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s890006\Desktop\"/>
    </mc:Choice>
  </mc:AlternateContent>
  <bookViews>
    <workbookView xWindow="28680" yWindow="-120" windowWidth="29040" windowHeight="15840" tabRatio="635"/>
  </bookViews>
  <sheets>
    <sheet name="参照リストについて" sheetId="42" r:id="rId1"/>
    <sheet name="LR01_化審法_1特" sheetId="15" r:id="rId2"/>
    <sheet name="LR02_TSCA" sheetId="23" r:id="rId3"/>
    <sheet name="LR03_ELV" sheetId="5" r:id="rId4"/>
    <sheet name="LR04_RoHS" sheetId="6" r:id="rId5"/>
    <sheet name="LR05_EU_POPs" sheetId="28" r:id="rId6"/>
    <sheet name="LR06_SVHC" sheetId="33" r:id="rId7"/>
    <sheet name="LR07_REACH_ANNEX_XVII" sheetId="40" r:id="rId8"/>
    <sheet name="LR08_MDR" sheetId="37" r:id="rId9"/>
    <sheet name="IC01_GADSL" sheetId="27" r:id="rId10"/>
    <sheet name="IC02_IEC62474" sheetId="34" r:id="rId11"/>
  </sheets>
  <definedNames>
    <definedName name="_xlnm._FilterDatabase" localSheetId="9" hidden="1">IC01_GADSL!#REF!</definedName>
    <definedName name="_xlnm._FilterDatabase" localSheetId="5" hidden="1">LR05_EU_POPs!#REF!</definedName>
    <definedName name="_xlnm._FilterDatabase" localSheetId="6" hidden="1">LR06_SVHC!$C$17:$N$452</definedName>
    <definedName name="_xlnm._FilterDatabase" localSheetId="8" hidden="1">LR08_MDR!$B$210:$L$210</definedName>
    <definedName name="_Toc445866933" localSheetId="1">LR01_化審法_1特!$A$1</definedName>
    <definedName name="_top" localSheetId="2">LR02_TSCA!$B$180</definedName>
    <definedName name="_top" localSheetId="8">LR08_MDR!#REF!</definedName>
    <definedName name="AS2DocOpenMode" hidden="1">"AS2DocumentEdit"</definedName>
    <definedName name="se40.31.763_1167" localSheetId="2">LR02_TSCA!$B$204</definedName>
    <definedName name="se40.31.763_1167" localSheetId="8">LR08_MDR!#REF!</definedName>
    <definedName name="se40.31.763_1169" localSheetId="2">LR02_TSCA!$B$214</definedName>
    <definedName name="se40.31.763_1169" localSheetId="8">LR08_MDR!#REF!</definedName>
    <definedName name="se40.34.749_168" localSheetId="2">LR02_TSCA!$B$55</definedName>
    <definedName name="se40.34.749_168" localSheetId="8">LR08_MDR!#REF!</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N4032" i="27" l="1"/>
  <c r="B4032" i="27"/>
  <c r="N4031" i="27"/>
  <c r="B4031" i="27"/>
  <c r="N4030" i="27"/>
  <c r="N4029" i="27"/>
  <c r="B4029" i="27"/>
  <c r="B4030" i="27" s="1"/>
  <c r="N4028" i="27"/>
  <c r="B4028" i="27"/>
  <c r="N4027" i="27"/>
  <c r="B4027" i="27"/>
  <c r="N4026" i="27"/>
  <c r="B4026" i="27"/>
  <c r="N4025" i="27"/>
  <c r="B4025" i="27"/>
  <c r="N4024" i="27"/>
  <c r="B4024" i="27"/>
  <c r="N4023" i="27"/>
  <c r="B4023" i="27"/>
  <c r="N4022" i="27"/>
  <c r="B4022" i="27"/>
  <c r="N4021" i="27"/>
  <c r="B4021" i="27"/>
  <c r="N4020" i="27"/>
  <c r="B4020" i="27"/>
  <c r="N4019" i="27"/>
  <c r="B4019" i="27"/>
  <c r="N4018" i="27"/>
  <c r="N4017" i="27"/>
  <c r="N4016" i="27"/>
  <c r="N4015" i="27"/>
  <c r="N4014" i="27"/>
  <c r="N4013" i="27"/>
  <c r="N4012" i="27"/>
  <c r="N4011" i="27"/>
  <c r="N4010" i="27"/>
  <c r="N4009" i="27"/>
  <c r="N4008" i="27"/>
  <c r="N4007" i="27"/>
  <c r="N4006" i="27"/>
  <c r="N4005" i="27"/>
  <c r="N4004" i="27"/>
  <c r="N4003" i="27"/>
  <c r="N4002" i="27"/>
  <c r="N4001" i="27"/>
  <c r="N4000" i="27"/>
  <c r="N3999" i="27"/>
  <c r="N3998" i="27"/>
  <c r="N3997" i="27"/>
  <c r="N3996" i="27"/>
  <c r="N3995" i="27"/>
  <c r="N3994" i="27"/>
  <c r="N3993" i="27"/>
  <c r="N3992" i="27"/>
  <c r="N3991" i="27"/>
  <c r="N3990" i="27"/>
  <c r="N3989" i="27"/>
  <c r="N3988" i="27"/>
  <c r="N3987" i="27"/>
  <c r="N3986" i="27"/>
  <c r="N3985" i="27"/>
  <c r="N3984" i="27"/>
  <c r="N3983" i="27"/>
  <c r="N3982" i="27"/>
  <c r="N3981" i="27"/>
  <c r="N3980" i="27"/>
  <c r="N3979" i="27"/>
  <c r="N3978" i="27"/>
  <c r="N3977" i="27"/>
  <c r="N3976" i="27"/>
  <c r="N3975" i="27"/>
  <c r="N3974" i="27"/>
  <c r="N3973" i="27"/>
  <c r="N3972" i="27"/>
  <c r="N3971" i="27"/>
  <c r="N3970" i="27"/>
  <c r="N3969" i="27"/>
  <c r="N3968" i="27"/>
  <c r="N3967" i="27"/>
  <c r="N3966" i="27"/>
  <c r="N3965" i="27"/>
  <c r="N3964" i="27"/>
  <c r="N3963" i="27"/>
  <c r="N3962" i="27"/>
  <c r="N3961" i="27"/>
  <c r="N3960" i="27"/>
  <c r="N3959" i="27"/>
  <c r="N3958" i="27"/>
  <c r="N3957" i="27"/>
  <c r="N3956" i="27"/>
  <c r="N3955" i="27"/>
  <c r="N3954" i="27"/>
  <c r="N3953" i="27"/>
  <c r="N3952" i="27"/>
  <c r="N3951" i="27"/>
  <c r="N3950" i="27"/>
  <c r="N3949" i="27"/>
  <c r="N3948" i="27"/>
  <c r="N3947" i="27"/>
  <c r="N3946" i="27"/>
  <c r="N3945" i="27"/>
  <c r="N3944" i="27"/>
  <c r="N3943" i="27"/>
  <c r="N3942" i="27"/>
  <c r="N3941" i="27"/>
  <c r="N3940" i="27"/>
  <c r="N3939" i="27"/>
  <c r="N3938" i="27"/>
  <c r="N3937" i="27"/>
  <c r="N3936" i="27"/>
  <c r="N3935" i="27"/>
  <c r="N3934" i="27"/>
  <c r="N3933" i="27"/>
  <c r="N3932" i="27"/>
  <c r="N3931" i="27"/>
  <c r="N3930" i="27"/>
  <c r="N3929" i="27"/>
  <c r="B3929" i="27"/>
  <c r="B3930" i="27" s="1"/>
  <c r="B3931" i="27" s="1"/>
  <c r="B3932" i="27" s="1"/>
  <c r="B3933" i="27" s="1"/>
  <c r="B3934" i="27" s="1"/>
  <c r="B3935" i="27" s="1"/>
  <c r="B3936" i="27" s="1"/>
  <c r="B3937" i="27" s="1"/>
  <c r="B3938" i="27" s="1"/>
  <c r="B3939" i="27" s="1"/>
  <c r="B3940" i="27" s="1"/>
  <c r="B3941" i="27" s="1"/>
  <c r="B3942" i="27" s="1"/>
  <c r="B3943" i="27" s="1"/>
  <c r="B3944" i="27" s="1"/>
  <c r="B3945" i="27" s="1"/>
  <c r="B3946" i="27" s="1"/>
  <c r="B3947" i="27" s="1"/>
  <c r="B3948" i="27" s="1"/>
  <c r="B3949" i="27" s="1"/>
  <c r="B3950" i="27" s="1"/>
  <c r="B3951" i="27" s="1"/>
  <c r="B3952" i="27" s="1"/>
  <c r="B3953" i="27" s="1"/>
  <c r="B3954" i="27" s="1"/>
  <c r="B3955" i="27" s="1"/>
  <c r="B3956" i="27" s="1"/>
  <c r="B3957" i="27" s="1"/>
  <c r="B3958" i="27" s="1"/>
  <c r="B3959" i="27" s="1"/>
  <c r="B3960" i="27" s="1"/>
  <c r="B3961" i="27" s="1"/>
  <c r="B3962" i="27" s="1"/>
  <c r="B3963" i="27" s="1"/>
  <c r="B3964" i="27" s="1"/>
  <c r="B3965" i="27" s="1"/>
  <c r="B3966" i="27" s="1"/>
  <c r="B3967" i="27" s="1"/>
  <c r="B3968" i="27" s="1"/>
  <c r="B3969" i="27" s="1"/>
  <c r="B3970" i="27" s="1"/>
  <c r="B3971" i="27" s="1"/>
  <c r="B3972" i="27" s="1"/>
  <c r="B3973" i="27" s="1"/>
  <c r="B3974" i="27" s="1"/>
  <c r="B3975" i="27" s="1"/>
  <c r="B3976" i="27" s="1"/>
  <c r="B3977" i="27" s="1"/>
  <c r="B3978" i="27" s="1"/>
  <c r="B3979" i="27" s="1"/>
  <c r="B3980" i="27" s="1"/>
  <c r="B3981" i="27" s="1"/>
  <c r="B3982" i="27" s="1"/>
  <c r="B3983" i="27" s="1"/>
  <c r="B3984" i="27" s="1"/>
  <c r="B3985" i="27" s="1"/>
  <c r="B3986" i="27" s="1"/>
  <c r="B3987" i="27" s="1"/>
  <c r="B3988" i="27" s="1"/>
  <c r="B3989" i="27" s="1"/>
  <c r="B3990" i="27" s="1"/>
  <c r="B3991" i="27" s="1"/>
  <c r="B3992" i="27" s="1"/>
  <c r="B3993" i="27" s="1"/>
  <c r="B3994" i="27" s="1"/>
  <c r="B3995" i="27" s="1"/>
  <c r="B3996" i="27" s="1"/>
  <c r="B3997" i="27" s="1"/>
  <c r="B3998" i="27" s="1"/>
  <c r="B3999" i="27" s="1"/>
  <c r="B4000" i="27" s="1"/>
  <c r="B4001" i="27" s="1"/>
  <c r="B4002" i="27" s="1"/>
  <c r="B4003" i="27" s="1"/>
  <c r="B4004" i="27" s="1"/>
  <c r="B4005" i="27" s="1"/>
  <c r="B4006" i="27" s="1"/>
  <c r="B4007" i="27" s="1"/>
  <c r="B4008" i="27" s="1"/>
  <c r="B4009" i="27" s="1"/>
  <c r="B4010" i="27" s="1"/>
  <c r="B4011" i="27" s="1"/>
  <c r="B4012" i="27" s="1"/>
  <c r="B4013" i="27" s="1"/>
  <c r="B4014" i="27" s="1"/>
  <c r="B4015" i="27" s="1"/>
  <c r="B4016" i="27" s="1"/>
  <c r="B4017" i="27" s="1"/>
  <c r="B4018" i="27" s="1"/>
  <c r="N3928" i="27"/>
  <c r="B3928" i="27"/>
  <c r="N3927" i="27"/>
  <c r="B3927" i="27"/>
  <c r="N3926" i="27"/>
  <c r="N3925" i="27"/>
  <c r="N3924" i="27"/>
  <c r="B3924" i="27"/>
  <c r="B3925" i="27" s="1"/>
  <c r="B3926" i="27" s="1"/>
  <c r="N3923" i="27"/>
  <c r="B3923" i="27"/>
  <c r="N3922" i="27"/>
  <c r="N3921" i="27"/>
  <c r="B3921" i="27"/>
  <c r="B3922" i="27" s="1"/>
  <c r="N3920" i="27"/>
  <c r="B3920" i="27"/>
  <c r="N3919" i="27"/>
  <c r="B3919" i="27"/>
  <c r="N3918" i="27"/>
  <c r="B3918" i="27"/>
  <c r="N3917" i="27"/>
  <c r="B3917" i="27"/>
  <c r="N3916" i="27"/>
  <c r="B3916" i="27"/>
  <c r="N3915" i="27"/>
  <c r="N3914" i="27"/>
  <c r="N3913" i="27"/>
  <c r="N3912" i="27"/>
  <c r="N3911" i="27"/>
  <c r="B3911" i="27"/>
  <c r="B3912" i="27" s="1"/>
  <c r="B3913" i="27" s="1"/>
  <c r="B3914" i="27" s="1"/>
  <c r="B3915" i="27" s="1"/>
  <c r="N3910" i="27"/>
  <c r="B3910" i="27"/>
  <c r="N3909" i="27"/>
  <c r="B3909" i="27"/>
  <c r="N3908" i="27"/>
  <c r="B3908" i="27"/>
  <c r="N3907" i="27"/>
  <c r="B3907" i="27"/>
  <c r="N3906" i="27"/>
  <c r="B3906" i="27"/>
  <c r="N3905" i="27"/>
  <c r="B3905" i="27"/>
  <c r="N3904" i="27"/>
  <c r="B3904" i="27"/>
  <c r="N3903" i="27"/>
  <c r="B3903" i="27"/>
  <c r="N3902" i="27"/>
  <c r="B3902" i="27"/>
  <c r="N3901" i="27"/>
  <c r="B3901" i="27"/>
  <c r="N3900" i="27"/>
  <c r="B3900" i="27"/>
  <c r="N3899" i="27"/>
  <c r="B3899" i="27"/>
  <c r="N3898" i="27"/>
  <c r="B3898" i="27"/>
  <c r="N3897" i="27"/>
  <c r="B3897" i="27"/>
  <c r="N3896" i="27"/>
  <c r="B3896" i="27"/>
  <c r="N3895" i="27"/>
  <c r="B3895" i="27"/>
  <c r="N3894" i="27"/>
  <c r="B3894" i="27"/>
  <c r="N3893" i="27"/>
  <c r="N3892" i="27"/>
  <c r="N3891" i="27"/>
  <c r="N3890" i="27"/>
  <c r="N3889" i="27"/>
  <c r="N3888" i="27"/>
  <c r="N3887" i="27"/>
  <c r="N3886" i="27"/>
  <c r="N3885" i="27"/>
  <c r="N3884" i="27"/>
  <c r="N3883" i="27"/>
  <c r="N3882" i="27"/>
  <c r="N3881" i="27"/>
  <c r="N3880" i="27"/>
  <c r="N3879" i="27"/>
  <c r="N3878" i="27"/>
  <c r="N3877" i="27"/>
  <c r="N3876" i="27"/>
  <c r="N3875" i="27"/>
  <c r="N3874" i="27"/>
  <c r="N3873" i="27"/>
  <c r="N3872" i="27"/>
  <c r="N3871" i="27"/>
  <c r="N3870" i="27"/>
  <c r="N3869" i="27"/>
  <c r="N3868" i="27"/>
  <c r="N3867" i="27"/>
  <c r="N3866" i="27"/>
  <c r="N3865" i="27"/>
  <c r="N3864" i="27"/>
  <c r="N3863" i="27"/>
  <c r="N3862" i="27"/>
  <c r="N3861" i="27"/>
  <c r="N3860" i="27"/>
  <c r="N3859" i="27"/>
  <c r="N3858" i="27"/>
  <c r="N3857" i="27"/>
  <c r="N3856" i="27"/>
  <c r="N3855" i="27"/>
  <c r="N3854" i="27"/>
  <c r="N3853" i="27"/>
  <c r="N3852" i="27"/>
  <c r="N3851" i="27"/>
  <c r="N3850" i="27"/>
  <c r="B3850" i="27"/>
  <c r="B3851" i="27" s="1"/>
  <c r="B3852" i="27" s="1"/>
  <c r="B3853" i="27" s="1"/>
  <c r="B3854" i="27" s="1"/>
  <c r="B3855" i="27" s="1"/>
  <c r="B3856" i="27" s="1"/>
  <c r="B3857" i="27" s="1"/>
  <c r="B3858" i="27" s="1"/>
  <c r="B3859" i="27" s="1"/>
  <c r="B3860" i="27" s="1"/>
  <c r="B3861" i="27" s="1"/>
  <c r="B3862" i="27" s="1"/>
  <c r="B3863" i="27" s="1"/>
  <c r="B3864" i="27" s="1"/>
  <c r="B3865" i="27" s="1"/>
  <c r="B3866" i="27" s="1"/>
  <c r="B3867" i="27" s="1"/>
  <c r="B3868" i="27" s="1"/>
  <c r="B3869" i="27" s="1"/>
  <c r="B3870" i="27" s="1"/>
  <c r="B3871" i="27" s="1"/>
  <c r="B3872" i="27" s="1"/>
  <c r="B3873" i="27" s="1"/>
  <c r="B3874" i="27" s="1"/>
  <c r="B3875" i="27" s="1"/>
  <c r="B3876" i="27" s="1"/>
  <c r="B3877" i="27" s="1"/>
  <c r="B3878" i="27" s="1"/>
  <c r="B3879" i="27" s="1"/>
  <c r="B3880" i="27" s="1"/>
  <c r="B3881" i="27" s="1"/>
  <c r="B3882" i="27" s="1"/>
  <c r="B3883" i="27" s="1"/>
  <c r="B3884" i="27" s="1"/>
  <c r="B3885" i="27" s="1"/>
  <c r="B3886" i="27" s="1"/>
  <c r="B3887" i="27" s="1"/>
  <c r="B3888" i="27" s="1"/>
  <c r="B3889" i="27" s="1"/>
  <c r="B3890" i="27" s="1"/>
  <c r="B3891" i="27" s="1"/>
  <c r="B3892" i="27" s="1"/>
  <c r="B3893" i="27" s="1"/>
  <c r="N3849" i="27"/>
  <c r="N3848" i="27"/>
  <c r="N3847" i="27"/>
  <c r="N3846" i="27"/>
  <c r="N3845" i="27"/>
  <c r="N3844" i="27"/>
  <c r="N3843" i="27"/>
  <c r="B3843" i="27"/>
  <c r="B3844" i="27" s="1"/>
  <c r="B3845" i="27" s="1"/>
  <c r="B3846" i="27" s="1"/>
  <c r="B3847" i="27" s="1"/>
  <c r="B3848" i="27" s="1"/>
  <c r="B3849" i="27" s="1"/>
  <c r="N3842" i="27"/>
  <c r="B3842" i="27"/>
  <c r="N3841" i="27"/>
  <c r="B3841" i="27"/>
  <c r="N3840" i="27"/>
  <c r="B3840" i="27"/>
  <c r="N3839" i="27"/>
  <c r="B3839" i="27"/>
  <c r="N3838" i="27"/>
  <c r="B3838" i="27"/>
  <c r="N3837" i="27"/>
  <c r="B3837" i="27"/>
  <c r="N3836" i="27"/>
  <c r="B3836" i="27"/>
  <c r="N3835" i="27"/>
  <c r="B3835" i="27"/>
  <c r="N3834" i="27"/>
  <c r="B3834" i="27"/>
  <c r="N3833" i="27"/>
  <c r="B3833" i="27"/>
  <c r="N3832" i="27"/>
  <c r="B3832" i="27"/>
  <c r="N3831" i="27"/>
  <c r="N3830" i="27"/>
  <c r="N3829" i="27"/>
  <c r="B3829" i="27"/>
  <c r="B3830" i="27" s="1"/>
  <c r="B3831" i="27" s="1"/>
  <c r="N3828" i="27"/>
  <c r="B3828" i="27"/>
  <c r="N3827" i="27"/>
  <c r="B3827" i="27"/>
  <c r="N3826" i="27"/>
  <c r="N3825" i="27"/>
  <c r="N3824" i="27"/>
  <c r="N3823" i="27"/>
  <c r="N3822" i="27"/>
  <c r="N3821" i="27"/>
  <c r="N3820" i="27"/>
  <c r="N3819" i="27"/>
  <c r="N3818" i="27"/>
  <c r="N3817" i="27"/>
  <c r="N3816" i="27"/>
  <c r="N3815" i="27"/>
  <c r="N3814" i="27"/>
  <c r="N3813" i="27"/>
  <c r="N3812" i="27"/>
  <c r="B3812" i="27"/>
  <c r="B3813" i="27" s="1"/>
  <c r="B3814" i="27" s="1"/>
  <c r="B3815" i="27" s="1"/>
  <c r="B3816" i="27" s="1"/>
  <c r="B3817" i="27" s="1"/>
  <c r="B3818" i="27" s="1"/>
  <c r="B3819" i="27" s="1"/>
  <c r="B3820" i="27" s="1"/>
  <c r="B3821" i="27" s="1"/>
  <c r="B3822" i="27" s="1"/>
  <c r="B3823" i="27" s="1"/>
  <c r="B3824" i="27" s="1"/>
  <c r="B3825" i="27" s="1"/>
  <c r="B3826" i="27" s="1"/>
  <c r="N3811" i="27"/>
  <c r="N3810" i="27"/>
  <c r="B3810" i="27"/>
  <c r="B3811" i="27" s="1"/>
  <c r="N3809" i="27"/>
  <c r="N3808" i="27"/>
  <c r="N3807" i="27"/>
  <c r="N3806" i="27"/>
  <c r="B3806" i="27"/>
  <c r="B3807" i="27" s="1"/>
  <c r="B3808" i="27" s="1"/>
  <c r="B3809" i="27" s="1"/>
  <c r="N3805" i="27"/>
  <c r="N3804" i="27"/>
  <c r="N3803" i="27"/>
  <c r="N3802" i="27"/>
  <c r="N3801" i="27"/>
  <c r="N3800" i="27"/>
  <c r="N3799" i="27"/>
  <c r="N3798" i="27"/>
  <c r="N3797" i="27"/>
  <c r="N3796" i="27"/>
  <c r="N3795" i="27"/>
  <c r="N3794" i="27"/>
  <c r="N3793" i="27"/>
  <c r="N3792" i="27"/>
  <c r="N3791" i="27"/>
  <c r="N3790" i="27"/>
  <c r="N3789" i="27"/>
  <c r="N3788" i="27"/>
  <c r="N3787" i="27"/>
  <c r="B3787" i="27"/>
  <c r="B3788" i="27" s="1"/>
  <c r="B3789" i="27" s="1"/>
  <c r="B3790" i="27" s="1"/>
  <c r="B3791" i="27" s="1"/>
  <c r="B3792" i="27" s="1"/>
  <c r="B3793" i="27" s="1"/>
  <c r="B3794" i="27" s="1"/>
  <c r="B3795" i="27" s="1"/>
  <c r="B3796" i="27" s="1"/>
  <c r="B3797" i="27" s="1"/>
  <c r="B3798" i="27" s="1"/>
  <c r="B3799" i="27" s="1"/>
  <c r="B3800" i="27" s="1"/>
  <c r="B3801" i="27" s="1"/>
  <c r="B3802" i="27" s="1"/>
  <c r="B3803" i="27" s="1"/>
  <c r="B3804" i="27" s="1"/>
  <c r="B3805" i="27" s="1"/>
  <c r="N3786" i="27"/>
  <c r="N3785" i="27"/>
  <c r="N3784" i="27"/>
  <c r="N3783" i="27"/>
  <c r="N3782" i="27"/>
  <c r="N3781" i="27"/>
  <c r="N3780" i="27"/>
  <c r="N3779" i="27"/>
  <c r="B3779" i="27"/>
  <c r="B3780" i="27" s="1"/>
  <c r="B3781" i="27" s="1"/>
  <c r="B3782" i="27" s="1"/>
  <c r="B3783" i="27" s="1"/>
  <c r="B3784" i="27" s="1"/>
  <c r="B3785" i="27" s="1"/>
  <c r="B3786" i="27" s="1"/>
  <c r="N3778" i="27"/>
  <c r="N3777" i="27"/>
  <c r="N3776" i="27"/>
  <c r="N3775" i="27"/>
  <c r="N3774" i="27"/>
  <c r="N3773" i="27"/>
  <c r="N3772" i="27"/>
  <c r="N3771" i="27"/>
  <c r="N3770" i="27"/>
  <c r="N3769" i="27"/>
  <c r="N3768" i="27"/>
  <c r="N3767" i="27"/>
  <c r="N3766" i="27"/>
  <c r="N3765" i="27"/>
  <c r="N3764" i="27"/>
  <c r="N3763" i="27"/>
  <c r="N3762" i="27"/>
  <c r="N3761" i="27"/>
  <c r="N3760" i="27"/>
  <c r="N3759" i="27"/>
  <c r="N3758" i="27"/>
  <c r="N3757" i="27"/>
  <c r="B3757" i="27"/>
  <c r="B3758" i="27" s="1"/>
  <c r="B3759" i="27" s="1"/>
  <c r="B3760" i="27" s="1"/>
  <c r="B3761" i="27" s="1"/>
  <c r="B3762" i="27" s="1"/>
  <c r="B3763" i="27" s="1"/>
  <c r="B3764" i="27" s="1"/>
  <c r="B3765" i="27" s="1"/>
  <c r="B3766" i="27" s="1"/>
  <c r="B3767" i="27" s="1"/>
  <c r="B3768" i="27" s="1"/>
  <c r="B3769" i="27" s="1"/>
  <c r="B3770" i="27" s="1"/>
  <c r="B3771" i="27" s="1"/>
  <c r="B3772" i="27" s="1"/>
  <c r="B3773" i="27" s="1"/>
  <c r="B3774" i="27" s="1"/>
  <c r="B3775" i="27" s="1"/>
  <c r="B3776" i="27" s="1"/>
  <c r="B3777" i="27" s="1"/>
  <c r="B3778" i="27" s="1"/>
  <c r="N3756" i="27"/>
  <c r="N3755" i="27"/>
  <c r="N3754" i="27"/>
  <c r="N3753" i="27"/>
  <c r="N3752" i="27"/>
  <c r="N3751" i="27"/>
  <c r="N3750" i="27"/>
  <c r="N3749" i="27"/>
  <c r="N3748" i="27"/>
  <c r="N3747" i="27"/>
  <c r="N3746" i="27"/>
  <c r="N3745" i="27"/>
  <c r="N3744" i="27"/>
  <c r="N3743" i="27"/>
  <c r="N3742" i="27"/>
  <c r="N3741" i="27"/>
  <c r="N3740" i="27"/>
  <c r="N3739" i="27"/>
  <c r="N3738" i="27"/>
  <c r="N3737" i="27"/>
  <c r="N3736" i="27"/>
  <c r="N3735" i="27"/>
  <c r="N3734" i="27"/>
  <c r="N3733" i="27"/>
  <c r="N3732" i="27"/>
  <c r="N3731" i="27"/>
  <c r="N3730" i="27"/>
  <c r="N3729" i="27"/>
  <c r="N3728" i="27"/>
  <c r="N3727" i="27"/>
  <c r="N3726" i="27"/>
  <c r="N3725" i="27"/>
  <c r="N3724" i="27"/>
  <c r="N3723" i="27"/>
  <c r="N3722" i="27"/>
  <c r="N3721" i="27"/>
  <c r="N3720" i="27"/>
  <c r="N3719" i="27"/>
  <c r="N3718" i="27"/>
  <c r="N3717" i="27"/>
  <c r="N3716" i="27"/>
  <c r="N3715" i="27"/>
  <c r="N3714" i="27"/>
  <c r="N3713" i="27"/>
  <c r="N3712" i="27"/>
  <c r="N3711" i="27"/>
  <c r="N3710" i="27"/>
  <c r="N3709" i="27"/>
  <c r="N3708" i="27"/>
  <c r="N3707" i="27"/>
  <c r="N3706" i="27"/>
  <c r="N3705" i="27"/>
  <c r="N3704" i="27"/>
  <c r="N3703" i="27"/>
  <c r="N3702" i="27"/>
  <c r="N3701" i="27"/>
  <c r="B3701" i="27"/>
  <c r="B3702" i="27" s="1"/>
  <c r="B3703" i="27" s="1"/>
  <c r="B3704" i="27" s="1"/>
  <c r="B3705" i="27" s="1"/>
  <c r="B3706" i="27" s="1"/>
  <c r="B3707" i="27" s="1"/>
  <c r="B3708" i="27" s="1"/>
  <c r="B3709" i="27" s="1"/>
  <c r="B3710" i="27" s="1"/>
  <c r="B3711" i="27" s="1"/>
  <c r="B3712" i="27" s="1"/>
  <c r="B3713" i="27" s="1"/>
  <c r="B3714" i="27" s="1"/>
  <c r="B3715" i="27" s="1"/>
  <c r="B3716" i="27" s="1"/>
  <c r="B3717" i="27" s="1"/>
  <c r="B3718" i="27" s="1"/>
  <c r="B3719" i="27" s="1"/>
  <c r="B3720" i="27" s="1"/>
  <c r="B3721" i="27" s="1"/>
  <c r="B3722" i="27" s="1"/>
  <c r="B3723" i="27" s="1"/>
  <c r="B3724" i="27" s="1"/>
  <c r="B3725" i="27" s="1"/>
  <c r="B3726" i="27" s="1"/>
  <c r="B3727" i="27" s="1"/>
  <c r="B3728" i="27" s="1"/>
  <c r="B3729" i="27" s="1"/>
  <c r="B3730" i="27" s="1"/>
  <c r="B3731" i="27" s="1"/>
  <c r="B3732" i="27" s="1"/>
  <c r="B3733" i="27" s="1"/>
  <c r="B3734" i="27" s="1"/>
  <c r="B3735" i="27" s="1"/>
  <c r="B3736" i="27" s="1"/>
  <c r="B3737" i="27" s="1"/>
  <c r="B3738" i="27" s="1"/>
  <c r="B3739" i="27" s="1"/>
  <c r="B3740" i="27" s="1"/>
  <c r="B3741" i="27" s="1"/>
  <c r="B3742" i="27" s="1"/>
  <c r="B3743" i="27" s="1"/>
  <c r="B3744" i="27" s="1"/>
  <c r="B3745" i="27" s="1"/>
  <c r="B3746" i="27" s="1"/>
  <c r="B3747" i="27" s="1"/>
  <c r="B3748" i="27" s="1"/>
  <c r="B3749" i="27" s="1"/>
  <c r="B3750" i="27" s="1"/>
  <c r="B3751" i="27" s="1"/>
  <c r="B3752" i="27" s="1"/>
  <c r="B3753" i="27" s="1"/>
  <c r="B3754" i="27" s="1"/>
  <c r="B3755" i="27" s="1"/>
  <c r="B3756" i="27" s="1"/>
  <c r="N3700" i="27"/>
  <c r="N3699" i="27"/>
  <c r="N3698" i="27"/>
  <c r="N3697" i="27"/>
  <c r="N3696" i="27"/>
  <c r="N3695" i="27"/>
  <c r="N3694" i="27"/>
  <c r="B3694" i="27"/>
  <c r="B3695" i="27" s="1"/>
  <c r="B3696" i="27" s="1"/>
  <c r="B3697" i="27" s="1"/>
  <c r="B3698" i="27" s="1"/>
  <c r="B3699" i="27" s="1"/>
  <c r="B3700" i="27" s="1"/>
  <c r="N3693" i="27"/>
  <c r="B3693" i="27"/>
  <c r="N3692" i="27"/>
  <c r="B3692" i="27"/>
  <c r="N3691" i="27"/>
  <c r="N3690" i="27"/>
  <c r="N3689" i="27"/>
  <c r="N3688" i="27"/>
  <c r="N3687" i="27"/>
  <c r="N3686" i="27"/>
  <c r="N3685" i="27"/>
  <c r="N3684" i="27"/>
  <c r="N3683" i="27"/>
  <c r="N3682" i="27"/>
  <c r="N3681" i="27"/>
  <c r="N3680" i="27"/>
  <c r="N3679" i="27"/>
  <c r="N3678" i="27"/>
  <c r="N3677" i="27"/>
  <c r="N3676" i="27"/>
  <c r="N3675" i="27"/>
  <c r="N3674" i="27"/>
  <c r="N3673" i="27"/>
  <c r="N3672" i="27"/>
  <c r="N3671" i="27"/>
  <c r="N3670" i="27"/>
  <c r="N3669" i="27"/>
  <c r="N3668" i="27"/>
  <c r="N3667" i="27"/>
  <c r="N3666" i="27"/>
  <c r="N3665" i="27"/>
  <c r="B3665" i="27"/>
  <c r="B3666" i="27" s="1"/>
  <c r="B3667" i="27" s="1"/>
  <c r="B3668" i="27" s="1"/>
  <c r="B3669" i="27" s="1"/>
  <c r="B3670" i="27" s="1"/>
  <c r="B3671" i="27" s="1"/>
  <c r="B3672" i="27" s="1"/>
  <c r="B3673" i="27" s="1"/>
  <c r="B3674" i="27" s="1"/>
  <c r="B3675" i="27" s="1"/>
  <c r="B3676" i="27" s="1"/>
  <c r="B3677" i="27" s="1"/>
  <c r="B3678" i="27" s="1"/>
  <c r="B3679" i="27" s="1"/>
  <c r="B3680" i="27" s="1"/>
  <c r="B3681" i="27" s="1"/>
  <c r="B3682" i="27" s="1"/>
  <c r="B3683" i="27" s="1"/>
  <c r="B3684" i="27" s="1"/>
  <c r="B3685" i="27" s="1"/>
  <c r="B3686" i="27" s="1"/>
  <c r="B3687" i="27" s="1"/>
  <c r="B3688" i="27" s="1"/>
  <c r="B3689" i="27" s="1"/>
  <c r="B3690" i="27" s="1"/>
  <c r="B3691" i="27" s="1"/>
  <c r="N3664" i="27"/>
  <c r="B3664" i="27"/>
  <c r="N3663" i="27"/>
  <c r="B3663" i="27"/>
  <c r="N3662" i="27"/>
  <c r="B3662" i="27"/>
  <c r="N3661" i="27"/>
  <c r="B3661" i="27"/>
  <c r="N3660" i="27"/>
  <c r="B3660" i="27"/>
  <c r="N3659" i="27"/>
  <c r="B3659" i="27"/>
  <c r="N3658" i="27"/>
  <c r="B3658" i="27"/>
  <c r="N3657" i="27"/>
  <c r="B3657" i="27"/>
  <c r="N3656" i="27"/>
  <c r="B3656" i="27"/>
  <c r="N3655" i="27"/>
  <c r="N3654" i="27"/>
  <c r="N3653" i="27"/>
  <c r="N3652" i="27"/>
  <c r="N3651" i="27"/>
  <c r="N3650" i="27"/>
  <c r="N3649" i="27"/>
  <c r="N3648" i="27"/>
  <c r="N3647" i="27"/>
  <c r="N3646" i="27"/>
  <c r="N3645" i="27"/>
  <c r="N3644" i="27"/>
  <c r="N3643" i="27"/>
  <c r="N3642" i="27"/>
  <c r="N3641" i="27"/>
  <c r="N3640" i="27"/>
  <c r="B3640" i="27"/>
  <c r="B3641" i="27" s="1"/>
  <c r="B3642" i="27" s="1"/>
  <c r="B3643" i="27" s="1"/>
  <c r="B3644" i="27" s="1"/>
  <c r="B3645" i="27" s="1"/>
  <c r="B3646" i="27" s="1"/>
  <c r="B3647" i="27" s="1"/>
  <c r="B3648" i="27" s="1"/>
  <c r="B3649" i="27" s="1"/>
  <c r="B3650" i="27" s="1"/>
  <c r="B3651" i="27" s="1"/>
  <c r="B3652" i="27" s="1"/>
  <c r="B3653" i="27" s="1"/>
  <c r="B3654" i="27" s="1"/>
  <c r="B3655" i="27" s="1"/>
  <c r="N3639" i="27"/>
  <c r="B3639" i="27"/>
  <c r="N3638" i="27"/>
  <c r="B3638" i="27"/>
  <c r="N3637" i="27"/>
  <c r="N3636" i="27"/>
  <c r="N3635" i="27"/>
  <c r="B3635" i="27"/>
  <c r="B3636" i="27" s="1"/>
  <c r="B3637" i="27" s="1"/>
  <c r="N3634" i="27"/>
  <c r="B3634" i="27"/>
  <c r="N3633" i="27"/>
  <c r="B3633" i="27"/>
  <c r="N3632" i="27"/>
  <c r="B3632" i="27"/>
  <c r="N3631" i="27"/>
  <c r="B3631" i="27"/>
  <c r="N3630" i="27"/>
  <c r="B3630" i="27"/>
  <c r="N3629" i="27"/>
  <c r="B3629" i="27"/>
  <c r="N3628" i="27"/>
  <c r="B3628" i="27"/>
  <c r="N3627" i="27"/>
  <c r="B3627" i="27"/>
  <c r="N3626" i="27"/>
  <c r="B3626" i="27"/>
  <c r="N3625" i="27"/>
  <c r="B3625" i="27"/>
  <c r="N3624" i="27"/>
  <c r="B3624" i="27"/>
  <c r="N3623" i="27"/>
  <c r="B3623" i="27"/>
  <c r="N3622" i="27"/>
  <c r="B3622" i="27"/>
  <c r="N3058" i="27"/>
  <c r="N3057" i="27"/>
  <c r="N3056" i="27"/>
  <c r="N3055" i="27"/>
  <c r="N3054" i="27"/>
  <c r="N3053" i="27"/>
  <c r="N3052" i="27"/>
  <c r="N3051" i="27"/>
  <c r="N3050" i="27"/>
  <c r="N3049" i="27"/>
  <c r="N3048" i="27"/>
  <c r="N3047" i="27"/>
  <c r="N3046" i="27"/>
  <c r="N3045" i="27"/>
  <c r="N3044" i="27"/>
  <c r="N3043" i="27"/>
  <c r="N3042" i="27"/>
  <c r="N3041" i="27"/>
  <c r="N3040" i="27"/>
  <c r="N3039" i="27"/>
  <c r="N3038" i="27"/>
  <c r="N3037" i="27"/>
  <c r="N3036" i="27"/>
  <c r="N3035" i="27"/>
  <c r="N3034" i="27"/>
  <c r="N3033" i="27"/>
  <c r="N3032" i="27"/>
  <c r="N3031" i="27"/>
  <c r="N3030" i="27"/>
  <c r="N3029" i="27"/>
  <c r="N3028" i="27"/>
  <c r="N3027" i="27"/>
  <c r="N3026" i="27"/>
  <c r="N3025" i="27"/>
  <c r="N3024" i="27"/>
  <c r="N3023" i="27"/>
  <c r="N3022" i="27"/>
  <c r="N3021" i="27"/>
  <c r="N3020" i="27"/>
  <c r="N3019" i="27"/>
  <c r="N3018" i="27"/>
  <c r="N3017" i="27"/>
  <c r="N3016" i="27"/>
  <c r="N3015" i="27"/>
  <c r="N3014" i="27"/>
  <c r="N3013" i="27"/>
  <c r="N3012" i="27"/>
  <c r="N3011" i="27"/>
  <c r="N3010" i="27"/>
  <c r="N3009" i="27"/>
  <c r="N3008" i="27"/>
  <c r="N3007" i="27"/>
  <c r="N3006" i="27"/>
  <c r="N3005" i="27"/>
  <c r="N3004" i="27"/>
  <c r="N3003" i="27"/>
  <c r="N3002" i="27"/>
  <c r="N3001" i="27"/>
  <c r="N3000" i="27"/>
  <c r="N2999" i="27"/>
  <c r="N2998" i="27"/>
  <c r="N2997" i="27"/>
  <c r="N2996" i="27"/>
  <c r="N2995" i="27"/>
  <c r="N2994" i="27"/>
  <c r="N2993" i="27"/>
  <c r="N2992" i="27"/>
  <c r="N2991" i="27"/>
  <c r="N2990" i="27"/>
  <c r="N2989" i="27"/>
  <c r="N2988" i="27"/>
  <c r="N2987" i="27"/>
  <c r="N2986" i="27"/>
  <c r="N2985" i="27"/>
  <c r="N2984" i="27"/>
  <c r="N2983" i="27"/>
  <c r="N2982" i="27"/>
  <c r="N2981" i="27"/>
  <c r="N2980" i="27"/>
  <c r="N2979" i="27"/>
  <c r="N2978" i="27"/>
  <c r="N2977" i="27"/>
  <c r="N2976" i="27"/>
  <c r="N2975" i="27"/>
  <c r="N2974" i="27"/>
  <c r="N2973" i="27"/>
  <c r="N2972" i="27"/>
  <c r="N2971" i="27"/>
  <c r="N2970" i="27"/>
  <c r="N2969" i="27"/>
  <c r="N2968" i="27"/>
  <c r="N2967" i="27"/>
  <c r="N2966" i="27"/>
  <c r="N2965" i="27"/>
  <c r="N2964" i="27"/>
  <c r="N2963" i="27"/>
  <c r="N2962" i="27"/>
  <c r="N2961" i="27"/>
  <c r="N2960" i="27"/>
  <c r="N2959" i="27"/>
  <c r="N2958" i="27"/>
  <c r="N2957" i="27"/>
  <c r="N2956" i="27"/>
  <c r="N2955" i="27"/>
  <c r="N2954" i="27"/>
  <c r="N2953" i="27"/>
  <c r="N2952" i="27"/>
  <c r="N2951" i="27"/>
  <c r="N2950" i="27"/>
  <c r="N2949" i="27"/>
  <c r="N2948" i="27"/>
  <c r="N2947" i="27"/>
  <c r="N2946" i="27"/>
  <c r="N2945" i="27"/>
  <c r="N2944" i="27"/>
  <c r="N2943" i="27"/>
  <c r="N2942" i="27"/>
  <c r="N2941" i="27"/>
  <c r="N2940" i="27"/>
  <c r="N2939" i="27"/>
  <c r="N2938" i="27"/>
  <c r="N2937" i="27"/>
  <c r="N2936" i="27"/>
  <c r="B2936" i="27"/>
  <c r="B2937" i="27" s="1"/>
  <c r="B2938" i="27" s="1"/>
  <c r="B2939" i="27" s="1"/>
  <c r="B2940" i="27" s="1"/>
  <c r="B2941" i="27" s="1"/>
  <c r="B2942" i="27" s="1"/>
  <c r="B2943" i="27" s="1"/>
  <c r="B2944" i="27" s="1"/>
  <c r="B2945" i="27" s="1"/>
  <c r="B2946" i="27" s="1"/>
  <c r="B2947" i="27" s="1"/>
  <c r="B2948" i="27" s="1"/>
  <c r="B2949" i="27" s="1"/>
  <c r="B2950" i="27" s="1"/>
  <c r="B2951" i="27" s="1"/>
  <c r="B2952" i="27" s="1"/>
  <c r="B2953" i="27" s="1"/>
  <c r="B2954" i="27" s="1"/>
  <c r="B2955" i="27" s="1"/>
  <c r="B2956" i="27" s="1"/>
  <c r="B2957" i="27" s="1"/>
  <c r="B2958" i="27" s="1"/>
  <c r="B2959" i="27" s="1"/>
  <c r="B2960" i="27" s="1"/>
  <c r="B2961" i="27" s="1"/>
  <c r="B2962" i="27" s="1"/>
  <c r="B2963" i="27" s="1"/>
  <c r="B2964" i="27" s="1"/>
  <c r="B2965" i="27" s="1"/>
  <c r="B2966" i="27" s="1"/>
  <c r="B2967" i="27" s="1"/>
  <c r="B2968" i="27" s="1"/>
  <c r="B2969" i="27" s="1"/>
  <c r="B2970" i="27" s="1"/>
  <c r="B2971" i="27" s="1"/>
  <c r="B2972" i="27" s="1"/>
  <c r="B2973" i="27" s="1"/>
  <c r="B2974" i="27" s="1"/>
  <c r="B2975" i="27" s="1"/>
  <c r="B2976" i="27" s="1"/>
  <c r="B2977" i="27" s="1"/>
  <c r="B2978" i="27" s="1"/>
  <c r="B2979" i="27" s="1"/>
  <c r="B2980" i="27" s="1"/>
  <c r="B2981" i="27" s="1"/>
  <c r="B2982" i="27" s="1"/>
  <c r="B2983" i="27" s="1"/>
  <c r="B2984" i="27" s="1"/>
  <c r="B2985" i="27" s="1"/>
  <c r="B2986" i="27" s="1"/>
  <c r="B2987" i="27" s="1"/>
  <c r="B2988" i="27" s="1"/>
  <c r="B2989" i="27" s="1"/>
  <c r="B2990" i="27" s="1"/>
  <c r="B2991" i="27" s="1"/>
  <c r="B2992" i="27" s="1"/>
  <c r="B2993" i="27" s="1"/>
  <c r="B2994" i="27" s="1"/>
  <c r="B2995" i="27" s="1"/>
  <c r="B2996" i="27" s="1"/>
  <c r="B2997" i="27" s="1"/>
  <c r="B2998" i="27" s="1"/>
  <c r="B2999" i="27" s="1"/>
  <c r="B3000" i="27" s="1"/>
  <c r="B3001" i="27" s="1"/>
  <c r="B3002" i="27" s="1"/>
  <c r="B3003" i="27" s="1"/>
  <c r="B3004" i="27" s="1"/>
  <c r="B3005" i="27" s="1"/>
  <c r="B3006" i="27" s="1"/>
  <c r="B3007" i="27" s="1"/>
  <c r="B3008" i="27" s="1"/>
  <c r="B3009" i="27" s="1"/>
  <c r="B3010" i="27" s="1"/>
  <c r="B3011" i="27" s="1"/>
  <c r="B3012" i="27" s="1"/>
  <c r="B3013" i="27" s="1"/>
  <c r="B3014" i="27" s="1"/>
  <c r="B3015" i="27" s="1"/>
  <c r="B3016" i="27" s="1"/>
  <c r="B3017" i="27" s="1"/>
  <c r="B3018" i="27" s="1"/>
  <c r="B3019" i="27" s="1"/>
  <c r="B3020" i="27" s="1"/>
  <c r="B3021" i="27" s="1"/>
  <c r="B3022" i="27" s="1"/>
  <c r="B3023" i="27" s="1"/>
  <c r="B3024" i="27" s="1"/>
  <c r="B3025" i="27" s="1"/>
  <c r="B3026" i="27" s="1"/>
  <c r="B3027" i="27" s="1"/>
  <c r="B3028" i="27" s="1"/>
  <c r="B3029" i="27" s="1"/>
  <c r="B3030" i="27" s="1"/>
  <c r="B3031" i="27" s="1"/>
  <c r="B3032" i="27" s="1"/>
  <c r="B3033" i="27" s="1"/>
  <c r="B3034" i="27" s="1"/>
  <c r="B3035" i="27" s="1"/>
  <c r="B3036" i="27" s="1"/>
  <c r="B3037" i="27" s="1"/>
  <c r="B3038" i="27" s="1"/>
  <c r="B3039" i="27" s="1"/>
  <c r="B3040" i="27" s="1"/>
  <c r="B3041" i="27" s="1"/>
  <c r="B3042" i="27" s="1"/>
  <c r="B3043" i="27" s="1"/>
  <c r="B3044" i="27" s="1"/>
  <c r="B3045" i="27" s="1"/>
  <c r="B3046" i="27" s="1"/>
  <c r="B3047" i="27" s="1"/>
  <c r="B3048" i="27" s="1"/>
  <c r="B3049" i="27" s="1"/>
  <c r="B3050" i="27" s="1"/>
  <c r="B3051" i="27" s="1"/>
  <c r="B3052" i="27" s="1"/>
  <c r="B3053" i="27" s="1"/>
  <c r="B3054" i="27" s="1"/>
  <c r="B3055" i="27" s="1"/>
  <c r="B3056" i="27" s="1"/>
  <c r="B3057" i="27" s="1"/>
  <c r="B3058" i="27" s="1"/>
  <c r="B3059" i="27" s="1"/>
  <c r="B3060" i="27" s="1"/>
  <c r="B3061" i="27" s="1"/>
  <c r="B3062" i="27" s="1"/>
  <c r="B3063" i="27" s="1"/>
  <c r="B3064" i="27" s="1"/>
  <c r="B3065" i="27" s="1"/>
  <c r="B3066" i="27" s="1"/>
  <c r="B3067" i="27" s="1"/>
  <c r="B3068" i="27" s="1"/>
  <c r="B3069" i="27" s="1"/>
  <c r="B3070" i="27" s="1"/>
  <c r="B3071" i="27" s="1"/>
  <c r="B3072" i="27" s="1"/>
  <c r="B3073" i="27" s="1"/>
  <c r="B3074" i="27" s="1"/>
  <c r="B3075" i="27" s="1"/>
  <c r="B3076" i="27" s="1"/>
  <c r="B3077" i="27" s="1"/>
  <c r="B3078" i="27" s="1"/>
  <c r="B3079" i="27" s="1"/>
  <c r="B3080" i="27" s="1"/>
  <c r="B3081" i="27" s="1"/>
  <c r="B3082" i="27" s="1"/>
  <c r="B3083" i="27" s="1"/>
  <c r="B3084" i="27" s="1"/>
  <c r="B3085" i="27" s="1"/>
  <c r="B3086" i="27" s="1"/>
  <c r="B3087" i="27" s="1"/>
  <c r="B3088" i="27" s="1"/>
  <c r="B3089" i="27" s="1"/>
  <c r="B3090" i="27" s="1"/>
  <c r="B3091" i="27" s="1"/>
  <c r="B3092" i="27" s="1"/>
  <c r="B3093" i="27" s="1"/>
  <c r="B3094" i="27" s="1"/>
  <c r="B3095" i="27" s="1"/>
  <c r="B3096" i="27" s="1"/>
  <c r="B3097" i="27" s="1"/>
  <c r="B3098" i="27" s="1"/>
  <c r="B3099" i="27" s="1"/>
  <c r="B3100" i="27" s="1"/>
  <c r="B3101" i="27" s="1"/>
  <c r="B3102" i="27" s="1"/>
  <c r="B3103" i="27" s="1"/>
  <c r="B3104" i="27" s="1"/>
  <c r="B3105" i="27" s="1"/>
  <c r="B3106" i="27" s="1"/>
  <c r="B3107" i="27" s="1"/>
  <c r="B3108" i="27" s="1"/>
  <c r="B3109" i="27" s="1"/>
  <c r="B3110" i="27" s="1"/>
  <c r="B3111" i="27" s="1"/>
  <c r="B3112" i="27" s="1"/>
  <c r="B3113" i="27" s="1"/>
  <c r="B3114" i="27" s="1"/>
  <c r="B3115" i="27" s="1"/>
  <c r="B3116" i="27" s="1"/>
  <c r="B3117" i="27" s="1"/>
  <c r="B3118" i="27" s="1"/>
  <c r="B3119" i="27" s="1"/>
  <c r="B3120" i="27" s="1"/>
  <c r="B3121" i="27" s="1"/>
  <c r="B3122" i="27" s="1"/>
  <c r="B3123" i="27" s="1"/>
  <c r="B3124" i="27" s="1"/>
  <c r="B3125" i="27" s="1"/>
  <c r="B3126" i="27" s="1"/>
  <c r="B3127" i="27" s="1"/>
  <c r="B3128" i="27" s="1"/>
  <c r="B3129" i="27" s="1"/>
  <c r="B3130" i="27" s="1"/>
  <c r="B3131" i="27" s="1"/>
  <c r="B3132" i="27" s="1"/>
  <c r="B3133" i="27" s="1"/>
  <c r="B3134" i="27" s="1"/>
  <c r="B3135" i="27" s="1"/>
  <c r="B3136" i="27" s="1"/>
  <c r="B3137" i="27" s="1"/>
  <c r="B3138" i="27" s="1"/>
  <c r="B3139" i="27" s="1"/>
  <c r="B3140" i="27" s="1"/>
  <c r="B3141" i="27" s="1"/>
  <c r="B3142" i="27" s="1"/>
  <c r="B3143" i="27" s="1"/>
  <c r="B3144" i="27" s="1"/>
  <c r="B3145" i="27" s="1"/>
  <c r="B3146" i="27" s="1"/>
  <c r="B3147" i="27" s="1"/>
  <c r="B3148" i="27" s="1"/>
  <c r="B3149" i="27" s="1"/>
  <c r="B3150" i="27" s="1"/>
  <c r="B3151" i="27" s="1"/>
  <c r="B3152" i="27" s="1"/>
  <c r="B3153" i="27" s="1"/>
  <c r="B3154" i="27" s="1"/>
  <c r="B3155" i="27" s="1"/>
  <c r="B3156" i="27" s="1"/>
  <c r="B3157" i="27" s="1"/>
  <c r="B3158" i="27" s="1"/>
  <c r="B3159" i="27" s="1"/>
  <c r="B3160" i="27" s="1"/>
  <c r="B3161" i="27" s="1"/>
  <c r="B3162" i="27" s="1"/>
  <c r="B3163" i="27" s="1"/>
  <c r="B3164" i="27" s="1"/>
  <c r="B3165" i="27" s="1"/>
  <c r="B3166" i="27" s="1"/>
  <c r="B3167" i="27" s="1"/>
  <c r="B3168" i="27" s="1"/>
  <c r="B3169" i="27" s="1"/>
  <c r="B3170" i="27" s="1"/>
  <c r="B3171" i="27" s="1"/>
  <c r="B3172" i="27" s="1"/>
  <c r="B3173" i="27" s="1"/>
  <c r="B3174" i="27" s="1"/>
  <c r="B3175" i="27" s="1"/>
  <c r="B3176" i="27" s="1"/>
  <c r="B3177" i="27" s="1"/>
  <c r="B3178" i="27" s="1"/>
  <c r="B3179" i="27" s="1"/>
  <c r="B3180" i="27" s="1"/>
  <c r="B3181" i="27" s="1"/>
  <c r="B3182" i="27" s="1"/>
  <c r="B3183" i="27" s="1"/>
  <c r="B3184" i="27" s="1"/>
  <c r="B3185" i="27" s="1"/>
  <c r="B3186" i="27" s="1"/>
  <c r="B3187" i="27" s="1"/>
  <c r="B3188" i="27" s="1"/>
  <c r="B3189" i="27" s="1"/>
  <c r="B3190" i="27" s="1"/>
  <c r="B3191" i="27" s="1"/>
  <c r="B3192" i="27" s="1"/>
  <c r="B3193" i="27" s="1"/>
  <c r="B3194" i="27" s="1"/>
  <c r="B3195" i="27" s="1"/>
  <c r="B3196" i="27" s="1"/>
  <c r="B3197" i="27" s="1"/>
  <c r="B3198" i="27" s="1"/>
  <c r="B3199" i="27" s="1"/>
  <c r="B3200" i="27" s="1"/>
  <c r="B3201" i="27" s="1"/>
  <c r="B3202" i="27" s="1"/>
  <c r="B3203" i="27" s="1"/>
  <c r="B3204" i="27" s="1"/>
  <c r="B3205" i="27" s="1"/>
  <c r="B3206" i="27" s="1"/>
  <c r="B3207" i="27" s="1"/>
  <c r="B3208" i="27" s="1"/>
  <c r="B3209" i="27" s="1"/>
  <c r="B3210" i="27" s="1"/>
  <c r="B3211" i="27" s="1"/>
  <c r="B3212" i="27" s="1"/>
  <c r="B3213" i="27" s="1"/>
  <c r="B3214" i="27" s="1"/>
  <c r="B3215" i="27" s="1"/>
  <c r="B3216" i="27" s="1"/>
  <c r="B3217" i="27" s="1"/>
  <c r="B3218" i="27" s="1"/>
  <c r="B3219" i="27" s="1"/>
  <c r="B3220" i="27" s="1"/>
  <c r="B3221" i="27" s="1"/>
  <c r="B3222" i="27" s="1"/>
  <c r="B3223" i="27" s="1"/>
  <c r="B3224" i="27" s="1"/>
  <c r="B3225" i="27" s="1"/>
  <c r="B3226" i="27" s="1"/>
  <c r="B3227" i="27" s="1"/>
  <c r="B3228" i="27" s="1"/>
  <c r="B3229" i="27" s="1"/>
  <c r="B3230" i="27" s="1"/>
  <c r="B3231" i="27" s="1"/>
  <c r="B3232" i="27" s="1"/>
  <c r="B3233" i="27" s="1"/>
  <c r="B3234" i="27" s="1"/>
  <c r="B3235" i="27" s="1"/>
  <c r="B3236" i="27" s="1"/>
  <c r="B3237" i="27" s="1"/>
  <c r="B3238" i="27" s="1"/>
  <c r="B3239" i="27" s="1"/>
  <c r="B3240" i="27" s="1"/>
  <c r="B3241" i="27" s="1"/>
  <c r="B3242" i="27" s="1"/>
  <c r="B3243" i="27" s="1"/>
  <c r="B3244" i="27" s="1"/>
  <c r="B3245" i="27" s="1"/>
  <c r="B3246" i="27" s="1"/>
  <c r="B3247" i="27" s="1"/>
  <c r="B3248" i="27" s="1"/>
  <c r="B3249" i="27" s="1"/>
  <c r="B3250" i="27" s="1"/>
  <c r="B3251" i="27" s="1"/>
  <c r="B3252" i="27" s="1"/>
  <c r="B3253" i="27" s="1"/>
  <c r="B3254" i="27" s="1"/>
  <c r="B3255" i="27" s="1"/>
  <c r="B3256" i="27" s="1"/>
  <c r="B3257" i="27" s="1"/>
  <c r="B3258" i="27" s="1"/>
  <c r="B3259" i="27" s="1"/>
  <c r="B3260" i="27" s="1"/>
  <c r="B3261" i="27" s="1"/>
  <c r="B3262" i="27" s="1"/>
  <c r="B3263" i="27" s="1"/>
  <c r="B3264" i="27" s="1"/>
  <c r="B3265" i="27" s="1"/>
  <c r="B3266" i="27" s="1"/>
  <c r="B3267" i="27" s="1"/>
  <c r="B3268" i="27" s="1"/>
  <c r="B3269" i="27" s="1"/>
  <c r="B3270" i="27" s="1"/>
  <c r="B3271" i="27" s="1"/>
  <c r="B3272" i="27" s="1"/>
  <c r="B3273" i="27" s="1"/>
  <c r="B3274" i="27" s="1"/>
  <c r="B3275" i="27" s="1"/>
  <c r="B3276" i="27" s="1"/>
  <c r="B3277" i="27" s="1"/>
  <c r="B3278" i="27" s="1"/>
  <c r="B3279" i="27" s="1"/>
  <c r="B3280" i="27" s="1"/>
  <c r="B3281" i="27" s="1"/>
  <c r="B3282" i="27" s="1"/>
  <c r="B3283" i="27" s="1"/>
  <c r="B3284" i="27" s="1"/>
  <c r="B3285" i="27" s="1"/>
  <c r="B3286" i="27" s="1"/>
  <c r="B3287" i="27" s="1"/>
  <c r="B3288" i="27" s="1"/>
  <c r="B3289" i="27" s="1"/>
  <c r="B3290" i="27" s="1"/>
  <c r="B3291" i="27" s="1"/>
  <c r="B3292" i="27" s="1"/>
  <c r="B3293" i="27" s="1"/>
  <c r="B3294" i="27" s="1"/>
  <c r="B3295" i="27" s="1"/>
  <c r="B3296" i="27" s="1"/>
  <c r="B3297" i="27" s="1"/>
  <c r="B3298" i="27" s="1"/>
  <c r="B3299" i="27" s="1"/>
  <c r="B3300" i="27" s="1"/>
  <c r="B3301" i="27" s="1"/>
  <c r="B3302" i="27" s="1"/>
  <c r="B3303" i="27" s="1"/>
  <c r="B3304" i="27" s="1"/>
  <c r="B3305" i="27" s="1"/>
  <c r="B3306" i="27" s="1"/>
  <c r="B3307" i="27" s="1"/>
  <c r="B3308" i="27" s="1"/>
  <c r="B3309" i="27" s="1"/>
  <c r="B3310" i="27" s="1"/>
  <c r="B3311" i="27" s="1"/>
  <c r="B3312" i="27" s="1"/>
  <c r="B3313" i="27" s="1"/>
  <c r="B3314" i="27" s="1"/>
  <c r="B3315" i="27" s="1"/>
  <c r="B3316" i="27" s="1"/>
  <c r="B3317" i="27" s="1"/>
  <c r="B3318" i="27" s="1"/>
  <c r="B3319" i="27" s="1"/>
  <c r="B3320" i="27" s="1"/>
  <c r="B3321" i="27" s="1"/>
  <c r="B3322" i="27" s="1"/>
  <c r="B3323" i="27" s="1"/>
  <c r="B3324" i="27" s="1"/>
  <c r="B3325" i="27" s="1"/>
  <c r="B3326" i="27" s="1"/>
  <c r="B3327" i="27" s="1"/>
  <c r="B3328" i="27" s="1"/>
  <c r="B3329" i="27" s="1"/>
  <c r="B3330" i="27" s="1"/>
  <c r="B3331" i="27" s="1"/>
  <c r="B3332" i="27" s="1"/>
  <c r="B3333" i="27" s="1"/>
  <c r="B3334" i="27" s="1"/>
  <c r="B3335" i="27" s="1"/>
  <c r="B3336" i="27" s="1"/>
  <c r="B3337" i="27" s="1"/>
  <c r="B3338" i="27" s="1"/>
  <c r="B3339" i="27" s="1"/>
  <c r="B3340" i="27" s="1"/>
  <c r="B3341" i="27" s="1"/>
  <c r="B3342" i="27" s="1"/>
  <c r="B3343" i="27" s="1"/>
  <c r="B3344" i="27" s="1"/>
  <c r="B3345" i="27" s="1"/>
  <c r="B3346" i="27" s="1"/>
  <c r="B3347" i="27" s="1"/>
  <c r="B3348" i="27" s="1"/>
  <c r="B3349" i="27" s="1"/>
  <c r="B3350" i="27" s="1"/>
  <c r="B3351" i="27" s="1"/>
  <c r="B3352" i="27" s="1"/>
  <c r="B3353" i="27" s="1"/>
  <c r="B3354" i="27" s="1"/>
  <c r="B3355" i="27" s="1"/>
  <c r="B3356" i="27" s="1"/>
  <c r="B3357" i="27" s="1"/>
  <c r="B3358" i="27" s="1"/>
  <c r="B3359" i="27" s="1"/>
  <c r="B3360" i="27" s="1"/>
  <c r="B3361" i="27" s="1"/>
  <c r="B3362" i="27" s="1"/>
  <c r="B3363" i="27" s="1"/>
  <c r="B3364" i="27" s="1"/>
  <c r="B3365" i="27" s="1"/>
  <c r="B3366" i="27" s="1"/>
  <c r="B3367" i="27" s="1"/>
  <c r="B3368" i="27" s="1"/>
  <c r="B3369" i="27" s="1"/>
  <c r="B3370" i="27" s="1"/>
  <c r="B3371" i="27" s="1"/>
  <c r="B3372" i="27" s="1"/>
  <c r="B3373" i="27" s="1"/>
  <c r="B3374" i="27" s="1"/>
  <c r="B3375" i="27" s="1"/>
  <c r="B3376" i="27" s="1"/>
  <c r="B3377" i="27" s="1"/>
  <c r="B3378" i="27" s="1"/>
  <c r="B3379" i="27" s="1"/>
  <c r="B3380" i="27" s="1"/>
  <c r="B3381" i="27" s="1"/>
  <c r="B3382" i="27" s="1"/>
  <c r="B3383" i="27" s="1"/>
  <c r="B3384" i="27" s="1"/>
  <c r="B3385" i="27" s="1"/>
  <c r="B3386" i="27" s="1"/>
  <c r="B3387" i="27" s="1"/>
  <c r="B3388" i="27" s="1"/>
  <c r="B3389" i="27" s="1"/>
  <c r="B3390" i="27" s="1"/>
  <c r="B3391" i="27" s="1"/>
  <c r="B3392" i="27" s="1"/>
  <c r="B3393" i="27" s="1"/>
  <c r="B3394" i="27" s="1"/>
  <c r="B3395" i="27" s="1"/>
  <c r="B3396" i="27" s="1"/>
  <c r="B3397" i="27" s="1"/>
  <c r="B3398" i="27" s="1"/>
  <c r="B3399" i="27" s="1"/>
  <c r="B3400" i="27" s="1"/>
  <c r="B3401" i="27" s="1"/>
  <c r="B3402" i="27" s="1"/>
  <c r="B3403" i="27" s="1"/>
  <c r="B3404" i="27" s="1"/>
  <c r="B3405" i="27" s="1"/>
  <c r="B3406" i="27" s="1"/>
  <c r="B3407" i="27" s="1"/>
  <c r="B3408" i="27" s="1"/>
  <c r="B3409" i="27" s="1"/>
  <c r="B3410" i="27" s="1"/>
  <c r="B3411" i="27" s="1"/>
  <c r="B3412" i="27" s="1"/>
  <c r="B3413" i="27" s="1"/>
  <c r="B3414" i="27" s="1"/>
  <c r="B3415" i="27" s="1"/>
  <c r="B3416" i="27" s="1"/>
  <c r="B3417" i="27" s="1"/>
  <c r="B3418" i="27" s="1"/>
  <c r="B3419" i="27" s="1"/>
  <c r="B3420" i="27" s="1"/>
  <c r="B3421" i="27" s="1"/>
  <c r="B3422" i="27" s="1"/>
  <c r="B3423" i="27" s="1"/>
  <c r="B3424" i="27" s="1"/>
  <c r="B3425" i="27" s="1"/>
  <c r="B3426" i="27" s="1"/>
  <c r="B3427" i="27" s="1"/>
  <c r="B3428" i="27" s="1"/>
  <c r="B3429" i="27" s="1"/>
  <c r="B3430" i="27" s="1"/>
  <c r="B3431" i="27" s="1"/>
  <c r="B3432" i="27" s="1"/>
  <c r="B3433" i="27" s="1"/>
  <c r="B3434" i="27" s="1"/>
  <c r="B3435" i="27" s="1"/>
  <c r="B3436" i="27" s="1"/>
  <c r="B3437" i="27" s="1"/>
  <c r="B3438" i="27" s="1"/>
  <c r="B3439" i="27" s="1"/>
  <c r="B3440" i="27" s="1"/>
  <c r="B3441" i="27" s="1"/>
  <c r="B3442" i="27" s="1"/>
  <c r="B3443" i="27" s="1"/>
  <c r="B3444" i="27" s="1"/>
  <c r="B3445" i="27" s="1"/>
  <c r="B3446" i="27" s="1"/>
  <c r="B3447" i="27" s="1"/>
  <c r="B3448" i="27" s="1"/>
  <c r="B3449" i="27" s="1"/>
  <c r="B3450" i="27" s="1"/>
  <c r="B3451" i="27" s="1"/>
  <c r="B3452" i="27" s="1"/>
  <c r="B3453" i="27" s="1"/>
  <c r="B3454" i="27" s="1"/>
  <c r="B3455" i="27" s="1"/>
  <c r="B3456" i="27" s="1"/>
  <c r="B3457" i="27" s="1"/>
  <c r="B3458" i="27" s="1"/>
  <c r="B3459" i="27" s="1"/>
  <c r="B3460" i="27" s="1"/>
  <c r="B3461" i="27" s="1"/>
  <c r="B3462" i="27" s="1"/>
  <c r="B3463" i="27" s="1"/>
  <c r="B3464" i="27" s="1"/>
  <c r="B3465" i="27" s="1"/>
  <c r="B3466" i="27" s="1"/>
  <c r="B3467" i="27" s="1"/>
  <c r="B3468" i="27" s="1"/>
  <c r="B3469" i="27" s="1"/>
  <c r="B3470" i="27" s="1"/>
  <c r="B3471" i="27" s="1"/>
  <c r="B3472" i="27" s="1"/>
  <c r="B3473" i="27" s="1"/>
  <c r="B3474" i="27" s="1"/>
  <c r="B3475" i="27" s="1"/>
  <c r="B3476" i="27" s="1"/>
  <c r="B3477" i="27" s="1"/>
  <c r="B3478" i="27" s="1"/>
  <c r="B3479" i="27" s="1"/>
  <c r="B3480" i="27" s="1"/>
  <c r="B3481" i="27" s="1"/>
  <c r="B3482" i="27" s="1"/>
  <c r="B3483" i="27" s="1"/>
  <c r="B3484" i="27" s="1"/>
  <c r="B3485" i="27" s="1"/>
  <c r="B3486" i="27" s="1"/>
  <c r="B3487" i="27" s="1"/>
  <c r="B3488" i="27" s="1"/>
  <c r="B3489" i="27" s="1"/>
  <c r="B3490" i="27" s="1"/>
  <c r="B3491" i="27" s="1"/>
  <c r="B3492" i="27" s="1"/>
  <c r="B3493" i="27" s="1"/>
  <c r="B3494" i="27" s="1"/>
  <c r="B3495" i="27" s="1"/>
  <c r="B3496" i="27" s="1"/>
  <c r="B3497" i="27" s="1"/>
  <c r="B3498" i="27" s="1"/>
  <c r="B3499" i="27" s="1"/>
  <c r="B3500" i="27" s="1"/>
  <c r="B3501" i="27" s="1"/>
  <c r="B3502" i="27" s="1"/>
  <c r="B3503" i="27" s="1"/>
  <c r="B3504" i="27" s="1"/>
  <c r="B3505" i="27" s="1"/>
  <c r="B3506" i="27" s="1"/>
  <c r="B3507" i="27" s="1"/>
  <c r="B3508" i="27" s="1"/>
  <c r="B3509" i="27" s="1"/>
  <c r="B3510" i="27" s="1"/>
  <c r="B3511" i="27" s="1"/>
  <c r="B3512" i="27" s="1"/>
  <c r="B3513" i="27" s="1"/>
  <c r="B3514" i="27" s="1"/>
  <c r="B3515" i="27" s="1"/>
  <c r="B3516" i="27" s="1"/>
  <c r="B3517" i="27" s="1"/>
  <c r="B3518" i="27" s="1"/>
  <c r="B3519" i="27" s="1"/>
  <c r="B3520" i="27" s="1"/>
  <c r="B3521" i="27" s="1"/>
  <c r="B3522" i="27" s="1"/>
  <c r="B3523" i="27" s="1"/>
  <c r="B3524" i="27" s="1"/>
  <c r="B3525" i="27" s="1"/>
  <c r="B3526" i="27" s="1"/>
  <c r="B3527" i="27" s="1"/>
  <c r="B3528" i="27" s="1"/>
  <c r="B3529" i="27" s="1"/>
  <c r="B3530" i="27" s="1"/>
  <c r="B3531" i="27" s="1"/>
  <c r="B3532" i="27" s="1"/>
  <c r="B3533" i="27" s="1"/>
  <c r="B3534" i="27" s="1"/>
  <c r="B3535" i="27" s="1"/>
  <c r="B3536" i="27" s="1"/>
  <c r="B3537" i="27" s="1"/>
  <c r="B3538" i="27" s="1"/>
  <c r="B3539" i="27" s="1"/>
  <c r="B3540" i="27" s="1"/>
  <c r="B3541" i="27" s="1"/>
  <c r="B3542" i="27" s="1"/>
  <c r="B3543" i="27" s="1"/>
  <c r="B3544" i="27" s="1"/>
  <c r="B3545" i="27" s="1"/>
  <c r="B3546" i="27" s="1"/>
  <c r="B3547" i="27" s="1"/>
  <c r="B3548" i="27" s="1"/>
  <c r="B3549" i="27" s="1"/>
  <c r="B3550" i="27" s="1"/>
  <c r="B3551" i="27" s="1"/>
  <c r="B3552" i="27" s="1"/>
  <c r="B3553" i="27" s="1"/>
  <c r="B3554" i="27" s="1"/>
  <c r="B3555" i="27" s="1"/>
  <c r="B3556" i="27" s="1"/>
  <c r="B3557" i="27" s="1"/>
  <c r="B3558" i="27" s="1"/>
  <c r="B3559" i="27" s="1"/>
  <c r="B3560" i="27" s="1"/>
  <c r="B3561" i="27" s="1"/>
  <c r="B3562" i="27" s="1"/>
  <c r="B3563" i="27" s="1"/>
  <c r="B3564" i="27" s="1"/>
  <c r="B3565" i="27" s="1"/>
  <c r="B3566" i="27" s="1"/>
  <c r="B3567" i="27" s="1"/>
  <c r="B3568" i="27" s="1"/>
  <c r="B3569" i="27" s="1"/>
  <c r="B3570" i="27" s="1"/>
  <c r="B3571" i="27" s="1"/>
  <c r="B3572" i="27" s="1"/>
  <c r="B3573" i="27" s="1"/>
  <c r="B3574" i="27" s="1"/>
  <c r="B3575" i="27" s="1"/>
  <c r="B3576" i="27" s="1"/>
  <c r="B3577" i="27" s="1"/>
  <c r="B3578" i="27" s="1"/>
  <c r="B3579" i="27" s="1"/>
  <c r="B3580" i="27" s="1"/>
  <c r="B3581" i="27" s="1"/>
  <c r="B3582" i="27" s="1"/>
  <c r="B3583" i="27" s="1"/>
  <c r="B3584" i="27" s="1"/>
  <c r="B3585" i="27" s="1"/>
  <c r="B3586" i="27" s="1"/>
  <c r="B3587" i="27" s="1"/>
  <c r="B3588" i="27" s="1"/>
  <c r="B3589" i="27" s="1"/>
  <c r="B3590" i="27" s="1"/>
  <c r="B3591" i="27" s="1"/>
  <c r="B3592" i="27" s="1"/>
  <c r="B3593" i="27" s="1"/>
  <c r="B3594" i="27" s="1"/>
  <c r="B3595" i="27" s="1"/>
  <c r="B3596" i="27" s="1"/>
  <c r="B3597" i="27" s="1"/>
  <c r="B3598" i="27" s="1"/>
  <c r="B3599" i="27" s="1"/>
  <c r="B3600" i="27" s="1"/>
  <c r="B3601" i="27" s="1"/>
  <c r="B3602" i="27" s="1"/>
  <c r="B3603" i="27" s="1"/>
  <c r="B3604" i="27" s="1"/>
  <c r="B3605" i="27" s="1"/>
  <c r="B3606" i="27" s="1"/>
  <c r="B3607" i="27" s="1"/>
  <c r="B3608" i="27" s="1"/>
  <c r="B3609" i="27" s="1"/>
  <c r="B3610" i="27" s="1"/>
  <c r="B3611" i="27" s="1"/>
  <c r="B3612" i="27" s="1"/>
  <c r="B3613" i="27" s="1"/>
  <c r="B3614" i="27" s="1"/>
  <c r="B3615" i="27" s="1"/>
  <c r="B3616" i="27" s="1"/>
  <c r="B3617" i="27" s="1"/>
  <c r="B3618" i="27" s="1"/>
  <c r="B3619" i="27" s="1"/>
  <c r="B3620" i="27" s="1"/>
  <c r="B3621" i="27" s="1"/>
  <c r="N2935" i="27"/>
  <c r="N2934" i="27"/>
  <c r="N2933" i="27"/>
  <c r="N2932" i="27"/>
  <c r="B2932" i="27"/>
  <c r="B2933" i="27" s="1"/>
  <c r="B2934" i="27" s="1"/>
  <c r="B2935" i="27" s="1"/>
  <c r="N2931" i="27"/>
  <c r="N2930" i="27"/>
  <c r="N2929" i="27"/>
  <c r="N2928" i="27"/>
  <c r="N2927" i="27"/>
  <c r="N2926" i="27"/>
  <c r="N2925" i="27"/>
  <c r="N2924" i="27"/>
  <c r="N2923" i="27"/>
  <c r="N2922" i="27"/>
  <c r="B2922" i="27"/>
  <c r="B2923" i="27" s="1"/>
  <c r="B2924" i="27" s="1"/>
  <c r="B2925" i="27" s="1"/>
  <c r="B2926" i="27" s="1"/>
  <c r="B2927" i="27" s="1"/>
  <c r="B2928" i="27" s="1"/>
  <c r="B2929" i="27" s="1"/>
  <c r="B2930" i="27" s="1"/>
  <c r="B2931" i="27" s="1"/>
  <c r="N2921" i="27"/>
  <c r="N2920" i="27"/>
  <c r="N2919" i="27"/>
  <c r="N2918" i="27"/>
  <c r="B2918" i="27"/>
  <c r="B2919" i="27" s="1"/>
  <c r="B2920" i="27" s="1"/>
  <c r="B2921" i="27" s="1"/>
  <c r="N2917" i="27"/>
  <c r="N2916" i="27"/>
  <c r="N2915" i="27"/>
  <c r="N2914" i="27"/>
  <c r="N2913" i="27"/>
  <c r="N2912" i="27"/>
  <c r="N2911" i="27"/>
  <c r="N2910" i="27"/>
  <c r="N2909" i="27"/>
  <c r="N2908" i="27"/>
  <c r="N2907" i="27"/>
  <c r="N2906" i="27"/>
  <c r="N2905" i="27"/>
  <c r="N2904" i="27"/>
  <c r="B2904" i="27"/>
  <c r="B2905" i="27" s="1"/>
  <c r="B2906" i="27" s="1"/>
  <c r="B2907" i="27" s="1"/>
  <c r="B2908" i="27" s="1"/>
  <c r="B2909" i="27" s="1"/>
  <c r="B2910" i="27" s="1"/>
  <c r="B2911" i="27" s="1"/>
  <c r="B2912" i="27" s="1"/>
  <c r="B2913" i="27" s="1"/>
  <c r="B2914" i="27" s="1"/>
  <c r="B2915" i="27" s="1"/>
  <c r="B2916" i="27" s="1"/>
  <c r="B2917" i="27" s="1"/>
  <c r="N2903" i="27"/>
  <c r="N2902" i="27"/>
  <c r="N2901" i="27"/>
  <c r="N2900" i="27"/>
  <c r="N2899" i="27"/>
  <c r="N2898" i="27"/>
  <c r="B2898" i="27"/>
  <c r="B2899" i="27" s="1"/>
  <c r="B2900" i="27" s="1"/>
  <c r="B2901" i="27" s="1"/>
  <c r="B2902" i="27" s="1"/>
  <c r="B2903" i="27" s="1"/>
  <c r="N2897" i="27"/>
  <c r="B2897" i="27"/>
  <c r="N2896" i="27"/>
  <c r="N2895" i="27"/>
  <c r="N2894" i="27"/>
  <c r="N2893" i="27"/>
  <c r="N2892" i="27"/>
  <c r="N2891" i="27"/>
  <c r="N2890" i="27"/>
  <c r="N2889" i="27"/>
  <c r="N2888" i="27"/>
  <c r="N2887" i="27"/>
  <c r="N2886" i="27"/>
  <c r="N2885" i="27"/>
  <c r="N2884" i="27"/>
  <c r="N2883" i="27"/>
  <c r="N2882" i="27"/>
  <c r="N2881" i="27"/>
  <c r="N2880" i="27"/>
  <c r="N2879" i="27"/>
  <c r="N2878" i="27"/>
  <c r="N2877" i="27"/>
  <c r="N2876" i="27"/>
  <c r="N2875" i="27"/>
  <c r="N2874" i="27"/>
  <c r="N2873" i="27"/>
  <c r="N2872" i="27"/>
  <c r="N2871" i="27"/>
  <c r="N2870" i="27"/>
  <c r="N2869" i="27"/>
  <c r="N2868" i="27"/>
  <c r="N2867" i="27"/>
  <c r="N2866" i="27"/>
  <c r="N2865" i="27"/>
  <c r="N2864" i="27"/>
  <c r="N2863" i="27"/>
  <c r="N2862" i="27"/>
  <c r="N2861" i="27"/>
  <c r="N2860" i="27"/>
  <c r="N2859" i="27"/>
  <c r="N2858" i="27"/>
  <c r="N2857" i="27"/>
  <c r="N2856" i="27"/>
  <c r="N2855" i="27"/>
  <c r="N2854" i="27"/>
  <c r="N2853" i="27"/>
  <c r="N2852" i="27"/>
  <c r="N2851" i="27"/>
  <c r="N2850" i="27"/>
  <c r="N2849" i="27"/>
  <c r="N2848" i="27"/>
  <c r="N2847" i="27"/>
  <c r="N2846" i="27"/>
  <c r="N2845" i="27"/>
  <c r="N2844" i="27"/>
  <c r="N2843" i="27"/>
  <c r="N2842" i="27"/>
  <c r="N2841" i="27"/>
  <c r="N2840" i="27"/>
  <c r="N2839" i="27"/>
  <c r="N2838" i="27"/>
  <c r="N2837" i="27"/>
  <c r="N2836" i="27"/>
  <c r="N2835" i="27"/>
  <c r="N2834" i="27"/>
  <c r="N2833" i="27"/>
  <c r="B2833" i="27"/>
  <c r="B2834" i="27" s="1"/>
  <c r="B2835" i="27" s="1"/>
  <c r="B2836" i="27" s="1"/>
  <c r="B2837" i="27" s="1"/>
  <c r="B2838" i="27" s="1"/>
  <c r="B2839" i="27" s="1"/>
  <c r="B2840" i="27" s="1"/>
  <c r="B2841" i="27" s="1"/>
  <c r="B2842" i="27" s="1"/>
  <c r="B2843" i="27" s="1"/>
  <c r="B2844" i="27" s="1"/>
  <c r="B2845" i="27" s="1"/>
  <c r="B2846" i="27" s="1"/>
  <c r="B2847" i="27" s="1"/>
  <c r="B2848" i="27" s="1"/>
  <c r="B2849" i="27" s="1"/>
  <c r="B2850" i="27" s="1"/>
  <c r="B2851" i="27" s="1"/>
  <c r="B2852" i="27" s="1"/>
  <c r="B2853" i="27" s="1"/>
  <c r="B2854" i="27" s="1"/>
  <c r="B2855" i="27" s="1"/>
  <c r="B2856" i="27" s="1"/>
  <c r="B2857" i="27" s="1"/>
  <c r="B2858" i="27" s="1"/>
  <c r="B2859" i="27" s="1"/>
  <c r="B2860" i="27" s="1"/>
  <c r="B2861" i="27" s="1"/>
  <c r="B2862" i="27" s="1"/>
  <c r="B2863" i="27" s="1"/>
  <c r="B2864" i="27" s="1"/>
  <c r="B2865" i="27" s="1"/>
  <c r="B2866" i="27" s="1"/>
  <c r="B2867" i="27" s="1"/>
  <c r="B2868" i="27" s="1"/>
  <c r="B2869" i="27" s="1"/>
  <c r="B2870" i="27" s="1"/>
  <c r="B2871" i="27" s="1"/>
  <c r="B2872" i="27" s="1"/>
  <c r="B2873" i="27" s="1"/>
  <c r="B2874" i="27" s="1"/>
  <c r="B2875" i="27" s="1"/>
  <c r="B2876" i="27" s="1"/>
  <c r="B2877" i="27" s="1"/>
  <c r="B2878" i="27" s="1"/>
  <c r="B2879" i="27" s="1"/>
  <c r="B2880" i="27" s="1"/>
  <c r="B2881" i="27" s="1"/>
  <c r="B2882" i="27" s="1"/>
  <c r="B2883" i="27" s="1"/>
  <c r="B2884" i="27" s="1"/>
  <c r="B2885" i="27" s="1"/>
  <c r="B2886" i="27" s="1"/>
  <c r="B2887" i="27" s="1"/>
  <c r="B2888" i="27" s="1"/>
  <c r="B2889" i="27" s="1"/>
  <c r="B2890" i="27" s="1"/>
  <c r="B2891" i="27" s="1"/>
  <c r="B2892" i="27" s="1"/>
  <c r="B2893" i="27" s="1"/>
  <c r="B2894" i="27" s="1"/>
  <c r="B2895" i="27" s="1"/>
  <c r="B2896" i="27" s="1"/>
  <c r="N2832" i="27"/>
  <c r="B2832" i="27"/>
  <c r="N2831" i="27"/>
  <c r="B2831" i="27"/>
  <c r="N2830" i="27"/>
  <c r="B2830" i="27"/>
  <c r="N2829" i="27"/>
  <c r="B2829" i="27"/>
  <c r="N2828" i="27"/>
  <c r="B2828" i="27"/>
  <c r="N2827" i="27"/>
  <c r="N2826" i="27"/>
  <c r="N2825" i="27"/>
  <c r="N2824" i="27"/>
  <c r="N2823" i="27"/>
  <c r="N2822" i="27"/>
  <c r="N2821" i="27"/>
  <c r="N2820" i="27"/>
  <c r="N2819" i="27"/>
  <c r="N2818" i="27"/>
  <c r="N2817" i="27"/>
  <c r="N2816" i="27"/>
  <c r="N2815" i="27"/>
  <c r="N2814" i="27"/>
  <c r="N2813" i="27"/>
  <c r="N2812" i="27"/>
  <c r="N2811" i="27"/>
  <c r="N2810" i="27"/>
  <c r="N2809" i="27"/>
  <c r="N2808" i="27"/>
  <c r="N2807" i="27"/>
  <c r="N2806" i="27"/>
  <c r="N2805" i="27"/>
  <c r="B2805" i="27"/>
  <c r="B2806" i="27" s="1"/>
  <c r="B2807" i="27" s="1"/>
  <c r="B2808" i="27" s="1"/>
  <c r="B2809" i="27" s="1"/>
  <c r="B2810" i="27" s="1"/>
  <c r="B2811" i="27" s="1"/>
  <c r="B2812" i="27" s="1"/>
  <c r="B2813" i="27" s="1"/>
  <c r="B2814" i="27" s="1"/>
  <c r="B2815" i="27" s="1"/>
  <c r="B2816" i="27" s="1"/>
  <c r="B2817" i="27" s="1"/>
  <c r="B2818" i="27" s="1"/>
  <c r="B2819" i="27" s="1"/>
  <c r="B2820" i="27" s="1"/>
  <c r="B2821" i="27" s="1"/>
  <c r="B2822" i="27" s="1"/>
  <c r="B2823" i="27" s="1"/>
  <c r="B2824" i="27" s="1"/>
  <c r="B2825" i="27" s="1"/>
  <c r="B2826" i="27" s="1"/>
  <c r="B2827" i="27" s="1"/>
  <c r="N2804" i="27"/>
  <c r="N2803" i="27"/>
  <c r="N2802" i="27"/>
  <c r="N2801" i="27"/>
  <c r="N2800" i="27"/>
  <c r="N2799" i="27"/>
  <c r="N2798" i="27"/>
  <c r="N2797" i="27"/>
  <c r="N2796" i="27"/>
  <c r="B2796" i="27"/>
  <c r="B2797" i="27" s="1"/>
  <c r="B2798" i="27" s="1"/>
  <c r="B2799" i="27" s="1"/>
  <c r="B2800" i="27" s="1"/>
  <c r="B2801" i="27" s="1"/>
  <c r="B2802" i="27" s="1"/>
  <c r="B2803" i="27" s="1"/>
  <c r="B2804" i="27" s="1"/>
  <c r="N2795" i="27"/>
  <c r="N2794" i="27"/>
  <c r="N2793" i="27"/>
  <c r="B2793" i="27"/>
  <c r="B2794" i="27" s="1"/>
  <c r="B2795" i="27" s="1"/>
  <c r="N2792" i="27"/>
  <c r="N2791" i="27"/>
  <c r="N2790" i="27"/>
  <c r="N2789" i="27"/>
  <c r="B2789" i="27"/>
  <c r="B2790" i="27" s="1"/>
  <c r="B2791" i="27" s="1"/>
  <c r="B2792" i="27" s="1"/>
  <c r="N2788" i="27"/>
  <c r="N2787" i="27"/>
  <c r="N2786" i="27"/>
  <c r="N2785" i="27"/>
  <c r="N2784" i="27"/>
  <c r="N2783" i="27"/>
  <c r="N2782" i="27"/>
  <c r="N2781" i="27"/>
  <c r="N2780" i="27"/>
  <c r="N2779" i="27"/>
  <c r="N2778" i="27"/>
  <c r="N2777" i="27"/>
  <c r="N2776" i="27"/>
  <c r="B2776" i="27"/>
  <c r="B2777" i="27" s="1"/>
  <c r="B2778" i="27" s="1"/>
  <c r="B2779" i="27" s="1"/>
  <c r="B2780" i="27" s="1"/>
  <c r="B2781" i="27" s="1"/>
  <c r="B2782" i="27" s="1"/>
  <c r="B2783" i="27" s="1"/>
  <c r="B2784" i="27" s="1"/>
  <c r="B2785" i="27" s="1"/>
  <c r="B2786" i="27" s="1"/>
  <c r="B2787" i="27" s="1"/>
  <c r="B2788" i="27" s="1"/>
  <c r="N2775" i="27"/>
  <c r="B2775" i="27"/>
  <c r="N2774" i="27"/>
  <c r="N2773" i="27"/>
  <c r="B2773" i="27"/>
  <c r="B2774" i="27" s="1"/>
  <c r="N2772" i="27"/>
  <c r="N2771" i="27"/>
  <c r="N2770" i="27"/>
  <c r="N2769" i="27"/>
  <c r="N2768" i="27"/>
  <c r="N2767" i="27"/>
  <c r="N2766" i="27"/>
  <c r="N2765" i="27"/>
  <c r="N2764" i="27"/>
  <c r="N2763" i="27"/>
  <c r="N2762" i="27"/>
  <c r="N2761" i="27"/>
  <c r="N2760" i="27"/>
  <c r="N2759" i="27"/>
  <c r="N2758" i="27"/>
  <c r="N2757" i="27"/>
  <c r="N2756" i="27"/>
  <c r="N2755" i="27"/>
  <c r="N2754" i="27"/>
  <c r="N2753" i="27"/>
  <c r="N2752" i="27"/>
  <c r="N2751" i="27"/>
  <c r="N2750" i="27"/>
  <c r="N2749" i="27"/>
  <c r="N2748" i="27"/>
  <c r="N2747" i="27"/>
  <c r="B2747" i="27"/>
  <c r="B2748" i="27" s="1"/>
  <c r="B2749" i="27" s="1"/>
  <c r="B2750" i="27" s="1"/>
  <c r="B2751" i="27" s="1"/>
  <c r="B2752" i="27" s="1"/>
  <c r="B2753" i="27" s="1"/>
  <c r="B2754" i="27" s="1"/>
  <c r="B2755" i="27" s="1"/>
  <c r="B2756" i="27" s="1"/>
  <c r="B2757" i="27" s="1"/>
  <c r="B2758" i="27" s="1"/>
  <c r="B2759" i="27" s="1"/>
  <c r="B2760" i="27" s="1"/>
  <c r="B2761" i="27" s="1"/>
  <c r="B2762" i="27" s="1"/>
  <c r="B2763" i="27" s="1"/>
  <c r="B2764" i="27" s="1"/>
  <c r="B2765" i="27" s="1"/>
  <c r="B2766" i="27" s="1"/>
  <c r="B2767" i="27" s="1"/>
  <c r="B2768" i="27" s="1"/>
  <c r="B2769" i="27" s="1"/>
  <c r="B2770" i="27" s="1"/>
  <c r="B2771" i="27" s="1"/>
  <c r="B2772" i="27" s="1"/>
  <c r="N2746" i="27"/>
  <c r="N2745" i="27"/>
  <c r="N2744" i="27"/>
  <c r="N2743" i="27"/>
  <c r="N2742" i="27"/>
  <c r="N2741" i="27"/>
  <c r="N2740" i="27"/>
  <c r="N2739" i="27"/>
  <c r="N2738" i="27"/>
  <c r="N2737" i="27"/>
  <c r="N2736" i="27"/>
  <c r="N2735" i="27"/>
  <c r="N2734" i="27"/>
  <c r="N2733" i="27"/>
  <c r="N2732" i="27"/>
  <c r="N2731" i="27"/>
  <c r="N2730" i="27"/>
  <c r="N2729" i="27"/>
  <c r="N2728" i="27"/>
  <c r="N2727" i="27"/>
  <c r="N2726" i="27"/>
  <c r="N2725" i="27"/>
  <c r="N2724" i="27"/>
  <c r="N2723" i="27"/>
  <c r="N2722" i="27"/>
  <c r="N2721" i="27"/>
  <c r="N2720" i="27"/>
  <c r="N2719" i="27"/>
  <c r="N2718" i="27"/>
  <c r="N2717" i="27"/>
  <c r="N2716" i="27"/>
  <c r="N2715" i="27"/>
  <c r="N2714" i="27"/>
  <c r="N2713" i="27"/>
  <c r="N2712" i="27"/>
  <c r="N2711" i="27"/>
  <c r="N2710" i="27"/>
  <c r="N2709" i="27"/>
  <c r="N2708" i="27"/>
  <c r="N2707" i="27"/>
  <c r="N2706" i="27"/>
  <c r="N2705" i="27"/>
  <c r="N2704" i="27"/>
  <c r="N2703" i="27"/>
  <c r="N2702" i="27"/>
  <c r="N2701" i="27"/>
  <c r="N2700" i="27"/>
  <c r="N2699" i="27"/>
  <c r="N2698" i="27"/>
  <c r="N2697" i="27"/>
  <c r="N2696" i="27"/>
  <c r="N2695" i="27"/>
  <c r="N2694" i="27"/>
  <c r="N2693" i="27"/>
  <c r="N2692" i="27"/>
  <c r="N2691" i="27"/>
  <c r="N2690" i="27"/>
  <c r="N2689" i="27"/>
  <c r="N2688" i="27"/>
  <c r="N2687" i="27"/>
  <c r="N2686" i="27"/>
  <c r="N2685" i="27"/>
  <c r="N2684" i="27"/>
  <c r="N2683" i="27"/>
  <c r="N2682" i="27"/>
  <c r="N2681" i="27"/>
  <c r="N2680" i="27"/>
  <c r="N2679" i="27"/>
  <c r="N2678" i="27"/>
  <c r="N2677" i="27"/>
  <c r="N2676" i="27"/>
  <c r="N2675" i="27"/>
  <c r="N2674" i="27"/>
  <c r="N2673" i="27"/>
  <c r="N2672" i="27"/>
  <c r="N2671" i="27"/>
  <c r="N2670" i="27"/>
  <c r="N2669" i="27"/>
  <c r="N2668" i="27"/>
  <c r="N2667" i="27"/>
  <c r="N2666" i="27"/>
  <c r="N2665" i="27"/>
  <c r="N2664" i="27"/>
  <c r="N2663" i="27"/>
  <c r="N2662" i="27"/>
  <c r="N2661" i="27"/>
  <c r="N2660" i="27"/>
  <c r="N2659" i="27"/>
  <c r="N2658" i="27"/>
  <c r="N2657" i="27"/>
  <c r="N2656" i="27"/>
  <c r="N2655" i="27"/>
  <c r="N2654" i="27"/>
  <c r="N2653" i="27"/>
  <c r="N2652" i="27"/>
  <c r="N2651" i="27"/>
  <c r="N2650" i="27"/>
  <c r="N2649" i="27"/>
  <c r="N2648" i="27"/>
  <c r="N2647" i="27"/>
  <c r="N2646" i="27"/>
  <c r="N2645" i="27"/>
  <c r="N2644" i="27"/>
  <c r="N2643" i="27"/>
  <c r="N2642" i="27"/>
  <c r="N2641" i="27"/>
  <c r="N2640" i="27"/>
  <c r="N2639" i="27"/>
  <c r="N2638" i="27"/>
  <c r="N2637" i="27"/>
  <c r="N2636" i="27"/>
  <c r="N2635" i="27"/>
  <c r="N2634" i="27"/>
  <c r="N2633" i="27"/>
  <c r="N2632" i="27"/>
  <c r="N2631" i="27"/>
  <c r="N2630" i="27"/>
  <c r="N2629" i="27"/>
  <c r="N2628" i="27"/>
  <c r="N2627" i="27"/>
  <c r="N2626" i="27"/>
  <c r="N2625" i="27"/>
  <c r="N2624" i="27"/>
  <c r="N2623" i="27"/>
  <c r="N2622" i="27"/>
  <c r="N2621" i="27"/>
  <c r="N2620" i="27"/>
  <c r="N2619" i="27"/>
  <c r="N2618" i="27"/>
  <c r="N2617" i="27"/>
  <c r="N2616" i="27"/>
  <c r="N2615" i="27"/>
  <c r="N2614" i="27"/>
  <c r="N2613" i="27"/>
  <c r="N2612" i="27"/>
  <c r="N2611" i="27"/>
  <c r="N2610" i="27"/>
  <c r="N2609" i="27"/>
  <c r="N2608" i="27"/>
  <c r="N2607" i="27"/>
  <c r="N2606" i="27"/>
  <c r="N2605" i="27"/>
  <c r="N2604" i="27"/>
  <c r="N2603" i="27"/>
  <c r="N2602" i="27"/>
  <c r="N2601" i="27"/>
  <c r="N2600" i="27"/>
  <c r="N2599" i="27"/>
  <c r="N2598" i="27"/>
  <c r="N2597" i="27"/>
  <c r="N2596" i="27"/>
  <c r="N2595" i="27"/>
  <c r="N2594" i="27"/>
  <c r="N2593" i="27"/>
  <c r="N2592" i="27"/>
  <c r="N2591" i="27"/>
  <c r="N2590" i="27"/>
  <c r="N2589" i="27"/>
  <c r="N2588" i="27"/>
  <c r="N2587" i="27"/>
  <c r="N2586" i="27"/>
  <c r="N2585" i="27"/>
  <c r="N2584" i="27"/>
  <c r="N2583" i="27"/>
  <c r="N2582" i="27"/>
  <c r="N2581" i="27"/>
  <c r="N2580" i="27"/>
  <c r="N2579" i="27"/>
  <c r="N2578" i="27"/>
  <c r="N2577" i="27"/>
  <c r="N2576" i="27"/>
  <c r="N2575" i="27"/>
  <c r="N2574" i="27"/>
  <c r="N2573" i="27"/>
  <c r="N2572" i="27"/>
  <c r="N2571" i="27"/>
  <c r="N2570" i="27"/>
  <c r="N2569" i="27"/>
  <c r="N2568" i="27"/>
  <c r="N2567" i="27"/>
  <c r="N2566" i="27"/>
  <c r="N2565" i="27"/>
  <c r="N2564" i="27"/>
  <c r="N2563" i="27"/>
  <c r="N2562" i="27"/>
  <c r="N2561" i="27"/>
  <c r="N2560" i="27"/>
  <c r="N2559" i="27"/>
  <c r="N2558" i="27"/>
  <c r="N2557" i="27"/>
  <c r="N2556" i="27"/>
  <c r="N2555" i="27"/>
  <c r="N2554" i="27"/>
  <c r="N2553" i="27"/>
  <c r="N2552" i="27"/>
  <c r="N2551" i="27"/>
  <c r="N2550" i="27"/>
  <c r="N2549" i="27"/>
  <c r="N2548" i="27"/>
  <c r="N2547" i="27"/>
  <c r="N2546" i="27"/>
  <c r="N2545" i="27"/>
  <c r="N2544" i="27"/>
  <c r="N2543" i="27"/>
  <c r="N2542" i="27"/>
  <c r="N2541" i="27"/>
  <c r="N2540" i="27"/>
  <c r="N2539" i="27"/>
  <c r="N2538" i="27"/>
  <c r="N2537" i="27"/>
  <c r="N2536" i="27"/>
  <c r="N2535" i="27"/>
  <c r="N2534" i="27"/>
  <c r="N2533" i="27"/>
  <c r="N2532" i="27"/>
  <c r="N2531" i="27"/>
  <c r="N2530" i="27"/>
  <c r="N2529" i="27"/>
  <c r="N2528" i="27"/>
  <c r="N2527" i="27"/>
  <c r="N2526" i="27"/>
  <c r="N2525" i="27"/>
  <c r="N2524" i="27"/>
  <c r="N2523" i="27"/>
  <c r="N2522" i="27"/>
  <c r="N2521" i="27"/>
  <c r="N2520" i="27"/>
  <c r="N2519" i="27"/>
  <c r="N2518" i="27"/>
  <c r="N2517" i="27"/>
  <c r="N2516" i="27"/>
  <c r="N2515" i="27"/>
  <c r="N2514" i="27"/>
  <c r="N2513" i="27"/>
  <c r="N2512" i="27"/>
  <c r="N2511" i="27"/>
  <c r="N2510" i="27"/>
  <c r="N2509" i="27"/>
  <c r="N2508" i="27"/>
  <c r="N2507" i="27"/>
  <c r="N2506" i="27"/>
  <c r="N2505" i="27"/>
  <c r="N2504" i="27"/>
  <c r="N2503" i="27"/>
  <c r="N2502" i="27"/>
  <c r="N2501" i="27"/>
  <c r="N2500" i="27"/>
  <c r="N2499" i="27"/>
  <c r="N2498" i="27"/>
  <c r="N2497" i="27"/>
  <c r="N2496" i="27"/>
  <c r="N2495" i="27"/>
  <c r="N2494" i="27"/>
  <c r="N2493" i="27"/>
  <c r="N2492" i="27"/>
  <c r="N2491" i="27"/>
  <c r="N2490" i="27"/>
  <c r="N2489" i="27"/>
  <c r="N2488" i="27"/>
  <c r="N2487" i="27"/>
  <c r="N2486" i="27"/>
  <c r="N2485" i="27"/>
  <c r="N2484" i="27"/>
  <c r="N2483" i="27"/>
  <c r="N2482" i="27"/>
  <c r="N2481" i="27"/>
  <c r="N2480" i="27"/>
  <c r="N2479" i="27"/>
  <c r="N2478" i="27"/>
  <c r="N2477" i="27"/>
  <c r="N2476" i="27"/>
  <c r="N2475" i="27"/>
  <c r="N2474" i="27"/>
  <c r="N2473" i="27"/>
  <c r="N2472" i="27"/>
  <c r="N2471" i="27"/>
  <c r="N2470" i="27"/>
  <c r="N2469" i="27"/>
  <c r="N2468" i="27"/>
  <c r="N2467" i="27"/>
  <c r="N2466" i="27"/>
  <c r="N2465" i="27"/>
  <c r="N2464" i="27"/>
  <c r="N2463" i="27"/>
  <c r="N2462" i="27"/>
  <c r="N2461" i="27"/>
  <c r="N2460" i="27"/>
  <c r="N2459" i="27"/>
  <c r="N2458" i="27"/>
  <c r="N2457" i="27"/>
  <c r="N2456" i="27"/>
  <c r="N2455" i="27"/>
  <c r="N2454" i="27"/>
  <c r="N2453" i="27"/>
  <c r="N2452" i="27"/>
  <c r="N2451" i="27"/>
  <c r="N2450" i="27"/>
  <c r="N2449" i="27"/>
  <c r="N2448" i="27"/>
  <c r="N2447" i="27"/>
  <c r="N2446" i="27"/>
  <c r="N2445" i="27"/>
  <c r="N2444" i="27"/>
  <c r="N2443" i="27"/>
  <c r="N2442" i="27"/>
  <c r="N2441" i="27"/>
  <c r="N2440" i="27"/>
  <c r="N2439" i="27"/>
  <c r="N2438" i="27"/>
  <c r="N2437" i="27"/>
  <c r="N2436" i="27"/>
  <c r="N2435" i="27"/>
  <c r="N2434" i="27"/>
  <c r="N2433" i="27"/>
  <c r="N2432" i="27"/>
  <c r="N2431" i="27"/>
  <c r="N2430" i="27"/>
  <c r="N2429" i="27"/>
  <c r="N2428" i="27"/>
  <c r="N2427" i="27"/>
  <c r="N2426" i="27"/>
  <c r="N2425" i="27"/>
  <c r="N2424" i="27"/>
  <c r="B2424" i="27"/>
  <c r="B2425" i="27" s="1"/>
  <c r="B2426" i="27" s="1"/>
  <c r="B2427" i="27" s="1"/>
  <c r="B2428" i="27" s="1"/>
  <c r="B2429" i="27" s="1"/>
  <c r="B2430" i="27" s="1"/>
  <c r="B2431" i="27" s="1"/>
  <c r="B2432" i="27" s="1"/>
  <c r="B2433" i="27" s="1"/>
  <c r="B2434" i="27" s="1"/>
  <c r="B2435" i="27" s="1"/>
  <c r="B2436" i="27" s="1"/>
  <c r="B2437" i="27" s="1"/>
  <c r="B2438" i="27" s="1"/>
  <c r="B2439" i="27" s="1"/>
  <c r="B2440" i="27" s="1"/>
  <c r="B2441" i="27" s="1"/>
  <c r="B2442" i="27" s="1"/>
  <c r="B2443" i="27" s="1"/>
  <c r="B2444" i="27" s="1"/>
  <c r="B2445" i="27" s="1"/>
  <c r="B2446" i="27" s="1"/>
  <c r="B2447" i="27" s="1"/>
  <c r="B2448" i="27" s="1"/>
  <c r="B2449" i="27" s="1"/>
  <c r="B2450" i="27" s="1"/>
  <c r="B2451" i="27" s="1"/>
  <c r="B2452" i="27" s="1"/>
  <c r="B2453" i="27" s="1"/>
  <c r="B2454" i="27" s="1"/>
  <c r="B2455" i="27" s="1"/>
  <c r="B2456" i="27" s="1"/>
  <c r="B2457" i="27" s="1"/>
  <c r="B2458" i="27" s="1"/>
  <c r="B2459" i="27" s="1"/>
  <c r="B2460" i="27" s="1"/>
  <c r="B2461" i="27" s="1"/>
  <c r="B2462" i="27" s="1"/>
  <c r="B2463" i="27" s="1"/>
  <c r="B2464" i="27" s="1"/>
  <c r="B2465" i="27" s="1"/>
  <c r="B2466" i="27" s="1"/>
  <c r="B2467" i="27" s="1"/>
  <c r="B2468" i="27" s="1"/>
  <c r="B2469" i="27" s="1"/>
  <c r="B2470" i="27" s="1"/>
  <c r="B2471" i="27" s="1"/>
  <c r="B2472" i="27" s="1"/>
  <c r="B2473" i="27" s="1"/>
  <c r="B2474" i="27" s="1"/>
  <c r="B2475" i="27" s="1"/>
  <c r="B2476" i="27" s="1"/>
  <c r="B2477" i="27" s="1"/>
  <c r="B2478" i="27" s="1"/>
  <c r="B2479" i="27" s="1"/>
  <c r="B2480" i="27" s="1"/>
  <c r="B2481" i="27" s="1"/>
  <c r="B2482" i="27" s="1"/>
  <c r="B2483" i="27" s="1"/>
  <c r="B2484" i="27" s="1"/>
  <c r="B2485" i="27" s="1"/>
  <c r="B2486" i="27" s="1"/>
  <c r="B2487" i="27" s="1"/>
  <c r="B2488" i="27" s="1"/>
  <c r="B2489" i="27" s="1"/>
  <c r="B2490" i="27" s="1"/>
  <c r="B2491" i="27" s="1"/>
  <c r="B2492" i="27" s="1"/>
  <c r="B2493" i="27" s="1"/>
  <c r="B2494" i="27" s="1"/>
  <c r="B2495" i="27" s="1"/>
  <c r="B2496" i="27" s="1"/>
  <c r="B2497" i="27" s="1"/>
  <c r="B2498" i="27" s="1"/>
  <c r="B2499" i="27" s="1"/>
  <c r="B2500" i="27" s="1"/>
  <c r="B2501" i="27" s="1"/>
  <c r="B2502" i="27" s="1"/>
  <c r="B2503" i="27" s="1"/>
  <c r="B2504" i="27" s="1"/>
  <c r="B2505" i="27" s="1"/>
  <c r="B2506" i="27" s="1"/>
  <c r="B2507" i="27" s="1"/>
  <c r="B2508" i="27" s="1"/>
  <c r="B2509" i="27" s="1"/>
  <c r="B2510" i="27" s="1"/>
  <c r="B2511" i="27" s="1"/>
  <c r="B2512" i="27" s="1"/>
  <c r="B2513" i="27" s="1"/>
  <c r="B2514" i="27" s="1"/>
  <c r="B2515" i="27" s="1"/>
  <c r="B2516" i="27" s="1"/>
  <c r="B2517" i="27" s="1"/>
  <c r="B2518" i="27" s="1"/>
  <c r="B2519" i="27" s="1"/>
  <c r="B2520" i="27" s="1"/>
  <c r="B2521" i="27" s="1"/>
  <c r="B2522" i="27" s="1"/>
  <c r="B2523" i="27" s="1"/>
  <c r="B2524" i="27" s="1"/>
  <c r="B2525" i="27" s="1"/>
  <c r="B2526" i="27" s="1"/>
  <c r="B2527" i="27" s="1"/>
  <c r="B2528" i="27" s="1"/>
  <c r="B2529" i="27" s="1"/>
  <c r="B2530" i="27" s="1"/>
  <c r="B2531" i="27" s="1"/>
  <c r="B2532" i="27" s="1"/>
  <c r="B2533" i="27" s="1"/>
  <c r="B2534" i="27" s="1"/>
  <c r="B2535" i="27" s="1"/>
  <c r="B2536" i="27" s="1"/>
  <c r="B2537" i="27" s="1"/>
  <c r="B2538" i="27" s="1"/>
  <c r="B2539" i="27" s="1"/>
  <c r="B2540" i="27" s="1"/>
  <c r="B2541" i="27" s="1"/>
  <c r="B2542" i="27" s="1"/>
  <c r="B2543" i="27" s="1"/>
  <c r="B2544" i="27" s="1"/>
  <c r="B2545" i="27" s="1"/>
  <c r="B2546" i="27" s="1"/>
  <c r="B2547" i="27" s="1"/>
  <c r="B2548" i="27" s="1"/>
  <c r="B2549" i="27" s="1"/>
  <c r="B2550" i="27" s="1"/>
  <c r="B2551" i="27" s="1"/>
  <c r="B2552" i="27" s="1"/>
  <c r="B2553" i="27" s="1"/>
  <c r="B2554" i="27" s="1"/>
  <c r="B2555" i="27" s="1"/>
  <c r="B2556" i="27" s="1"/>
  <c r="B2557" i="27" s="1"/>
  <c r="B2558" i="27" s="1"/>
  <c r="B2559" i="27" s="1"/>
  <c r="B2560" i="27" s="1"/>
  <c r="B2561" i="27" s="1"/>
  <c r="B2562" i="27" s="1"/>
  <c r="B2563" i="27" s="1"/>
  <c r="B2564" i="27" s="1"/>
  <c r="B2565" i="27" s="1"/>
  <c r="B2566" i="27" s="1"/>
  <c r="B2567" i="27" s="1"/>
  <c r="B2568" i="27" s="1"/>
  <c r="B2569" i="27" s="1"/>
  <c r="B2570" i="27" s="1"/>
  <c r="B2571" i="27" s="1"/>
  <c r="B2572" i="27" s="1"/>
  <c r="B2573" i="27" s="1"/>
  <c r="B2574" i="27" s="1"/>
  <c r="B2575" i="27" s="1"/>
  <c r="B2576" i="27" s="1"/>
  <c r="B2577" i="27" s="1"/>
  <c r="B2578" i="27" s="1"/>
  <c r="B2579" i="27" s="1"/>
  <c r="B2580" i="27" s="1"/>
  <c r="B2581" i="27" s="1"/>
  <c r="B2582" i="27" s="1"/>
  <c r="B2583" i="27" s="1"/>
  <c r="B2584" i="27" s="1"/>
  <c r="B2585" i="27" s="1"/>
  <c r="B2586" i="27" s="1"/>
  <c r="B2587" i="27" s="1"/>
  <c r="B2588" i="27" s="1"/>
  <c r="B2589" i="27" s="1"/>
  <c r="B2590" i="27" s="1"/>
  <c r="B2591" i="27" s="1"/>
  <c r="B2592" i="27" s="1"/>
  <c r="B2593" i="27" s="1"/>
  <c r="B2594" i="27" s="1"/>
  <c r="B2595" i="27" s="1"/>
  <c r="B2596" i="27" s="1"/>
  <c r="B2597" i="27" s="1"/>
  <c r="B2598" i="27" s="1"/>
  <c r="B2599" i="27" s="1"/>
  <c r="B2600" i="27" s="1"/>
  <c r="B2601" i="27" s="1"/>
  <c r="B2602" i="27" s="1"/>
  <c r="B2603" i="27" s="1"/>
  <c r="B2604" i="27" s="1"/>
  <c r="B2605" i="27" s="1"/>
  <c r="B2606" i="27" s="1"/>
  <c r="B2607" i="27" s="1"/>
  <c r="B2608" i="27" s="1"/>
  <c r="B2609" i="27" s="1"/>
  <c r="B2610" i="27" s="1"/>
  <c r="B2611" i="27" s="1"/>
  <c r="B2612" i="27" s="1"/>
  <c r="B2613" i="27" s="1"/>
  <c r="B2614" i="27" s="1"/>
  <c r="B2615" i="27" s="1"/>
  <c r="B2616" i="27" s="1"/>
  <c r="B2617" i="27" s="1"/>
  <c r="B2618" i="27" s="1"/>
  <c r="B2619" i="27" s="1"/>
  <c r="B2620" i="27" s="1"/>
  <c r="B2621" i="27" s="1"/>
  <c r="B2622" i="27" s="1"/>
  <c r="B2623" i="27" s="1"/>
  <c r="B2624" i="27" s="1"/>
  <c r="B2625" i="27" s="1"/>
  <c r="B2626" i="27" s="1"/>
  <c r="B2627" i="27" s="1"/>
  <c r="B2628" i="27" s="1"/>
  <c r="B2629" i="27" s="1"/>
  <c r="B2630" i="27" s="1"/>
  <c r="B2631" i="27" s="1"/>
  <c r="B2632" i="27" s="1"/>
  <c r="B2633" i="27" s="1"/>
  <c r="B2634" i="27" s="1"/>
  <c r="B2635" i="27" s="1"/>
  <c r="B2636" i="27" s="1"/>
  <c r="B2637" i="27" s="1"/>
  <c r="B2638" i="27" s="1"/>
  <c r="B2639" i="27" s="1"/>
  <c r="B2640" i="27" s="1"/>
  <c r="B2641" i="27" s="1"/>
  <c r="B2642" i="27" s="1"/>
  <c r="B2643" i="27" s="1"/>
  <c r="B2644" i="27" s="1"/>
  <c r="B2645" i="27" s="1"/>
  <c r="B2646" i="27" s="1"/>
  <c r="B2647" i="27" s="1"/>
  <c r="B2648" i="27" s="1"/>
  <c r="B2649" i="27" s="1"/>
  <c r="B2650" i="27" s="1"/>
  <c r="B2651" i="27" s="1"/>
  <c r="B2652" i="27" s="1"/>
  <c r="B2653" i="27" s="1"/>
  <c r="B2654" i="27" s="1"/>
  <c r="B2655" i="27" s="1"/>
  <c r="B2656" i="27" s="1"/>
  <c r="B2657" i="27" s="1"/>
  <c r="B2658" i="27" s="1"/>
  <c r="B2659" i="27" s="1"/>
  <c r="B2660" i="27" s="1"/>
  <c r="B2661" i="27" s="1"/>
  <c r="B2662" i="27" s="1"/>
  <c r="B2663" i="27" s="1"/>
  <c r="B2664" i="27" s="1"/>
  <c r="B2665" i="27" s="1"/>
  <c r="B2666" i="27" s="1"/>
  <c r="B2667" i="27" s="1"/>
  <c r="B2668" i="27" s="1"/>
  <c r="B2669" i="27" s="1"/>
  <c r="B2670" i="27" s="1"/>
  <c r="B2671" i="27" s="1"/>
  <c r="B2672" i="27" s="1"/>
  <c r="B2673" i="27" s="1"/>
  <c r="B2674" i="27" s="1"/>
  <c r="B2675" i="27" s="1"/>
  <c r="B2676" i="27" s="1"/>
  <c r="B2677" i="27" s="1"/>
  <c r="B2678" i="27" s="1"/>
  <c r="B2679" i="27" s="1"/>
  <c r="B2680" i="27" s="1"/>
  <c r="B2681" i="27" s="1"/>
  <c r="B2682" i="27" s="1"/>
  <c r="B2683" i="27" s="1"/>
  <c r="B2684" i="27" s="1"/>
  <c r="B2685" i="27" s="1"/>
  <c r="B2686" i="27" s="1"/>
  <c r="B2687" i="27" s="1"/>
  <c r="B2688" i="27" s="1"/>
  <c r="B2689" i="27" s="1"/>
  <c r="B2690" i="27" s="1"/>
  <c r="B2691" i="27" s="1"/>
  <c r="B2692" i="27" s="1"/>
  <c r="B2693" i="27" s="1"/>
  <c r="B2694" i="27" s="1"/>
  <c r="B2695" i="27" s="1"/>
  <c r="B2696" i="27" s="1"/>
  <c r="B2697" i="27" s="1"/>
  <c r="B2698" i="27" s="1"/>
  <c r="B2699" i="27" s="1"/>
  <c r="B2700" i="27" s="1"/>
  <c r="B2701" i="27" s="1"/>
  <c r="B2702" i="27" s="1"/>
  <c r="B2703" i="27" s="1"/>
  <c r="B2704" i="27" s="1"/>
  <c r="B2705" i="27" s="1"/>
  <c r="B2706" i="27" s="1"/>
  <c r="B2707" i="27" s="1"/>
  <c r="B2708" i="27" s="1"/>
  <c r="B2709" i="27" s="1"/>
  <c r="B2710" i="27" s="1"/>
  <c r="B2711" i="27" s="1"/>
  <c r="B2712" i="27" s="1"/>
  <c r="B2713" i="27" s="1"/>
  <c r="B2714" i="27" s="1"/>
  <c r="B2715" i="27" s="1"/>
  <c r="B2716" i="27" s="1"/>
  <c r="B2717" i="27" s="1"/>
  <c r="B2718" i="27" s="1"/>
  <c r="B2719" i="27" s="1"/>
  <c r="B2720" i="27" s="1"/>
  <c r="B2721" i="27" s="1"/>
  <c r="B2722" i="27" s="1"/>
  <c r="B2723" i="27" s="1"/>
  <c r="B2724" i="27" s="1"/>
  <c r="B2725" i="27" s="1"/>
  <c r="B2726" i="27" s="1"/>
  <c r="B2727" i="27" s="1"/>
  <c r="B2728" i="27" s="1"/>
  <c r="B2729" i="27" s="1"/>
  <c r="B2730" i="27" s="1"/>
  <c r="B2731" i="27" s="1"/>
  <c r="B2732" i="27" s="1"/>
  <c r="B2733" i="27" s="1"/>
  <c r="B2734" i="27" s="1"/>
  <c r="B2735" i="27" s="1"/>
  <c r="B2736" i="27" s="1"/>
  <c r="B2737" i="27" s="1"/>
  <c r="B2738" i="27" s="1"/>
  <c r="B2739" i="27" s="1"/>
  <c r="B2740" i="27" s="1"/>
  <c r="B2741" i="27" s="1"/>
  <c r="B2742" i="27" s="1"/>
  <c r="B2743" i="27" s="1"/>
  <c r="B2744" i="27" s="1"/>
  <c r="B2745" i="27" s="1"/>
  <c r="B2746" i="27" s="1"/>
  <c r="N2423" i="27"/>
  <c r="B2423" i="27"/>
  <c r="N2422" i="27"/>
  <c r="N2421" i="27"/>
  <c r="N2420" i="27"/>
  <c r="B2420" i="27"/>
  <c r="B2421" i="27" s="1"/>
  <c r="B2422" i="27" s="1"/>
  <c r="N2419" i="27"/>
  <c r="B2419" i="27"/>
  <c r="N2418" i="27"/>
  <c r="B2418" i="27"/>
  <c r="N2417" i="27"/>
  <c r="B2417" i="27"/>
  <c r="N2416" i="27"/>
  <c r="B2416" i="27"/>
  <c r="N2415" i="27"/>
  <c r="B2415" i="27"/>
  <c r="N2414" i="27"/>
  <c r="B2414" i="27"/>
  <c r="N2413" i="27"/>
  <c r="B2413" i="27"/>
  <c r="N2412" i="27"/>
  <c r="B2412" i="27"/>
  <c r="N2411" i="27"/>
  <c r="N2410" i="27"/>
  <c r="N2409" i="27"/>
  <c r="N2408" i="27"/>
  <c r="B2408" i="27"/>
  <c r="B2409" i="27" s="1"/>
  <c r="B2410" i="27" s="1"/>
  <c r="B2411" i="27" s="1"/>
  <c r="N2407" i="27"/>
  <c r="B2407" i="27"/>
  <c r="N2406" i="27"/>
  <c r="B2406" i="27"/>
  <c r="N2405" i="27"/>
  <c r="B2405" i="27"/>
  <c r="N2404" i="27"/>
  <c r="B2404" i="27"/>
  <c r="N2403" i="27"/>
  <c r="B2403" i="27"/>
  <c r="N2402" i="27"/>
  <c r="B2402" i="27"/>
  <c r="N2401" i="27"/>
  <c r="N2400" i="27"/>
  <c r="N2399" i="27"/>
  <c r="N2398" i="27"/>
  <c r="N2397" i="27"/>
  <c r="N2396" i="27"/>
  <c r="N2395" i="27"/>
  <c r="N2394" i="27"/>
  <c r="N2393" i="27"/>
  <c r="N2392" i="27"/>
  <c r="N2391" i="27"/>
  <c r="N2390" i="27"/>
  <c r="N2389" i="27"/>
  <c r="N2388" i="27"/>
  <c r="N2387" i="27"/>
  <c r="N2386" i="27"/>
  <c r="N2385" i="27"/>
  <c r="N2384" i="27"/>
  <c r="N2383" i="27"/>
  <c r="N2382" i="27"/>
  <c r="N2381" i="27"/>
  <c r="N2380" i="27"/>
  <c r="N2379" i="27"/>
  <c r="N2378" i="27"/>
  <c r="N2377" i="27"/>
  <c r="N2376" i="27"/>
  <c r="N2375" i="27"/>
  <c r="N2374" i="27"/>
  <c r="N2373" i="27"/>
  <c r="N2372" i="27"/>
  <c r="N2371" i="27"/>
  <c r="N2370" i="27"/>
  <c r="N2369" i="27"/>
  <c r="N2368" i="27"/>
  <c r="N2367" i="27"/>
  <c r="N2366" i="27"/>
  <c r="N2365" i="27"/>
  <c r="N2364" i="27"/>
  <c r="N2363" i="27"/>
  <c r="N2362" i="27"/>
  <c r="N2361" i="27"/>
  <c r="N2360" i="27"/>
  <c r="N2359" i="27"/>
  <c r="N2358" i="27"/>
  <c r="N2357" i="27"/>
  <c r="N2356" i="27"/>
  <c r="N2355" i="27"/>
  <c r="N2354" i="27"/>
  <c r="N2353" i="27"/>
  <c r="N2352" i="27"/>
  <c r="N2351" i="27"/>
  <c r="N2350" i="27"/>
  <c r="N2349" i="27"/>
  <c r="N2348" i="27"/>
  <c r="N2347" i="27"/>
  <c r="N2346" i="27"/>
  <c r="N2345" i="27"/>
  <c r="N2344" i="27"/>
  <c r="N2343" i="27"/>
  <c r="N2342" i="27"/>
  <c r="N2341" i="27"/>
  <c r="N2340" i="27"/>
  <c r="N2339" i="27"/>
  <c r="N2338" i="27"/>
  <c r="N2337" i="27"/>
  <c r="N2336" i="27"/>
  <c r="N2335" i="27"/>
  <c r="N2334" i="27"/>
  <c r="N2333" i="27"/>
  <c r="N2332" i="27"/>
  <c r="N2331" i="27"/>
  <c r="N2330" i="27"/>
  <c r="N2329" i="27"/>
  <c r="N2328" i="27"/>
  <c r="N2327" i="27"/>
  <c r="N2326" i="27"/>
  <c r="N2325" i="27"/>
  <c r="N2324" i="27"/>
  <c r="N2323" i="27"/>
  <c r="N2322" i="27"/>
  <c r="N2321" i="27"/>
  <c r="N2320" i="27"/>
  <c r="N2319" i="27"/>
  <c r="N2318" i="27"/>
  <c r="N2317" i="27"/>
  <c r="N2316" i="27"/>
  <c r="N2315" i="27"/>
  <c r="N2314" i="27"/>
  <c r="N2313" i="27"/>
  <c r="N2312" i="27"/>
  <c r="N2311" i="27"/>
  <c r="N2310" i="27"/>
  <c r="N2309" i="27"/>
  <c r="N2308" i="27"/>
  <c r="N2307" i="27"/>
  <c r="N2306" i="27"/>
  <c r="N2305" i="27"/>
  <c r="N2304" i="27"/>
  <c r="N2303" i="27"/>
  <c r="N2302" i="27"/>
  <c r="N2301" i="27"/>
  <c r="N2300" i="27"/>
  <c r="N2299" i="27"/>
  <c r="N2298" i="27"/>
  <c r="N2297" i="27"/>
  <c r="N2296" i="27"/>
  <c r="N2295" i="27"/>
  <c r="N2294" i="27"/>
  <c r="N2293" i="27"/>
  <c r="N2292" i="27"/>
  <c r="N2291" i="27"/>
  <c r="N2290" i="27"/>
  <c r="N2289" i="27"/>
  <c r="N2288" i="27"/>
  <c r="N2287" i="27"/>
  <c r="N2286" i="27"/>
  <c r="N2285" i="27"/>
  <c r="N2284" i="27"/>
  <c r="N2283" i="27"/>
  <c r="N2282" i="27"/>
  <c r="N2281" i="27"/>
  <c r="N2280" i="27"/>
  <c r="N2279" i="27"/>
  <c r="N2278" i="27"/>
  <c r="N2277" i="27"/>
  <c r="N2276" i="27"/>
  <c r="N2275" i="27"/>
  <c r="N2274" i="27"/>
  <c r="N2273" i="27"/>
  <c r="N2272" i="27"/>
  <c r="N2271" i="27"/>
  <c r="N2270" i="27"/>
  <c r="N2269" i="27"/>
  <c r="N2268" i="27"/>
  <c r="N2267" i="27"/>
  <c r="N2266" i="27"/>
  <c r="N2265" i="27"/>
  <c r="N2264" i="27"/>
  <c r="N2263" i="27"/>
  <c r="N2262" i="27"/>
  <c r="N2261" i="27"/>
  <c r="N2260" i="27"/>
  <c r="N2259" i="27"/>
  <c r="N2258" i="27"/>
  <c r="N2257" i="27"/>
  <c r="N2256" i="27"/>
  <c r="N2255" i="27"/>
  <c r="N2254" i="27"/>
  <c r="N2253" i="27"/>
  <c r="N2252" i="27"/>
  <c r="N2251" i="27"/>
  <c r="N2250" i="27"/>
  <c r="N2249" i="27"/>
  <c r="N2248" i="27"/>
  <c r="N2247" i="27"/>
  <c r="N2246" i="27"/>
  <c r="N2245" i="27"/>
  <c r="N2244" i="27"/>
  <c r="N2243" i="27"/>
  <c r="N2242" i="27"/>
  <c r="N2241" i="27"/>
  <c r="N2240" i="27"/>
  <c r="N2239" i="27"/>
  <c r="N2238" i="27"/>
  <c r="N2237" i="27"/>
  <c r="N2236" i="27"/>
  <c r="N2235" i="27"/>
  <c r="N2234" i="27"/>
  <c r="N2233" i="27"/>
  <c r="N2232" i="27"/>
  <c r="N2231" i="27"/>
  <c r="N2230" i="27"/>
  <c r="N2229" i="27"/>
  <c r="N2228" i="27"/>
  <c r="N2227" i="27"/>
  <c r="N2226" i="27"/>
  <c r="N2225" i="27"/>
  <c r="N2224" i="27"/>
  <c r="N2223" i="27"/>
  <c r="N2222" i="27"/>
  <c r="N2221" i="27"/>
  <c r="N2220" i="27"/>
  <c r="N2219" i="27"/>
  <c r="N2218" i="27"/>
  <c r="N2217" i="27"/>
  <c r="N2216" i="27"/>
  <c r="N2215" i="27"/>
  <c r="N2214" i="27"/>
  <c r="N2213" i="27"/>
  <c r="N2212" i="27"/>
  <c r="N2211" i="27"/>
  <c r="N2210" i="27"/>
  <c r="N2209" i="27"/>
  <c r="N2208" i="27"/>
  <c r="N2207" i="27"/>
  <c r="N2206" i="27"/>
  <c r="N2205" i="27"/>
  <c r="N2204" i="27"/>
  <c r="N2203" i="27"/>
  <c r="N2202" i="27"/>
  <c r="N2201" i="27"/>
  <c r="N2200" i="27"/>
  <c r="N2199" i="27"/>
  <c r="N2198" i="27"/>
  <c r="N2197" i="27"/>
  <c r="N2196" i="27"/>
  <c r="N2195" i="27"/>
  <c r="N2194" i="27"/>
  <c r="N2193" i="27"/>
  <c r="N2192" i="27"/>
  <c r="N2191" i="27"/>
  <c r="N2190" i="27"/>
  <c r="N2189" i="27"/>
  <c r="N2188" i="27"/>
  <c r="N2187" i="27"/>
  <c r="N2186" i="27"/>
  <c r="N2185" i="27"/>
  <c r="B2185" i="27"/>
  <c r="B2186" i="27" s="1"/>
  <c r="B2187" i="27" s="1"/>
  <c r="B2188" i="27" s="1"/>
  <c r="B2189" i="27" s="1"/>
  <c r="B2190" i="27" s="1"/>
  <c r="B2191" i="27" s="1"/>
  <c r="B2192" i="27" s="1"/>
  <c r="B2193" i="27" s="1"/>
  <c r="B2194" i="27" s="1"/>
  <c r="B2195" i="27" s="1"/>
  <c r="B2196" i="27" s="1"/>
  <c r="B2197" i="27" s="1"/>
  <c r="B2198" i="27" s="1"/>
  <c r="B2199" i="27" s="1"/>
  <c r="B2200" i="27" s="1"/>
  <c r="B2201" i="27" s="1"/>
  <c r="B2202" i="27" s="1"/>
  <c r="B2203" i="27" s="1"/>
  <c r="B2204" i="27" s="1"/>
  <c r="B2205" i="27" s="1"/>
  <c r="B2206" i="27" s="1"/>
  <c r="B2207" i="27" s="1"/>
  <c r="B2208" i="27" s="1"/>
  <c r="B2209" i="27" s="1"/>
  <c r="B2210" i="27" s="1"/>
  <c r="B2211" i="27" s="1"/>
  <c r="B2212" i="27" s="1"/>
  <c r="B2213" i="27" s="1"/>
  <c r="B2214" i="27" s="1"/>
  <c r="B2215" i="27" s="1"/>
  <c r="B2216" i="27" s="1"/>
  <c r="B2217" i="27" s="1"/>
  <c r="B2218" i="27" s="1"/>
  <c r="B2219" i="27" s="1"/>
  <c r="B2220" i="27" s="1"/>
  <c r="B2221" i="27" s="1"/>
  <c r="B2222" i="27" s="1"/>
  <c r="B2223" i="27" s="1"/>
  <c r="B2224" i="27" s="1"/>
  <c r="B2225" i="27" s="1"/>
  <c r="B2226" i="27" s="1"/>
  <c r="B2227" i="27" s="1"/>
  <c r="B2228" i="27" s="1"/>
  <c r="B2229" i="27" s="1"/>
  <c r="B2230" i="27" s="1"/>
  <c r="B2231" i="27" s="1"/>
  <c r="B2232" i="27" s="1"/>
  <c r="B2233" i="27" s="1"/>
  <c r="B2234" i="27" s="1"/>
  <c r="B2235" i="27" s="1"/>
  <c r="B2236" i="27" s="1"/>
  <c r="B2237" i="27" s="1"/>
  <c r="B2238" i="27" s="1"/>
  <c r="B2239" i="27" s="1"/>
  <c r="B2240" i="27" s="1"/>
  <c r="B2241" i="27" s="1"/>
  <c r="B2242" i="27" s="1"/>
  <c r="B2243" i="27" s="1"/>
  <c r="B2244" i="27" s="1"/>
  <c r="B2245" i="27" s="1"/>
  <c r="B2246" i="27" s="1"/>
  <c r="B2247" i="27" s="1"/>
  <c r="B2248" i="27" s="1"/>
  <c r="B2249" i="27" s="1"/>
  <c r="B2250" i="27" s="1"/>
  <c r="B2251" i="27" s="1"/>
  <c r="B2252" i="27" s="1"/>
  <c r="B2253" i="27" s="1"/>
  <c r="B2254" i="27" s="1"/>
  <c r="B2255" i="27" s="1"/>
  <c r="B2256" i="27" s="1"/>
  <c r="B2257" i="27" s="1"/>
  <c r="B2258" i="27" s="1"/>
  <c r="B2259" i="27" s="1"/>
  <c r="B2260" i="27" s="1"/>
  <c r="B2261" i="27" s="1"/>
  <c r="B2262" i="27" s="1"/>
  <c r="B2263" i="27" s="1"/>
  <c r="B2264" i="27" s="1"/>
  <c r="B2265" i="27" s="1"/>
  <c r="B2266" i="27" s="1"/>
  <c r="B2267" i="27" s="1"/>
  <c r="B2268" i="27" s="1"/>
  <c r="B2269" i="27" s="1"/>
  <c r="B2270" i="27" s="1"/>
  <c r="B2271" i="27" s="1"/>
  <c r="B2272" i="27" s="1"/>
  <c r="B2273" i="27" s="1"/>
  <c r="B2274" i="27" s="1"/>
  <c r="B2275" i="27" s="1"/>
  <c r="B2276" i="27" s="1"/>
  <c r="B2277" i="27" s="1"/>
  <c r="B2278" i="27" s="1"/>
  <c r="B2279" i="27" s="1"/>
  <c r="B2280" i="27" s="1"/>
  <c r="B2281" i="27" s="1"/>
  <c r="B2282" i="27" s="1"/>
  <c r="B2283" i="27" s="1"/>
  <c r="B2284" i="27" s="1"/>
  <c r="B2285" i="27" s="1"/>
  <c r="B2286" i="27" s="1"/>
  <c r="B2287" i="27" s="1"/>
  <c r="B2288" i="27" s="1"/>
  <c r="B2289" i="27" s="1"/>
  <c r="B2290" i="27" s="1"/>
  <c r="B2291" i="27" s="1"/>
  <c r="B2292" i="27" s="1"/>
  <c r="B2293" i="27" s="1"/>
  <c r="B2294" i="27" s="1"/>
  <c r="B2295" i="27" s="1"/>
  <c r="B2296" i="27" s="1"/>
  <c r="B2297" i="27" s="1"/>
  <c r="B2298" i="27" s="1"/>
  <c r="B2299" i="27" s="1"/>
  <c r="B2300" i="27" s="1"/>
  <c r="B2301" i="27" s="1"/>
  <c r="B2302" i="27" s="1"/>
  <c r="B2303" i="27" s="1"/>
  <c r="B2304" i="27" s="1"/>
  <c r="B2305" i="27" s="1"/>
  <c r="B2306" i="27" s="1"/>
  <c r="B2307" i="27" s="1"/>
  <c r="B2308" i="27" s="1"/>
  <c r="B2309" i="27" s="1"/>
  <c r="B2310" i="27" s="1"/>
  <c r="B2311" i="27" s="1"/>
  <c r="B2312" i="27" s="1"/>
  <c r="B2313" i="27" s="1"/>
  <c r="B2314" i="27" s="1"/>
  <c r="B2315" i="27" s="1"/>
  <c r="B2316" i="27" s="1"/>
  <c r="B2317" i="27" s="1"/>
  <c r="B2318" i="27" s="1"/>
  <c r="B2319" i="27" s="1"/>
  <c r="B2320" i="27" s="1"/>
  <c r="B2321" i="27" s="1"/>
  <c r="B2322" i="27" s="1"/>
  <c r="B2323" i="27" s="1"/>
  <c r="B2324" i="27" s="1"/>
  <c r="B2325" i="27" s="1"/>
  <c r="B2326" i="27" s="1"/>
  <c r="B2327" i="27" s="1"/>
  <c r="B2328" i="27" s="1"/>
  <c r="B2329" i="27" s="1"/>
  <c r="B2330" i="27" s="1"/>
  <c r="B2331" i="27" s="1"/>
  <c r="B2332" i="27" s="1"/>
  <c r="B2333" i="27" s="1"/>
  <c r="B2334" i="27" s="1"/>
  <c r="B2335" i="27" s="1"/>
  <c r="B2336" i="27" s="1"/>
  <c r="B2337" i="27" s="1"/>
  <c r="B2338" i="27" s="1"/>
  <c r="B2339" i="27" s="1"/>
  <c r="B2340" i="27" s="1"/>
  <c r="B2341" i="27" s="1"/>
  <c r="B2342" i="27" s="1"/>
  <c r="B2343" i="27" s="1"/>
  <c r="B2344" i="27" s="1"/>
  <c r="B2345" i="27" s="1"/>
  <c r="B2346" i="27" s="1"/>
  <c r="B2347" i="27" s="1"/>
  <c r="B2348" i="27" s="1"/>
  <c r="B2349" i="27" s="1"/>
  <c r="B2350" i="27" s="1"/>
  <c r="B2351" i="27" s="1"/>
  <c r="B2352" i="27" s="1"/>
  <c r="B2353" i="27" s="1"/>
  <c r="B2354" i="27" s="1"/>
  <c r="B2355" i="27" s="1"/>
  <c r="B2356" i="27" s="1"/>
  <c r="B2357" i="27" s="1"/>
  <c r="B2358" i="27" s="1"/>
  <c r="B2359" i="27" s="1"/>
  <c r="B2360" i="27" s="1"/>
  <c r="B2361" i="27" s="1"/>
  <c r="B2362" i="27" s="1"/>
  <c r="B2363" i="27" s="1"/>
  <c r="B2364" i="27" s="1"/>
  <c r="B2365" i="27" s="1"/>
  <c r="B2366" i="27" s="1"/>
  <c r="B2367" i="27" s="1"/>
  <c r="B2368" i="27" s="1"/>
  <c r="B2369" i="27" s="1"/>
  <c r="B2370" i="27" s="1"/>
  <c r="B2371" i="27" s="1"/>
  <c r="B2372" i="27" s="1"/>
  <c r="B2373" i="27" s="1"/>
  <c r="B2374" i="27" s="1"/>
  <c r="B2375" i="27" s="1"/>
  <c r="B2376" i="27" s="1"/>
  <c r="B2377" i="27" s="1"/>
  <c r="B2378" i="27" s="1"/>
  <c r="B2379" i="27" s="1"/>
  <c r="B2380" i="27" s="1"/>
  <c r="B2381" i="27" s="1"/>
  <c r="B2382" i="27" s="1"/>
  <c r="B2383" i="27" s="1"/>
  <c r="B2384" i="27" s="1"/>
  <c r="B2385" i="27" s="1"/>
  <c r="B2386" i="27" s="1"/>
  <c r="B2387" i="27" s="1"/>
  <c r="B2388" i="27" s="1"/>
  <c r="B2389" i="27" s="1"/>
  <c r="B2390" i="27" s="1"/>
  <c r="B2391" i="27" s="1"/>
  <c r="B2392" i="27" s="1"/>
  <c r="B2393" i="27" s="1"/>
  <c r="B2394" i="27" s="1"/>
  <c r="B2395" i="27" s="1"/>
  <c r="B2396" i="27" s="1"/>
  <c r="B2397" i="27" s="1"/>
  <c r="B2398" i="27" s="1"/>
  <c r="B2399" i="27" s="1"/>
  <c r="B2400" i="27" s="1"/>
  <c r="B2401" i="27" s="1"/>
  <c r="N2184" i="27"/>
  <c r="N2183" i="27"/>
  <c r="N2182" i="27"/>
  <c r="N2181" i="27"/>
  <c r="N2180" i="27"/>
  <c r="N2179" i="27"/>
  <c r="N2178" i="27"/>
  <c r="N2177" i="27"/>
  <c r="N2176" i="27"/>
  <c r="N2175" i="27"/>
  <c r="N2174" i="27"/>
  <c r="N2173" i="27"/>
  <c r="N2172" i="27"/>
  <c r="N2171" i="27"/>
  <c r="N2170" i="27"/>
  <c r="N2169" i="27"/>
  <c r="N2168" i="27"/>
  <c r="N2167" i="27"/>
  <c r="N2166" i="27"/>
  <c r="N2165" i="27"/>
  <c r="N2164" i="27"/>
  <c r="N2163" i="27"/>
  <c r="N2162" i="27"/>
  <c r="N2161" i="27"/>
  <c r="N2160" i="27"/>
  <c r="N2159" i="27"/>
  <c r="N2158" i="27"/>
  <c r="N2157" i="27"/>
  <c r="N2156" i="27"/>
  <c r="N2155" i="27"/>
  <c r="N2154" i="27"/>
  <c r="N2153" i="27"/>
  <c r="N2152" i="27"/>
  <c r="N2151" i="27"/>
  <c r="N2150" i="27"/>
  <c r="N2149" i="27"/>
  <c r="N2148" i="27"/>
  <c r="N2147" i="27"/>
  <c r="N2146" i="27"/>
  <c r="N2145" i="27"/>
  <c r="N2144" i="27"/>
  <c r="N2143" i="27"/>
  <c r="N2142" i="27"/>
  <c r="N2141" i="27"/>
  <c r="N2140" i="27"/>
  <c r="N2139" i="27"/>
  <c r="N2138" i="27"/>
  <c r="N2137" i="27"/>
  <c r="N2136" i="27"/>
  <c r="N2135" i="27"/>
  <c r="N2134" i="27"/>
  <c r="N2133" i="27"/>
  <c r="N2132" i="27"/>
  <c r="N2131" i="27"/>
  <c r="N2130" i="27"/>
  <c r="N2129" i="27"/>
  <c r="N2128" i="27"/>
  <c r="N2127" i="27"/>
  <c r="N2126" i="27"/>
  <c r="N2125" i="27"/>
  <c r="N2124" i="27"/>
  <c r="N2123" i="27"/>
  <c r="N2122" i="27"/>
  <c r="N2121" i="27"/>
  <c r="N2120" i="27"/>
  <c r="N2119" i="27"/>
  <c r="N2118" i="27"/>
  <c r="N2117" i="27"/>
  <c r="N2116" i="27"/>
  <c r="N2115" i="27"/>
  <c r="N2114" i="27"/>
  <c r="N2113" i="27"/>
  <c r="N2112" i="27"/>
  <c r="N2111" i="27"/>
  <c r="N2110" i="27"/>
  <c r="N2109" i="27"/>
  <c r="N2108" i="27"/>
  <c r="N2107" i="27"/>
  <c r="N2106" i="27"/>
  <c r="N2105" i="27"/>
  <c r="N2104" i="27"/>
  <c r="N2103" i="27"/>
  <c r="N2102" i="27"/>
  <c r="N2101" i="27"/>
  <c r="N2100" i="27"/>
  <c r="N2099" i="27"/>
  <c r="N2098" i="27"/>
  <c r="N2097" i="27"/>
  <c r="N2096" i="27"/>
  <c r="N2095" i="27"/>
  <c r="N2094" i="27"/>
  <c r="N2093" i="27"/>
  <c r="N2092" i="27"/>
  <c r="N2091" i="27"/>
  <c r="N2090" i="27"/>
  <c r="N2089" i="27"/>
  <c r="N2088" i="27"/>
  <c r="N2087" i="27"/>
  <c r="N2086" i="27"/>
  <c r="N2085" i="27"/>
  <c r="N2084" i="27"/>
  <c r="N2083" i="27"/>
  <c r="N2082" i="27"/>
  <c r="N2081" i="27"/>
  <c r="N2080" i="27"/>
  <c r="N2079" i="27"/>
  <c r="N2078" i="27"/>
  <c r="N2077" i="27"/>
  <c r="N2076" i="27"/>
  <c r="N2075" i="27"/>
  <c r="N2074" i="27"/>
  <c r="N2073" i="27"/>
  <c r="N2072" i="27"/>
  <c r="N2071" i="27"/>
  <c r="N2070" i="27"/>
  <c r="N2069" i="27"/>
  <c r="N2068" i="27"/>
  <c r="N2067" i="27"/>
  <c r="N2066" i="27"/>
  <c r="N2065" i="27"/>
  <c r="N2064" i="27"/>
  <c r="N2063" i="27"/>
  <c r="N2062" i="27"/>
  <c r="N2061" i="27"/>
  <c r="N2060" i="27"/>
  <c r="N2059" i="27"/>
  <c r="N2058" i="27"/>
  <c r="N2057" i="27"/>
  <c r="N2056" i="27"/>
  <c r="N2055" i="27"/>
  <c r="N2054" i="27"/>
  <c r="N2053" i="27"/>
  <c r="N2052" i="27"/>
  <c r="N2051" i="27"/>
  <c r="N2050" i="27"/>
  <c r="N2049" i="27"/>
  <c r="N2048" i="27"/>
  <c r="N2047" i="27"/>
  <c r="N2046" i="27"/>
  <c r="N2045" i="27"/>
  <c r="N2044" i="27"/>
  <c r="N2043" i="27"/>
  <c r="N2042" i="27"/>
  <c r="N2041" i="27"/>
  <c r="N2040" i="27"/>
  <c r="N2039" i="27"/>
  <c r="N2038" i="27"/>
  <c r="N2037" i="27"/>
  <c r="N2036" i="27"/>
  <c r="N2035" i="27"/>
  <c r="N2034" i="27"/>
  <c r="N2033" i="27"/>
  <c r="N2032" i="27"/>
  <c r="N2031" i="27"/>
  <c r="N2030" i="27"/>
  <c r="N2029" i="27"/>
  <c r="N2028" i="27"/>
  <c r="N2027" i="27"/>
  <c r="N2026" i="27"/>
  <c r="N2025" i="27"/>
  <c r="N2024" i="27"/>
  <c r="N2023" i="27"/>
  <c r="N2022" i="27"/>
  <c r="N2021" i="27"/>
  <c r="N2020" i="27"/>
  <c r="N2019" i="27"/>
  <c r="N2018" i="27"/>
  <c r="N2017" i="27"/>
  <c r="N2016" i="27"/>
  <c r="N2015" i="27"/>
  <c r="N2014" i="27"/>
  <c r="N2013" i="27"/>
  <c r="N2012" i="27"/>
  <c r="N2011" i="27"/>
  <c r="N2010" i="27"/>
  <c r="N2009" i="27"/>
  <c r="N2008" i="27"/>
  <c r="N2007" i="27"/>
  <c r="N2006" i="27"/>
  <c r="N2005" i="27"/>
  <c r="N2004" i="27"/>
  <c r="N2003" i="27"/>
  <c r="N2002" i="27"/>
  <c r="N2001" i="27"/>
  <c r="N2000" i="27"/>
  <c r="N1999" i="27"/>
  <c r="N1998" i="27"/>
  <c r="N1997" i="27"/>
  <c r="N1996" i="27"/>
  <c r="N1995" i="27"/>
  <c r="N1994" i="27"/>
  <c r="N1993" i="27"/>
  <c r="N1992" i="27"/>
  <c r="N1991" i="27"/>
  <c r="N1990" i="27"/>
  <c r="N1989" i="27"/>
  <c r="N1988" i="27"/>
  <c r="N1987" i="27"/>
  <c r="N1986" i="27"/>
  <c r="N1985" i="27"/>
  <c r="N1984" i="27"/>
  <c r="N1983" i="27"/>
  <c r="N1982" i="27"/>
  <c r="N1981" i="27"/>
  <c r="N1980" i="27"/>
  <c r="N1979" i="27"/>
  <c r="N1978" i="27"/>
  <c r="N1977" i="27"/>
  <c r="N1976" i="27"/>
  <c r="N1975" i="27"/>
  <c r="N1974" i="27"/>
  <c r="N1973" i="27"/>
  <c r="N1972" i="27"/>
  <c r="N1971" i="27"/>
  <c r="N1970" i="27"/>
  <c r="N1969" i="27"/>
  <c r="N1968" i="27"/>
  <c r="N1967" i="27"/>
  <c r="N1966" i="27"/>
  <c r="N1965" i="27"/>
  <c r="N1964" i="27"/>
  <c r="N1963" i="27"/>
  <c r="N1962" i="27"/>
  <c r="N1961" i="27"/>
  <c r="N1960" i="27"/>
  <c r="N1959" i="27"/>
  <c r="N1958" i="27"/>
  <c r="N1957" i="27"/>
  <c r="N1956" i="27"/>
  <c r="N1955" i="27"/>
  <c r="N1954" i="27"/>
  <c r="N1953" i="27"/>
  <c r="N1952" i="27"/>
  <c r="N1951" i="27"/>
  <c r="N1950" i="27"/>
  <c r="N1949" i="27"/>
  <c r="N1948" i="27"/>
  <c r="N1947" i="27"/>
  <c r="N1946" i="27"/>
  <c r="N1945" i="27"/>
  <c r="N1944" i="27"/>
  <c r="N1943" i="27"/>
  <c r="N1942" i="27"/>
  <c r="N1941" i="27"/>
  <c r="N1940" i="27"/>
  <c r="N1939" i="27"/>
  <c r="N1938" i="27"/>
  <c r="N1937" i="27"/>
  <c r="N1936" i="27"/>
  <c r="N1935" i="27"/>
  <c r="N1934" i="27"/>
  <c r="N1933" i="27"/>
  <c r="N1932" i="27"/>
  <c r="N1931" i="27"/>
  <c r="N1930" i="27"/>
  <c r="N1929" i="27"/>
  <c r="N1928" i="27"/>
  <c r="N1927" i="27"/>
  <c r="N1926" i="27"/>
  <c r="N1925" i="27"/>
  <c r="N1924" i="27"/>
  <c r="N1923" i="27"/>
  <c r="N1922" i="27"/>
  <c r="N1921" i="27"/>
  <c r="N1920" i="27"/>
  <c r="N1919" i="27"/>
  <c r="N1918" i="27"/>
  <c r="N1917" i="27"/>
  <c r="N1916" i="27"/>
  <c r="N1915" i="27"/>
  <c r="N1914" i="27"/>
  <c r="N1913" i="27"/>
  <c r="N1912" i="27"/>
  <c r="N1911" i="27"/>
  <c r="N1910" i="27"/>
  <c r="N1909" i="27"/>
  <c r="N1908" i="27"/>
  <c r="N1907" i="27"/>
  <c r="N1906" i="27"/>
  <c r="N1905" i="27"/>
  <c r="N1904" i="27"/>
  <c r="N1903" i="27"/>
  <c r="N1902" i="27"/>
  <c r="N1901" i="27"/>
  <c r="N1900" i="27"/>
  <c r="N1899" i="27"/>
  <c r="N1898" i="27"/>
  <c r="N1897" i="27"/>
  <c r="N1896" i="27"/>
  <c r="N1895" i="27"/>
  <c r="N1894" i="27"/>
  <c r="N1893" i="27"/>
  <c r="N1892" i="27"/>
  <c r="N1891" i="27"/>
  <c r="N1890" i="27"/>
  <c r="N1889" i="27"/>
  <c r="N1888" i="27"/>
  <c r="N1887" i="27"/>
  <c r="N1886" i="27"/>
  <c r="N1885" i="27"/>
  <c r="N1884" i="27"/>
  <c r="N1883" i="27"/>
  <c r="N1882" i="27"/>
  <c r="N1881" i="27"/>
  <c r="N1880" i="27"/>
  <c r="N1879" i="27"/>
  <c r="N1878" i="27"/>
  <c r="N1877" i="27"/>
  <c r="N1876" i="27"/>
  <c r="N1875" i="27"/>
  <c r="N1874" i="27"/>
  <c r="N1873" i="27"/>
  <c r="N1872" i="27"/>
  <c r="N1871" i="27"/>
  <c r="N1870" i="27"/>
  <c r="N1869" i="27"/>
  <c r="N1868" i="27"/>
  <c r="N1867" i="27"/>
  <c r="N1866" i="27"/>
  <c r="N1865" i="27"/>
  <c r="N1864" i="27"/>
  <c r="N1863" i="27"/>
  <c r="N1862" i="27"/>
  <c r="N1861" i="27"/>
  <c r="N1860" i="27"/>
  <c r="N1859" i="27"/>
  <c r="N1858" i="27"/>
  <c r="N1857" i="27"/>
  <c r="N1856" i="27"/>
  <c r="N1855" i="27"/>
  <c r="N1854" i="27"/>
  <c r="N1853" i="27"/>
  <c r="N1852" i="27"/>
  <c r="N1851" i="27"/>
  <c r="N1850" i="27"/>
  <c r="N1849" i="27"/>
  <c r="N1848" i="27"/>
  <c r="N1847" i="27"/>
  <c r="N1846" i="27"/>
  <c r="N1845" i="27"/>
  <c r="N1844" i="27"/>
  <c r="N1843" i="27"/>
  <c r="N1842" i="27"/>
  <c r="N1841" i="27"/>
  <c r="N1840" i="27"/>
  <c r="N1839" i="27"/>
  <c r="N1838" i="27"/>
  <c r="N1837" i="27"/>
  <c r="N1836" i="27"/>
  <c r="N1835" i="27"/>
  <c r="N1834" i="27"/>
  <c r="N1833" i="27"/>
  <c r="N1832" i="27"/>
  <c r="N1831" i="27"/>
  <c r="N1830" i="27"/>
  <c r="N1829" i="27"/>
  <c r="N1828" i="27"/>
  <c r="N1827" i="27"/>
  <c r="N1826" i="27"/>
  <c r="N1825" i="27"/>
  <c r="N1824" i="27"/>
  <c r="N1823" i="27"/>
  <c r="N1822" i="27"/>
  <c r="N1821" i="27"/>
  <c r="N1820" i="27"/>
  <c r="N1819" i="27"/>
  <c r="N1818" i="27"/>
  <c r="N1817" i="27"/>
  <c r="N1816" i="27"/>
  <c r="N1815" i="27"/>
  <c r="N1814" i="27"/>
  <c r="N1813" i="27"/>
  <c r="N1812" i="27"/>
  <c r="N1811" i="27"/>
  <c r="N1810" i="27"/>
  <c r="N1809" i="27"/>
  <c r="N1808" i="27"/>
  <c r="N1807" i="27"/>
  <c r="N1806" i="27"/>
  <c r="N1805" i="27"/>
  <c r="N1804" i="27"/>
  <c r="N1803" i="27"/>
  <c r="N1802" i="27"/>
  <c r="N1801" i="27"/>
  <c r="N1800" i="27"/>
  <c r="N1799" i="27"/>
  <c r="N1798" i="27"/>
  <c r="N1797" i="27"/>
  <c r="N1796" i="27"/>
  <c r="N1795" i="27"/>
  <c r="N1794" i="27"/>
  <c r="N1793" i="27"/>
  <c r="N1792" i="27"/>
  <c r="N1791" i="27"/>
  <c r="N1790" i="27"/>
  <c r="N1789" i="27"/>
  <c r="N1788" i="27"/>
  <c r="N1787" i="27"/>
  <c r="N1786" i="27"/>
  <c r="N1785" i="27"/>
  <c r="N1784" i="27"/>
  <c r="N1783" i="27"/>
  <c r="N1782" i="27"/>
  <c r="N1781" i="27"/>
  <c r="N1780" i="27"/>
  <c r="N1779" i="27"/>
  <c r="N1778" i="27"/>
  <c r="N1777" i="27"/>
  <c r="N1776" i="27"/>
  <c r="N1775" i="27"/>
  <c r="N1774" i="27"/>
  <c r="N1773" i="27"/>
  <c r="N1772" i="27"/>
  <c r="N1771" i="27"/>
  <c r="N1770" i="27"/>
  <c r="N1769" i="27"/>
  <c r="N1768" i="27"/>
  <c r="N1767" i="27"/>
  <c r="N1766" i="27"/>
  <c r="N1765" i="27"/>
  <c r="N1764" i="27"/>
  <c r="N1763" i="27"/>
  <c r="N1762" i="27"/>
  <c r="N1761" i="27"/>
  <c r="N1760" i="27"/>
  <c r="N1759" i="27"/>
  <c r="B1759" i="27"/>
  <c r="B1760" i="27" s="1"/>
  <c r="B1761" i="27" s="1"/>
  <c r="B1762" i="27" s="1"/>
  <c r="B1763" i="27" s="1"/>
  <c r="B1764" i="27" s="1"/>
  <c r="B1765" i="27" s="1"/>
  <c r="B1766" i="27" s="1"/>
  <c r="B1767" i="27" s="1"/>
  <c r="B1768" i="27" s="1"/>
  <c r="B1769" i="27" s="1"/>
  <c r="B1770" i="27" s="1"/>
  <c r="B1771" i="27" s="1"/>
  <c r="B1772" i="27" s="1"/>
  <c r="B1773" i="27" s="1"/>
  <c r="B1774" i="27" s="1"/>
  <c r="B1775" i="27" s="1"/>
  <c r="B1776" i="27" s="1"/>
  <c r="B1777" i="27" s="1"/>
  <c r="B1778" i="27" s="1"/>
  <c r="B1779" i="27" s="1"/>
  <c r="B1780" i="27" s="1"/>
  <c r="B1781" i="27" s="1"/>
  <c r="B1782" i="27" s="1"/>
  <c r="B1783" i="27" s="1"/>
  <c r="B1784" i="27" s="1"/>
  <c r="B1785" i="27" s="1"/>
  <c r="B1786" i="27" s="1"/>
  <c r="B1787" i="27" s="1"/>
  <c r="B1788" i="27" s="1"/>
  <c r="B1789" i="27" s="1"/>
  <c r="B1790" i="27" s="1"/>
  <c r="B1791" i="27" s="1"/>
  <c r="B1792" i="27" s="1"/>
  <c r="B1793" i="27" s="1"/>
  <c r="B1794" i="27" s="1"/>
  <c r="B1795" i="27" s="1"/>
  <c r="B1796" i="27" s="1"/>
  <c r="B1797" i="27" s="1"/>
  <c r="B1798" i="27" s="1"/>
  <c r="B1799" i="27" s="1"/>
  <c r="B1800" i="27" s="1"/>
  <c r="B1801" i="27" s="1"/>
  <c r="B1802" i="27" s="1"/>
  <c r="B1803" i="27" s="1"/>
  <c r="B1804" i="27" s="1"/>
  <c r="B1805" i="27" s="1"/>
  <c r="B1806" i="27" s="1"/>
  <c r="B1807" i="27" s="1"/>
  <c r="B1808" i="27" s="1"/>
  <c r="B1809" i="27" s="1"/>
  <c r="B1810" i="27" s="1"/>
  <c r="B1811" i="27" s="1"/>
  <c r="B1812" i="27" s="1"/>
  <c r="B1813" i="27" s="1"/>
  <c r="B1814" i="27" s="1"/>
  <c r="B1815" i="27" s="1"/>
  <c r="B1816" i="27" s="1"/>
  <c r="B1817" i="27" s="1"/>
  <c r="B1818" i="27" s="1"/>
  <c r="B1819" i="27" s="1"/>
  <c r="B1820" i="27" s="1"/>
  <c r="B1821" i="27" s="1"/>
  <c r="B1822" i="27" s="1"/>
  <c r="B1823" i="27" s="1"/>
  <c r="B1824" i="27" s="1"/>
  <c r="B1825" i="27" s="1"/>
  <c r="B1826" i="27" s="1"/>
  <c r="B1827" i="27" s="1"/>
  <c r="B1828" i="27" s="1"/>
  <c r="B1829" i="27" s="1"/>
  <c r="B1830" i="27" s="1"/>
  <c r="B1831" i="27" s="1"/>
  <c r="B1832" i="27" s="1"/>
  <c r="B1833" i="27" s="1"/>
  <c r="B1834" i="27" s="1"/>
  <c r="B1835" i="27" s="1"/>
  <c r="B1836" i="27" s="1"/>
  <c r="B1837" i="27" s="1"/>
  <c r="B1838" i="27" s="1"/>
  <c r="B1839" i="27" s="1"/>
  <c r="B1840" i="27" s="1"/>
  <c r="B1841" i="27" s="1"/>
  <c r="B1842" i="27" s="1"/>
  <c r="B1843" i="27" s="1"/>
  <c r="B1844" i="27" s="1"/>
  <c r="B1845" i="27" s="1"/>
  <c r="B1846" i="27" s="1"/>
  <c r="B1847" i="27" s="1"/>
  <c r="B1848" i="27" s="1"/>
  <c r="B1849" i="27" s="1"/>
  <c r="B1850" i="27" s="1"/>
  <c r="B1851" i="27" s="1"/>
  <c r="B1852" i="27" s="1"/>
  <c r="B1853" i="27" s="1"/>
  <c r="B1854" i="27" s="1"/>
  <c r="B1855" i="27" s="1"/>
  <c r="B1856" i="27" s="1"/>
  <c r="B1857" i="27" s="1"/>
  <c r="B1858" i="27" s="1"/>
  <c r="B1859" i="27" s="1"/>
  <c r="B1860" i="27" s="1"/>
  <c r="B1861" i="27" s="1"/>
  <c r="B1862" i="27" s="1"/>
  <c r="B1863" i="27" s="1"/>
  <c r="B1864" i="27" s="1"/>
  <c r="B1865" i="27" s="1"/>
  <c r="B1866" i="27" s="1"/>
  <c r="B1867" i="27" s="1"/>
  <c r="B1868" i="27" s="1"/>
  <c r="B1869" i="27" s="1"/>
  <c r="B1870" i="27" s="1"/>
  <c r="B1871" i="27" s="1"/>
  <c r="B1872" i="27" s="1"/>
  <c r="B1873" i="27" s="1"/>
  <c r="B1874" i="27" s="1"/>
  <c r="B1875" i="27" s="1"/>
  <c r="B1876" i="27" s="1"/>
  <c r="B1877" i="27" s="1"/>
  <c r="B1878" i="27" s="1"/>
  <c r="B1879" i="27" s="1"/>
  <c r="B1880" i="27" s="1"/>
  <c r="B1881" i="27" s="1"/>
  <c r="B1882" i="27" s="1"/>
  <c r="B1883" i="27" s="1"/>
  <c r="B1884" i="27" s="1"/>
  <c r="B1885" i="27" s="1"/>
  <c r="B1886" i="27" s="1"/>
  <c r="B1887" i="27" s="1"/>
  <c r="B1888" i="27" s="1"/>
  <c r="B1889" i="27" s="1"/>
  <c r="B1890" i="27" s="1"/>
  <c r="B1891" i="27" s="1"/>
  <c r="B1892" i="27" s="1"/>
  <c r="B1893" i="27" s="1"/>
  <c r="B1894" i="27" s="1"/>
  <c r="B1895" i="27" s="1"/>
  <c r="B1896" i="27" s="1"/>
  <c r="B1897" i="27" s="1"/>
  <c r="B1898" i="27" s="1"/>
  <c r="B1899" i="27" s="1"/>
  <c r="B1900" i="27" s="1"/>
  <c r="B1901" i="27" s="1"/>
  <c r="B1902" i="27" s="1"/>
  <c r="B1903" i="27" s="1"/>
  <c r="B1904" i="27" s="1"/>
  <c r="B1905" i="27" s="1"/>
  <c r="B1906" i="27" s="1"/>
  <c r="B1907" i="27" s="1"/>
  <c r="B1908" i="27" s="1"/>
  <c r="B1909" i="27" s="1"/>
  <c r="B1910" i="27" s="1"/>
  <c r="B1911" i="27" s="1"/>
  <c r="B1912" i="27" s="1"/>
  <c r="B1913" i="27" s="1"/>
  <c r="B1914" i="27" s="1"/>
  <c r="B1915" i="27" s="1"/>
  <c r="B1916" i="27" s="1"/>
  <c r="B1917" i="27" s="1"/>
  <c r="B1918" i="27" s="1"/>
  <c r="B1919" i="27" s="1"/>
  <c r="B1920" i="27" s="1"/>
  <c r="B1921" i="27" s="1"/>
  <c r="B1922" i="27" s="1"/>
  <c r="B1923" i="27" s="1"/>
  <c r="B1924" i="27" s="1"/>
  <c r="B1925" i="27" s="1"/>
  <c r="B1926" i="27" s="1"/>
  <c r="B1927" i="27" s="1"/>
  <c r="B1928" i="27" s="1"/>
  <c r="B1929" i="27" s="1"/>
  <c r="B1930" i="27" s="1"/>
  <c r="B1931" i="27" s="1"/>
  <c r="B1932" i="27" s="1"/>
  <c r="B1933" i="27" s="1"/>
  <c r="B1934" i="27" s="1"/>
  <c r="B1935" i="27" s="1"/>
  <c r="B1936" i="27" s="1"/>
  <c r="B1937" i="27" s="1"/>
  <c r="B1938" i="27" s="1"/>
  <c r="B1939" i="27" s="1"/>
  <c r="B1940" i="27" s="1"/>
  <c r="B1941" i="27" s="1"/>
  <c r="B1942" i="27" s="1"/>
  <c r="B1943" i="27" s="1"/>
  <c r="B1944" i="27" s="1"/>
  <c r="B1945" i="27" s="1"/>
  <c r="B1946" i="27" s="1"/>
  <c r="B1947" i="27" s="1"/>
  <c r="B1948" i="27" s="1"/>
  <c r="B1949" i="27" s="1"/>
  <c r="B1950" i="27" s="1"/>
  <c r="B1951" i="27" s="1"/>
  <c r="B1952" i="27" s="1"/>
  <c r="B1953" i="27" s="1"/>
  <c r="B1954" i="27" s="1"/>
  <c r="B1955" i="27" s="1"/>
  <c r="B1956" i="27" s="1"/>
  <c r="B1957" i="27" s="1"/>
  <c r="B1958" i="27" s="1"/>
  <c r="B1959" i="27" s="1"/>
  <c r="B1960" i="27" s="1"/>
  <c r="B1961" i="27" s="1"/>
  <c r="B1962" i="27" s="1"/>
  <c r="B1963" i="27" s="1"/>
  <c r="B1964" i="27" s="1"/>
  <c r="B1965" i="27" s="1"/>
  <c r="B1966" i="27" s="1"/>
  <c r="B1967" i="27" s="1"/>
  <c r="B1968" i="27" s="1"/>
  <c r="B1969" i="27" s="1"/>
  <c r="B1970" i="27" s="1"/>
  <c r="B1971" i="27" s="1"/>
  <c r="B1972" i="27" s="1"/>
  <c r="B1973" i="27" s="1"/>
  <c r="B1974" i="27" s="1"/>
  <c r="B1975" i="27" s="1"/>
  <c r="B1976" i="27" s="1"/>
  <c r="B1977" i="27" s="1"/>
  <c r="B1978" i="27" s="1"/>
  <c r="B1979" i="27" s="1"/>
  <c r="B1980" i="27" s="1"/>
  <c r="B1981" i="27" s="1"/>
  <c r="B1982" i="27" s="1"/>
  <c r="B1983" i="27" s="1"/>
  <c r="B1984" i="27" s="1"/>
  <c r="B1985" i="27" s="1"/>
  <c r="B1986" i="27" s="1"/>
  <c r="B1987" i="27" s="1"/>
  <c r="B1988" i="27" s="1"/>
  <c r="B1989" i="27" s="1"/>
  <c r="B1990" i="27" s="1"/>
  <c r="B1991" i="27" s="1"/>
  <c r="B1992" i="27" s="1"/>
  <c r="B1993" i="27" s="1"/>
  <c r="B1994" i="27" s="1"/>
  <c r="B1995" i="27" s="1"/>
  <c r="B1996" i="27" s="1"/>
  <c r="B1997" i="27" s="1"/>
  <c r="B1998" i="27" s="1"/>
  <c r="B1999" i="27" s="1"/>
  <c r="B2000" i="27" s="1"/>
  <c r="B2001" i="27" s="1"/>
  <c r="B2002" i="27" s="1"/>
  <c r="B2003" i="27" s="1"/>
  <c r="B2004" i="27" s="1"/>
  <c r="B2005" i="27" s="1"/>
  <c r="B2006" i="27" s="1"/>
  <c r="B2007" i="27" s="1"/>
  <c r="B2008" i="27" s="1"/>
  <c r="B2009" i="27" s="1"/>
  <c r="B2010" i="27" s="1"/>
  <c r="B2011" i="27" s="1"/>
  <c r="B2012" i="27" s="1"/>
  <c r="B2013" i="27" s="1"/>
  <c r="B2014" i="27" s="1"/>
  <c r="B2015" i="27" s="1"/>
  <c r="B2016" i="27" s="1"/>
  <c r="B2017" i="27" s="1"/>
  <c r="B2018" i="27" s="1"/>
  <c r="B2019" i="27" s="1"/>
  <c r="B2020" i="27" s="1"/>
  <c r="B2021" i="27" s="1"/>
  <c r="B2022" i="27" s="1"/>
  <c r="B2023" i="27" s="1"/>
  <c r="B2024" i="27" s="1"/>
  <c r="B2025" i="27" s="1"/>
  <c r="B2026" i="27" s="1"/>
  <c r="B2027" i="27" s="1"/>
  <c r="B2028" i="27" s="1"/>
  <c r="B2029" i="27" s="1"/>
  <c r="B2030" i="27" s="1"/>
  <c r="B2031" i="27" s="1"/>
  <c r="B2032" i="27" s="1"/>
  <c r="B2033" i="27" s="1"/>
  <c r="B2034" i="27" s="1"/>
  <c r="B2035" i="27" s="1"/>
  <c r="B2036" i="27" s="1"/>
  <c r="B2037" i="27" s="1"/>
  <c r="B2038" i="27" s="1"/>
  <c r="B2039" i="27" s="1"/>
  <c r="B2040" i="27" s="1"/>
  <c r="B2041" i="27" s="1"/>
  <c r="B2042" i="27" s="1"/>
  <c r="B2043" i="27" s="1"/>
  <c r="B2044" i="27" s="1"/>
  <c r="B2045" i="27" s="1"/>
  <c r="B2046" i="27" s="1"/>
  <c r="B2047" i="27" s="1"/>
  <c r="B2048" i="27" s="1"/>
  <c r="B2049" i="27" s="1"/>
  <c r="B2050" i="27" s="1"/>
  <c r="B2051" i="27" s="1"/>
  <c r="B2052" i="27" s="1"/>
  <c r="B2053" i="27" s="1"/>
  <c r="B2054" i="27" s="1"/>
  <c r="B2055" i="27" s="1"/>
  <c r="B2056" i="27" s="1"/>
  <c r="B2057" i="27" s="1"/>
  <c r="B2058" i="27" s="1"/>
  <c r="B2059" i="27" s="1"/>
  <c r="B2060" i="27" s="1"/>
  <c r="B2061" i="27" s="1"/>
  <c r="B2062" i="27" s="1"/>
  <c r="B2063" i="27" s="1"/>
  <c r="B2064" i="27" s="1"/>
  <c r="B2065" i="27" s="1"/>
  <c r="B2066" i="27" s="1"/>
  <c r="B2067" i="27" s="1"/>
  <c r="B2068" i="27" s="1"/>
  <c r="B2069" i="27" s="1"/>
  <c r="B2070" i="27" s="1"/>
  <c r="B2071" i="27" s="1"/>
  <c r="B2072" i="27" s="1"/>
  <c r="B2073" i="27" s="1"/>
  <c r="B2074" i="27" s="1"/>
  <c r="B2075" i="27" s="1"/>
  <c r="B2076" i="27" s="1"/>
  <c r="B2077" i="27" s="1"/>
  <c r="B2078" i="27" s="1"/>
  <c r="B2079" i="27" s="1"/>
  <c r="B2080" i="27" s="1"/>
  <c r="B2081" i="27" s="1"/>
  <c r="B2082" i="27" s="1"/>
  <c r="B2083" i="27" s="1"/>
  <c r="B2084" i="27" s="1"/>
  <c r="B2085" i="27" s="1"/>
  <c r="B2086" i="27" s="1"/>
  <c r="B2087" i="27" s="1"/>
  <c r="B2088" i="27" s="1"/>
  <c r="B2089" i="27" s="1"/>
  <c r="B2090" i="27" s="1"/>
  <c r="B2091" i="27" s="1"/>
  <c r="B2092" i="27" s="1"/>
  <c r="B2093" i="27" s="1"/>
  <c r="B2094" i="27" s="1"/>
  <c r="B2095" i="27" s="1"/>
  <c r="B2096" i="27" s="1"/>
  <c r="B2097" i="27" s="1"/>
  <c r="B2098" i="27" s="1"/>
  <c r="B2099" i="27" s="1"/>
  <c r="B2100" i="27" s="1"/>
  <c r="B2101" i="27" s="1"/>
  <c r="B2102" i="27" s="1"/>
  <c r="B2103" i="27" s="1"/>
  <c r="B2104" i="27" s="1"/>
  <c r="B2105" i="27" s="1"/>
  <c r="B2106" i="27" s="1"/>
  <c r="B2107" i="27" s="1"/>
  <c r="B2108" i="27" s="1"/>
  <c r="B2109" i="27" s="1"/>
  <c r="B2110" i="27" s="1"/>
  <c r="B2111" i="27" s="1"/>
  <c r="B2112" i="27" s="1"/>
  <c r="B2113" i="27" s="1"/>
  <c r="B2114" i="27" s="1"/>
  <c r="B2115" i="27" s="1"/>
  <c r="B2116" i="27" s="1"/>
  <c r="B2117" i="27" s="1"/>
  <c r="B2118" i="27" s="1"/>
  <c r="B2119" i="27" s="1"/>
  <c r="B2120" i="27" s="1"/>
  <c r="B2121" i="27" s="1"/>
  <c r="B2122" i="27" s="1"/>
  <c r="B2123" i="27" s="1"/>
  <c r="B2124" i="27" s="1"/>
  <c r="B2125" i="27" s="1"/>
  <c r="B2126" i="27" s="1"/>
  <c r="B2127" i="27" s="1"/>
  <c r="B2128" i="27" s="1"/>
  <c r="B2129" i="27" s="1"/>
  <c r="B2130" i="27" s="1"/>
  <c r="B2131" i="27" s="1"/>
  <c r="B2132" i="27" s="1"/>
  <c r="B2133" i="27" s="1"/>
  <c r="B2134" i="27" s="1"/>
  <c r="B2135" i="27" s="1"/>
  <c r="B2136" i="27" s="1"/>
  <c r="B2137" i="27" s="1"/>
  <c r="B2138" i="27" s="1"/>
  <c r="B2139" i="27" s="1"/>
  <c r="B2140" i="27" s="1"/>
  <c r="B2141" i="27" s="1"/>
  <c r="B2142" i="27" s="1"/>
  <c r="B2143" i="27" s="1"/>
  <c r="B2144" i="27" s="1"/>
  <c r="B2145" i="27" s="1"/>
  <c r="B2146" i="27" s="1"/>
  <c r="B2147" i="27" s="1"/>
  <c r="B2148" i="27" s="1"/>
  <c r="B2149" i="27" s="1"/>
  <c r="B2150" i="27" s="1"/>
  <c r="B2151" i="27" s="1"/>
  <c r="B2152" i="27" s="1"/>
  <c r="B2153" i="27" s="1"/>
  <c r="B2154" i="27" s="1"/>
  <c r="B2155" i="27" s="1"/>
  <c r="B2156" i="27" s="1"/>
  <c r="B2157" i="27" s="1"/>
  <c r="B2158" i="27" s="1"/>
  <c r="B2159" i="27" s="1"/>
  <c r="B2160" i="27" s="1"/>
  <c r="B2161" i="27" s="1"/>
  <c r="B2162" i="27" s="1"/>
  <c r="B2163" i="27" s="1"/>
  <c r="B2164" i="27" s="1"/>
  <c r="B2165" i="27" s="1"/>
  <c r="B2166" i="27" s="1"/>
  <c r="B2167" i="27" s="1"/>
  <c r="B2168" i="27" s="1"/>
  <c r="B2169" i="27" s="1"/>
  <c r="B2170" i="27" s="1"/>
  <c r="B2171" i="27" s="1"/>
  <c r="B2172" i="27" s="1"/>
  <c r="B2173" i="27" s="1"/>
  <c r="B2174" i="27" s="1"/>
  <c r="B2175" i="27" s="1"/>
  <c r="B2176" i="27" s="1"/>
  <c r="B2177" i="27" s="1"/>
  <c r="B2178" i="27" s="1"/>
  <c r="B2179" i="27" s="1"/>
  <c r="B2180" i="27" s="1"/>
  <c r="B2181" i="27" s="1"/>
  <c r="B2182" i="27" s="1"/>
  <c r="B2183" i="27" s="1"/>
  <c r="B2184" i="27" s="1"/>
  <c r="N1758" i="27"/>
  <c r="B1758" i="27"/>
  <c r="N1757" i="27"/>
  <c r="B1757" i="27"/>
  <c r="N1756" i="27"/>
  <c r="B1756" i="27"/>
  <c r="N1755" i="27"/>
  <c r="B1755" i="27"/>
  <c r="N1754" i="27"/>
  <c r="B1754" i="27"/>
  <c r="N1753" i="27"/>
  <c r="B1753" i="27"/>
  <c r="N1752" i="27"/>
  <c r="B1752" i="27"/>
  <c r="N1751" i="27"/>
  <c r="N1750" i="27"/>
  <c r="N1749" i="27"/>
  <c r="N1748" i="27"/>
  <c r="N1747" i="27"/>
  <c r="N1746" i="27"/>
  <c r="N1745" i="27"/>
  <c r="N1744" i="27"/>
  <c r="N1743" i="27"/>
  <c r="N1742" i="27"/>
  <c r="N1741" i="27"/>
  <c r="N1740" i="27"/>
  <c r="N1739" i="27"/>
  <c r="N1738" i="27"/>
  <c r="N1737" i="27"/>
  <c r="N1736" i="27"/>
  <c r="N1735" i="27"/>
  <c r="N1734" i="27"/>
  <c r="N1733" i="27"/>
  <c r="N1732" i="27"/>
  <c r="N1731" i="27"/>
  <c r="N1730" i="27"/>
  <c r="N1729" i="27"/>
  <c r="B1729" i="27"/>
  <c r="B1730" i="27" s="1"/>
  <c r="B1731" i="27" s="1"/>
  <c r="B1732" i="27" s="1"/>
  <c r="B1733" i="27" s="1"/>
  <c r="B1734" i="27" s="1"/>
  <c r="B1735" i="27" s="1"/>
  <c r="B1736" i="27" s="1"/>
  <c r="B1737" i="27" s="1"/>
  <c r="B1738" i="27" s="1"/>
  <c r="B1739" i="27" s="1"/>
  <c r="B1740" i="27" s="1"/>
  <c r="B1741" i="27" s="1"/>
  <c r="B1742" i="27" s="1"/>
  <c r="B1743" i="27" s="1"/>
  <c r="B1744" i="27" s="1"/>
  <c r="B1745" i="27" s="1"/>
  <c r="B1746" i="27" s="1"/>
  <c r="B1747" i="27" s="1"/>
  <c r="B1748" i="27" s="1"/>
  <c r="B1749" i="27" s="1"/>
  <c r="B1750" i="27" s="1"/>
  <c r="B1751" i="27" s="1"/>
  <c r="N1728" i="27"/>
  <c r="N1727" i="27"/>
  <c r="N1726" i="27"/>
  <c r="N1725" i="27"/>
  <c r="N1724" i="27"/>
  <c r="N1723" i="27"/>
  <c r="N1722" i="27"/>
  <c r="N1721" i="27"/>
  <c r="N1720" i="27"/>
  <c r="N1719" i="27"/>
  <c r="N1718" i="27"/>
  <c r="N1717" i="27"/>
  <c r="N1716" i="27"/>
  <c r="N1715" i="27"/>
  <c r="N1714" i="27"/>
  <c r="N1713" i="27"/>
  <c r="N1712" i="27"/>
  <c r="N1711" i="27"/>
  <c r="N1710" i="27"/>
  <c r="N1709" i="27"/>
  <c r="N1708" i="27"/>
  <c r="N1707" i="27"/>
  <c r="N1706" i="27"/>
  <c r="N1705" i="27"/>
  <c r="N1704" i="27"/>
  <c r="N1703" i="27"/>
  <c r="N1702" i="27"/>
  <c r="N1701" i="27"/>
  <c r="N1700" i="27"/>
  <c r="N1699" i="27"/>
  <c r="N1698" i="27"/>
  <c r="N1697" i="27"/>
  <c r="N1696" i="27"/>
  <c r="N1695" i="27"/>
  <c r="N1694" i="27"/>
  <c r="N1693" i="27"/>
  <c r="N1692" i="27"/>
  <c r="N1691" i="27"/>
  <c r="N1690" i="27"/>
  <c r="N1689" i="27"/>
  <c r="N1688" i="27"/>
  <c r="N1687" i="27"/>
  <c r="N1686" i="27"/>
  <c r="N1685" i="27"/>
  <c r="N1684" i="27"/>
  <c r="N1683" i="27"/>
  <c r="N1682" i="27"/>
  <c r="N1681" i="27"/>
  <c r="N1680" i="27"/>
  <c r="N1679" i="27"/>
  <c r="N1678" i="27"/>
  <c r="N1677" i="27"/>
  <c r="N1676" i="27"/>
  <c r="N1675" i="27"/>
  <c r="N1674" i="27"/>
  <c r="N1673" i="27"/>
  <c r="N1672" i="27"/>
  <c r="N1671" i="27"/>
  <c r="N1670" i="27"/>
  <c r="N1669" i="27"/>
  <c r="N1668" i="27"/>
  <c r="N1667" i="27"/>
  <c r="N1666" i="27"/>
  <c r="N1665" i="27"/>
  <c r="N1664" i="27"/>
  <c r="N1663" i="27"/>
  <c r="N1662" i="27"/>
  <c r="N1661" i="27"/>
  <c r="N1660" i="27"/>
  <c r="N1659" i="27"/>
  <c r="N1658" i="27"/>
  <c r="N1657" i="27"/>
  <c r="N1656" i="27"/>
  <c r="N1655" i="27"/>
  <c r="N1654" i="27"/>
  <c r="N1653" i="27"/>
  <c r="N1652" i="27"/>
  <c r="N1651" i="27"/>
  <c r="N1650" i="27"/>
  <c r="N1649" i="27"/>
  <c r="N1648" i="27"/>
  <c r="N1647" i="27"/>
  <c r="N1646" i="27"/>
  <c r="N1645" i="27"/>
  <c r="N1644" i="27"/>
  <c r="N1643" i="27"/>
  <c r="N1642" i="27"/>
  <c r="N1641" i="27"/>
  <c r="N1640" i="27"/>
  <c r="N1639" i="27"/>
  <c r="N1638" i="27"/>
  <c r="N1637" i="27"/>
  <c r="N1636" i="27"/>
  <c r="N1635" i="27"/>
  <c r="N1634" i="27"/>
  <c r="N1633" i="27"/>
  <c r="N1632" i="27"/>
  <c r="N1631" i="27"/>
  <c r="B1631" i="27"/>
  <c r="B1632" i="27" s="1"/>
  <c r="B1633" i="27" s="1"/>
  <c r="B1634" i="27" s="1"/>
  <c r="B1635" i="27" s="1"/>
  <c r="B1636" i="27" s="1"/>
  <c r="B1637" i="27" s="1"/>
  <c r="B1638" i="27" s="1"/>
  <c r="B1639" i="27" s="1"/>
  <c r="B1640" i="27" s="1"/>
  <c r="B1641" i="27" s="1"/>
  <c r="B1642" i="27" s="1"/>
  <c r="B1643" i="27" s="1"/>
  <c r="B1644" i="27" s="1"/>
  <c r="B1645" i="27" s="1"/>
  <c r="B1646" i="27" s="1"/>
  <c r="B1647" i="27" s="1"/>
  <c r="B1648" i="27" s="1"/>
  <c r="B1649" i="27" s="1"/>
  <c r="B1650" i="27" s="1"/>
  <c r="B1651" i="27" s="1"/>
  <c r="B1652" i="27" s="1"/>
  <c r="B1653" i="27" s="1"/>
  <c r="B1654" i="27" s="1"/>
  <c r="B1655" i="27" s="1"/>
  <c r="B1656" i="27" s="1"/>
  <c r="B1657" i="27" s="1"/>
  <c r="B1658" i="27" s="1"/>
  <c r="B1659" i="27" s="1"/>
  <c r="B1660" i="27" s="1"/>
  <c r="B1661" i="27" s="1"/>
  <c r="B1662" i="27" s="1"/>
  <c r="B1663" i="27" s="1"/>
  <c r="B1664" i="27" s="1"/>
  <c r="B1665" i="27" s="1"/>
  <c r="B1666" i="27" s="1"/>
  <c r="B1667" i="27" s="1"/>
  <c r="B1668" i="27" s="1"/>
  <c r="B1669" i="27" s="1"/>
  <c r="B1670" i="27" s="1"/>
  <c r="B1671" i="27" s="1"/>
  <c r="B1672" i="27" s="1"/>
  <c r="B1673" i="27" s="1"/>
  <c r="B1674" i="27" s="1"/>
  <c r="B1675" i="27" s="1"/>
  <c r="B1676" i="27" s="1"/>
  <c r="B1677" i="27" s="1"/>
  <c r="B1678" i="27" s="1"/>
  <c r="B1679" i="27" s="1"/>
  <c r="B1680" i="27" s="1"/>
  <c r="B1681" i="27" s="1"/>
  <c r="B1682" i="27" s="1"/>
  <c r="B1683" i="27" s="1"/>
  <c r="B1684" i="27" s="1"/>
  <c r="B1685" i="27" s="1"/>
  <c r="B1686" i="27" s="1"/>
  <c r="B1687" i="27" s="1"/>
  <c r="B1688" i="27" s="1"/>
  <c r="B1689" i="27" s="1"/>
  <c r="B1690" i="27" s="1"/>
  <c r="B1691" i="27" s="1"/>
  <c r="B1692" i="27" s="1"/>
  <c r="B1693" i="27" s="1"/>
  <c r="B1694" i="27" s="1"/>
  <c r="B1695" i="27" s="1"/>
  <c r="B1696" i="27" s="1"/>
  <c r="B1697" i="27" s="1"/>
  <c r="B1698" i="27" s="1"/>
  <c r="B1699" i="27" s="1"/>
  <c r="B1700" i="27" s="1"/>
  <c r="B1701" i="27" s="1"/>
  <c r="B1702" i="27" s="1"/>
  <c r="B1703" i="27" s="1"/>
  <c r="B1704" i="27" s="1"/>
  <c r="B1705" i="27" s="1"/>
  <c r="B1706" i="27" s="1"/>
  <c r="B1707" i="27" s="1"/>
  <c r="B1708" i="27" s="1"/>
  <c r="B1709" i="27" s="1"/>
  <c r="B1710" i="27" s="1"/>
  <c r="B1711" i="27" s="1"/>
  <c r="B1712" i="27" s="1"/>
  <c r="B1713" i="27" s="1"/>
  <c r="B1714" i="27" s="1"/>
  <c r="B1715" i="27" s="1"/>
  <c r="B1716" i="27" s="1"/>
  <c r="B1717" i="27" s="1"/>
  <c r="B1718" i="27" s="1"/>
  <c r="B1719" i="27" s="1"/>
  <c r="B1720" i="27" s="1"/>
  <c r="B1721" i="27" s="1"/>
  <c r="B1722" i="27" s="1"/>
  <c r="B1723" i="27" s="1"/>
  <c r="B1724" i="27" s="1"/>
  <c r="B1725" i="27" s="1"/>
  <c r="B1726" i="27" s="1"/>
  <c r="B1727" i="27" s="1"/>
  <c r="B1728" i="27" s="1"/>
  <c r="N1630" i="27"/>
  <c r="N1629" i="27"/>
  <c r="N1628" i="27"/>
  <c r="N1627" i="27"/>
  <c r="N1626" i="27"/>
  <c r="N1625" i="27"/>
  <c r="N1624" i="27"/>
  <c r="N1623" i="27"/>
  <c r="N1622" i="27"/>
  <c r="N1621" i="27"/>
  <c r="N1620" i="27"/>
  <c r="N1619" i="27"/>
  <c r="N1618" i="27"/>
  <c r="N1617" i="27"/>
  <c r="N1616" i="27"/>
  <c r="N1615" i="27"/>
  <c r="N1614" i="27"/>
  <c r="N1613" i="27"/>
  <c r="N1612" i="27"/>
  <c r="N1611" i="27"/>
  <c r="N1610" i="27"/>
  <c r="N1609" i="27"/>
  <c r="N1608" i="27"/>
  <c r="N1607" i="27"/>
  <c r="N1606" i="27"/>
  <c r="N1605" i="27"/>
  <c r="N1604" i="27"/>
  <c r="N1603" i="27"/>
  <c r="N1602" i="27"/>
  <c r="N1601" i="27"/>
  <c r="N1600" i="27"/>
  <c r="N1599" i="27"/>
  <c r="N1598" i="27"/>
  <c r="N1597" i="27"/>
  <c r="N1596" i="27"/>
  <c r="N1595" i="27"/>
  <c r="N1594" i="27"/>
  <c r="N1593" i="27"/>
  <c r="N1592" i="27"/>
  <c r="N1591" i="27"/>
  <c r="N1590" i="27"/>
  <c r="N1589" i="27"/>
  <c r="N1588" i="27"/>
  <c r="N1587" i="27"/>
  <c r="N1586" i="27"/>
  <c r="N1585" i="27"/>
  <c r="N1584" i="27"/>
  <c r="N1583" i="27"/>
  <c r="N1582" i="27"/>
  <c r="N1581" i="27"/>
  <c r="N1580" i="27"/>
  <c r="N1579" i="27"/>
  <c r="N1578" i="27"/>
  <c r="N1577" i="27"/>
  <c r="N1576" i="27"/>
  <c r="N1575" i="27"/>
  <c r="N1574" i="27"/>
  <c r="N1573" i="27"/>
  <c r="N1572" i="27"/>
  <c r="N1571" i="27"/>
  <c r="N1570" i="27"/>
  <c r="N1569" i="27"/>
  <c r="B1569" i="27"/>
  <c r="B1570" i="27" s="1"/>
  <c r="B1571" i="27" s="1"/>
  <c r="B1572" i="27" s="1"/>
  <c r="B1573" i="27" s="1"/>
  <c r="B1574" i="27" s="1"/>
  <c r="B1575" i="27" s="1"/>
  <c r="B1576" i="27" s="1"/>
  <c r="B1577" i="27" s="1"/>
  <c r="B1578" i="27" s="1"/>
  <c r="B1579" i="27" s="1"/>
  <c r="B1580" i="27" s="1"/>
  <c r="B1581" i="27" s="1"/>
  <c r="B1582" i="27" s="1"/>
  <c r="B1583" i="27" s="1"/>
  <c r="B1584" i="27" s="1"/>
  <c r="B1585" i="27" s="1"/>
  <c r="B1586" i="27" s="1"/>
  <c r="B1587" i="27" s="1"/>
  <c r="B1588" i="27" s="1"/>
  <c r="B1589" i="27" s="1"/>
  <c r="B1590" i="27" s="1"/>
  <c r="B1591" i="27" s="1"/>
  <c r="B1592" i="27" s="1"/>
  <c r="B1593" i="27" s="1"/>
  <c r="B1594" i="27" s="1"/>
  <c r="B1595" i="27" s="1"/>
  <c r="B1596" i="27" s="1"/>
  <c r="B1597" i="27" s="1"/>
  <c r="B1598" i="27" s="1"/>
  <c r="B1599" i="27" s="1"/>
  <c r="B1600" i="27" s="1"/>
  <c r="B1601" i="27" s="1"/>
  <c r="B1602" i="27" s="1"/>
  <c r="B1603" i="27" s="1"/>
  <c r="B1604" i="27" s="1"/>
  <c r="B1605" i="27" s="1"/>
  <c r="B1606" i="27" s="1"/>
  <c r="B1607" i="27" s="1"/>
  <c r="B1608" i="27" s="1"/>
  <c r="B1609" i="27" s="1"/>
  <c r="B1610" i="27" s="1"/>
  <c r="B1611" i="27" s="1"/>
  <c r="B1612" i="27" s="1"/>
  <c r="B1613" i="27" s="1"/>
  <c r="B1614" i="27" s="1"/>
  <c r="B1615" i="27" s="1"/>
  <c r="B1616" i="27" s="1"/>
  <c r="B1617" i="27" s="1"/>
  <c r="B1618" i="27" s="1"/>
  <c r="B1619" i="27" s="1"/>
  <c r="B1620" i="27" s="1"/>
  <c r="B1621" i="27" s="1"/>
  <c r="B1622" i="27" s="1"/>
  <c r="B1623" i="27" s="1"/>
  <c r="B1624" i="27" s="1"/>
  <c r="B1625" i="27" s="1"/>
  <c r="B1626" i="27" s="1"/>
  <c r="B1627" i="27" s="1"/>
  <c r="B1628" i="27" s="1"/>
  <c r="B1629" i="27" s="1"/>
  <c r="B1630" i="27" s="1"/>
  <c r="N1568" i="27"/>
  <c r="B1568" i="27"/>
  <c r="N1567" i="27"/>
  <c r="B1567" i="27"/>
  <c r="N1566" i="27"/>
  <c r="B1566" i="27"/>
  <c r="N1565" i="27"/>
  <c r="B1565" i="27"/>
  <c r="N1564" i="27"/>
  <c r="B1564" i="27"/>
  <c r="N1563" i="27"/>
  <c r="B1563" i="27"/>
  <c r="N1562" i="27"/>
  <c r="B1562" i="27"/>
  <c r="N1561" i="27"/>
  <c r="B1561" i="27"/>
  <c r="N1560" i="27"/>
  <c r="B1560" i="27"/>
  <c r="N1559" i="27"/>
  <c r="B1559" i="27"/>
  <c r="N1558" i="27"/>
  <c r="B1558" i="27"/>
  <c r="N1557" i="27"/>
  <c r="B1557" i="27"/>
  <c r="N1556" i="27"/>
  <c r="N1555" i="27"/>
  <c r="N1554" i="27"/>
  <c r="N1553" i="27"/>
  <c r="N1552" i="27"/>
  <c r="N1551" i="27"/>
  <c r="B1551" i="27"/>
  <c r="B1552" i="27" s="1"/>
  <c r="B1553" i="27" s="1"/>
  <c r="B1554" i="27" s="1"/>
  <c r="B1555" i="27" s="1"/>
  <c r="B1556" i="27" s="1"/>
  <c r="N1550" i="27"/>
  <c r="B1550" i="27"/>
  <c r="N1549" i="27"/>
  <c r="B1549" i="27"/>
  <c r="N1548" i="27"/>
  <c r="B1548" i="27"/>
  <c r="N1547" i="27"/>
  <c r="B1547" i="27"/>
  <c r="N1546" i="27"/>
  <c r="B1546" i="27"/>
  <c r="N1545" i="27"/>
  <c r="B1545" i="27"/>
  <c r="N1544" i="27"/>
  <c r="N1543" i="27"/>
  <c r="N1542" i="27"/>
  <c r="N1541" i="27"/>
  <c r="B1541" i="27"/>
  <c r="B1542" i="27" s="1"/>
  <c r="B1543" i="27" s="1"/>
  <c r="B1544" i="27" s="1"/>
  <c r="N1540" i="27"/>
  <c r="B1540" i="27"/>
  <c r="N1539" i="27"/>
  <c r="B1539" i="27"/>
  <c r="N1538" i="27"/>
  <c r="B1538" i="27"/>
  <c r="N1537" i="27"/>
  <c r="B1537" i="27"/>
  <c r="N1536" i="27"/>
  <c r="B1536" i="27"/>
  <c r="N1535" i="27"/>
  <c r="B1535" i="27"/>
  <c r="N1534" i="27"/>
  <c r="N1533" i="27"/>
  <c r="N1532" i="27"/>
  <c r="N1531" i="27"/>
  <c r="N1530" i="27"/>
  <c r="B1530" i="27"/>
  <c r="B1531" i="27" s="1"/>
  <c r="B1532" i="27" s="1"/>
  <c r="B1533" i="27" s="1"/>
  <c r="B1534" i="27" s="1"/>
  <c r="N1529" i="27"/>
  <c r="B1529" i="27"/>
  <c r="N1528" i="27"/>
  <c r="B1528" i="27"/>
  <c r="N1527" i="27"/>
  <c r="N1526" i="27"/>
  <c r="N1525" i="27"/>
  <c r="N1524" i="27"/>
  <c r="N1523" i="27"/>
  <c r="N1522" i="27"/>
  <c r="N1521" i="27"/>
  <c r="N1520" i="27"/>
  <c r="N1519" i="27"/>
  <c r="N1518" i="27"/>
  <c r="N1517" i="27"/>
  <c r="N1516" i="27"/>
  <c r="N1515" i="27"/>
  <c r="N1514" i="27"/>
  <c r="N1513" i="27"/>
  <c r="N1512" i="27"/>
  <c r="N1511" i="27"/>
  <c r="N1510" i="27"/>
  <c r="N1509" i="27"/>
  <c r="N1508" i="27"/>
  <c r="N1507" i="27"/>
  <c r="N1506" i="27"/>
  <c r="N1505" i="27"/>
  <c r="N1504" i="27"/>
  <c r="N1503" i="27"/>
  <c r="N1502" i="27"/>
  <c r="N1501" i="27"/>
  <c r="N1500" i="27"/>
  <c r="N1499" i="27"/>
  <c r="N1498" i="27"/>
  <c r="N1497" i="27"/>
  <c r="N1496" i="27"/>
  <c r="N1495" i="27"/>
  <c r="N1494" i="27"/>
  <c r="N1493" i="27"/>
  <c r="N1492" i="27"/>
  <c r="N1491" i="27"/>
  <c r="N1490" i="27"/>
  <c r="N1489" i="27"/>
  <c r="N1488" i="27"/>
  <c r="N1487" i="27"/>
  <c r="N1486" i="27"/>
  <c r="N1485" i="27"/>
  <c r="N1484" i="27"/>
  <c r="N1483" i="27"/>
  <c r="N1482" i="27"/>
  <c r="N1481" i="27"/>
  <c r="N1480" i="27"/>
  <c r="N1479" i="27"/>
  <c r="N1478" i="27"/>
  <c r="N1477" i="27"/>
  <c r="N1476" i="27"/>
  <c r="N1475" i="27"/>
  <c r="N1474" i="27"/>
  <c r="N1473" i="27"/>
  <c r="N1472" i="27"/>
  <c r="N1471" i="27"/>
  <c r="N1470" i="27"/>
  <c r="N1469" i="27"/>
  <c r="N1468" i="27"/>
  <c r="N1467" i="27"/>
  <c r="N1466" i="27"/>
  <c r="N1465" i="27"/>
  <c r="N1464" i="27"/>
  <c r="N1463" i="27"/>
  <c r="N1462" i="27"/>
  <c r="N1461" i="27"/>
  <c r="N1460" i="27"/>
  <c r="N1459" i="27"/>
  <c r="N1458" i="27"/>
  <c r="N1457" i="27"/>
  <c r="N1456" i="27"/>
  <c r="N1455" i="27"/>
  <c r="N1454" i="27"/>
  <c r="N1453" i="27"/>
  <c r="N1452" i="27"/>
  <c r="N1451" i="27"/>
  <c r="N1450" i="27"/>
  <c r="N1449" i="27"/>
  <c r="N1448" i="27"/>
  <c r="N1447" i="27"/>
  <c r="N1446" i="27"/>
  <c r="N1445" i="27"/>
  <c r="N1444" i="27"/>
  <c r="B1444" i="27"/>
  <c r="B1445" i="27" s="1"/>
  <c r="B1446" i="27" s="1"/>
  <c r="B1447" i="27" s="1"/>
  <c r="B1448" i="27" s="1"/>
  <c r="B1449" i="27" s="1"/>
  <c r="B1450" i="27" s="1"/>
  <c r="B1451" i="27" s="1"/>
  <c r="B1452" i="27" s="1"/>
  <c r="B1453" i="27" s="1"/>
  <c r="B1454" i="27" s="1"/>
  <c r="B1455" i="27" s="1"/>
  <c r="B1456" i="27" s="1"/>
  <c r="B1457" i="27" s="1"/>
  <c r="B1458" i="27" s="1"/>
  <c r="B1459" i="27" s="1"/>
  <c r="B1460" i="27" s="1"/>
  <c r="B1461" i="27" s="1"/>
  <c r="B1462" i="27" s="1"/>
  <c r="B1463" i="27" s="1"/>
  <c r="B1464" i="27" s="1"/>
  <c r="B1465" i="27" s="1"/>
  <c r="B1466" i="27" s="1"/>
  <c r="B1467" i="27" s="1"/>
  <c r="B1468" i="27" s="1"/>
  <c r="B1469" i="27" s="1"/>
  <c r="B1470" i="27" s="1"/>
  <c r="B1471" i="27" s="1"/>
  <c r="B1472" i="27" s="1"/>
  <c r="B1473" i="27" s="1"/>
  <c r="B1474" i="27" s="1"/>
  <c r="B1475" i="27" s="1"/>
  <c r="B1476" i="27" s="1"/>
  <c r="B1477" i="27" s="1"/>
  <c r="B1478" i="27" s="1"/>
  <c r="B1479" i="27" s="1"/>
  <c r="B1480" i="27" s="1"/>
  <c r="B1481" i="27" s="1"/>
  <c r="B1482" i="27" s="1"/>
  <c r="B1483" i="27" s="1"/>
  <c r="B1484" i="27" s="1"/>
  <c r="B1485" i="27" s="1"/>
  <c r="B1486" i="27" s="1"/>
  <c r="B1487" i="27" s="1"/>
  <c r="B1488" i="27" s="1"/>
  <c r="B1489" i="27" s="1"/>
  <c r="B1490" i="27" s="1"/>
  <c r="B1491" i="27" s="1"/>
  <c r="B1492" i="27" s="1"/>
  <c r="B1493" i="27" s="1"/>
  <c r="B1494" i="27" s="1"/>
  <c r="B1495" i="27" s="1"/>
  <c r="B1496" i="27" s="1"/>
  <c r="B1497" i="27" s="1"/>
  <c r="B1498" i="27" s="1"/>
  <c r="B1499" i="27" s="1"/>
  <c r="B1500" i="27" s="1"/>
  <c r="B1501" i="27" s="1"/>
  <c r="B1502" i="27" s="1"/>
  <c r="B1503" i="27" s="1"/>
  <c r="B1504" i="27" s="1"/>
  <c r="B1505" i="27" s="1"/>
  <c r="B1506" i="27" s="1"/>
  <c r="B1507" i="27" s="1"/>
  <c r="B1508" i="27" s="1"/>
  <c r="B1509" i="27" s="1"/>
  <c r="B1510" i="27" s="1"/>
  <c r="B1511" i="27" s="1"/>
  <c r="B1512" i="27" s="1"/>
  <c r="B1513" i="27" s="1"/>
  <c r="B1514" i="27" s="1"/>
  <c r="B1515" i="27" s="1"/>
  <c r="B1516" i="27" s="1"/>
  <c r="B1517" i="27" s="1"/>
  <c r="B1518" i="27" s="1"/>
  <c r="B1519" i="27" s="1"/>
  <c r="B1520" i="27" s="1"/>
  <c r="B1521" i="27" s="1"/>
  <c r="B1522" i="27" s="1"/>
  <c r="B1523" i="27" s="1"/>
  <c r="B1524" i="27" s="1"/>
  <c r="B1525" i="27" s="1"/>
  <c r="B1526" i="27" s="1"/>
  <c r="B1527" i="27" s="1"/>
  <c r="N1443" i="27"/>
  <c r="B1443" i="27"/>
  <c r="N1442" i="27"/>
  <c r="B1442" i="27"/>
  <c r="N1441" i="27"/>
  <c r="B1441" i="27"/>
  <c r="N1440" i="27"/>
  <c r="B1440" i="27"/>
  <c r="N1439" i="27"/>
  <c r="B1439" i="27"/>
  <c r="N1438" i="27"/>
  <c r="B1438" i="27"/>
  <c r="N1437" i="27"/>
  <c r="B1437" i="27"/>
  <c r="N1436" i="27"/>
  <c r="B1436" i="27"/>
  <c r="N1435" i="27"/>
  <c r="B1435" i="27"/>
  <c r="N1434" i="27"/>
  <c r="B1434" i="27"/>
  <c r="N1433" i="27"/>
  <c r="N1432" i="27"/>
  <c r="N1431" i="27"/>
  <c r="N1430" i="27"/>
  <c r="N1429" i="27"/>
  <c r="N1428" i="27"/>
  <c r="N1427" i="27"/>
  <c r="N1426" i="27"/>
  <c r="N1425" i="27"/>
  <c r="N1424" i="27"/>
  <c r="N1423" i="27"/>
  <c r="N1422" i="27"/>
  <c r="N1421" i="27"/>
  <c r="N1420" i="27"/>
  <c r="N1419" i="27"/>
  <c r="B1419" i="27"/>
  <c r="B1420" i="27" s="1"/>
  <c r="B1421" i="27" s="1"/>
  <c r="B1422" i="27" s="1"/>
  <c r="B1423" i="27" s="1"/>
  <c r="B1424" i="27" s="1"/>
  <c r="B1425" i="27" s="1"/>
  <c r="B1426" i="27" s="1"/>
  <c r="B1427" i="27" s="1"/>
  <c r="B1428" i="27" s="1"/>
  <c r="B1429" i="27" s="1"/>
  <c r="B1430" i="27" s="1"/>
  <c r="B1431" i="27" s="1"/>
  <c r="B1432" i="27" s="1"/>
  <c r="B1433" i="27" s="1"/>
  <c r="N1418" i="27"/>
  <c r="B1418" i="27"/>
  <c r="B1417" i="27"/>
  <c r="N1416" i="27"/>
  <c r="B1416" i="27"/>
  <c r="N1415" i="27"/>
  <c r="N1414" i="27"/>
  <c r="N1413" i="27"/>
  <c r="N1412" i="27"/>
  <c r="B1412" i="27"/>
  <c r="B1413" i="27" s="1"/>
  <c r="B1414" i="27" s="1"/>
  <c r="B1415" i="27" s="1"/>
  <c r="N1411" i="27"/>
  <c r="N1410" i="27"/>
  <c r="N1409" i="27"/>
  <c r="N1408" i="27"/>
  <c r="N1407" i="27"/>
  <c r="N1406" i="27"/>
  <c r="N1405" i="27"/>
  <c r="N1404" i="27"/>
  <c r="N1403" i="27"/>
  <c r="N1402" i="27"/>
  <c r="N1401" i="27"/>
  <c r="N1400" i="27"/>
  <c r="N1399" i="27"/>
  <c r="N1398" i="27"/>
  <c r="N1397" i="27"/>
  <c r="N1396" i="27"/>
  <c r="N1395" i="27"/>
  <c r="N1394" i="27"/>
  <c r="N1393" i="27"/>
  <c r="N1392" i="27"/>
  <c r="N1391" i="27"/>
  <c r="N1390" i="27"/>
  <c r="N1389" i="27"/>
  <c r="N1388" i="27"/>
  <c r="N1387" i="27"/>
  <c r="N1386" i="27"/>
  <c r="N1385" i="27"/>
  <c r="N1384" i="27"/>
  <c r="N1383" i="27"/>
  <c r="N1382" i="27"/>
  <c r="N1381" i="27"/>
  <c r="N1380" i="27"/>
  <c r="N1379" i="27"/>
  <c r="N1378" i="27"/>
  <c r="N1377" i="27"/>
  <c r="N1376" i="27"/>
  <c r="N1375" i="27"/>
  <c r="N1374" i="27"/>
  <c r="N1373" i="27"/>
  <c r="N1372" i="27"/>
  <c r="N1371" i="27"/>
  <c r="N1370" i="27"/>
  <c r="N1369" i="27"/>
  <c r="N1368" i="27"/>
  <c r="N1367" i="27"/>
  <c r="N1366" i="27"/>
  <c r="N1365" i="27"/>
  <c r="N1364" i="27"/>
  <c r="N1363" i="27"/>
  <c r="N1362" i="27"/>
  <c r="N1361" i="27"/>
  <c r="N1360" i="27"/>
  <c r="N1359" i="27"/>
  <c r="N1358" i="27"/>
  <c r="N1357" i="27"/>
  <c r="N1356" i="27"/>
  <c r="N1355" i="27"/>
  <c r="N1354" i="27"/>
  <c r="N1353" i="27"/>
  <c r="N1352" i="27"/>
  <c r="N1351" i="27"/>
  <c r="N1350" i="27"/>
  <c r="N1349" i="27"/>
  <c r="N1348" i="27"/>
  <c r="N1347" i="27"/>
  <c r="N1346" i="27"/>
  <c r="N1345" i="27"/>
  <c r="N1344" i="27"/>
  <c r="N1343" i="27"/>
  <c r="N1342" i="27"/>
  <c r="N1341" i="27"/>
  <c r="N1340" i="27"/>
  <c r="N1339" i="27"/>
  <c r="N1338" i="27"/>
  <c r="N1337" i="27"/>
  <c r="N1336" i="27"/>
  <c r="N1335" i="27"/>
  <c r="N1334" i="27"/>
  <c r="N1333" i="27"/>
  <c r="N1332" i="27"/>
  <c r="N1331" i="27"/>
  <c r="N1330" i="27"/>
  <c r="N1329" i="27"/>
  <c r="N1328" i="27"/>
  <c r="N1327" i="27"/>
  <c r="N1326" i="27"/>
  <c r="N1325" i="27"/>
  <c r="N1324" i="27"/>
  <c r="N1323" i="27"/>
  <c r="N1322" i="27"/>
  <c r="N1321" i="27"/>
  <c r="N1320" i="27"/>
  <c r="N1319" i="27"/>
  <c r="N1318" i="27"/>
  <c r="N1317" i="27"/>
  <c r="N1316" i="27"/>
  <c r="N1315" i="27"/>
  <c r="N1314" i="27"/>
  <c r="N1313" i="27"/>
  <c r="N1312" i="27"/>
  <c r="N1311" i="27"/>
  <c r="N1310" i="27"/>
  <c r="N1309" i="27"/>
  <c r="N1308" i="27"/>
  <c r="N1307" i="27"/>
  <c r="N1306" i="27"/>
  <c r="N1305" i="27"/>
  <c r="N1304" i="27"/>
  <c r="N1303" i="27"/>
  <c r="N1302" i="27"/>
  <c r="N1301" i="27"/>
  <c r="N1300" i="27"/>
  <c r="N1299" i="27"/>
  <c r="N1298" i="27"/>
  <c r="N1297" i="27"/>
  <c r="N1296" i="27"/>
  <c r="N1295" i="27"/>
  <c r="N1294" i="27"/>
  <c r="N1293" i="27"/>
  <c r="N1292" i="27"/>
  <c r="N1291" i="27"/>
  <c r="N1290" i="27"/>
  <c r="N1289" i="27"/>
  <c r="N1288" i="27"/>
  <c r="N1287" i="27"/>
  <c r="N1286" i="27"/>
  <c r="N1285" i="27"/>
  <c r="N1284" i="27"/>
  <c r="N1283" i="27"/>
  <c r="N1282" i="27"/>
  <c r="N1281" i="27"/>
  <c r="N1280" i="27"/>
  <c r="N1279" i="27"/>
  <c r="N1278" i="27"/>
  <c r="N1277" i="27"/>
  <c r="N1276" i="27"/>
  <c r="N1275" i="27"/>
  <c r="N1274" i="27"/>
  <c r="N1273" i="27"/>
  <c r="N1272" i="27"/>
  <c r="N1271" i="27"/>
  <c r="N1270" i="27"/>
  <c r="N1269" i="27"/>
  <c r="N1268" i="27"/>
  <c r="N1267" i="27"/>
  <c r="N1266" i="27"/>
  <c r="N1265" i="27"/>
  <c r="N1264" i="27"/>
  <c r="N1263" i="27"/>
  <c r="N1262" i="27"/>
  <c r="N1261" i="27"/>
  <c r="N1260" i="27"/>
  <c r="N1259" i="27"/>
  <c r="N1258" i="27"/>
  <c r="N1257" i="27"/>
  <c r="N1256" i="27"/>
  <c r="N1255" i="27"/>
  <c r="N1254" i="27"/>
  <c r="N1253" i="27"/>
  <c r="N1252" i="27"/>
  <c r="N1251" i="27"/>
  <c r="N1250" i="27"/>
  <c r="N1249" i="27"/>
  <c r="N1248" i="27"/>
  <c r="N1247" i="27"/>
  <c r="N1246" i="27"/>
  <c r="N1245" i="27"/>
  <c r="N1244" i="27"/>
  <c r="N1243" i="27"/>
  <c r="N1242" i="27"/>
  <c r="N1241" i="27"/>
  <c r="N1240" i="27"/>
  <c r="N1239" i="27"/>
  <c r="N1238" i="27"/>
  <c r="N1237" i="27"/>
  <c r="N1236" i="27"/>
  <c r="N1235" i="27"/>
  <c r="N1234" i="27"/>
  <c r="N1233" i="27"/>
  <c r="N1232" i="27"/>
  <c r="N1231" i="27"/>
  <c r="N1230" i="27"/>
  <c r="N1229" i="27"/>
  <c r="N1228" i="27"/>
  <c r="N1227" i="27"/>
  <c r="N1226" i="27"/>
  <c r="N1225" i="27"/>
  <c r="N1224" i="27"/>
  <c r="N1223" i="27"/>
  <c r="N1222" i="27"/>
  <c r="N1221" i="27"/>
  <c r="N1220" i="27"/>
  <c r="N1219" i="27"/>
  <c r="N1218" i="27"/>
  <c r="N1217" i="27"/>
  <c r="N1216" i="27"/>
  <c r="N1215" i="27"/>
  <c r="N1214" i="27"/>
  <c r="N1213" i="27"/>
  <c r="N1212" i="27"/>
  <c r="N1211" i="27"/>
  <c r="N1210" i="27"/>
  <c r="N1209" i="27"/>
  <c r="N1208" i="27"/>
  <c r="N1207" i="27"/>
  <c r="N1206" i="27"/>
  <c r="N1205" i="27"/>
  <c r="N1204" i="27"/>
  <c r="N1203" i="27"/>
  <c r="N1202" i="27"/>
  <c r="N1201" i="27"/>
  <c r="N1200" i="27"/>
  <c r="N1199" i="27"/>
  <c r="N1198" i="27"/>
  <c r="N1197" i="27"/>
  <c r="N1196" i="27"/>
  <c r="N1195" i="27"/>
  <c r="N1194" i="27"/>
  <c r="N1193" i="27"/>
  <c r="N1192" i="27"/>
  <c r="N1191" i="27"/>
  <c r="N1190" i="27"/>
  <c r="N1189" i="27"/>
  <c r="N1188" i="27"/>
  <c r="N1187" i="27"/>
  <c r="N1186" i="27"/>
  <c r="N1185" i="27"/>
  <c r="N1184" i="27"/>
  <c r="N1183" i="27"/>
  <c r="N1182" i="27"/>
  <c r="N1181" i="27"/>
  <c r="N1180" i="27"/>
  <c r="N1179" i="27"/>
  <c r="N1178" i="27"/>
  <c r="N1177" i="27"/>
  <c r="N1176" i="27"/>
  <c r="N1175" i="27"/>
  <c r="N1174" i="27"/>
  <c r="N1173" i="27"/>
  <c r="N1172" i="27"/>
  <c r="N1171" i="27"/>
  <c r="N1170" i="27"/>
  <c r="N1169" i="27"/>
  <c r="N1168" i="27"/>
  <c r="N1167" i="27"/>
  <c r="N1166" i="27"/>
  <c r="N1165" i="27"/>
  <c r="N1164" i="27"/>
  <c r="N1163" i="27"/>
  <c r="N1162" i="27"/>
  <c r="N1161" i="27"/>
  <c r="N1160" i="27"/>
  <c r="N1159" i="27"/>
  <c r="N1158" i="27"/>
  <c r="N1157" i="27"/>
  <c r="N1156" i="27"/>
  <c r="N1155" i="27"/>
  <c r="N1154" i="27"/>
  <c r="N1153" i="27"/>
  <c r="N1152" i="27"/>
  <c r="N1151" i="27"/>
  <c r="N1150" i="27"/>
  <c r="N1149" i="27"/>
  <c r="N1148" i="27"/>
  <c r="N1147" i="27"/>
  <c r="N1146" i="27"/>
  <c r="N1145" i="27"/>
  <c r="N1144" i="27"/>
  <c r="N1143" i="27"/>
  <c r="N1142" i="27"/>
  <c r="N1141" i="27"/>
  <c r="N1140" i="27"/>
  <c r="N1139" i="27"/>
  <c r="N1138" i="27"/>
  <c r="N1137" i="27"/>
  <c r="N1136" i="27"/>
  <c r="N1135" i="27"/>
  <c r="N1134" i="27"/>
  <c r="N1133" i="27"/>
  <c r="N1132" i="27"/>
  <c r="N1131" i="27"/>
  <c r="N1130" i="27"/>
  <c r="N1129" i="27"/>
  <c r="N1128" i="27"/>
  <c r="N1127" i="27"/>
  <c r="N1126" i="27"/>
  <c r="N1125" i="27"/>
  <c r="N1124" i="27"/>
  <c r="N1123" i="27"/>
  <c r="N1122" i="27"/>
  <c r="N1121" i="27"/>
  <c r="N1120" i="27"/>
  <c r="N1119" i="27"/>
  <c r="N1118" i="27"/>
  <c r="N1117" i="27"/>
  <c r="N1116" i="27"/>
  <c r="N1115" i="27"/>
  <c r="N1114" i="27"/>
  <c r="N1113" i="27"/>
  <c r="N1112" i="27"/>
  <c r="N1111" i="27"/>
  <c r="N1110" i="27"/>
  <c r="N1109" i="27"/>
  <c r="N1108" i="27"/>
  <c r="N1107" i="27"/>
  <c r="N1106" i="27"/>
  <c r="N1105" i="27"/>
  <c r="N1104" i="27"/>
  <c r="N1103" i="27"/>
  <c r="N1102" i="27"/>
  <c r="N1101" i="27"/>
  <c r="N1100" i="27"/>
  <c r="N1099" i="27"/>
  <c r="N1098" i="27"/>
  <c r="N1097" i="27"/>
  <c r="N1096" i="27"/>
  <c r="N1095" i="27"/>
  <c r="N1094" i="27"/>
  <c r="N1093" i="27"/>
  <c r="N1092" i="27"/>
  <c r="N1091" i="27"/>
  <c r="N1090" i="27"/>
  <c r="N1089" i="27"/>
  <c r="N1088" i="27"/>
  <c r="N1087" i="27"/>
  <c r="N1086" i="27"/>
  <c r="N1085" i="27"/>
  <c r="N1084" i="27"/>
  <c r="N1083" i="27"/>
  <c r="N1082" i="27"/>
  <c r="N1081" i="27"/>
  <c r="N1080" i="27"/>
  <c r="N1079" i="27"/>
  <c r="N1078" i="27"/>
  <c r="N1077" i="27"/>
  <c r="N1076" i="27"/>
  <c r="N1075" i="27"/>
  <c r="N1074" i="27"/>
  <c r="N1073" i="27"/>
  <c r="N1072" i="27"/>
  <c r="N1071" i="27"/>
  <c r="N1070" i="27"/>
  <c r="N1069" i="27"/>
  <c r="N1068" i="27"/>
  <c r="N1067" i="27"/>
  <c r="N1066" i="27"/>
  <c r="N1065" i="27"/>
  <c r="N1064" i="27"/>
  <c r="N1063" i="27"/>
  <c r="N1062" i="27"/>
  <c r="N1061" i="27"/>
  <c r="N1060" i="27"/>
  <c r="N1059" i="27"/>
  <c r="N1058" i="27"/>
  <c r="N1057" i="27"/>
  <c r="N1056" i="27"/>
  <c r="N1055" i="27"/>
  <c r="N1054" i="27"/>
  <c r="N1053" i="27"/>
  <c r="N1052" i="27"/>
  <c r="N1051" i="27"/>
  <c r="N1050" i="27"/>
  <c r="N1049" i="27"/>
  <c r="N1048" i="27"/>
  <c r="N1047" i="27"/>
  <c r="N1046" i="27"/>
  <c r="N1045" i="27"/>
  <c r="N1044" i="27"/>
  <c r="N1043" i="27"/>
  <c r="N1042" i="27"/>
  <c r="N1041" i="27"/>
  <c r="N1040" i="27"/>
  <c r="N1039" i="27"/>
  <c r="N1038" i="27"/>
  <c r="N1037" i="27"/>
  <c r="N1036" i="27"/>
  <c r="N1035" i="27"/>
  <c r="N1034" i="27"/>
  <c r="N1033" i="27"/>
  <c r="N1032" i="27"/>
  <c r="N1031" i="27"/>
  <c r="N1030" i="27"/>
  <c r="N1029" i="27"/>
  <c r="N1028" i="27"/>
  <c r="N1027" i="27"/>
  <c r="N1026" i="27"/>
  <c r="N1025" i="27"/>
  <c r="N1024" i="27"/>
  <c r="N1023" i="27"/>
  <c r="N1022" i="27"/>
  <c r="N1021" i="27"/>
  <c r="N1020" i="27"/>
  <c r="N1019" i="27"/>
  <c r="N1018" i="27"/>
  <c r="N1017" i="27"/>
  <c r="N1016" i="27"/>
  <c r="N1015" i="27"/>
  <c r="N1014" i="27"/>
  <c r="N1013" i="27"/>
  <c r="N1012" i="27"/>
  <c r="N1011" i="27"/>
  <c r="N1010" i="27"/>
  <c r="N1009" i="27"/>
  <c r="N1008" i="27"/>
  <c r="N1007" i="27"/>
  <c r="N1006" i="27"/>
  <c r="N1005" i="27"/>
  <c r="N1004" i="27"/>
  <c r="N1003" i="27"/>
  <c r="N1002" i="27"/>
  <c r="N1001" i="27"/>
  <c r="N1000" i="27"/>
  <c r="N999" i="27"/>
  <c r="N998" i="27"/>
  <c r="N997" i="27"/>
  <c r="N996" i="27"/>
  <c r="N995" i="27"/>
  <c r="N994" i="27"/>
  <c r="N993" i="27"/>
  <c r="N992" i="27"/>
  <c r="N991" i="27"/>
  <c r="N990" i="27"/>
  <c r="N989" i="27"/>
  <c r="N988" i="27"/>
  <c r="N987" i="27"/>
  <c r="N986" i="27"/>
  <c r="N985" i="27"/>
  <c r="N984" i="27"/>
  <c r="N983" i="27"/>
  <c r="N982" i="27"/>
  <c r="N981" i="27"/>
  <c r="N980" i="27"/>
  <c r="N979" i="27"/>
  <c r="N978" i="27"/>
  <c r="N977" i="27"/>
  <c r="N976" i="27"/>
  <c r="N975" i="27"/>
  <c r="N974" i="27"/>
  <c r="N973" i="27"/>
  <c r="N972" i="27"/>
  <c r="N971" i="27"/>
  <c r="N970" i="27"/>
  <c r="N969" i="27"/>
  <c r="N968" i="27"/>
  <c r="N967" i="27"/>
  <c r="N966" i="27"/>
  <c r="N965" i="27"/>
  <c r="N964" i="27"/>
  <c r="N963" i="27"/>
  <c r="N962" i="27"/>
  <c r="N961" i="27"/>
  <c r="N960" i="27"/>
  <c r="N959" i="27"/>
  <c r="N958" i="27"/>
  <c r="N957" i="27"/>
  <c r="N956" i="27"/>
  <c r="N955" i="27"/>
  <c r="N954" i="27"/>
  <c r="B954" i="27"/>
  <c r="B955" i="27" s="1"/>
  <c r="B956" i="27" s="1"/>
  <c r="B957" i="27" s="1"/>
  <c r="B958" i="27" s="1"/>
  <c r="B959" i="27" s="1"/>
  <c r="B960" i="27" s="1"/>
  <c r="B961" i="27" s="1"/>
  <c r="B962" i="27" s="1"/>
  <c r="B963" i="27" s="1"/>
  <c r="B964" i="27" s="1"/>
  <c r="B965" i="27" s="1"/>
  <c r="B966" i="27" s="1"/>
  <c r="B967" i="27" s="1"/>
  <c r="B968" i="27" s="1"/>
  <c r="B969" i="27" s="1"/>
  <c r="B970" i="27" s="1"/>
  <c r="B971" i="27" s="1"/>
  <c r="B972" i="27" s="1"/>
  <c r="B973" i="27" s="1"/>
  <c r="B974" i="27" s="1"/>
  <c r="B975" i="27" s="1"/>
  <c r="B976" i="27" s="1"/>
  <c r="B977" i="27" s="1"/>
  <c r="B978" i="27" s="1"/>
  <c r="B979" i="27" s="1"/>
  <c r="B980" i="27" s="1"/>
  <c r="B981" i="27" s="1"/>
  <c r="B982" i="27" s="1"/>
  <c r="B983" i="27" s="1"/>
  <c r="B984" i="27" s="1"/>
  <c r="B985" i="27" s="1"/>
  <c r="B986" i="27" s="1"/>
  <c r="B987" i="27" s="1"/>
  <c r="B988" i="27" s="1"/>
  <c r="B989" i="27" s="1"/>
  <c r="B990" i="27" s="1"/>
  <c r="B991" i="27" s="1"/>
  <c r="B992" i="27" s="1"/>
  <c r="B993" i="27" s="1"/>
  <c r="B994" i="27" s="1"/>
  <c r="B995" i="27" s="1"/>
  <c r="B996" i="27" s="1"/>
  <c r="B997" i="27" s="1"/>
  <c r="B998" i="27" s="1"/>
  <c r="B999" i="27" s="1"/>
  <c r="B1000" i="27" s="1"/>
  <c r="B1001" i="27" s="1"/>
  <c r="B1002" i="27" s="1"/>
  <c r="B1003" i="27" s="1"/>
  <c r="B1004" i="27" s="1"/>
  <c r="B1005" i="27" s="1"/>
  <c r="B1006" i="27" s="1"/>
  <c r="B1007" i="27" s="1"/>
  <c r="B1008" i="27" s="1"/>
  <c r="B1009" i="27" s="1"/>
  <c r="B1010" i="27" s="1"/>
  <c r="B1011" i="27" s="1"/>
  <c r="B1012" i="27" s="1"/>
  <c r="B1013" i="27" s="1"/>
  <c r="B1014" i="27" s="1"/>
  <c r="B1015" i="27" s="1"/>
  <c r="B1016" i="27" s="1"/>
  <c r="B1017" i="27" s="1"/>
  <c r="B1018" i="27" s="1"/>
  <c r="B1019" i="27" s="1"/>
  <c r="B1020" i="27" s="1"/>
  <c r="B1021" i="27" s="1"/>
  <c r="B1022" i="27" s="1"/>
  <c r="B1023" i="27" s="1"/>
  <c r="B1024" i="27" s="1"/>
  <c r="B1025" i="27" s="1"/>
  <c r="B1026" i="27" s="1"/>
  <c r="B1027" i="27" s="1"/>
  <c r="B1028" i="27" s="1"/>
  <c r="B1029" i="27" s="1"/>
  <c r="B1030" i="27" s="1"/>
  <c r="B1031" i="27" s="1"/>
  <c r="B1032" i="27" s="1"/>
  <c r="B1033" i="27" s="1"/>
  <c r="B1034" i="27" s="1"/>
  <c r="B1035" i="27" s="1"/>
  <c r="B1036" i="27" s="1"/>
  <c r="B1037" i="27" s="1"/>
  <c r="B1038" i="27" s="1"/>
  <c r="B1039" i="27" s="1"/>
  <c r="B1040" i="27" s="1"/>
  <c r="B1041" i="27" s="1"/>
  <c r="B1042" i="27" s="1"/>
  <c r="B1043" i="27" s="1"/>
  <c r="B1044" i="27" s="1"/>
  <c r="B1045" i="27" s="1"/>
  <c r="B1046" i="27" s="1"/>
  <c r="B1047" i="27" s="1"/>
  <c r="B1048" i="27" s="1"/>
  <c r="B1049" i="27" s="1"/>
  <c r="B1050" i="27" s="1"/>
  <c r="B1051" i="27" s="1"/>
  <c r="B1052" i="27" s="1"/>
  <c r="B1053" i="27" s="1"/>
  <c r="B1054" i="27" s="1"/>
  <c r="B1055" i="27" s="1"/>
  <c r="B1056" i="27" s="1"/>
  <c r="B1057" i="27" s="1"/>
  <c r="B1058" i="27" s="1"/>
  <c r="B1059" i="27" s="1"/>
  <c r="B1060" i="27" s="1"/>
  <c r="B1061" i="27" s="1"/>
  <c r="B1062" i="27" s="1"/>
  <c r="B1063" i="27" s="1"/>
  <c r="B1064" i="27" s="1"/>
  <c r="B1065" i="27" s="1"/>
  <c r="B1066" i="27" s="1"/>
  <c r="B1067" i="27" s="1"/>
  <c r="B1068" i="27" s="1"/>
  <c r="B1069" i="27" s="1"/>
  <c r="B1070" i="27" s="1"/>
  <c r="B1071" i="27" s="1"/>
  <c r="B1072" i="27" s="1"/>
  <c r="B1073" i="27" s="1"/>
  <c r="B1074" i="27" s="1"/>
  <c r="B1075" i="27" s="1"/>
  <c r="B1076" i="27" s="1"/>
  <c r="B1077" i="27" s="1"/>
  <c r="B1078" i="27" s="1"/>
  <c r="B1079" i="27" s="1"/>
  <c r="B1080" i="27" s="1"/>
  <c r="B1081" i="27" s="1"/>
  <c r="B1082" i="27" s="1"/>
  <c r="B1083" i="27" s="1"/>
  <c r="B1084" i="27" s="1"/>
  <c r="B1085" i="27" s="1"/>
  <c r="B1086" i="27" s="1"/>
  <c r="B1087" i="27" s="1"/>
  <c r="B1088" i="27" s="1"/>
  <c r="B1089" i="27" s="1"/>
  <c r="B1090" i="27" s="1"/>
  <c r="B1091" i="27" s="1"/>
  <c r="B1092" i="27" s="1"/>
  <c r="B1093" i="27" s="1"/>
  <c r="B1094" i="27" s="1"/>
  <c r="B1095" i="27" s="1"/>
  <c r="B1096" i="27" s="1"/>
  <c r="B1097" i="27" s="1"/>
  <c r="B1098" i="27" s="1"/>
  <c r="B1099" i="27" s="1"/>
  <c r="B1100" i="27" s="1"/>
  <c r="B1101" i="27" s="1"/>
  <c r="B1102" i="27" s="1"/>
  <c r="B1103" i="27" s="1"/>
  <c r="B1104" i="27" s="1"/>
  <c r="B1105" i="27" s="1"/>
  <c r="B1106" i="27" s="1"/>
  <c r="B1107" i="27" s="1"/>
  <c r="B1108" i="27" s="1"/>
  <c r="B1109" i="27" s="1"/>
  <c r="B1110" i="27" s="1"/>
  <c r="B1111" i="27" s="1"/>
  <c r="B1112" i="27" s="1"/>
  <c r="B1113" i="27" s="1"/>
  <c r="B1114" i="27" s="1"/>
  <c r="B1115" i="27" s="1"/>
  <c r="B1116" i="27" s="1"/>
  <c r="B1117" i="27" s="1"/>
  <c r="B1118" i="27" s="1"/>
  <c r="B1119" i="27" s="1"/>
  <c r="B1120" i="27" s="1"/>
  <c r="B1121" i="27" s="1"/>
  <c r="B1122" i="27" s="1"/>
  <c r="B1123" i="27" s="1"/>
  <c r="B1124" i="27" s="1"/>
  <c r="B1125" i="27" s="1"/>
  <c r="B1126" i="27" s="1"/>
  <c r="B1127" i="27" s="1"/>
  <c r="B1128" i="27" s="1"/>
  <c r="B1129" i="27" s="1"/>
  <c r="B1130" i="27" s="1"/>
  <c r="B1131" i="27" s="1"/>
  <c r="B1132" i="27" s="1"/>
  <c r="B1133" i="27" s="1"/>
  <c r="B1134" i="27" s="1"/>
  <c r="B1135" i="27" s="1"/>
  <c r="B1136" i="27" s="1"/>
  <c r="B1137" i="27" s="1"/>
  <c r="B1138" i="27" s="1"/>
  <c r="B1139" i="27" s="1"/>
  <c r="B1140" i="27" s="1"/>
  <c r="B1141" i="27" s="1"/>
  <c r="B1142" i="27" s="1"/>
  <c r="B1143" i="27" s="1"/>
  <c r="B1144" i="27" s="1"/>
  <c r="B1145" i="27" s="1"/>
  <c r="B1146" i="27" s="1"/>
  <c r="B1147" i="27" s="1"/>
  <c r="B1148" i="27" s="1"/>
  <c r="B1149" i="27" s="1"/>
  <c r="B1150" i="27" s="1"/>
  <c r="B1151" i="27" s="1"/>
  <c r="B1152" i="27" s="1"/>
  <c r="B1153" i="27" s="1"/>
  <c r="B1154" i="27" s="1"/>
  <c r="B1155" i="27" s="1"/>
  <c r="B1156" i="27" s="1"/>
  <c r="B1157" i="27" s="1"/>
  <c r="B1158" i="27" s="1"/>
  <c r="B1159" i="27" s="1"/>
  <c r="B1160" i="27" s="1"/>
  <c r="B1161" i="27" s="1"/>
  <c r="B1162" i="27" s="1"/>
  <c r="B1163" i="27" s="1"/>
  <c r="B1164" i="27" s="1"/>
  <c r="B1165" i="27" s="1"/>
  <c r="B1166" i="27" s="1"/>
  <c r="B1167" i="27" s="1"/>
  <c r="B1168" i="27" s="1"/>
  <c r="B1169" i="27" s="1"/>
  <c r="B1170" i="27" s="1"/>
  <c r="B1171" i="27" s="1"/>
  <c r="B1172" i="27" s="1"/>
  <c r="B1173" i="27" s="1"/>
  <c r="B1174" i="27" s="1"/>
  <c r="B1175" i="27" s="1"/>
  <c r="B1176" i="27" s="1"/>
  <c r="B1177" i="27" s="1"/>
  <c r="B1178" i="27" s="1"/>
  <c r="B1179" i="27" s="1"/>
  <c r="B1180" i="27" s="1"/>
  <c r="B1181" i="27" s="1"/>
  <c r="B1182" i="27" s="1"/>
  <c r="B1183" i="27" s="1"/>
  <c r="B1184" i="27" s="1"/>
  <c r="B1185" i="27" s="1"/>
  <c r="B1186" i="27" s="1"/>
  <c r="B1187" i="27" s="1"/>
  <c r="B1188" i="27" s="1"/>
  <c r="B1189" i="27" s="1"/>
  <c r="B1190" i="27" s="1"/>
  <c r="B1191" i="27" s="1"/>
  <c r="B1192" i="27" s="1"/>
  <c r="B1193" i="27" s="1"/>
  <c r="B1194" i="27" s="1"/>
  <c r="B1195" i="27" s="1"/>
  <c r="B1196" i="27" s="1"/>
  <c r="B1197" i="27" s="1"/>
  <c r="B1198" i="27" s="1"/>
  <c r="B1199" i="27" s="1"/>
  <c r="B1200" i="27" s="1"/>
  <c r="B1201" i="27" s="1"/>
  <c r="B1202" i="27" s="1"/>
  <c r="B1203" i="27" s="1"/>
  <c r="B1204" i="27" s="1"/>
  <c r="B1205" i="27" s="1"/>
  <c r="B1206" i="27" s="1"/>
  <c r="B1207" i="27" s="1"/>
  <c r="B1208" i="27" s="1"/>
  <c r="B1209" i="27" s="1"/>
  <c r="B1210" i="27" s="1"/>
  <c r="B1211" i="27" s="1"/>
  <c r="B1212" i="27" s="1"/>
  <c r="B1213" i="27" s="1"/>
  <c r="B1214" i="27" s="1"/>
  <c r="B1215" i="27" s="1"/>
  <c r="B1216" i="27" s="1"/>
  <c r="B1217" i="27" s="1"/>
  <c r="B1218" i="27" s="1"/>
  <c r="B1219" i="27" s="1"/>
  <c r="B1220" i="27" s="1"/>
  <c r="B1221" i="27" s="1"/>
  <c r="B1222" i="27" s="1"/>
  <c r="B1223" i="27" s="1"/>
  <c r="B1224" i="27" s="1"/>
  <c r="B1225" i="27" s="1"/>
  <c r="B1226" i="27" s="1"/>
  <c r="B1227" i="27" s="1"/>
  <c r="B1228" i="27" s="1"/>
  <c r="B1229" i="27" s="1"/>
  <c r="B1230" i="27" s="1"/>
  <c r="B1231" i="27" s="1"/>
  <c r="B1232" i="27" s="1"/>
  <c r="B1233" i="27" s="1"/>
  <c r="B1234" i="27" s="1"/>
  <c r="B1235" i="27" s="1"/>
  <c r="B1236" i="27" s="1"/>
  <c r="B1237" i="27" s="1"/>
  <c r="B1238" i="27" s="1"/>
  <c r="B1239" i="27" s="1"/>
  <c r="B1240" i="27" s="1"/>
  <c r="B1241" i="27" s="1"/>
  <c r="B1242" i="27" s="1"/>
  <c r="B1243" i="27" s="1"/>
  <c r="B1244" i="27" s="1"/>
  <c r="B1245" i="27" s="1"/>
  <c r="B1246" i="27" s="1"/>
  <c r="B1247" i="27" s="1"/>
  <c r="B1248" i="27" s="1"/>
  <c r="B1249" i="27" s="1"/>
  <c r="B1250" i="27" s="1"/>
  <c r="B1251" i="27" s="1"/>
  <c r="B1252" i="27" s="1"/>
  <c r="B1253" i="27" s="1"/>
  <c r="B1254" i="27" s="1"/>
  <c r="B1255" i="27" s="1"/>
  <c r="B1256" i="27" s="1"/>
  <c r="B1257" i="27" s="1"/>
  <c r="B1258" i="27" s="1"/>
  <c r="B1259" i="27" s="1"/>
  <c r="B1260" i="27" s="1"/>
  <c r="B1261" i="27" s="1"/>
  <c r="B1262" i="27" s="1"/>
  <c r="B1263" i="27" s="1"/>
  <c r="B1264" i="27" s="1"/>
  <c r="B1265" i="27" s="1"/>
  <c r="B1266" i="27" s="1"/>
  <c r="B1267" i="27" s="1"/>
  <c r="B1268" i="27" s="1"/>
  <c r="B1269" i="27" s="1"/>
  <c r="B1270" i="27" s="1"/>
  <c r="B1271" i="27" s="1"/>
  <c r="B1272" i="27" s="1"/>
  <c r="B1273" i="27" s="1"/>
  <c r="B1274" i="27" s="1"/>
  <c r="B1275" i="27" s="1"/>
  <c r="B1276" i="27" s="1"/>
  <c r="B1277" i="27" s="1"/>
  <c r="B1278" i="27" s="1"/>
  <c r="B1279" i="27" s="1"/>
  <c r="B1280" i="27" s="1"/>
  <c r="B1281" i="27" s="1"/>
  <c r="B1282" i="27" s="1"/>
  <c r="B1283" i="27" s="1"/>
  <c r="B1284" i="27" s="1"/>
  <c r="B1285" i="27" s="1"/>
  <c r="B1286" i="27" s="1"/>
  <c r="B1287" i="27" s="1"/>
  <c r="B1288" i="27" s="1"/>
  <c r="B1289" i="27" s="1"/>
  <c r="B1290" i="27" s="1"/>
  <c r="B1291" i="27" s="1"/>
  <c r="B1292" i="27" s="1"/>
  <c r="B1293" i="27" s="1"/>
  <c r="B1294" i="27" s="1"/>
  <c r="B1295" i="27" s="1"/>
  <c r="B1296" i="27" s="1"/>
  <c r="B1297" i="27" s="1"/>
  <c r="B1298" i="27" s="1"/>
  <c r="B1299" i="27" s="1"/>
  <c r="B1300" i="27" s="1"/>
  <c r="B1301" i="27" s="1"/>
  <c r="B1302" i="27" s="1"/>
  <c r="B1303" i="27" s="1"/>
  <c r="B1304" i="27" s="1"/>
  <c r="B1305" i="27" s="1"/>
  <c r="B1306" i="27" s="1"/>
  <c r="B1307" i="27" s="1"/>
  <c r="B1308" i="27" s="1"/>
  <c r="B1309" i="27" s="1"/>
  <c r="B1310" i="27" s="1"/>
  <c r="B1311" i="27" s="1"/>
  <c r="B1312" i="27" s="1"/>
  <c r="B1313" i="27" s="1"/>
  <c r="B1314" i="27" s="1"/>
  <c r="B1315" i="27" s="1"/>
  <c r="B1316" i="27" s="1"/>
  <c r="B1317" i="27" s="1"/>
  <c r="B1318" i="27" s="1"/>
  <c r="B1319" i="27" s="1"/>
  <c r="B1320" i="27" s="1"/>
  <c r="B1321" i="27" s="1"/>
  <c r="B1322" i="27" s="1"/>
  <c r="B1323" i="27" s="1"/>
  <c r="B1324" i="27" s="1"/>
  <c r="B1325" i="27" s="1"/>
  <c r="B1326" i="27" s="1"/>
  <c r="B1327" i="27" s="1"/>
  <c r="B1328" i="27" s="1"/>
  <c r="B1329" i="27" s="1"/>
  <c r="B1330" i="27" s="1"/>
  <c r="B1331" i="27" s="1"/>
  <c r="B1332" i="27" s="1"/>
  <c r="B1333" i="27" s="1"/>
  <c r="B1334" i="27" s="1"/>
  <c r="B1335" i="27" s="1"/>
  <c r="B1336" i="27" s="1"/>
  <c r="B1337" i="27" s="1"/>
  <c r="B1338" i="27" s="1"/>
  <c r="B1339" i="27" s="1"/>
  <c r="B1340" i="27" s="1"/>
  <c r="B1341" i="27" s="1"/>
  <c r="B1342" i="27" s="1"/>
  <c r="B1343" i="27" s="1"/>
  <c r="B1344" i="27" s="1"/>
  <c r="B1345" i="27" s="1"/>
  <c r="B1346" i="27" s="1"/>
  <c r="B1347" i="27" s="1"/>
  <c r="B1348" i="27" s="1"/>
  <c r="B1349" i="27" s="1"/>
  <c r="B1350" i="27" s="1"/>
  <c r="B1351" i="27" s="1"/>
  <c r="B1352" i="27" s="1"/>
  <c r="B1353" i="27" s="1"/>
  <c r="B1354" i="27" s="1"/>
  <c r="B1355" i="27" s="1"/>
  <c r="B1356" i="27" s="1"/>
  <c r="B1357" i="27" s="1"/>
  <c r="B1358" i="27" s="1"/>
  <c r="B1359" i="27" s="1"/>
  <c r="B1360" i="27" s="1"/>
  <c r="B1361" i="27" s="1"/>
  <c r="B1362" i="27" s="1"/>
  <c r="B1363" i="27" s="1"/>
  <c r="B1364" i="27" s="1"/>
  <c r="B1365" i="27" s="1"/>
  <c r="B1366" i="27" s="1"/>
  <c r="B1367" i="27" s="1"/>
  <c r="B1368" i="27" s="1"/>
  <c r="B1369" i="27" s="1"/>
  <c r="B1370" i="27" s="1"/>
  <c r="B1371" i="27" s="1"/>
  <c r="B1372" i="27" s="1"/>
  <c r="B1373" i="27" s="1"/>
  <c r="B1374" i="27" s="1"/>
  <c r="B1375" i="27" s="1"/>
  <c r="B1376" i="27" s="1"/>
  <c r="B1377" i="27" s="1"/>
  <c r="B1378" i="27" s="1"/>
  <c r="B1379" i="27" s="1"/>
  <c r="B1380" i="27" s="1"/>
  <c r="B1381" i="27" s="1"/>
  <c r="B1382" i="27" s="1"/>
  <c r="B1383" i="27" s="1"/>
  <c r="B1384" i="27" s="1"/>
  <c r="B1385" i="27" s="1"/>
  <c r="B1386" i="27" s="1"/>
  <c r="B1387" i="27" s="1"/>
  <c r="B1388" i="27" s="1"/>
  <c r="B1389" i="27" s="1"/>
  <c r="B1390" i="27" s="1"/>
  <c r="B1391" i="27" s="1"/>
  <c r="B1392" i="27" s="1"/>
  <c r="B1393" i="27" s="1"/>
  <c r="B1394" i="27" s="1"/>
  <c r="B1395" i="27" s="1"/>
  <c r="B1396" i="27" s="1"/>
  <c r="B1397" i="27" s="1"/>
  <c r="B1398" i="27" s="1"/>
  <c r="B1399" i="27" s="1"/>
  <c r="B1400" i="27" s="1"/>
  <c r="B1401" i="27" s="1"/>
  <c r="B1402" i="27" s="1"/>
  <c r="B1403" i="27" s="1"/>
  <c r="B1404" i="27" s="1"/>
  <c r="B1405" i="27" s="1"/>
  <c r="B1406" i="27" s="1"/>
  <c r="B1407" i="27" s="1"/>
  <c r="B1408" i="27" s="1"/>
  <c r="B1409" i="27" s="1"/>
  <c r="B1410" i="27" s="1"/>
  <c r="B1411" i="27" s="1"/>
  <c r="N953" i="27"/>
  <c r="B953" i="27"/>
  <c r="N952" i="27"/>
  <c r="N951" i="27"/>
  <c r="N950" i="27"/>
  <c r="N949" i="27"/>
  <c r="N948" i="27"/>
  <c r="N947" i="27"/>
  <c r="N946" i="27"/>
  <c r="N945" i="27"/>
  <c r="N944" i="27"/>
  <c r="N943" i="27"/>
  <c r="N942" i="27"/>
  <c r="N941" i="27"/>
  <c r="N940" i="27"/>
  <c r="N939" i="27"/>
  <c r="N938" i="27"/>
  <c r="N937" i="27"/>
  <c r="N936" i="27"/>
  <c r="N935" i="27"/>
  <c r="N934" i="27"/>
  <c r="N933" i="27"/>
  <c r="N932" i="27"/>
  <c r="N931" i="27"/>
  <c r="N930" i="27"/>
  <c r="N929" i="27"/>
  <c r="N928" i="27"/>
  <c r="N927" i="27"/>
  <c r="N926" i="27"/>
  <c r="N925" i="27"/>
  <c r="N924" i="27"/>
  <c r="N923" i="27"/>
  <c r="N922" i="27"/>
  <c r="N921" i="27"/>
  <c r="N920" i="27"/>
  <c r="N919" i="27"/>
  <c r="N918" i="27"/>
  <c r="N917" i="27"/>
  <c r="N916" i="27"/>
  <c r="N915" i="27"/>
  <c r="N914" i="27"/>
  <c r="N913" i="27"/>
  <c r="N912" i="27"/>
  <c r="N911" i="27"/>
  <c r="N910" i="27"/>
  <c r="N909" i="27"/>
  <c r="N908" i="27"/>
  <c r="N907" i="27"/>
  <c r="N906" i="27"/>
  <c r="N905" i="27"/>
  <c r="N904" i="27"/>
  <c r="N903" i="27"/>
  <c r="N902" i="27"/>
  <c r="N901" i="27"/>
  <c r="N900" i="27"/>
  <c r="N899" i="27"/>
  <c r="N898" i="27"/>
  <c r="N897" i="27"/>
  <c r="N896" i="27"/>
  <c r="N895" i="27"/>
  <c r="N894" i="27"/>
  <c r="N893" i="27"/>
  <c r="N892" i="27"/>
  <c r="N891" i="27"/>
  <c r="B891" i="27"/>
  <c r="B892" i="27" s="1"/>
  <c r="B893" i="27" s="1"/>
  <c r="B894" i="27" s="1"/>
  <c r="B895" i="27" s="1"/>
  <c r="B896" i="27" s="1"/>
  <c r="B897" i="27" s="1"/>
  <c r="B898" i="27" s="1"/>
  <c r="B899" i="27" s="1"/>
  <c r="B900" i="27" s="1"/>
  <c r="B901" i="27" s="1"/>
  <c r="B902" i="27" s="1"/>
  <c r="B903" i="27" s="1"/>
  <c r="B904" i="27" s="1"/>
  <c r="B905" i="27" s="1"/>
  <c r="B906" i="27" s="1"/>
  <c r="B907" i="27" s="1"/>
  <c r="B908" i="27" s="1"/>
  <c r="B909" i="27" s="1"/>
  <c r="B910" i="27" s="1"/>
  <c r="B911" i="27" s="1"/>
  <c r="B912" i="27" s="1"/>
  <c r="B913" i="27" s="1"/>
  <c r="B914" i="27" s="1"/>
  <c r="B915" i="27" s="1"/>
  <c r="B916" i="27" s="1"/>
  <c r="B917" i="27" s="1"/>
  <c r="B918" i="27" s="1"/>
  <c r="B919" i="27" s="1"/>
  <c r="B920" i="27" s="1"/>
  <c r="B921" i="27" s="1"/>
  <c r="B922" i="27" s="1"/>
  <c r="B923" i="27" s="1"/>
  <c r="B924" i="27" s="1"/>
  <c r="B925" i="27" s="1"/>
  <c r="B926" i="27" s="1"/>
  <c r="B927" i="27" s="1"/>
  <c r="B928" i="27" s="1"/>
  <c r="B929" i="27" s="1"/>
  <c r="B930" i="27" s="1"/>
  <c r="B931" i="27" s="1"/>
  <c r="B932" i="27" s="1"/>
  <c r="B933" i="27" s="1"/>
  <c r="B934" i="27" s="1"/>
  <c r="B935" i="27" s="1"/>
  <c r="B936" i="27" s="1"/>
  <c r="B937" i="27" s="1"/>
  <c r="B938" i="27" s="1"/>
  <c r="B939" i="27" s="1"/>
  <c r="B940" i="27" s="1"/>
  <c r="B941" i="27" s="1"/>
  <c r="B942" i="27" s="1"/>
  <c r="B943" i="27" s="1"/>
  <c r="B944" i="27" s="1"/>
  <c r="B945" i="27" s="1"/>
  <c r="B946" i="27" s="1"/>
  <c r="B947" i="27" s="1"/>
  <c r="B948" i="27" s="1"/>
  <c r="B949" i="27" s="1"/>
  <c r="B950" i="27" s="1"/>
  <c r="B951" i="27" s="1"/>
  <c r="B952" i="27" s="1"/>
  <c r="N890" i="27"/>
  <c r="B890" i="27"/>
  <c r="N889" i="27"/>
  <c r="N888" i="27"/>
  <c r="N887" i="27"/>
  <c r="N886" i="27"/>
  <c r="N885" i="27"/>
  <c r="N884" i="27"/>
  <c r="N883" i="27"/>
  <c r="N882" i="27"/>
  <c r="N881" i="27"/>
  <c r="N880" i="27"/>
  <c r="N879" i="27"/>
  <c r="N878" i="27"/>
  <c r="N877" i="27"/>
  <c r="N876" i="27"/>
  <c r="N875" i="27"/>
  <c r="N874" i="27"/>
  <c r="N873" i="27"/>
  <c r="N872" i="27"/>
  <c r="N871" i="27"/>
  <c r="N870" i="27"/>
  <c r="N869" i="27"/>
  <c r="N868" i="27"/>
  <c r="N867" i="27"/>
  <c r="N866" i="27"/>
  <c r="N865" i="27"/>
  <c r="N864" i="27"/>
  <c r="N863" i="27"/>
  <c r="N862" i="27"/>
  <c r="N861" i="27"/>
  <c r="B861" i="27"/>
  <c r="B862" i="27" s="1"/>
  <c r="B863" i="27" s="1"/>
  <c r="B864" i="27" s="1"/>
  <c r="B865" i="27" s="1"/>
  <c r="B866" i="27" s="1"/>
  <c r="B867" i="27" s="1"/>
  <c r="B868" i="27" s="1"/>
  <c r="B869" i="27" s="1"/>
  <c r="B870" i="27" s="1"/>
  <c r="B871" i="27" s="1"/>
  <c r="B872" i="27" s="1"/>
  <c r="B873" i="27" s="1"/>
  <c r="B874" i="27" s="1"/>
  <c r="B875" i="27" s="1"/>
  <c r="B876" i="27" s="1"/>
  <c r="B877" i="27" s="1"/>
  <c r="B878" i="27" s="1"/>
  <c r="B879" i="27" s="1"/>
  <c r="B880" i="27" s="1"/>
  <c r="B881" i="27" s="1"/>
  <c r="B882" i="27" s="1"/>
  <c r="B883" i="27" s="1"/>
  <c r="B884" i="27" s="1"/>
  <c r="B885" i="27" s="1"/>
  <c r="B886" i="27" s="1"/>
  <c r="B887" i="27" s="1"/>
  <c r="B888" i="27" s="1"/>
  <c r="B889" i="27" s="1"/>
  <c r="N860" i="27"/>
  <c r="N859" i="27"/>
  <c r="N858" i="27"/>
  <c r="N857" i="27"/>
  <c r="N856" i="27"/>
  <c r="N855" i="27"/>
  <c r="N854" i="27"/>
  <c r="N853" i="27"/>
  <c r="N852" i="27"/>
  <c r="N851" i="27"/>
  <c r="N850" i="27"/>
  <c r="N849" i="27"/>
  <c r="N848" i="27"/>
  <c r="N847" i="27"/>
  <c r="N846" i="27"/>
  <c r="N845" i="27"/>
  <c r="N844" i="27"/>
  <c r="N843" i="27"/>
  <c r="N842" i="27"/>
  <c r="N841" i="27"/>
  <c r="B841" i="27"/>
  <c r="B842" i="27" s="1"/>
  <c r="B843" i="27" s="1"/>
  <c r="B844" i="27" s="1"/>
  <c r="B845" i="27" s="1"/>
  <c r="B846" i="27" s="1"/>
  <c r="B847" i="27" s="1"/>
  <c r="B848" i="27" s="1"/>
  <c r="B849" i="27" s="1"/>
  <c r="B850" i="27" s="1"/>
  <c r="B851" i="27" s="1"/>
  <c r="B852" i="27" s="1"/>
  <c r="B853" i="27" s="1"/>
  <c r="B854" i="27" s="1"/>
  <c r="B855" i="27" s="1"/>
  <c r="B856" i="27" s="1"/>
  <c r="B857" i="27" s="1"/>
  <c r="B858" i="27" s="1"/>
  <c r="B859" i="27" s="1"/>
  <c r="B860" i="27" s="1"/>
  <c r="N840" i="27"/>
  <c r="N839" i="27"/>
  <c r="N838" i="27"/>
  <c r="N837" i="27"/>
  <c r="N836" i="27"/>
  <c r="N835" i="27"/>
  <c r="B835" i="27"/>
  <c r="B836" i="27" s="1"/>
  <c r="B837" i="27" s="1"/>
  <c r="B838" i="27" s="1"/>
  <c r="B839" i="27" s="1"/>
  <c r="B840" i="27" s="1"/>
  <c r="N834" i="27"/>
  <c r="N833" i="27"/>
  <c r="N832" i="27"/>
  <c r="N831" i="27"/>
  <c r="N830" i="27"/>
  <c r="N829" i="27"/>
  <c r="N828" i="27"/>
  <c r="N827" i="27"/>
  <c r="N826" i="27"/>
  <c r="N825" i="27"/>
  <c r="N824" i="27"/>
  <c r="N823" i="27"/>
  <c r="N822" i="27"/>
  <c r="N821" i="27"/>
  <c r="N820" i="27"/>
  <c r="N819" i="27"/>
  <c r="N818" i="27"/>
  <c r="N817" i="27"/>
  <c r="N816" i="27"/>
  <c r="N815" i="27"/>
  <c r="N814" i="27"/>
  <c r="N813" i="27"/>
  <c r="N812" i="27"/>
  <c r="N811" i="27"/>
  <c r="N810" i="27"/>
  <c r="N809" i="27"/>
  <c r="N808" i="27"/>
  <c r="N807" i="27"/>
  <c r="N806" i="27"/>
  <c r="N805" i="27"/>
  <c r="N804" i="27"/>
  <c r="N803" i="27"/>
  <c r="N802" i="27"/>
  <c r="N801" i="27"/>
  <c r="N800" i="27"/>
  <c r="N799" i="27"/>
  <c r="N798" i="27"/>
  <c r="N797" i="27"/>
  <c r="N796" i="27"/>
  <c r="N795" i="27"/>
  <c r="N794" i="27"/>
  <c r="N793" i="27"/>
  <c r="N792" i="27"/>
  <c r="N791" i="27"/>
  <c r="N790" i="27"/>
  <c r="N789" i="27"/>
  <c r="N788" i="27"/>
  <c r="N787" i="27"/>
  <c r="N786" i="27"/>
  <c r="N785" i="27"/>
  <c r="N784" i="27"/>
  <c r="N783" i="27"/>
  <c r="N782" i="27"/>
  <c r="N781" i="27"/>
  <c r="N780" i="27"/>
  <c r="N779" i="27"/>
  <c r="N778" i="27"/>
  <c r="N777" i="27"/>
  <c r="N776" i="27"/>
  <c r="N775" i="27"/>
  <c r="N774" i="27"/>
  <c r="N773" i="27"/>
  <c r="N772" i="27"/>
  <c r="N771" i="27"/>
  <c r="N770" i="27"/>
  <c r="N769" i="27"/>
  <c r="N768" i="27"/>
  <c r="N767" i="27"/>
  <c r="N766" i="27"/>
  <c r="N765" i="27"/>
  <c r="N764" i="27"/>
  <c r="N763" i="27"/>
  <c r="N762" i="27"/>
  <c r="N761" i="27"/>
  <c r="N760" i="27"/>
  <c r="N759" i="27"/>
  <c r="N758" i="27"/>
  <c r="N757" i="27"/>
  <c r="N756" i="27"/>
  <c r="N755" i="27"/>
  <c r="N754" i="27"/>
  <c r="N753" i="27"/>
  <c r="N752" i="27"/>
  <c r="N751" i="27"/>
  <c r="N750" i="27"/>
  <c r="N749" i="27"/>
  <c r="N748" i="27"/>
  <c r="N747" i="27"/>
  <c r="N746" i="27"/>
  <c r="N745" i="27"/>
  <c r="N744" i="27"/>
  <c r="N743" i="27"/>
  <c r="B743" i="27"/>
  <c r="B744" i="27" s="1"/>
  <c r="B745" i="27" s="1"/>
  <c r="B746" i="27" s="1"/>
  <c r="B747" i="27" s="1"/>
  <c r="B748" i="27" s="1"/>
  <c r="B749" i="27" s="1"/>
  <c r="B750" i="27" s="1"/>
  <c r="B751" i="27" s="1"/>
  <c r="B752" i="27" s="1"/>
  <c r="B753" i="27" s="1"/>
  <c r="B754" i="27" s="1"/>
  <c r="B755" i="27" s="1"/>
  <c r="B756" i="27" s="1"/>
  <c r="B757" i="27" s="1"/>
  <c r="B758" i="27" s="1"/>
  <c r="B759" i="27" s="1"/>
  <c r="B760" i="27" s="1"/>
  <c r="B761" i="27" s="1"/>
  <c r="B762" i="27" s="1"/>
  <c r="B763" i="27" s="1"/>
  <c r="B764" i="27" s="1"/>
  <c r="B765" i="27" s="1"/>
  <c r="B766" i="27" s="1"/>
  <c r="B767" i="27" s="1"/>
  <c r="B768" i="27" s="1"/>
  <c r="B769" i="27" s="1"/>
  <c r="B770" i="27" s="1"/>
  <c r="B771" i="27" s="1"/>
  <c r="B772" i="27" s="1"/>
  <c r="B773" i="27" s="1"/>
  <c r="B774" i="27" s="1"/>
  <c r="B775" i="27" s="1"/>
  <c r="B776" i="27" s="1"/>
  <c r="B777" i="27" s="1"/>
  <c r="B778" i="27" s="1"/>
  <c r="B779" i="27" s="1"/>
  <c r="B780" i="27" s="1"/>
  <c r="B781" i="27" s="1"/>
  <c r="B782" i="27" s="1"/>
  <c r="B783" i="27" s="1"/>
  <c r="B784" i="27" s="1"/>
  <c r="B785" i="27" s="1"/>
  <c r="B786" i="27" s="1"/>
  <c r="B787" i="27" s="1"/>
  <c r="B788" i="27" s="1"/>
  <c r="B789" i="27" s="1"/>
  <c r="B790" i="27" s="1"/>
  <c r="B791" i="27" s="1"/>
  <c r="B792" i="27" s="1"/>
  <c r="B793" i="27" s="1"/>
  <c r="B794" i="27" s="1"/>
  <c r="B795" i="27" s="1"/>
  <c r="B796" i="27" s="1"/>
  <c r="B797" i="27" s="1"/>
  <c r="B798" i="27" s="1"/>
  <c r="B799" i="27" s="1"/>
  <c r="B800" i="27" s="1"/>
  <c r="B801" i="27" s="1"/>
  <c r="B802" i="27" s="1"/>
  <c r="B803" i="27" s="1"/>
  <c r="B804" i="27" s="1"/>
  <c r="B805" i="27" s="1"/>
  <c r="B806" i="27" s="1"/>
  <c r="B807" i="27" s="1"/>
  <c r="B808" i="27" s="1"/>
  <c r="B809" i="27" s="1"/>
  <c r="B810" i="27" s="1"/>
  <c r="B811" i="27" s="1"/>
  <c r="B812" i="27" s="1"/>
  <c r="B813" i="27" s="1"/>
  <c r="B814" i="27" s="1"/>
  <c r="B815" i="27" s="1"/>
  <c r="B816" i="27" s="1"/>
  <c r="B817" i="27" s="1"/>
  <c r="B818" i="27" s="1"/>
  <c r="B819" i="27" s="1"/>
  <c r="B820" i="27" s="1"/>
  <c r="B821" i="27" s="1"/>
  <c r="B822" i="27" s="1"/>
  <c r="B823" i="27" s="1"/>
  <c r="B824" i="27" s="1"/>
  <c r="B825" i="27" s="1"/>
  <c r="B826" i="27" s="1"/>
  <c r="B827" i="27" s="1"/>
  <c r="B828" i="27" s="1"/>
  <c r="B829" i="27" s="1"/>
  <c r="B830" i="27" s="1"/>
  <c r="B831" i="27" s="1"/>
  <c r="B832" i="27" s="1"/>
  <c r="B833" i="27" s="1"/>
  <c r="B834" i="27" s="1"/>
  <c r="N742" i="27"/>
  <c r="B742" i="27"/>
  <c r="N741" i="27"/>
  <c r="B741" i="27"/>
  <c r="N740" i="27"/>
  <c r="B740" i="27"/>
  <c r="N739" i="27"/>
  <c r="B739" i="27"/>
  <c r="N738" i="27"/>
  <c r="N737" i="27"/>
  <c r="N736" i="27"/>
  <c r="N735" i="27"/>
  <c r="N734" i="27"/>
  <c r="N733" i="27"/>
  <c r="N732" i="27"/>
  <c r="N731" i="27"/>
  <c r="N730" i="27"/>
  <c r="N729" i="27"/>
  <c r="N728" i="27"/>
  <c r="N727" i="27"/>
  <c r="N726" i="27"/>
  <c r="N725" i="27"/>
  <c r="N724" i="27"/>
  <c r="N723" i="27"/>
  <c r="N722" i="27"/>
  <c r="N721" i="27"/>
  <c r="N720" i="27"/>
  <c r="N719" i="27"/>
  <c r="N718" i="27"/>
  <c r="N717" i="27"/>
  <c r="N716" i="27"/>
  <c r="N715" i="27"/>
  <c r="N714" i="27"/>
  <c r="N713" i="27"/>
  <c r="N712" i="27"/>
  <c r="N711" i="27"/>
  <c r="N710" i="27"/>
  <c r="N709" i="27"/>
  <c r="N708" i="27"/>
  <c r="N707" i="27"/>
  <c r="N706" i="27"/>
  <c r="N705" i="27"/>
  <c r="N704" i="27"/>
  <c r="N703" i="27"/>
  <c r="N702" i="27"/>
  <c r="N701" i="27"/>
  <c r="N700" i="27"/>
  <c r="N699" i="27"/>
  <c r="N698" i="27"/>
  <c r="N697" i="27"/>
  <c r="N696" i="27"/>
  <c r="N695" i="27"/>
  <c r="N694" i="27"/>
  <c r="N693" i="27"/>
  <c r="N692" i="27"/>
  <c r="N691" i="27"/>
  <c r="N690" i="27"/>
  <c r="N689" i="27"/>
  <c r="N688" i="27"/>
  <c r="N687" i="27"/>
  <c r="N686" i="27"/>
  <c r="N685" i="27"/>
  <c r="N684" i="27"/>
  <c r="N683" i="27"/>
  <c r="N682" i="27"/>
  <c r="N681" i="27"/>
  <c r="N680" i="27"/>
  <c r="N679" i="27"/>
  <c r="N678" i="27"/>
  <c r="N677" i="27"/>
  <c r="N676" i="27"/>
  <c r="N675" i="27"/>
  <c r="N674" i="27"/>
  <c r="N673" i="27"/>
  <c r="N672" i="27"/>
  <c r="N671" i="27"/>
  <c r="N670" i="27"/>
  <c r="N669" i="27"/>
  <c r="N668" i="27"/>
  <c r="N667" i="27"/>
  <c r="N666" i="27"/>
  <c r="N665" i="27"/>
  <c r="N664" i="27"/>
  <c r="N663" i="27"/>
  <c r="N662" i="27"/>
  <c r="N661" i="27"/>
  <c r="N660" i="27"/>
  <c r="N659" i="27"/>
  <c r="N658" i="27"/>
  <c r="N657" i="27"/>
  <c r="N656" i="27"/>
  <c r="N655" i="27"/>
  <c r="N654" i="27"/>
  <c r="N653" i="27"/>
  <c r="N652" i="27"/>
  <c r="N651" i="27"/>
  <c r="N650" i="27"/>
  <c r="N649" i="27"/>
  <c r="N648" i="27"/>
  <c r="N647" i="27"/>
  <c r="N646" i="27"/>
  <c r="N645" i="27"/>
  <c r="N644" i="27"/>
  <c r="N643" i="27"/>
  <c r="N642" i="27"/>
  <c r="N641" i="27"/>
  <c r="N640" i="27"/>
  <c r="N639" i="27"/>
  <c r="N638" i="27"/>
  <c r="N637" i="27"/>
  <c r="N636" i="27"/>
  <c r="N635" i="27"/>
  <c r="N634" i="27"/>
  <c r="N633" i="27"/>
  <c r="N632" i="27"/>
  <c r="N631" i="27"/>
  <c r="N630" i="27"/>
  <c r="N629" i="27"/>
  <c r="N628" i="27"/>
  <c r="N627" i="27"/>
  <c r="N626" i="27"/>
  <c r="N625" i="27"/>
  <c r="N624" i="27"/>
  <c r="N623" i="27"/>
  <c r="N622" i="27"/>
  <c r="N621" i="27"/>
  <c r="N620" i="27"/>
  <c r="N619" i="27"/>
  <c r="N618" i="27"/>
  <c r="N617" i="27"/>
  <c r="N616" i="27"/>
  <c r="N615" i="27"/>
  <c r="N614" i="27"/>
  <c r="N613" i="27"/>
  <c r="N612" i="27"/>
  <c r="N611" i="27"/>
  <c r="N610" i="27"/>
  <c r="N609" i="27"/>
  <c r="N608" i="27"/>
  <c r="N607" i="27"/>
  <c r="N606" i="27"/>
  <c r="N605" i="27"/>
  <c r="N604" i="27"/>
  <c r="N603" i="27"/>
  <c r="N602" i="27"/>
  <c r="N601" i="27"/>
  <c r="N600" i="27"/>
  <c r="N599" i="27"/>
  <c r="N598" i="27"/>
  <c r="N597" i="27"/>
  <c r="N596" i="27"/>
  <c r="N595" i="27"/>
  <c r="N594" i="27"/>
  <c r="N593" i="27"/>
  <c r="N592" i="27"/>
  <c r="N591" i="27"/>
  <c r="N590" i="27"/>
  <c r="N589" i="27"/>
  <c r="N588" i="27"/>
  <c r="N587" i="27"/>
  <c r="N586" i="27"/>
  <c r="N585" i="27"/>
  <c r="N584" i="27"/>
  <c r="N583" i="27"/>
  <c r="N582" i="27"/>
  <c r="N581" i="27"/>
  <c r="N580" i="27"/>
  <c r="N579" i="27"/>
  <c r="N578" i="27"/>
  <c r="N577" i="27"/>
  <c r="N576" i="27"/>
  <c r="N575" i="27"/>
  <c r="N574" i="27"/>
  <c r="N573" i="27"/>
  <c r="N572" i="27"/>
  <c r="N571" i="27"/>
  <c r="N570" i="27"/>
  <c r="N569" i="27"/>
  <c r="N568" i="27"/>
  <c r="N567" i="27"/>
  <c r="N566" i="27"/>
  <c r="N565" i="27"/>
  <c r="N564" i="27"/>
  <c r="N563" i="27"/>
  <c r="N562" i="27"/>
  <c r="N561" i="27"/>
  <c r="N560" i="27"/>
  <c r="N559" i="27"/>
  <c r="N558" i="27"/>
  <c r="N557" i="27"/>
  <c r="N556" i="27"/>
  <c r="N555" i="27"/>
  <c r="N554" i="27"/>
  <c r="N553" i="27"/>
  <c r="N552" i="27"/>
  <c r="N551" i="27"/>
  <c r="N550" i="27"/>
  <c r="N549" i="27"/>
  <c r="N548" i="27"/>
  <c r="N547" i="27"/>
  <c r="N546" i="27"/>
  <c r="N545" i="27"/>
  <c r="N544" i="27"/>
  <c r="N543" i="27"/>
  <c r="N542" i="27"/>
  <c r="N541" i="27"/>
  <c r="N540" i="27"/>
  <c r="N539" i="27"/>
  <c r="N538" i="27"/>
  <c r="N537" i="27"/>
  <c r="N536" i="27"/>
  <c r="N535" i="27"/>
  <c r="N534" i="27"/>
  <c r="N533" i="27"/>
  <c r="N532" i="27"/>
  <c r="N531" i="27"/>
  <c r="N530" i="27"/>
  <c r="N529" i="27"/>
  <c r="N528" i="27"/>
  <c r="N527" i="27"/>
  <c r="N526" i="27"/>
  <c r="N525" i="27"/>
  <c r="N524" i="27"/>
  <c r="N523" i="27"/>
  <c r="N522" i="27"/>
  <c r="N521" i="27"/>
  <c r="N520" i="27"/>
  <c r="N519" i="27"/>
  <c r="B519" i="27"/>
  <c r="B520" i="27" s="1"/>
  <c r="B521" i="27" s="1"/>
  <c r="B522" i="27" s="1"/>
  <c r="B523" i="27" s="1"/>
  <c r="B524" i="27" s="1"/>
  <c r="B525" i="27" s="1"/>
  <c r="B526" i="27" s="1"/>
  <c r="B527" i="27" s="1"/>
  <c r="B528" i="27" s="1"/>
  <c r="B529" i="27" s="1"/>
  <c r="B530" i="27" s="1"/>
  <c r="B531" i="27" s="1"/>
  <c r="B532" i="27" s="1"/>
  <c r="B533" i="27" s="1"/>
  <c r="B534" i="27" s="1"/>
  <c r="B535" i="27" s="1"/>
  <c r="B536" i="27" s="1"/>
  <c r="B537" i="27" s="1"/>
  <c r="B538" i="27" s="1"/>
  <c r="B539" i="27" s="1"/>
  <c r="B540" i="27" s="1"/>
  <c r="B541" i="27" s="1"/>
  <c r="B542" i="27" s="1"/>
  <c r="B543" i="27" s="1"/>
  <c r="B544" i="27" s="1"/>
  <c r="B545" i="27" s="1"/>
  <c r="B546" i="27" s="1"/>
  <c r="B547" i="27" s="1"/>
  <c r="B548" i="27" s="1"/>
  <c r="B549" i="27" s="1"/>
  <c r="B550" i="27" s="1"/>
  <c r="B551" i="27" s="1"/>
  <c r="B552" i="27" s="1"/>
  <c r="B553" i="27" s="1"/>
  <c r="B554" i="27" s="1"/>
  <c r="B555" i="27" s="1"/>
  <c r="B556" i="27" s="1"/>
  <c r="B557" i="27" s="1"/>
  <c r="B558" i="27" s="1"/>
  <c r="B559" i="27" s="1"/>
  <c r="B560" i="27" s="1"/>
  <c r="B561" i="27" s="1"/>
  <c r="B562" i="27" s="1"/>
  <c r="B563" i="27" s="1"/>
  <c r="B564" i="27" s="1"/>
  <c r="B565" i="27" s="1"/>
  <c r="B566" i="27" s="1"/>
  <c r="B567" i="27" s="1"/>
  <c r="B568" i="27" s="1"/>
  <c r="B569" i="27" s="1"/>
  <c r="B570" i="27" s="1"/>
  <c r="B571" i="27" s="1"/>
  <c r="B572" i="27" s="1"/>
  <c r="B573" i="27" s="1"/>
  <c r="B574" i="27" s="1"/>
  <c r="B575" i="27" s="1"/>
  <c r="B576" i="27" s="1"/>
  <c r="B577" i="27" s="1"/>
  <c r="B578" i="27" s="1"/>
  <c r="B579" i="27" s="1"/>
  <c r="B580" i="27" s="1"/>
  <c r="B581" i="27" s="1"/>
  <c r="B582" i="27" s="1"/>
  <c r="B583" i="27" s="1"/>
  <c r="B584" i="27" s="1"/>
  <c r="B585" i="27" s="1"/>
  <c r="B586" i="27" s="1"/>
  <c r="B587" i="27" s="1"/>
  <c r="B588" i="27" s="1"/>
  <c r="B589" i="27" s="1"/>
  <c r="B590" i="27" s="1"/>
  <c r="B591" i="27" s="1"/>
  <c r="B592" i="27" s="1"/>
  <c r="B593" i="27" s="1"/>
  <c r="B594" i="27" s="1"/>
  <c r="B595" i="27" s="1"/>
  <c r="B596" i="27" s="1"/>
  <c r="B597" i="27" s="1"/>
  <c r="B598" i="27" s="1"/>
  <c r="B599" i="27" s="1"/>
  <c r="B600" i="27" s="1"/>
  <c r="B601" i="27" s="1"/>
  <c r="B602" i="27" s="1"/>
  <c r="B603" i="27" s="1"/>
  <c r="B604" i="27" s="1"/>
  <c r="B605" i="27" s="1"/>
  <c r="B606" i="27" s="1"/>
  <c r="B607" i="27" s="1"/>
  <c r="B608" i="27" s="1"/>
  <c r="B609" i="27" s="1"/>
  <c r="B610" i="27" s="1"/>
  <c r="B611" i="27" s="1"/>
  <c r="B612" i="27" s="1"/>
  <c r="B613" i="27" s="1"/>
  <c r="B614" i="27" s="1"/>
  <c r="B615" i="27" s="1"/>
  <c r="B616" i="27" s="1"/>
  <c r="B617" i="27" s="1"/>
  <c r="B618" i="27" s="1"/>
  <c r="B619" i="27" s="1"/>
  <c r="B620" i="27" s="1"/>
  <c r="B621" i="27" s="1"/>
  <c r="B622" i="27" s="1"/>
  <c r="B623" i="27" s="1"/>
  <c r="B624" i="27" s="1"/>
  <c r="B625" i="27" s="1"/>
  <c r="B626" i="27" s="1"/>
  <c r="B627" i="27" s="1"/>
  <c r="B628" i="27" s="1"/>
  <c r="B629" i="27" s="1"/>
  <c r="B630" i="27" s="1"/>
  <c r="B631" i="27" s="1"/>
  <c r="B632" i="27" s="1"/>
  <c r="B633" i="27" s="1"/>
  <c r="B634" i="27" s="1"/>
  <c r="B635" i="27" s="1"/>
  <c r="B636" i="27" s="1"/>
  <c r="B637" i="27" s="1"/>
  <c r="B638" i="27" s="1"/>
  <c r="B639" i="27" s="1"/>
  <c r="B640" i="27" s="1"/>
  <c r="B641" i="27" s="1"/>
  <c r="B642" i="27" s="1"/>
  <c r="B643" i="27" s="1"/>
  <c r="B644" i="27" s="1"/>
  <c r="B645" i="27" s="1"/>
  <c r="B646" i="27" s="1"/>
  <c r="B647" i="27" s="1"/>
  <c r="B648" i="27" s="1"/>
  <c r="B649" i="27" s="1"/>
  <c r="B650" i="27" s="1"/>
  <c r="B651" i="27" s="1"/>
  <c r="B652" i="27" s="1"/>
  <c r="B653" i="27" s="1"/>
  <c r="B654" i="27" s="1"/>
  <c r="B655" i="27" s="1"/>
  <c r="B656" i="27" s="1"/>
  <c r="B657" i="27" s="1"/>
  <c r="B658" i="27" s="1"/>
  <c r="B659" i="27" s="1"/>
  <c r="B660" i="27" s="1"/>
  <c r="B661" i="27" s="1"/>
  <c r="B662" i="27" s="1"/>
  <c r="B663" i="27" s="1"/>
  <c r="B664" i="27" s="1"/>
  <c r="B665" i="27" s="1"/>
  <c r="B666" i="27" s="1"/>
  <c r="B667" i="27" s="1"/>
  <c r="B668" i="27" s="1"/>
  <c r="B669" i="27" s="1"/>
  <c r="B670" i="27" s="1"/>
  <c r="B671" i="27" s="1"/>
  <c r="B672" i="27" s="1"/>
  <c r="B673" i="27" s="1"/>
  <c r="B674" i="27" s="1"/>
  <c r="B675" i="27" s="1"/>
  <c r="B676" i="27" s="1"/>
  <c r="B677" i="27" s="1"/>
  <c r="B678" i="27" s="1"/>
  <c r="B679" i="27" s="1"/>
  <c r="B680" i="27" s="1"/>
  <c r="B681" i="27" s="1"/>
  <c r="B682" i="27" s="1"/>
  <c r="B683" i="27" s="1"/>
  <c r="B684" i="27" s="1"/>
  <c r="B685" i="27" s="1"/>
  <c r="B686" i="27" s="1"/>
  <c r="B687" i="27" s="1"/>
  <c r="B688" i="27" s="1"/>
  <c r="B689" i="27" s="1"/>
  <c r="B690" i="27" s="1"/>
  <c r="B691" i="27" s="1"/>
  <c r="B692" i="27" s="1"/>
  <c r="B693" i="27" s="1"/>
  <c r="B694" i="27" s="1"/>
  <c r="B695" i="27" s="1"/>
  <c r="B696" i="27" s="1"/>
  <c r="B697" i="27" s="1"/>
  <c r="B698" i="27" s="1"/>
  <c r="B699" i="27" s="1"/>
  <c r="B700" i="27" s="1"/>
  <c r="B701" i="27" s="1"/>
  <c r="B702" i="27" s="1"/>
  <c r="B703" i="27" s="1"/>
  <c r="B704" i="27" s="1"/>
  <c r="B705" i="27" s="1"/>
  <c r="B706" i="27" s="1"/>
  <c r="B707" i="27" s="1"/>
  <c r="B708" i="27" s="1"/>
  <c r="B709" i="27" s="1"/>
  <c r="B710" i="27" s="1"/>
  <c r="B711" i="27" s="1"/>
  <c r="B712" i="27" s="1"/>
  <c r="B713" i="27" s="1"/>
  <c r="B714" i="27" s="1"/>
  <c r="B715" i="27" s="1"/>
  <c r="B716" i="27" s="1"/>
  <c r="B717" i="27" s="1"/>
  <c r="B718" i="27" s="1"/>
  <c r="B719" i="27" s="1"/>
  <c r="B720" i="27" s="1"/>
  <c r="B721" i="27" s="1"/>
  <c r="B722" i="27" s="1"/>
  <c r="B723" i="27" s="1"/>
  <c r="B724" i="27" s="1"/>
  <c r="B725" i="27" s="1"/>
  <c r="B726" i="27" s="1"/>
  <c r="B727" i="27" s="1"/>
  <c r="B728" i="27" s="1"/>
  <c r="B729" i="27" s="1"/>
  <c r="B730" i="27" s="1"/>
  <c r="B731" i="27" s="1"/>
  <c r="B732" i="27" s="1"/>
  <c r="B733" i="27" s="1"/>
  <c r="B734" i="27" s="1"/>
  <c r="B735" i="27" s="1"/>
  <c r="B736" i="27" s="1"/>
  <c r="B737" i="27" s="1"/>
  <c r="B738" i="27" s="1"/>
  <c r="N518" i="27"/>
  <c r="N517" i="27"/>
  <c r="N516" i="27"/>
  <c r="N515" i="27"/>
  <c r="N514" i="27"/>
  <c r="N513" i="27"/>
  <c r="N512" i="27"/>
  <c r="N511" i="27"/>
  <c r="N510" i="27"/>
  <c r="N509" i="27"/>
  <c r="N508" i="27"/>
  <c r="N507" i="27"/>
  <c r="N506" i="27"/>
  <c r="N505" i="27"/>
  <c r="N504" i="27"/>
  <c r="N503" i="27"/>
  <c r="N502" i="27"/>
  <c r="N501" i="27"/>
  <c r="N500" i="27"/>
  <c r="N499" i="27"/>
  <c r="N498" i="27"/>
  <c r="N497" i="27"/>
  <c r="N496" i="27"/>
  <c r="N495" i="27"/>
  <c r="N494" i="27"/>
  <c r="N493" i="27"/>
  <c r="N492" i="27"/>
  <c r="N491" i="27"/>
  <c r="N490" i="27"/>
  <c r="N489" i="27"/>
  <c r="N488" i="27"/>
  <c r="N487" i="27"/>
  <c r="N486" i="27"/>
  <c r="N485" i="27"/>
  <c r="N484" i="27"/>
  <c r="N483" i="27"/>
  <c r="N482" i="27"/>
  <c r="N481" i="27"/>
  <c r="N480" i="27"/>
  <c r="B480" i="27"/>
  <c r="B481" i="27" s="1"/>
  <c r="B482" i="27" s="1"/>
  <c r="B483" i="27" s="1"/>
  <c r="B484" i="27" s="1"/>
  <c r="B485" i="27" s="1"/>
  <c r="B486" i="27" s="1"/>
  <c r="B487" i="27" s="1"/>
  <c r="B488" i="27" s="1"/>
  <c r="B489" i="27" s="1"/>
  <c r="B490" i="27" s="1"/>
  <c r="B491" i="27" s="1"/>
  <c r="B492" i="27" s="1"/>
  <c r="B493" i="27" s="1"/>
  <c r="B494" i="27" s="1"/>
  <c r="B495" i="27" s="1"/>
  <c r="B496" i="27" s="1"/>
  <c r="B497" i="27" s="1"/>
  <c r="B498" i="27" s="1"/>
  <c r="B499" i="27" s="1"/>
  <c r="B500" i="27" s="1"/>
  <c r="B501" i="27" s="1"/>
  <c r="B502" i="27" s="1"/>
  <c r="B503" i="27" s="1"/>
  <c r="B504" i="27" s="1"/>
  <c r="B505" i="27" s="1"/>
  <c r="B506" i="27" s="1"/>
  <c r="B507" i="27" s="1"/>
  <c r="B508" i="27" s="1"/>
  <c r="B509" i="27" s="1"/>
  <c r="B510" i="27" s="1"/>
  <c r="B511" i="27" s="1"/>
  <c r="B512" i="27" s="1"/>
  <c r="B513" i="27" s="1"/>
  <c r="B514" i="27" s="1"/>
  <c r="B515" i="27" s="1"/>
  <c r="B516" i="27" s="1"/>
  <c r="B517" i="27" s="1"/>
  <c r="B518" i="27" s="1"/>
  <c r="N479" i="27"/>
  <c r="B479" i="27"/>
  <c r="N478" i="27"/>
  <c r="B478" i="27"/>
  <c r="N477" i="27"/>
  <c r="B477" i="27"/>
  <c r="N476" i="27"/>
  <c r="B476" i="27"/>
  <c r="N475" i="27"/>
  <c r="B475" i="27"/>
  <c r="N474" i="27"/>
  <c r="B474" i="27"/>
  <c r="N473" i="27"/>
  <c r="B473" i="27"/>
  <c r="N472" i="27"/>
  <c r="B472" i="27"/>
  <c r="N471" i="27"/>
  <c r="N470" i="27"/>
  <c r="N469" i="27"/>
  <c r="N468" i="27"/>
  <c r="N467" i="27"/>
  <c r="N466" i="27"/>
  <c r="N465" i="27"/>
  <c r="N464" i="27"/>
  <c r="N463" i="27"/>
  <c r="N462" i="27"/>
  <c r="N461" i="27"/>
  <c r="N460" i="27"/>
  <c r="N459" i="27"/>
  <c r="N458" i="27"/>
  <c r="N457" i="27"/>
  <c r="N456" i="27"/>
  <c r="N455" i="27"/>
  <c r="N454" i="27"/>
  <c r="N453" i="27"/>
  <c r="N452" i="27"/>
  <c r="N451" i="27"/>
  <c r="N450" i="27"/>
  <c r="N449" i="27"/>
  <c r="N448" i="27"/>
  <c r="N447" i="27"/>
  <c r="N446" i="27"/>
  <c r="N445" i="27"/>
  <c r="N444" i="27"/>
  <c r="N443" i="27"/>
  <c r="N442" i="27"/>
  <c r="N441" i="27"/>
  <c r="N440" i="27"/>
  <c r="N439" i="27"/>
  <c r="N438" i="27"/>
  <c r="N437" i="27"/>
  <c r="N436" i="27"/>
  <c r="N435" i="27"/>
  <c r="N434" i="27"/>
  <c r="N433" i="27"/>
  <c r="N432" i="27"/>
  <c r="B432" i="27"/>
  <c r="B433" i="27" s="1"/>
  <c r="B434" i="27" s="1"/>
  <c r="B435" i="27" s="1"/>
  <c r="B436" i="27" s="1"/>
  <c r="B437" i="27" s="1"/>
  <c r="B438" i="27" s="1"/>
  <c r="B439" i="27" s="1"/>
  <c r="B440" i="27" s="1"/>
  <c r="B441" i="27" s="1"/>
  <c r="B442" i="27" s="1"/>
  <c r="B443" i="27" s="1"/>
  <c r="B444" i="27" s="1"/>
  <c r="B445" i="27" s="1"/>
  <c r="B446" i="27" s="1"/>
  <c r="B447" i="27" s="1"/>
  <c r="B448" i="27" s="1"/>
  <c r="B449" i="27" s="1"/>
  <c r="B450" i="27" s="1"/>
  <c r="B451" i="27" s="1"/>
  <c r="B452" i="27" s="1"/>
  <c r="B453" i="27" s="1"/>
  <c r="B454" i="27" s="1"/>
  <c r="B455" i="27" s="1"/>
  <c r="B456" i="27" s="1"/>
  <c r="B457" i="27" s="1"/>
  <c r="B458" i="27" s="1"/>
  <c r="B459" i="27" s="1"/>
  <c r="B460" i="27" s="1"/>
  <c r="B461" i="27" s="1"/>
  <c r="B462" i="27" s="1"/>
  <c r="B463" i="27" s="1"/>
  <c r="B464" i="27" s="1"/>
  <c r="B465" i="27" s="1"/>
  <c r="B466" i="27" s="1"/>
  <c r="B467" i="27" s="1"/>
  <c r="B468" i="27" s="1"/>
  <c r="B469" i="27" s="1"/>
  <c r="B470" i="27" s="1"/>
  <c r="B471" i="27" s="1"/>
  <c r="N431" i="27"/>
  <c r="B431" i="27"/>
  <c r="N430" i="27"/>
  <c r="B430" i="27"/>
  <c r="N429" i="27"/>
  <c r="B429" i="27"/>
  <c r="N428" i="27"/>
  <c r="B428" i="27"/>
  <c r="N427" i="27"/>
  <c r="B427" i="27"/>
  <c r="N426" i="27"/>
  <c r="B426" i="27"/>
  <c r="N425" i="27"/>
  <c r="B425" i="27"/>
  <c r="N424" i="27"/>
  <c r="B424" i="27"/>
  <c r="N423" i="27"/>
  <c r="B423" i="27"/>
  <c r="N422" i="27"/>
  <c r="B422" i="27"/>
  <c r="N421" i="27"/>
  <c r="B421" i="27"/>
  <c r="N420" i="27"/>
  <c r="B420" i="27"/>
  <c r="N419" i="27"/>
  <c r="B419" i="27"/>
  <c r="N418" i="27"/>
  <c r="B418" i="27"/>
  <c r="N417" i="27"/>
  <c r="B417" i="27"/>
  <c r="N416" i="27"/>
  <c r="N415" i="27"/>
  <c r="B415" i="27"/>
  <c r="B416" i="27" s="1"/>
  <c r="N414" i="27"/>
  <c r="N413" i="27"/>
  <c r="N412" i="27"/>
  <c r="N411" i="27"/>
  <c r="N410" i="27"/>
  <c r="N409" i="27"/>
  <c r="N408" i="27"/>
  <c r="N407" i="27"/>
  <c r="N406" i="27"/>
  <c r="N405" i="27"/>
  <c r="N404" i="27"/>
  <c r="N403" i="27"/>
  <c r="N402" i="27"/>
  <c r="N401" i="27"/>
  <c r="N400" i="27"/>
  <c r="N399" i="27"/>
  <c r="N398" i="27"/>
  <c r="N397" i="27"/>
  <c r="N396" i="27"/>
  <c r="N395" i="27"/>
  <c r="N394" i="27"/>
  <c r="N393" i="27"/>
  <c r="N392" i="27"/>
  <c r="N391" i="27"/>
  <c r="N390" i="27"/>
  <c r="N389" i="27"/>
  <c r="N388" i="27"/>
  <c r="B388" i="27"/>
  <c r="B389" i="27" s="1"/>
  <c r="B390" i="27" s="1"/>
  <c r="B391" i="27" s="1"/>
  <c r="B392" i="27" s="1"/>
  <c r="B393" i="27" s="1"/>
  <c r="B394" i="27" s="1"/>
  <c r="B395" i="27" s="1"/>
  <c r="B396" i="27" s="1"/>
  <c r="B397" i="27" s="1"/>
  <c r="B398" i="27" s="1"/>
  <c r="B399" i="27" s="1"/>
  <c r="B400" i="27" s="1"/>
  <c r="B401" i="27" s="1"/>
  <c r="B402" i="27" s="1"/>
  <c r="B403" i="27" s="1"/>
  <c r="B404" i="27" s="1"/>
  <c r="B405" i="27" s="1"/>
  <c r="B406" i="27" s="1"/>
  <c r="B407" i="27" s="1"/>
  <c r="B408" i="27" s="1"/>
  <c r="B409" i="27" s="1"/>
  <c r="B410" i="27" s="1"/>
  <c r="B411" i="27" s="1"/>
  <c r="B412" i="27" s="1"/>
  <c r="B413" i="27" s="1"/>
  <c r="B414" i="27" s="1"/>
  <c r="N387" i="27"/>
  <c r="N386" i="27"/>
  <c r="N385" i="27"/>
  <c r="N384" i="27"/>
  <c r="N383" i="27"/>
  <c r="N382" i="27"/>
  <c r="N381" i="27"/>
  <c r="N380" i="27"/>
  <c r="N379" i="27"/>
  <c r="N378" i="27"/>
  <c r="N377" i="27"/>
  <c r="N376" i="27"/>
  <c r="N375" i="27"/>
  <c r="N374" i="27"/>
  <c r="N373" i="27"/>
  <c r="N372" i="27"/>
  <c r="N371" i="27"/>
  <c r="N370" i="27"/>
  <c r="N369" i="27"/>
  <c r="N368" i="27"/>
  <c r="N367" i="27"/>
  <c r="N366" i="27"/>
  <c r="N365" i="27"/>
  <c r="N364" i="27"/>
  <c r="N363" i="27"/>
  <c r="N362" i="27"/>
  <c r="N361" i="27"/>
  <c r="N360" i="27"/>
  <c r="N359" i="27"/>
  <c r="N358" i="27"/>
  <c r="N357" i="27"/>
  <c r="N356" i="27"/>
  <c r="N355" i="27"/>
  <c r="N354" i="27"/>
  <c r="N353" i="27"/>
  <c r="N352" i="27"/>
  <c r="N351" i="27"/>
  <c r="N350" i="27"/>
  <c r="N349" i="27"/>
  <c r="N348" i="27"/>
  <c r="N347" i="27"/>
  <c r="N346" i="27"/>
  <c r="N345" i="27"/>
  <c r="N344" i="27"/>
  <c r="N343" i="27"/>
  <c r="N342" i="27"/>
  <c r="N341" i="27"/>
  <c r="N340" i="27"/>
  <c r="N339" i="27"/>
  <c r="N338" i="27"/>
  <c r="N337" i="27"/>
  <c r="N336" i="27"/>
  <c r="N335" i="27"/>
  <c r="N334" i="27"/>
  <c r="N333" i="27"/>
  <c r="N332" i="27"/>
  <c r="N331" i="27"/>
  <c r="N330" i="27"/>
  <c r="N329" i="27"/>
  <c r="N328" i="27"/>
  <c r="N327" i="27"/>
  <c r="N326" i="27"/>
  <c r="N325" i="27"/>
  <c r="N324" i="27"/>
  <c r="N323" i="27"/>
  <c r="N322" i="27"/>
  <c r="N321" i="27"/>
  <c r="N320" i="27"/>
  <c r="N319" i="27"/>
  <c r="N318" i="27"/>
  <c r="N317" i="27"/>
  <c r="N316" i="27"/>
  <c r="N315" i="27"/>
  <c r="N314" i="27"/>
  <c r="N313" i="27"/>
  <c r="N312" i="27"/>
  <c r="N311" i="27"/>
  <c r="N310" i="27"/>
  <c r="N309" i="27"/>
  <c r="N308" i="27"/>
  <c r="N307" i="27"/>
  <c r="N306" i="27"/>
  <c r="N305" i="27"/>
  <c r="N304" i="27"/>
  <c r="N303" i="27"/>
  <c r="N302" i="27"/>
  <c r="N301" i="27"/>
  <c r="N300" i="27"/>
  <c r="N299" i="27"/>
  <c r="N298" i="27"/>
  <c r="N297" i="27"/>
  <c r="N296" i="27"/>
  <c r="N295" i="27"/>
  <c r="N294" i="27"/>
  <c r="N293" i="27"/>
  <c r="N292" i="27"/>
  <c r="N291" i="27"/>
  <c r="N290" i="27"/>
  <c r="N289" i="27"/>
  <c r="N288" i="27"/>
  <c r="N287" i="27"/>
  <c r="N286" i="27"/>
  <c r="N285" i="27"/>
  <c r="N284" i="27"/>
  <c r="N283" i="27"/>
  <c r="N282" i="27"/>
  <c r="N281" i="27"/>
  <c r="N280" i="27"/>
  <c r="N279" i="27"/>
  <c r="N278" i="27"/>
  <c r="N277" i="27"/>
  <c r="N276" i="27"/>
  <c r="N275" i="27"/>
  <c r="N274" i="27"/>
  <c r="N273" i="27"/>
  <c r="N272" i="27"/>
  <c r="N271" i="27"/>
  <c r="N270" i="27"/>
  <c r="N269" i="27"/>
  <c r="N268" i="27"/>
  <c r="N267" i="27"/>
  <c r="N266" i="27"/>
  <c r="N265" i="27"/>
  <c r="N264" i="27"/>
  <c r="N263" i="27"/>
  <c r="N262" i="27"/>
  <c r="N261" i="27"/>
  <c r="N260" i="27"/>
  <c r="N259" i="27"/>
  <c r="B259" i="27"/>
  <c r="B260" i="27" s="1"/>
  <c r="B261" i="27" s="1"/>
  <c r="B262" i="27" s="1"/>
  <c r="B263" i="27" s="1"/>
  <c r="B264" i="27" s="1"/>
  <c r="B265" i="27" s="1"/>
  <c r="B266" i="27" s="1"/>
  <c r="B267" i="27" s="1"/>
  <c r="B268" i="27" s="1"/>
  <c r="B269" i="27" s="1"/>
  <c r="B270" i="27" s="1"/>
  <c r="B271" i="27" s="1"/>
  <c r="B272" i="27" s="1"/>
  <c r="B273" i="27" s="1"/>
  <c r="B274" i="27" s="1"/>
  <c r="B275" i="27" s="1"/>
  <c r="B276" i="27" s="1"/>
  <c r="B277" i="27" s="1"/>
  <c r="B278" i="27" s="1"/>
  <c r="B279" i="27" s="1"/>
  <c r="B280" i="27" s="1"/>
  <c r="B281" i="27" s="1"/>
  <c r="B282" i="27" s="1"/>
  <c r="B283" i="27" s="1"/>
  <c r="B284" i="27" s="1"/>
  <c r="B285" i="27" s="1"/>
  <c r="B286" i="27" s="1"/>
  <c r="B287" i="27" s="1"/>
  <c r="B288" i="27" s="1"/>
  <c r="B289" i="27" s="1"/>
  <c r="B290" i="27" s="1"/>
  <c r="B291" i="27" s="1"/>
  <c r="B292" i="27" s="1"/>
  <c r="B293" i="27" s="1"/>
  <c r="B294" i="27" s="1"/>
  <c r="B295" i="27" s="1"/>
  <c r="B296" i="27" s="1"/>
  <c r="B297" i="27" s="1"/>
  <c r="B298" i="27" s="1"/>
  <c r="B299" i="27" s="1"/>
  <c r="B300" i="27" s="1"/>
  <c r="B301" i="27" s="1"/>
  <c r="B302" i="27" s="1"/>
  <c r="B303" i="27" s="1"/>
  <c r="B304" i="27" s="1"/>
  <c r="B305" i="27" s="1"/>
  <c r="B306" i="27" s="1"/>
  <c r="B307" i="27" s="1"/>
  <c r="B308" i="27" s="1"/>
  <c r="B309" i="27" s="1"/>
  <c r="B310" i="27" s="1"/>
  <c r="B311" i="27" s="1"/>
  <c r="B312" i="27" s="1"/>
  <c r="B313" i="27" s="1"/>
  <c r="B314" i="27" s="1"/>
  <c r="B315" i="27" s="1"/>
  <c r="B316" i="27" s="1"/>
  <c r="B317" i="27" s="1"/>
  <c r="B318" i="27" s="1"/>
  <c r="B319" i="27" s="1"/>
  <c r="B320" i="27" s="1"/>
  <c r="B321" i="27" s="1"/>
  <c r="B322" i="27" s="1"/>
  <c r="B323" i="27" s="1"/>
  <c r="B324" i="27" s="1"/>
  <c r="B325" i="27" s="1"/>
  <c r="B326" i="27" s="1"/>
  <c r="B327" i="27" s="1"/>
  <c r="B328" i="27" s="1"/>
  <c r="B329" i="27" s="1"/>
  <c r="B330" i="27" s="1"/>
  <c r="B331" i="27" s="1"/>
  <c r="B332" i="27" s="1"/>
  <c r="B333" i="27" s="1"/>
  <c r="B334" i="27" s="1"/>
  <c r="B335" i="27" s="1"/>
  <c r="B336" i="27" s="1"/>
  <c r="B337" i="27" s="1"/>
  <c r="B338" i="27" s="1"/>
  <c r="B339" i="27" s="1"/>
  <c r="B340" i="27" s="1"/>
  <c r="B341" i="27" s="1"/>
  <c r="B342" i="27" s="1"/>
  <c r="B343" i="27" s="1"/>
  <c r="B344" i="27" s="1"/>
  <c r="B345" i="27" s="1"/>
  <c r="B346" i="27" s="1"/>
  <c r="B347" i="27" s="1"/>
  <c r="B348" i="27" s="1"/>
  <c r="B349" i="27" s="1"/>
  <c r="B350" i="27" s="1"/>
  <c r="B351" i="27" s="1"/>
  <c r="B352" i="27" s="1"/>
  <c r="B353" i="27" s="1"/>
  <c r="B354" i="27" s="1"/>
  <c r="B355" i="27" s="1"/>
  <c r="B356" i="27" s="1"/>
  <c r="B357" i="27" s="1"/>
  <c r="B358" i="27" s="1"/>
  <c r="B359" i="27" s="1"/>
  <c r="B360" i="27" s="1"/>
  <c r="B361" i="27" s="1"/>
  <c r="B362" i="27" s="1"/>
  <c r="B363" i="27" s="1"/>
  <c r="B364" i="27" s="1"/>
  <c r="B365" i="27" s="1"/>
  <c r="B366" i="27" s="1"/>
  <c r="B367" i="27" s="1"/>
  <c r="B368" i="27" s="1"/>
  <c r="B369" i="27" s="1"/>
  <c r="B370" i="27" s="1"/>
  <c r="B371" i="27" s="1"/>
  <c r="B372" i="27" s="1"/>
  <c r="B373" i="27" s="1"/>
  <c r="B374" i="27" s="1"/>
  <c r="B375" i="27" s="1"/>
  <c r="B376" i="27" s="1"/>
  <c r="B377" i="27" s="1"/>
  <c r="B378" i="27" s="1"/>
  <c r="B379" i="27" s="1"/>
  <c r="B380" i="27" s="1"/>
  <c r="B381" i="27" s="1"/>
  <c r="B382" i="27" s="1"/>
  <c r="B383" i="27" s="1"/>
  <c r="B384" i="27" s="1"/>
  <c r="B385" i="27" s="1"/>
  <c r="B386" i="27" s="1"/>
  <c r="B387" i="27" s="1"/>
  <c r="N258" i="27"/>
  <c r="N257" i="27"/>
  <c r="N256" i="27"/>
  <c r="N255" i="27"/>
  <c r="N254" i="27"/>
  <c r="N253" i="27"/>
  <c r="N252" i="27"/>
  <c r="N251" i="27"/>
  <c r="B251" i="27"/>
  <c r="B252" i="27" s="1"/>
  <c r="B253" i="27" s="1"/>
  <c r="B254" i="27" s="1"/>
  <c r="B255" i="27" s="1"/>
  <c r="B256" i="27" s="1"/>
  <c r="B257" i="27" s="1"/>
  <c r="B258" i="27" s="1"/>
  <c r="N250" i="27"/>
  <c r="N249" i="27"/>
  <c r="N248" i="27"/>
  <c r="N247" i="27"/>
  <c r="N246" i="27"/>
  <c r="N245" i="27"/>
  <c r="N244" i="27"/>
  <c r="B244" i="27"/>
  <c r="B245" i="27" s="1"/>
  <c r="B246" i="27" s="1"/>
  <c r="B247" i="27" s="1"/>
  <c r="B248" i="27" s="1"/>
  <c r="B249" i="27" s="1"/>
  <c r="B250" i="27" s="1"/>
  <c r="N243" i="27"/>
  <c r="N242" i="27"/>
  <c r="N241" i="27"/>
  <c r="N240" i="27"/>
  <c r="N239" i="27"/>
  <c r="N238" i="27"/>
  <c r="N237" i="27"/>
  <c r="N236" i="27"/>
  <c r="N235" i="27"/>
  <c r="N234" i="27"/>
  <c r="N233" i="27"/>
  <c r="N232" i="27"/>
  <c r="N231" i="27"/>
  <c r="N230" i="27"/>
  <c r="N229" i="27"/>
  <c r="N228" i="27"/>
  <c r="N227" i="27"/>
  <c r="N226" i="27"/>
  <c r="N225" i="27"/>
  <c r="N224" i="27"/>
  <c r="N223" i="27"/>
  <c r="N222" i="27"/>
  <c r="N221" i="27"/>
  <c r="N220" i="27"/>
  <c r="N219" i="27"/>
  <c r="N218" i="27"/>
  <c r="N217" i="27"/>
  <c r="N216" i="27"/>
  <c r="N215" i="27"/>
  <c r="N214" i="27"/>
  <c r="N213" i="27"/>
  <c r="N212" i="27"/>
  <c r="N211" i="27"/>
  <c r="N210" i="27"/>
  <c r="N209" i="27"/>
  <c r="N208" i="27"/>
  <c r="N207" i="27"/>
  <c r="N206" i="27"/>
  <c r="N205" i="27"/>
  <c r="N204" i="27"/>
  <c r="N203" i="27"/>
  <c r="N202" i="27"/>
  <c r="N201" i="27"/>
  <c r="N200" i="27"/>
  <c r="N199" i="27"/>
  <c r="N198" i="27"/>
  <c r="N197" i="27"/>
  <c r="N196" i="27"/>
  <c r="N195" i="27"/>
  <c r="N194" i="27"/>
  <c r="N193" i="27"/>
  <c r="N192" i="27"/>
  <c r="N191" i="27"/>
  <c r="N190" i="27"/>
  <c r="N189" i="27"/>
  <c r="N188" i="27"/>
  <c r="N187" i="27"/>
  <c r="N186" i="27"/>
  <c r="N185" i="27"/>
  <c r="N184" i="27"/>
  <c r="N183" i="27"/>
  <c r="N182" i="27"/>
  <c r="N181" i="27"/>
  <c r="N180" i="27"/>
  <c r="N179" i="27"/>
  <c r="N178" i="27"/>
  <c r="N177" i="27"/>
  <c r="N176" i="27"/>
  <c r="N175" i="27"/>
  <c r="N174" i="27"/>
  <c r="N173" i="27"/>
  <c r="N172" i="27"/>
  <c r="N171" i="27"/>
  <c r="N170" i="27"/>
  <c r="N169" i="27"/>
  <c r="N168" i="27"/>
  <c r="N167" i="27"/>
  <c r="N166" i="27"/>
  <c r="N165" i="27"/>
  <c r="N164" i="27"/>
  <c r="N163" i="27"/>
  <c r="N162" i="27"/>
  <c r="N161" i="27"/>
  <c r="N160" i="27"/>
  <c r="N159" i="27"/>
  <c r="N158" i="27"/>
  <c r="N157" i="27"/>
  <c r="N156" i="27"/>
  <c r="N155" i="27"/>
  <c r="N154" i="27"/>
  <c r="N153" i="27"/>
  <c r="N152" i="27"/>
  <c r="N151" i="27"/>
  <c r="N150" i="27"/>
  <c r="N149" i="27"/>
  <c r="N148" i="27"/>
  <c r="N147" i="27"/>
  <c r="N146" i="27"/>
  <c r="N145" i="27"/>
  <c r="N144" i="27"/>
  <c r="N143" i="27"/>
  <c r="N142" i="27"/>
  <c r="N141" i="27"/>
  <c r="N140" i="27"/>
  <c r="N139" i="27"/>
  <c r="N138" i="27"/>
  <c r="N137" i="27"/>
  <c r="N136" i="27"/>
  <c r="N135" i="27"/>
  <c r="N134" i="27"/>
  <c r="N133" i="27"/>
  <c r="N132" i="27"/>
  <c r="N131" i="27"/>
  <c r="N130" i="27"/>
  <c r="N129" i="27"/>
  <c r="N128" i="27"/>
  <c r="N127" i="27"/>
  <c r="N126" i="27"/>
  <c r="N125" i="27"/>
  <c r="N124" i="27"/>
  <c r="N123" i="27"/>
  <c r="N122" i="27"/>
  <c r="N121" i="27"/>
  <c r="N120" i="27"/>
  <c r="N119" i="27"/>
  <c r="N118" i="27"/>
  <c r="N117" i="27"/>
  <c r="N116" i="27"/>
  <c r="N115" i="27"/>
  <c r="N114" i="27"/>
  <c r="N113" i="27"/>
  <c r="N112" i="27"/>
  <c r="N111" i="27"/>
  <c r="N110" i="27"/>
  <c r="N109" i="27"/>
  <c r="N108" i="27"/>
  <c r="N107" i="27"/>
  <c r="N106" i="27"/>
  <c r="N105" i="27"/>
  <c r="N104" i="27"/>
  <c r="N103" i="27"/>
  <c r="N102" i="27"/>
  <c r="N101" i="27"/>
  <c r="N100" i="27"/>
  <c r="N99" i="27"/>
  <c r="N98" i="27"/>
  <c r="N97" i="27"/>
  <c r="N96" i="27"/>
  <c r="N95" i="27"/>
  <c r="N94" i="27"/>
  <c r="N93" i="27"/>
  <c r="N92" i="27"/>
  <c r="N91" i="27"/>
  <c r="N90" i="27"/>
  <c r="N89" i="27"/>
  <c r="N88" i="27"/>
  <c r="N87" i="27"/>
  <c r="N86" i="27"/>
  <c r="N85" i="27"/>
  <c r="N84" i="27"/>
  <c r="N83" i="27"/>
  <c r="N82" i="27"/>
  <c r="N81" i="27"/>
  <c r="N80" i="27"/>
  <c r="B80" i="27"/>
  <c r="B81" i="27" s="1"/>
  <c r="B82" i="27" s="1"/>
  <c r="B83" i="27" s="1"/>
  <c r="B84" i="27" s="1"/>
  <c r="B85" i="27" s="1"/>
  <c r="B86" i="27" s="1"/>
  <c r="B87" i="27" s="1"/>
  <c r="B88" i="27" s="1"/>
  <c r="B89" i="27" s="1"/>
  <c r="B90" i="27" s="1"/>
  <c r="B91" i="27" s="1"/>
  <c r="B92" i="27" s="1"/>
  <c r="B93" i="27" s="1"/>
  <c r="B94" i="27" s="1"/>
  <c r="B95" i="27" s="1"/>
  <c r="B96" i="27" s="1"/>
  <c r="B97" i="27" s="1"/>
  <c r="B98" i="27" s="1"/>
  <c r="B99" i="27" s="1"/>
  <c r="B100" i="27" s="1"/>
  <c r="B101" i="27" s="1"/>
  <c r="B102" i="27" s="1"/>
  <c r="B103" i="27" s="1"/>
  <c r="B104" i="27" s="1"/>
  <c r="B105" i="27" s="1"/>
  <c r="B106" i="27" s="1"/>
  <c r="B107" i="27" s="1"/>
  <c r="B108" i="27" s="1"/>
  <c r="B109" i="27" s="1"/>
  <c r="B110" i="27" s="1"/>
  <c r="B111" i="27" s="1"/>
  <c r="B112" i="27" s="1"/>
  <c r="B113" i="27" s="1"/>
  <c r="B114" i="27" s="1"/>
  <c r="B115" i="27" s="1"/>
  <c r="B116" i="27" s="1"/>
  <c r="B117" i="27" s="1"/>
  <c r="B118" i="27" s="1"/>
  <c r="B119" i="27" s="1"/>
  <c r="B120" i="27" s="1"/>
  <c r="B121" i="27" s="1"/>
  <c r="B122" i="27" s="1"/>
  <c r="B123" i="27" s="1"/>
  <c r="B124" i="27" s="1"/>
  <c r="B125" i="27" s="1"/>
  <c r="B126" i="27" s="1"/>
  <c r="B127" i="27" s="1"/>
  <c r="B128" i="27" s="1"/>
  <c r="B129" i="27" s="1"/>
  <c r="B130" i="27" s="1"/>
  <c r="B131" i="27" s="1"/>
  <c r="B132" i="27" s="1"/>
  <c r="B133" i="27" s="1"/>
  <c r="B134" i="27" s="1"/>
  <c r="B135" i="27" s="1"/>
  <c r="B136" i="27" s="1"/>
  <c r="B137" i="27" s="1"/>
  <c r="B138" i="27" s="1"/>
  <c r="B139" i="27" s="1"/>
  <c r="B140" i="27" s="1"/>
  <c r="B141" i="27" s="1"/>
  <c r="B142" i="27" s="1"/>
  <c r="B143" i="27" s="1"/>
  <c r="B144" i="27" s="1"/>
  <c r="B145" i="27" s="1"/>
  <c r="B146" i="27" s="1"/>
  <c r="B147" i="27" s="1"/>
  <c r="B148" i="27" s="1"/>
  <c r="B149" i="27" s="1"/>
  <c r="B150" i="27" s="1"/>
  <c r="B151" i="27" s="1"/>
  <c r="B152" i="27" s="1"/>
  <c r="B153" i="27" s="1"/>
  <c r="B154" i="27" s="1"/>
  <c r="B155" i="27" s="1"/>
  <c r="B156" i="27" s="1"/>
  <c r="B157" i="27" s="1"/>
  <c r="B158" i="27" s="1"/>
  <c r="B159" i="27" s="1"/>
  <c r="B160" i="27" s="1"/>
  <c r="B161" i="27" s="1"/>
  <c r="B162" i="27" s="1"/>
  <c r="B163" i="27" s="1"/>
  <c r="B164" i="27" s="1"/>
  <c r="B165" i="27" s="1"/>
  <c r="B166" i="27" s="1"/>
  <c r="B167" i="27" s="1"/>
  <c r="B168" i="27" s="1"/>
  <c r="B169" i="27" s="1"/>
  <c r="B170" i="27" s="1"/>
  <c r="B171" i="27" s="1"/>
  <c r="B172" i="27" s="1"/>
  <c r="B173" i="27" s="1"/>
  <c r="B174" i="27" s="1"/>
  <c r="B175" i="27" s="1"/>
  <c r="B176" i="27" s="1"/>
  <c r="B177" i="27" s="1"/>
  <c r="B178" i="27" s="1"/>
  <c r="B179" i="27" s="1"/>
  <c r="B180" i="27" s="1"/>
  <c r="B181" i="27" s="1"/>
  <c r="B182" i="27" s="1"/>
  <c r="B183" i="27" s="1"/>
  <c r="B184" i="27" s="1"/>
  <c r="B185" i="27" s="1"/>
  <c r="B186" i="27" s="1"/>
  <c r="B187" i="27" s="1"/>
  <c r="B188" i="27" s="1"/>
  <c r="B189" i="27" s="1"/>
  <c r="B190" i="27" s="1"/>
  <c r="B191" i="27" s="1"/>
  <c r="B192" i="27" s="1"/>
  <c r="B193" i="27" s="1"/>
  <c r="B194" i="27" s="1"/>
  <c r="B195" i="27" s="1"/>
  <c r="B196" i="27" s="1"/>
  <c r="B197" i="27" s="1"/>
  <c r="B198" i="27" s="1"/>
  <c r="B199" i="27" s="1"/>
  <c r="B200" i="27" s="1"/>
  <c r="B201" i="27" s="1"/>
  <c r="B202" i="27" s="1"/>
  <c r="B203" i="27" s="1"/>
  <c r="B204" i="27" s="1"/>
  <c r="B205" i="27" s="1"/>
  <c r="B206" i="27" s="1"/>
  <c r="B207" i="27" s="1"/>
  <c r="B208" i="27" s="1"/>
  <c r="B209" i="27" s="1"/>
  <c r="B210" i="27" s="1"/>
  <c r="B211" i="27" s="1"/>
  <c r="B212" i="27" s="1"/>
  <c r="B213" i="27" s="1"/>
  <c r="B214" i="27" s="1"/>
  <c r="B215" i="27" s="1"/>
  <c r="B216" i="27" s="1"/>
  <c r="B217" i="27" s="1"/>
  <c r="B218" i="27" s="1"/>
  <c r="B219" i="27" s="1"/>
  <c r="B220" i="27" s="1"/>
  <c r="B221" i="27" s="1"/>
  <c r="B222" i="27" s="1"/>
  <c r="B223" i="27" s="1"/>
  <c r="B224" i="27" s="1"/>
  <c r="B225" i="27" s="1"/>
  <c r="B226" i="27" s="1"/>
  <c r="B227" i="27" s="1"/>
  <c r="B228" i="27" s="1"/>
  <c r="B229" i="27" s="1"/>
  <c r="B230" i="27" s="1"/>
  <c r="B231" i="27" s="1"/>
  <c r="B232" i="27" s="1"/>
  <c r="B233" i="27" s="1"/>
  <c r="B234" i="27" s="1"/>
  <c r="B235" i="27" s="1"/>
  <c r="B236" i="27" s="1"/>
  <c r="B237" i="27" s="1"/>
  <c r="B238" i="27" s="1"/>
  <c r="B239" i="27" s="1"/>
  <c r="B240" i="27" s="1"/>
  <c r="B241" i="27" s="1"/>
  <c r="B242" i="27" s="1"/>
  <c r="B243" i="27" s="1"/>
  <c r="N79" i="27"/>
  <c r="N78" i="27"/>
  <c r="N77" i="27"/>
  <c r="N76" i="27"/>
  <c r="N75" i="27"/>
  <c r="N74" i="27"/>
  <c r="N73" i="27"/>
  <c r="N72" i="27"/>
  <c r="N71" i="27"/>
  <c r="N70" i="27"/>
  <c r="N69" i="27"/>
  <c r="N68" i="27"/>
  <c r="N67" i="27"/>
  <c r="N66" i="27"/>
  <c r="B66" i="27"/>
  <c r="B67" i="27" s="1"/>
  <c r="B68" i="27" s="1"/>
  <c r="B69" i="27" s="1"/>
  <c r="B70" i="27" s="1"/>
  <c r="B71" i="27" s="1"/>
  <c r="B72" i="27" s="1"/>
  <c r="B73" i="27" s="1"/>
  <c r="B74" i="27" s="1"/>
  <c r="B75" i="27" s="1"/>
  <c r="B76" i="27" s="1"/>
  <c r="B77" i="27" s="1"/>
  <c r="B78" i="27" s="1"/>
  <c r="B79" i="27" s="1"/>
  <c r="N65" i="27"/>
  <c r="B65" i="27"/>
  <c r="N64" i="27"/>
  <c r="B64" i="27"/>
  <c r="N63" i="27"/>
  <c r="N62" i="27"/>
  <c r="N61" i="27"/>
  <c r="N60" i="27"/>
  <c r="N59" i="27"/>
  <c r="N58" i="27"/>
  <c r="N57" i="27"/>
  <c r="N56" i="27"/>
  <c r="B56" i="27"/>
  <c r="B57" i="27" s="1"/>
  <c r="B58" i="27" s="1"/>
  <c r="B59" i="27" s="1"/>
  <c r="B60" i="27" s="1"/>
  <c r="B61" i="27" s="1"/>
  <c r="B62" i="27" s="1"/>
  <c r="B63" i="27" s="1"/>
  <c r="N55" i="27"/>
  <c r="B55" i="27"/>
  <c r="N54" i="27"/>
  <c r="B54" i="27"/>
  <c r="N53" i="27"/>
  <c r="N52" i="27"/>
  <c r="N51" i="27"/>
  <c r="B51" i="27"/>
  <c r="B52" i="27" s="1"/>
  <c r="B53" i="27" s="1"/>
  <c r="N50" i="27"/>
  <c r="N49" i="27"/>
  <c r="N48" i="27"/>
  <c r="N47" i="27"/>
  <c r="N46" i="27"/>
  <c r="N45" i="27"/>
  <c r="N44" i="27"/>
  <c r="N43" i="27"/>
  <c r="N42" i="27"/>
  <c r="N41" i="27"/>
  <c r="N40" i="27"/>
  <c r="N39" i="27"/>
  <c r="N38" i="27"/>
  <c r="B38" i="27"/>
  <c r="B39" i="27" s="1"/>
  <c r="B40" i="27" s="1"/>
  <c r="B41" i="27" s="1"/>
  <c r="B42" i="27" s="1"/>
  <c r="B43" i="27" s="1"/>
  <c r="B44" i="27" s="1"/>
  <c r="B45" i="27" s="1"/>
  <c r="B46" i="27" s="1"/>
  <c r="B47" i="27" s="1"/>
  <c r="B48" i="27" s="1"/>
  <c r="B49" i="27" s="1"/>
  <c r="B50" i="27" s="1"/>
  <c r="N37" i="27"/>
  <c r="B37" i="27"/>
  <c r="N36" i="27"/>
  <c r="N35" i="27"/>
  <c r="N34" i="27"/>
  <c r="N33" i="27"/>
  <c r="N32" i="27"/>
  <c r="N31" i="27"/>
  <c r="B31" i="27"/>
  <c r="B32" i="27" s="1"/>
  <c r="B33" i="27" s="1"/>
  <c r="B34" i="27" s="1"/>
  <c r="B35" i="27" s="1"/>
  <c r="B36" i="27" s="1"/>
  <c r="N30" i="27"/>
  <c r="B30" i="27"/>
  <c r="N29" i="27"/>
  <c r="B29" i="27"/>
  <c r="N28" i="27"/>
  <c r="B28" i="27"/>
  <c r="N27" i="27"/>
  <c r="B27" i="27"/>
  <c r="N26" i="27"/>
  <c r="B26" i="27"/>
  <c r="N25" i="27"/>
  <c r="B25" i="27"/>
</calcChain>
</file>

<file path=xl/sharedStrings.xml><?xml version="1.0" encoding="utf-8"?>
<sst xmlns="http://schemas.openxmlformats.org/spreadsheetml/2006/main" count="118850" uniqueCount="37471">
  <si>
    <t/>
  </si>
  <si>
    <t>Oligomers of chromic acid and dichromic acid</t>
  </si>
  <si>
    <t>Zinc chromates including zinc potassium chromate</t>
  </si>
  <si>
    <t>O-hexyl-N-ethoxycarbonylthiocarbamate</t>
  </si>
  <si>
    <t>Lead alkyls</t>
  </si>
  <si>
    <t>Salts from 4,4'-Carbonimidoylbis[N,N-dimethylanilin]</t>
  </si>
  <si>
    <t>Quaternary ammonium compounds (benzylalkyldimethyl (alkyl from C8-C22, saturated and unsaturated, tallow alkyl, coco alkyl, and soya alkyl) chlorides, bromides or hydroxides)/BKC</t>
  </si>
  <si>
    <t>Uranium Compounds</t>
  </si>
  <si>
    <t>EC No</t>
  </si>
  <si>
    <t>421-550-1</t>
  </si>
  <si>
    <t>403-250-2</t>
  </si>
  <si>
    <t>402-660-9</t>
  </si>
  <si>
    <t>412-790-8</t>
  </si>
  <si>
    <t>442-750-5</t>
  </si>
  <si>
    <t>405-030-1</t>
  </si>
  <si>
    <t>414-850-9</t>
  </si>
  <si>
    <t>435-960-3</t>
  </si>
  <si>
    <t>432-750-3</t>
  </si>
  <si>
    <t>Reaction mass of 2-ethylhexyl 10-ethyl-4,4-dioctyl-7-oxo-8-oxa-3,5-dithia-4-stannatetradecanoate and 2-ethylhexyl 10-ethyl-4-[[2-[(2-ethylhexyl)oxy]-2-oxoethyl]thio]-4-octyl-7-oxo-8-oxa-3,5-dithia-4-stannatetradecanoate (reaction mass of DOTE and MOTE)</t>
  </si>
  <si>
    <t>405-665-4</t>
  </si>
  <si>
    <r>
      <rPr>
        <b/>
        <sz val="11"/>
        <rFont val="Microsoft JhengHei"/>
        <family val="2"/>
      </rPr>
      <t>第一種特定化学物質一覧</t>
    </r>
  </si>
  <si>
    <t>PART 763—ASBESTOS</t>
  </si>
  <si>
    <t>Subpart I—Prohibition of the Manufacture, Importation, Processing, and Distribution in Commerce of Certain Asbestos-Containing Products; Labeling Requirements</t>
  </si>
  <si>
    <t>§763.163   Definitions.</t>
  </si>
  <si>
    <t>PART 747—METALWORKING FLUIDS</t>
  </si>
  <si>
    <t>Subpart B—Specific Use Requirements for Certain Chemical Substances</t>
  </si>
  <si>
    <t>§747.115   Mixed mono and diamides of an organic acid.</t>
  </si>
  <si>
    <t>§747.195   Triethanolamine salt of a substituted organic acid.</t>
  </si>
  <si>
    <t>§747.200   Triethanolamine salt of tricarboxylic acid.</t>
  </si>
  <si>
    <t>PART 749—WATER TREATMENT CHEMICALS</t>
  </si>
  <si>
    <t>Subpart D—Air Conditioning and Cooling Systems</t>
  </si>
  <si>
    <t>§749.68   Hexavalent chromium-based water treatment chemicals in cooling systems.</t>
  </si>
  <si>
    <t>PART 761—POLYCHLORINATED BIPHENYLS (PCBs) MANUFACTURING, PROCESSING, DISTRIBUTION IN COMMERCE, AND USE PROHIBITIONS</t>
  </si>
  <si>
    <t>Subpart A—General</t>
  </si>
  <si>
    <t>§761.1   Applicability.</t>
  </si>
  <si>
    <t>(a) This part establishes prohibitions of, and requirements for, the manufacture, processing, distribution in commerce, use, disposal, storage, and marking of PCBs and PCB Items.</t>
  </si>
  <si>
    <t>(b)(1) This part applies to all persons who manufacture, process, distribute in commerce, use, or dispose of PCBs or PCB Items. Substances that are regulated by this part include, but are not limited to: dielectric fluids; solvents; oils; waste oils; heat transfer fluids; hydraulic fluids; paints or coatings; sludges; slurries; sediments; dredge spoils; soils; materials containing PCBs as a result of spills; and other chemical substances or combinations of substances, including impurities and byproducts and any byproduct, intermediate, or impurity manufactured at any point in a process.</t>
  </si>
  <si>
    <t>(2) Unless otherwise noted, PCB concentrations shall be determined on a weight-per-weight basis (e.g., milligrams per kilogram), or for liquids, on a weight-per-volume basis (e.g., milligrams per liter) if the density of the liquid is also reported. Unless otherwise provided, PCBs are quantified based on the formulation of PCBs present in the material analyzed. For example, measure AroclorTM 1242 PCBs based on a comparison with AroclorTM 1242 standards. Measure individual congener PCBs based on a comparison with individual PCB congener standards.</t>
  </si>
  <si>
    <t>(3) Most provisions in this part apply only if PCBs are present in concentrations above a specified level. Provisions that apply to PCBs at concentrations of &lt;50 ppm apply also to contaminated surfaces at PCB concentrations of ≤10 µg/100 cm2. Provisions that apply to PCBs at concentrations of ≥50 to &lt;500 ppm apply also to contaminated surfaces at PCB concentrations of &gt;10/100 cm2 to &lt;100 µg/100 cm2. Provisions that apply to PCBs at concentrations of ≥500 ppm apply also to contaminated surfaces at PCB concentrations of ≥100 µg/100 cm2.</t>
  </si>
  <si>
    <t>(4) PCBs can be found in liquid, non-liquid and multi-phasic (combinations of liquid and non-liquid) forms. A person should use the following criteria to determine PCB concentrations to determine which provisions of this part apply to such PCBs.</t>
  </si>
  <si>
    <t>(i) Any person determining PCB concentrations for non-liquid PCBs must do so on a dry weight basis.</t>
  </si>
  <si>
    <t>(ii) Any person determining PCB concentrations for liquid PCBs must do so on a wet weight basis. Liquid PCBs containing more than 0.5 percent by weight non-dissolved material shall be analyzed as multi-phasic non-liquid/liquid mixtures.</t>
  </si>
  <si>
    <t>(iii) Any person determining the PCB concentration of samples containing PCBs and non-dissolved non-liquid materials ≥0.5 percent, must separate the non-dissolved materials into non-liquid PCBs and liquid PCBs. For multi-phasic non-liquid/liquid or liquid/liquid mixtures, the phases shall be separated before chemical analysis. Following phase separation, the PCB concentration in each non-liquid phase shall be determined on a dry weight basis and the PCB concentration in each liquid phase shall be determined separately on a wet weight basis.</t>
  </si>
  <si>
    <t>(iv) Any person disposing of multi-phasic non-liquid/liquid or liquid/liquid mixtures must use the PCB disposal requirements that apply to the individual phase with the highest PCB concentration except where otherwise noted. Alternatively, phases may be separated and disposed of using the PCB disposal requirements that apply to each separated, single-phase material.</t>
  </si>
  <si>
    <t>(5) No person may avoid any provision specifying a PCB concentration by diluting the PCBs, unless otherwise specifically provided.</t>
  </si>
  <si>
    <t>(6) Unless otherwise specified, references to weights or volumes of PCBs in this part apply to the total weight or total volume of the material (oil, soil, debris, etc.) that contains regulated concentrations of PCBs, not the calculated weight or volume of only the PCB molecules contained in the material.</t>
  </si>
  <si>
    <t>(c) Definitions of the terms used in these regulations are in subpart A. The basic requirements applicable to disposal and marking of PCBs and PCB Items are set forth in subpart D—Disposal of PCBs and PCB Items and in subpart C—Marking of PCBs and PCB Items. Prohibitions applicable to PCB activities are set forth in subpart B—Manufacture, Processing, Distribution in Commerce, and Use of PCBs and PCB Items. Subpart B also includes authorizations from the prohibitions. Subparts C and D set forth the specific requirements for disposal and marking of PCBs and PCB Items.</t>
  </si>
  <si>
    <t>(d) Section 15 of the Toxic Substances Control Act (TSCA) states that failure to comply with these regulations is unlawful. Section 16 imposes liability for civil penalties upon any person who violates these regulations, and the Administrator can establish appropriate remedies for any violations subject to any limitations included in section 16 of TSCA. Section 16 also subjects a person to criminal prosecution for a violation which is knowing or willful. In addition, section 17 authorizes Federal district courts to enjoin activities prohibited by these regulations, compel the taking of actions required by these regulations, and issue orders to seize PCBs and PCB Items manufactured, processed or distributed in violation of these regulations.</t>
  </si>
  <si>
    <t>(e) These regulations do not preempt other more stringent Federal statutes and regulations.</t>
  </si>
  <si>
    <t>(f) Unless and until superseded by any new more stringent regulations issued under EPA authorities, or any permits or any pretreatment requirements issued by EPA, a state or local government that affect release of PCBs to any particular medium:</t>
  </si>
  <si>
    <t>(1) Persons who inadvertently manufacture or import PCBs generated as unintentional impurities in excluded manufacturing processes, as defined in §761.3, are exempt from the requirements of subpart B of this part, provided that such persons comply with subpart J of this part, as applicable.</t>
  </si>
  <si>
    <t>(2) Persons who process, distribute in commerce, or use products containing PCBs generated in excluded manufacturing processes defined in §761.3 are exempt from the requirements of subpart B provided that such persons comply with subpart J of this part, as applicable.</t>
  </si>
  <si>
    <t>(3) Persons who process, distribute in commerce, or use products containing recycled PCBs defined in §761.3, are exempt from the requirements of subpart B of this part, provided that such persons comply with subpart J of this part, as applicable.</t>
  </si>
  <si>
    <t>(4) Except as provided in §761.20 (d) and (e), persons who process, distribute in commerce, or use products containing excluded PCB products as defined in §761.3, are exempt from the requirements of subpart B of this part.</t>
  </si>
  <si>
    <t>(Sec. 6, Pub. L. 94-469, 90 Stat. 2020 (15 U.S.C. 2605)</t>
  </si>
  <si>
    <t>[44 FR 31542, May 31, 1979, as amended at 49 FR 28189, July 10, 1984; 53 FR 24220, June 27, 1988; 63 FR 35436, June 29, 1998; 64 FR 33759, June 24, 1999]</t>
  </si>
  <si>
    <t>DIRECTIVE 2000/53/EC OF THE EUROPEAN PARLIAMENT AND OF THE COUNCIL</t>
  </si>
  <si>
    <t>of 18 September 2000</t>
  </si>
  <si>
    <t>on end-of life vehicles</t>
  </si>
  <si>
    <t>Article 4</t>
  </si>
  <si>
    <t>Prevention</t>
  </si>
  <si>
    <t>1.  In order to promote the prevention of waste Member States shall encourage, in particular:</t>
  </si>
  <si>
    <t>(a) vehicle manufacturers, in liaison with material and equipment manufacturers, to limit the use of hazardous substances in vehicles and to reduce them as far as possible from the conception of the vehicle onwards, so as in particular to prevent their release into the environment, make recycling easier, and avoid the need to dispose of hazardous waste;</t>
  </si>
  <si>
    <t>(b) the design and production of new vehicles which take into full account and facilitate the dismantling, reuse and recovery, in particular the recycling, of end-of life vehicles, their components and materials;</t>
  </si>
  <si>
    <t>(c) vehicle manufacturers, in liaison with material and equipment manufacturers, to integrate an increasing quantity of recycled material in vehicles and other products, in order to develop the markets for recycled materials.</t>
  </si>
  <si>
    <t>2.  </t>
  </si>
  <si>
    <t>(a) Member States shall ensure that materials and components of vehicles put on the market after 1 July 2003 do not contain lead, mercury, cadmium or hexavalent chromium other than in cases listed in Annex II under the conditions specified therein;</t>
  </si>
  <si>
    <t>ANNEX II</t>
  </si>
  <si>
    <t>Notes:</t>
  </si>
  <si>
    <t>Decision</t>
  </si>
  <si>
    <t>4,4'-isopropylidenediphenol</t>
  </si>
  <si>
    <t>Bisphenol A; BPA</t>
  </si>
  <si>
    <t>201-245-8</t>
  </si>
  <si>
    <t>12/01/2017</t>
  </si>
  <si>
    <t>Toxic for reproduction (Article 57c)</t>
  </si>
  <si>
    <t>4-heptylphenol, branched and linear</t>
  </si>
  <si>
    <t>substances with a linear and/or branched alkyl chain with a carbon number of 7 covalently bound predominantly in position 4 to phenol, covering also UVCB- and well-defined substances which include any of the individual isomers or a combination thereof</t>
  </si>
  <si>
    <t>-</t>
  </si>
  <si>
    <t>Nonadecafluorodecanoic acid (PFDA) and its sodium and ammonium salts</t>
  </si>
  <si>
    <t>p-(1,1-dimethylpropyl)phenol</t>
  </si>
  <si>
    <t>201-280-9</t>
  </si>
  <si>
    <t>80-46-6</t>
  </si>
  <si>
    <t>Benzo[def]chrysene (Benzo[a]pyrene)</t>
  </si>
  <si>
    <t>200-028-5</t>
  </si>
  <si>
    <t>50-32-8</t>
  </si>
  <si>
    <t>20/06/2016</t>
  </si>
  <si>
    <t>Carcinogenic (Article 57a)</t>
  </si>
  <si>
    <t>Mutagenic (Article 57b)</t>
  </si>
  <si>
    <t>1,3-propanesultone</t>
  </si>
  <si>
    <t>214-317-9</t>
  </si>
  <si>
    <t>1120-71-4</t>
  </si>
  <si>
    <t>17/12/2015</t>
  </si>
  <si>
    <t>2,4-di-tert-butyl-6-(5-chlorobenzotriazol-2-yl)phenol (UV-327)</t>
  </si>
  <si>
    <t>223-383-8</t>
  </si>
  <si>
    <t>3864-99-1</t>
  </si>
  <si>
    <t>2-(2H-benzotriazol-2-yl)-4-(tert-butyl)-6-(sec-butyl)phenol (UV-350)</t>
  </si>
  <si>
    <t>253-037-1</t>
  </si>
  <si>
    <t>36437-37-3</t>
  </si>
  <si>
    <t>Nitrobenzene</t>
  </si>
  <si>
    <t>202-716-0</t>
  </si>
  <si>
    <t>98-95-3</t>
  </si>
  <si>
    <t>Perfluorononan-1-oic-acid and its sodium and ammonium salts</t>
  </si>
  <si>
    <t>1,2-benzenedicarboxylic acid, di-C6-10-alkyl esters or mixed decyl and hexyl and octyl diesters</t>
  </si>
  <si>
    <t>15/06/2015</t>
  </si>
  <si>
    <t>5-sec-butyl-2-(2,4-dimethylcyclohex-3-en-1-yl)-5-methyl-1,3-dioxane [1], 5-sec-butyl-2-(4,6-dimethylcyclohex-3-en-1-yl)-5-methyl-1,3-dioxane [2]</t>
  </si>
  <si>
    <t>covering any of the individual stereoisomers of [1] and [2] or any combination thereof</t>
  </si>
  <si>
    <t>2-(2H-benzotriazol-2-yl)-4,6-ditertpentylphenol (UV-328)</t>
  </si>
  <si>
    <t>247-384-8</t>
  </si>
  <si>
    <t>25973-55-1</t>
  </si>
  <si>
    <t>17/12/2014</t>
  </si>
  <si>
    <t>2-benzotriazol-2-yl-4,6-di-tert-butylphenol (UV-320)</t>
  </si>
  <si>
    <t>223-346-6</t>
  </si>
  <si>
    <t>3846-71-7</t>
  </si>
  <si>
    <t>2-ethylhexyl 10-ethyl-4,4-dioctyl-7-oxo-8-oxa-3,5-dithia-4-stannatetradecanoate (DOTE)</t>
  </si>
  <si>
    <t>239-622-4</t>
  </si>
  <si>
    <t>15571-58-1</t>
  </si>
  <si>
    <t>Cadmium fluoride</t>
  </si>
  <si>
    <t>232-222-0</t>
  </si>
  <si>
    <t>7790-79-6</t>
  </si>
  <si>
    <t>Cadmium sulphate</t>
  </si>
  <si>
    <t>233-331-6</t>
  </si>
  <si>
    <t>10124-36-4, 31119-53-6</t>
  </si>
  <si>
    <t>1,2-Benzenedicarboxylic acid, dihexyl ester, branched and linear</t>
  </si>
  <si>
    <t>271-093-5</t>
  </si>
  <si>
    <t>68515-50-4</t>
  </si>
  <si>
    <t>16/06/2014</t>
  </si>
  <si>
    <t>Cadmium chloride</t>
  </si>
  <si>
    <t>233-296-7</t>
  </si>
  <si>
    <t>10108-64-2</t>
  </si>
  <si>
    <t>Sodium perborate, perboric acid, sodium salt</t>
  </si>
  <si>
    <t>Sodium peroxometaborate</t>
  </si>
  <si>
    <t>231-556-4</t>
  </si>
  <si>
    <t>Cadmium sulphide</t>
  </si>
  <si>
    <t>215-147-8</t>
  </si>
  <si>
    <t>1306-23-6</t>
  </si>
  <si>
    <t>16/12/2013</t>
  </si>
  <si>
    <t>Dihexyl phthalate</t>
  </si>
  <si>
    <t>201-559-5</t>
  </si>
  <si>
    <t>84-75-3</t>
  </si>
  <si>
    <t>Disodium 3,3'-[[1,1'-biphenyl]-4,4'-diylbis(azo)]bis(4-aminonaphthalene-1-sulphonate) (C.I. Direct Red 28)</t>
  </si>
  <si>
    <t>209-358-4</t>
  </si>
  <si>
    <t>573-58-0</t>
  </si>
  <si>
    <t>Disodium 4-amino-3-[[4'-[(2,4-diaminophenyl)azo][1,1'-biphenyl]-4-yl]azo] -5-hydroxy-6-(phenylazo)naphthalene-2,7-disulphonate (C.I. Direct Black 38)</t>
  </si>
  <si>
    <t>217-710-3</t>
  </si>
  <si>
    <t>1937-37-7</t>
  </si>
  <si>
    <t>Imidazolidine-2-thione (2-imidazoline-2-thiol)</t>
  </si>
  <si>
    <t>202-506-9</t>
  </si>
  <si>
    <t>96-45-7</t>
  </si>
  <si>
    <t>Lead di(acetate)</t>
  </si>
  <si>
    <t>206-104-4</t>
  </si>
  <si>
    <t>301-04-2</t>
  </si>
  <si>
    <t>Trixylyl phosphate</t>
  </si>
  <si>
    <t>246-677-8</t>
  </si>
  <si>
    <t>25155-23-1</t>
  </si>
  <si>
    <t>4-Nonylphenol, branched and linear, ethoxylated</t>
  </si>
  <si>
    <t>substances with a linear and/or branched alkyl chain with a carbon number of 9 covalently bound in position 4 to phenol, ethoxylated covering UVCB- and well-defined substances, polymers and homologues, which include any of the individual isomers and/or combinations thereof</t>
  </si>
  <si>
    <t>20/06/2013</t>
  </si>
  <si>
    <t>Ammonium pentadecafluorooctanoate (APFO)</t>
  </si>
  <si>
    <t>223-320-4</t>
  </si>
  <si>
    <t>3825-26-1</t>
  </si>
  <si>
    <t>Cadmium</t>
  </si>
  <si>
    <t>231-152-8</t>
  </si>
  <si>
    <t>7440-43-9</t>
  </si>
  <si>
    <t>Cadmium oxide</t>
  </si>
  <si>
    <t>215-146-2</t>
  </si>
  <si>
    <t>1306-19-0</t>
  </si>
  <si>
    <t>Dipentyl phthalate (DPP)</t>
  </si>
  <si>
    <t>205-017-9</t>
  </si>
  <si>
    <t>131-18-0</t>
  </si>
  <si>
    <t>Pentadecafluorooctanoic acid (PFOA)</t>
  </si>
  <si>
    <t>206-397-9</t>
  </si>
  <si>
    <t>335-67-1</t>
  </si>
  <si>
    <t>1,2-Benzenedicarboxylic acid, dipentyl ester, branched and linear</t>
  </si>
  <si>
    <t>284-032-2</t>
  </si>
  <si>
    <t>84777-06-0</t>
  </si>
  <si>
    <t>19/12/2012</t>
  </si>
  <si>
    <t>1,2-diethoxyethane</t>
  </si>
  <si>
    <t>211-076-1</t>
  </si>
  <si>
    <t>629-14-1</t>
  </si>
  <si>
    <t>1-bromopropane (n-propyl bromide)</t>
  </si>
  <si>
    <t>203-445-0</t>
  </si>
  <si>
    <t>106-94-5</t>
  </si>
  <si>
    <t>3-ethyl-2-methyl-2-(3-methylbutyl)-1,3-oxazolidine</t>
  </si>
  <si>
    <t>421-150-7</t>
  </si>
  <si>
    <t>143860-04-2</t>
  </si>
  <si>
    <t>4,4'-methylenedi-o-toluidine</t>
  </si>
  <si>
    <t>212-658-8</t>
  </si>
  <si>
    <t>838-88-0</t>
  </si>
  <si>
    <t>4,4'-oxydianiline and its salts</t>
  </si>
  <si>
    <t>4-(1,1,3,3-tetramethylbutyl)phenol, ethoxylated</t>
  </si>
  <si>
    <t>covering well-defined substances and UVCB substances, polymers and homologues</t>
  </si>
  <si>
    <t>4-aminoazobenzene</t>
  </si>
  <si>
    <t>200-453-6</t>
  </si>
  <si>
    <t>4-methyl-m-phenylenediamine (toluene-2,4-diamine)</t>
  </si>
  <si>
    <t>202-453-1</t>
  </si>
  <si>
    <t>95-80-7</t>
  </si>
  <si>
    <t>4-Nonylphenol, branched and linear</t>
  </si>
  <si>
    <t>substances with a linear and/or branched alkyl chain with a carbon number of 9 covalently bound in position 4 to phenol, covering also UVCB- and well-defined substances which include any of the individual isomers or a combination thereof</t>
  </si>
  <si>
    <t>6-methoxy-m-toluidine (p-cresidine)</t>
  </si>
  <si>
    <t>204-419-1</t>
  </si>
  <si>
    <t>120-71-8</t>
  </si>
  <si>
    <t>[Phthalato(2-)]dioxotrilead</t>
  </si>
  <si>
    <t>273-688-5</t>
  </si>
  <si>
    <t>69011-06-9</t>
  </si>
  <si>
    <t>Acetic acid, lead salt, basic</t>
  </si>
  <si>
    <t>257-175-3</t>
  </si>
  <si>
    <t>51404-69-4</t>
  </si>
  <si>
    <t>Biphenyl-4-ylamine</t>
  </si>
  <si>
    <t>202-177-1</t>
  </si>
  <si>
    <t>92-67-1</t>
  </si>
  <si>
    <t>Bis(pentabromophenyl) ether (decabromodiphenyl ether) (DecaBDE)</t>
  </si>
  <si>
    <t>214-604-9</t>
  </si>
  <si>
    <t>1163-19-5</t>
  </si>
  <si>
    <t>Cyclohexane-1,2-dicarboxylic anhydride</t>
  </si>
  <si>
    <t>all possible combinations of the cis- and trans-isomers</t>
  </si>
  <si>
    <t>Diazene-1,2-dicarboxamide (C,C'-azodi(formamide)) (ADCA)</t>
  </si>
  <si>
    <t>204-650-8</t>
  </si>
  <si>
    <t>123-77-3</t>
  </si>
  <si>
    <t>Dibutyltin dichloride (DBTC)</t>
  </si>
  <si>
    <t>211-670-0</t>
  </si>
  <si>
    <t>683-18-1</t>
  </si>
  <si>
    <t>Diethyl sulphate</t>
  </si>
  <si>
    <t>200-589-6</t>
  </si>
  <si>
    <t>64-67-5</t>
  </si>
  <si>
    <t>Diisopentyl phthalate</t>
  </si>
  <si>
    <t>210-088-4</t>
  </si>
  <si>
    <t>605-50-5</t>
  </si>
  <si>
    <t>Dimethyl sulphate</t>
  </si>
  <si>
    <t>201-058-1</t>
  </si>
  <si>
    <t>77-78-1</t>
  </si>
  <si>
    <t>Dinoseb (6-sec-butyl-2,4-dinitrophenol)</t>
  </si>
  <si>
    <t>201-861-7</t>
  </si>
  <si>
    <t>88-85-7</t>
  </si>
  <si>
    <t>Dioxobis(stearato)trilead</t>
  </si>
  <si>
    <t>235-702-8</t>
  </si>
  <si>
    <t>12578-12-0</t>
  </si>
  <si>
    <t>Fatty acids, C16-18, lead salts</t>
  </si>
  <si>
    <t>292-966-7</t>
  </si>
  <si>
    <t>91031-62-8</t>
  </si>
  <si>
    <t>Furan</t>
  </si>
  <si>
    <t>203-727-3</t>
  </si>
  <si>
    <t>110-00-9</t>
  </si>
  <si>
    <t>Henicosafluoroundecanoic acid</t>
  </si>
  <si>
    <t>218-165-4</t>
  </si>
  <si>
    <t>2058-94-8</t>
  </si>
  <si>
    <t>Heptacosafluorotetradecanoic acid</t>
  </si>
  <si>
    <t>206-803-4</t>
  </si>
  <si>
    <t>376-06-7</t>
  </si>
  <si>
    <t>Hexahydromethylphthalic anhydride</t>
  </si>
  <si>
    <t>including cis- and trans- stereo isomeric forms and all possible combinations of the isomers</t>
  </si>
  <si>
    <t>Lead bis(tetrafluoroborate)</t>
  </si>
  <si>
    <t>237-486-0</t>
  </si>
  <si>
    <t>13814-96-5</t>
  </si>
  <si>
    <t>Lead cyanamidate</t>
  </si>
  <si>
    <t>244-073-9</t>
  </si>
  <si>
    <t>20837-86-9</t>
  </si>
  <si>
    <t>Lead dinitrate</t>
  </si>
  <si>
    <t>233-245-9</t>
  </si>
  <si>
    <t>10099-74-8</t>
  </si>
  <si>
    <t>Lead monoxide (lead oxide)</t>
  </si>
  <si>
    <t>215-267-0</t>
  </si>
  <si>
    <t>1317-36-8</t>
  </si>
  <si>
    <t>Lead oxide sulfate</t>
  </si>
  <si>
    <t>234-853-7</t>
  </si>
  <si>
    <t>12036-76-9</t>
  </si>
  <si>
    <t>Lead titanium trioxide</t>
  </si>
  <si>
    <t>235-038-9</t>
  </si>
  <si>
    <t>12060-00-3</t>
  </si>
  <si>
    <t>Lead titanium zirconium oxide</t>
  </si>
  <si>
    <t>235-727-4</t>
  </si>
  <si>
    <t>12626-81-2</t>
  </si>
  <si>
    <t>Methoxyacetic acid</t>
  </si>
  <si>
    <t>210-894-6</t>
  </si>
  <si>
    <t>625-45-6</t>
  </si>
  <si>
    <t>Methyloxirane (Propylene oxide)</t>
  </si>
  <si>
    <t>200-879-2</t>
  </si>
  <si>
    <t>75-56-9</t>
  </si>
  <si>
    <t>N,N-dimethylformamide</t>
  </si>
  <si>
    <t>200-679-5</t>
  </si>
  <si>
    <t>N-methylacetamide</t>
  </si>
  <si>
    <t>201-182-6</t>
  </si>
  <si>
    <t>79-16-3</t>
  </si>
  <si>
    <t>N-pentyl-isopentylphthalate</t>
  </si>
  <si>
    <t>776297-69-9</t>
  </si>
  <si>
    <t>o-aminoazotoluene</t>
  </si>
  <si>
    <t>202-591-2</t>
  </si>
  <si>
    <t>97-56-3</t>
  </si>
  <si>
    <t>o-toluidine</t>
  </si>
  <si>
    <t>202-429-0</t>
  </si>
  <si>
    <t>95-53-4</t>
  </si>
  <si>
    <t>Orange lead (lead tetroxide)</t>
  </si>
  <si>
    <t>215-235-6</t>
  </si>
  <si>
    <t>1314-41-6</t>
  </si>
  <si>
    <t>Pentacosafluorotridecanoic acid</t>
  </si>
  <si>
    <t>276-745-2</t>
  </si>
  <si>
    <t>72629-94-8</t>
  </si>
  <si>
    <t>Pentalead tetraoxide sulphate</t>
  </si>
  <si>
    <t>235-067-7</t>
  </si>
  <si>
    <t>12065-90-6</t>
  </si>
  <si>
    <t>Pyrochlore, antimony lead yellow</t>
  </si>
  <si>
    <t>232-382-1</t>
  </si>
  <si>
    <t>8012-00-8</t>
  </si>
  <si>
    <t>Silicic acid (H2Si2O5), barium salt (1:1), lead-doped</t>
  </si>
  <si>
    <t>with lead (Pb) content above the applicable generic concentration limit for ’toxicity for reproduction’ Repr. 1A (CLP) or category 1 (DSD),the substance is a member of the group entry of lead compounds, with index number 082-001-00-6 in Regulation (EC) No 1272/2008</t>
  </si>
  <si>
    <t>272-271-5</t>
  </si>
  <si>
    <t>68784-75-8</t>
  </si>
  <si>
    <t>Silicic acid, lead salt</t>
  </si>
  <si>
    <t>234-363-3</t>
  </si>
  <si>
    <t>11120-22-2</t>
  </si>
  <si>
    <t>Sulfurous acid, lead salt, dibasic</t>
  </si>
  <si>
    <t>263-467-1</t>
  </si>
  <si>
    <t>62229-08-7</t>
  </si>
  <si>
    <t>Tetraethyllead</t>
  </si>
  <si>
    <t>201-075-4</t>
  </si>
  <si>
    <t>78-00-2</t>
  </si>
  <si>
    <t>Tetralead trioxide sulphate</t>
  </si>
  <si>
    <t>235-380-9</t>
  </si>
  <si>
    <t>12202-17-4</t>
  </si>
  <si>
    <t>Tricosafluorododecanoic acid</t>
  </si>
  <si>
    <t>206-203-2</t>
  </si>
  <si>
    <t>307-55-1</t>
  </si>
  <si>
    <t>Trilead bis(carbonate) dihydroxide</t>
  </si>
  <si>
    <t>215-290-6</t>
  </si>
  <si>
    <t>1319-46-6</t>
  </si>
  <si>
    <t>Trilead dioxide phosphonate</t>
  </si>
  <si>
    <t>235-252-2</t>
  </si>
  <si>
    <t>12141-20-7</t>
  </si>
  <si>
    <t>203-977-3</t>
  </si>
  <si>
    <t>112-49-2</t>
  </si>
  <si>
    <t>18/06/2012</t>
  </si>
  <si>
    <t>203-794-9</t>
  </si>
  <si>
    <t>110-71-4</t>
  </si>
  <si>
    <t>1,3,5-Tris(oxiran-2-ylmethyl)-1,3,5-triazinane-2,4,6-trione (TGIC)</t>
  </si>
  <si>
    <t>219-514-3</t>
  </si>
  <si>
    <t>2451-62-9</t>
  </si>
  <si>
    <t>1,3,5-tris[(2S and 2R)-2,3-epoxypropyl]-1,3,5-triazine-2,4,6-(1H,3H,5H)-trione (β-TGIC)</t>
  </si>
  <si>
    <t>423-400-0</t>
  </si>
  <si>
    <t>59653-74-6</t>
  </si>
  <si>
    <t>4,4'-bis(dimethylamino)-4''-(methylamino)trityl alcohol</t>
  </si>
  <si>
    <t>209-218-2</t>
  </si>
  <si>
    <t>561-41-1</t>
  </si>
  <si>
    <t>4,4'-bis(dimethylamino)benzophenone (Michler’s ketone)</t>
  </si>
  <si>
    <t>202-027-5</t>
  </si>
  <si>
    <t>90-94-8</t>
  </si>
  <si>
    <t>[4-[4,4'-bis(dimethylamino) benzhydrylidene]cyclohexa-2,5-dien-1-ylidene]dimethylammonium chloride (C.I. Basic Violet 3)</t>
  </si>
  <si>
    <t>208-953-6</t>
  </si>
  <si>
    <t>548-62-9</t>
  </si>
  <si>
    <t>[4-[[4-anilino-1-naphthyl][4-(dimethylamino)phenyl]methylene]cyclohexa-2,5-dien-1-ylidene] dimethylammonium chloride (C.I. Basic Blue 26)</t>
  </si>
  <si>
    <t>219-943-6</t>
  </si>
  <si>
    <t>2580-56-5</t>
  </si>
  <si>
    <t>Diboron trioxide</t>
  </si>
  <si>
    <t>215-125-8</t>
  </si>
  <si>
    <t>1303-86-2</t>
  </si>
  <si>
    <t>Formamide</t>
  </si>
  <si>
    <t>200-842-0</t>
  </si>
  <si>
    <t>Lead(II) bis(methanesulfonate)</t>
  </si>
  <si>
    <t>401-750-5</t>
  </si>
  <si>
    <t>17570-76-2</t>
  </si>
  <si>
    <t>N,N,N',N'-tetramethyl-4,4'-methylenedianiline (Michler’s base)</t>
  </si>
  <si>
    <t>202-959-2</t>
  </si>
  <si>
    <t>101-61-1</t>
  </si>
  <si>
    <t>α,α-Bis[4-(dimethylamino)phenyl]-4 (phenylamino)naphthalene-1-methanol (C.I. Solvent Blue 4)</t>
  </si>
  <si>
    <t>229-851-8</t>
  </si>
  <si>
    <t>6786-83-0</t>
  </si>
  <si>
    <t>1,2-dichloroethane</t>
  </si>
  <si>
    <t>203-458-1</t>
  </si>
  <si>
    <t>107-06-2</t>
  </si>
  <si>
    <t>19/12/2011</t>
  </si>
  <si>
    <t>2,2'-dichloro-4,4'-methylenedianiline</t>
  </si>
  <si>
    <t>202-918-9</t>
  </si>
  <si>
    <t>101-14-4</t>
  </si>
  <si>
    <t>2-Methoxyaniline, o-Anisidine</t>
  </si>
  <si>
    <t>201-963-1</t>
  </si>
  <si>
    <t>90-04-0</t>
  </si>
  <si>
    <t>4-(1,1,3,3-tetramethylbutyl)phenol</t>
  </si>
  <si>
    <t>205-426-2</t>
  </si>
  <si>
    <t>140-66-9</t>
  </si>
  <si>
    <t>Aluminosilicate Refractory Ceramic Fibres</t>
  </si>
  <si>
    <t>are fibres covered by index number 650-017-00-8 in Annex VI, part 3, table 3.1 of Regulation (EC) No 1272/2008 of the European Parliament and of the Council of 16 December 2008 on classification, labelling and packaging of substances and mixtures, and fulfil the three following conditions: a) oxides of aluminium and silicon are the main components present (in the fibres) within variable concentration ranges b) fibres have a length weighted geometric mean diameter less two standard geometric errors of 6 or less micrometres (µm) c) alkaline oxide and alkali earth oxide (Na2O+K2O+CaO+MgO+BaO) content less or equal to 18% by weight</t>
  </si>
  <si>
    <t>Arsenic acid</t>
  </si>
  <si>
    <t>231-901-9</t>
  </si>
  <si>
    <t>7778-39-4</t>
  </si>
  <si>
    <t>Bis(2-methoxyethyl) ether</t>
  </si>
  <si>
    <t>203-924-4</t>
  </si>
  <si>
    <t>111-96-6</t>
  </si>
  <si>
    <t>Bis(2-methoxyethyl) phthalate</t>
  </si>
  <si>
    <t>204-212-6</t>
  </si>
  <si>
    <t>117-82-8</t>
  </si>
  <si>
    <t>Calcium arsenate</t>
  </si>
  <si>
    <t>231-904-5</t>
  </si>
  <si>
    <t>7778-44-1</t>
  </si>
  <si>
    <t>Dichromium tris(chromate)</t>
  </si>
  <si>
    <t>246-356-2</t>
  </si>
  <si>
    <t>24613-89-6</t>
  </si>
  <si>
    <t>Formaldehyde, oligomeric reaction products with aniline</t>
  </si>
  <si>
    <t>500-036-1</t>
  </si>
  <si>
    <t>25214-70-4</t>
  </si>
  <si>
    <t>Lead diazide, Lead azide</t>
  </si>
  <si>
    <t>236-542-1</t>
  </si>
  <si>
    <t>13424-46-9</t>
  </si>
  <si>
    <t>Lead dipicrate</t>
  </si>
  <si>
    <t>229-335-2</t>
  </si>
  <si>
    <t>6477-64-1</t>
  </si>
  <si>
    <t>Lead styphnate</t>
  </si>
  <si>
    <t>239-290-0</t>
  </si>
  <si>
    <t>15245-44-0</t>
  </si>
  <si>
    <t>N,N-dimethylacetamide</t>
  </si>
  <si>
    <t>204-826-4</t>
  </si>
  <si>
    <t>127-19-5</t>
  </si>
  <si>
    <t>Pentazinc chromate octahydroxide</t>
  </si>
  <si>
    <t>256-418-0</t>
  </si>
  <si>
    <t>49663-84-5</t>
  </si>
  <si>
    <t>Phenolphthalein</t>
  </si>
  <si>
    <t>201-004-7</t>
  </si>
  <si>
    <t>Potassium hydroxyoctaoxodizincatedichromate</t>
  </si>
  <si>
    <t>234-329-8</t>
  </si>
  <si>
    <t>11103-86-9</t>
  </si>
  <si>
    <t>Trilead diarsenate</t>
  </si>
  <si>
    <t>222-979-5</t>
  </si>
  <si>
    <t>3687-31-8</t>
  </si>
  <si>
    <t>Zirconia Aluminosilicate Refractory Ceramic Fibres</t>
  </si>
  <si>
    <t>are fibres covered by index number 650-017-00-8 in Annex VI, part 3, table 3.1 of Regulation (EC) No 1272/2008 of the European Parliament and of the Council of 16 December 2008 on classification, labelling and packaging of substances and mixtures, and fulfil the three following conditions: a) oxides of aluminium, silicon and zirconium are the main components present (in the fibres) within variable concentration ranges b) fibres have a length weighted geometric mean diameter less two standard geometric errors of 6 or less micrometres (µm). c) alkaline oxide and alkali earth oxide (Na2O+K2O+CaO+MgO+BaO) content less or equal to 18% by weight</t>
  </si>
  <si>
    <t>1,2,3-trichloropropane</t>
  </si>
  <si>
    <t>202-486-1</t>
  </si>
  <si>
    <t>96-18-4</t>
  </si>
  <si>
    <t>20/06/2011</t>
  </si>
  <si>
    <t>1,2-Benzenedicarboxylic acid, di-C6-8-branched alkyl esters, C7-rich</t>
  </si>
  <si>
    <t>276-158-1</t>
  </si>
  <si>
    <t>71888-89-6</t>
  </si>
  <si>
    <t>1,2-Benzenedicarboxylic acid, di-C7-11-branched and linear alkyl esters</t>
  </si>
  <si>
    <t>271-084-6</t>
  </si>
  <si>
    <t>68515-42-4</t>
  </si>
  <si>
    <t>1-Methyl-2-pyrrolidone (NMP)</t>
  </si>
  <si>
    <t>212-828-1</t>
  </si>
  <si>
    <t>872-50-4</t>
  </si>
  <si>
    <t>2-ethoxyethyl acetate</t>
  </si>
  <si>
    <t>203-839-2</t>
  </si>
  <si>
    <t>111-15-9</t>
  </si>
  <si>
    <t>Hydrazine</t>
  </si>
  <si>
    <t>206-114-9</t>
  </si>
  <si>
    <t>302-01-2, 7803-57-8</t>
  </si>
  <si>
    <t>Strontium chromate</t>
  </si>
  <si>
    <t>232-142-6</t>
  </si>
  <si>
    <t>2-ethoxyethanol</t>
  </si>
  <si>
    <t>203-804-1</t>
  </si>
  <si>
    <t>110-80-5</t>
  </si>
  <si>
    <t>15/12/2010</t>
  </si>
  <si>
    <t>2-methoxyethanol</t>
  </si>
  <si>
    <t>203-713-7</t>
  </si>
  <si>
    <t>109-86-4</t>
  </si>
  <si>
    <t>Acids generated from chromium trioxide and their oligomers</t>
  </si>
  <si>
    <t>Chromium trioxide</t>
  </si>
  <si>
    <t>215-607-8</t>
  </si>
  <si>
    <t>1333-82-0</t>
  </si>
  <si>
    <t>Cobalt(II) carbonate</t>
  </si>
  <si>
    <t>208-169-4</t>
  </si>
  <si>
    <t>513-79-1</t>
  </si>
  <si>
    <t>Cobalt(II) diacetate</t>
  </si>
  <si>
    <t>200-755-8</t>
  </si>
  <si>
    <t>71-48-7</t>
  </si>
  <si>
    <t>Cobalt(II) dinitrate</t>
  </si>
  <si>
    <t>233-402-1</t>
  </si>
  <si>
    <t>10141-05-6</t>
  </si>
  <si>
    <t>Cobalt(II) sulphate</t>
  </si>
  <si>
    <t>233-334-2</t>
  </si>
  <si>
    <t>10124-43-3</t>
  </si>
  <si>
    <t>Ammonium dichromate</t>
  </si>
  <si>
    <t>232-143-1</t>
  </si>
  <si>
    <t>18/06/2010</t>
  </si>
  <si>
    <t>Boric acid</t>
  </si>
  <si>
    <t>EC No. 233-139-2 and EC No. 234-343-4</t>
  </si>
  <si>
    <t>Disodium tetraborate, anhydrous</t>
  </si>
  <si>
    <t>215-540-4</t>
  </si>
  <si>
    <t>12179-04-3, 1303-96-4, 1330-43-4</t>
  </si>
  <si>
    <t>Potassium chromate</t>
  </si>
  <si>
    <t>232-140-5</t>
  </si>
  <si>
    <t>7789-00-6</t>
  </si>
  <si>
    <t>Potassium dichromate</t>
  </si>
  <si>
    <t>231-906-6</t>
  </si>
  <si>
    <t>7778-50-9</t>
  </si>
  <si>
    <t>Sodium chromate</t>
  </si>
  <si>
    <t>231-889-5</t>
  </si>
  <si>
    <t>Tetraboron disodium heptaoxide, hydrate</t>
  </si>
  <si>
    <t>235-541-3</t>
  </si>
  <si>
    <t>12267-73-1</t>
  </si>
  <si>
    <t>Trichloroethylene</t>
  </si>
  <si>
    <t>201-167-4</t>
  </si>
  <si>
    <t>Acrylamide</t>
  </si>
  <si>
    <t>201-173-7</t>
  </si>
  <si>
    <t>30/03/2010</t>
  </si>
  <si>
    <t>2,4-dinitrotoluene</t>
  </si>
  <si>
    <t>204-450-0</t>
  </si>
  <si>
    <t>121-14-2</t>
  </si>
  <si>
    <t>13/01/2010</t>
  </si>
  <si>
    <t>Anthracene oil</t>
  </si>
  <si>
    <t>292-602-7</t>
  </si>
  <si>
    <t>90640-80-5</t>
  </si>
  <si>
    <t>Anthracene oil, anthracene paste</t>
  </si>
  <si>
    <t>292-603-2</t>
  </si>
  <si>
    <t>90640-81-6</t>
  </si>
  <si>
    <t>Anthracene oil, anthracene paste, anthracene fraction</t>
  </si>
  <si>
    <t>295-275-9</t>
  </si>
  <si>
    <t>91995-15-2</t>
  </si>
  <si>
    <t>Anthracene oil, anthracene paste, distn. lights</t>
  </si>
  <si>
    <t>295-278-5</t>
  </si>
  <si>
    <t>91995-17-4</t>
  </si>
  <si>
    <t>Anthracene oil, anthracene-low</t>
  </si>
  <si>
    <t>292-604-8</t>
  </si>
  <si>
    <t>90640-82-7</t>
  </si>
  <si>
    <t>Diisobutyl phthalate</t>
  </si>
  <si>
    <t>201-553-2</t>
  </si>
  <si>
    <t>84-69-5</t>
  </si>
  <si>
    <t>Lead chromate</t>
  </si>
  <si>
    <t>231-846-0</t>
  </si>
  <si>
    <t>7758-97-6</t>
  </si>
  <si>
    <t>Lead chromate molybdate sulphate red (C.I. Pigment Red 104)</t>
  </si>
  <si>
    <t>235-759-9</t>
  </si>
  <si>
    <t>12656-85-8</t>
  </si>
  <si>
    <t>Lead sulfochromate yellow (C.I. Pigment Yellow 34)</t>
  </si>
  <si>
    <t>215-693-7</t>
  </si>
  <si>
    <t>1344-37-2</t>
  </si>
  <si>
    <t>Pitch, coal tar, high-temp.</t>
  </si>
  <si>
    <t>266-028-2</t>
  </si>
  <si>
    <t>65996-93-2</t>
  </si>
  <si>
    <t>Tris(2-chloroethyl) phosphate</t>
  </si>
  <si>
    <t>204-118-5</t>
  </si>
  <si>
    <t>115-96-8</t>
  </si>
  <si>
    <t>4,4'- Diaminodiphenylmethane (MDA)</t>
  </si>
  <si>
    <t>202-974-4</t>
  </si>
  <si>
    <t>101-77-9</t>
  </si>
  <si>
    <t>28/10/2008</t>
  </si>
  <si>
    <t>5-tert-butyl-2,4,6-trinitro-m-xylene (Musk xylene)</t>
  </si>
  <si>
    <t>201-329-4</t>
  </si>
  <si>
    <t>81-15-2</t>
  </si>
  <si>
    <t>Alkanes, C10-13, chloro (Short Chain Chlorinated Paraffins)</t>
  </si>
  <si>
    <t>287-476-5</t>
  </si>
  <si>
    <t>85535-84-8</t>
  </si>
  <si>
    <t>Anthracene</t>
  </si>
  <si>
    <t>204-371-1</t>
  </si>
  <si>
    <t>120-12-7</t>
  </si>
  <si>
    <t>Benzyl butyl phthalate (BBP)</t>
  </si>
  <si>
    <t>201-622-7</t>
  </si>
  <si>
    <t>85-68-7</t>
  </si>
  <si>
    <t>Bis (2-ethylhexyl)phthalate (DEHP)</t>
  </si>
  <si>
    <t>204-211-0</t>
  </si>
  <si>
    <t>117-81-7</t>
  </si>
  <si>
    <t>Bis(tributyltin) oxide (TBTO)</t>
  </si>
  <si>
    <t>200-268-0</t>
  </si>
  <si>
    <t>56-35-9</t>
  </si>
  <si>
    <t>Cobalt dichloride</t>
  </si>
  <si>
    <t>231-589-4</t>
  </si>
  <si>
    <t>7646-79-9</t>
  </si>
  <si>
    <t>Diarsenic pentaoxide</t>
  </si>
  <si>
    <t>215-116-9</t>
  </si>
  <si>
    <t>1303-28-2</t>
  </si>
  <si>
    <t>Diarsenic trioxide</t>
  </si>
  <si>
    <t>215-481-4</t>
  </si>
  <si>
    <t>1327-53-3</t>
  </si>
  <si>
    <t>Dibutyl phthalate (DBP)</t>
  </si>
  <si>
    <t>201-557-4</t>
  </si>
  <si>
    <t>84-74-2</t>
  </si>
  <si>
    <t>Hexabromocyclododecane (HBCDD)</t>
  </si>
  <si>
    <t>and all major diastereoisomers identified</t>
  </si>
  <si>
    <t>Lead hydrogen arsenate</t>
  </si>
  <si>
    <t>232-064-2</t>
  </si>
  <si>
    <t>7784-40-9</t>
  </si>
  <si>
    <t>Sodium dichromate</t>
  </si>
  <si>
    <t>234-190-3</t>
  </si>
  <si>
    <t>10588-01-9, 7789-12-0</t>
  </si>
  <si>
    <t>Triethyl arsenate</t>
  </si>
  <si>
    <t>427-700-2</t>
  </si>
  <si>
    <t>15606-95-8</t>
  </si>
  <si>
    <t>7632-04-4</t>
  </si>
  <si>
    <t>80-05-7</t>
  </si>
  <si>
    <t>60-09-3</t>
  </si>
  <si>
    <t>68-12-2</t>
  </si>
  <si>
    <t>Restricted substances referred to in Article 4(1) and maximum concentration values tolerated by weight in homogeneous materials</t>
  </si>
  <si>
    <t>Lead (0,1 %)</t>
  </si>
  <si>
    <t>Mercury (0,1 %)</t>
  </si>
  <si>
    <t>Cadmium (0,01 %)</t>
  </si>
  <si>
    <t>Hexavalent chromium (0,1 %)</t>
  </si>
  <si>
    <t>Polybrominated biphenyls (PBB) (0,1 %)</t>
  </si>
  <si>
    <t>Polybrominated diphenyl ethers (PBDE) (0,1 %)</t>
  </si>
  <si>
    <t>of 8 June 2011</t>
  </si>
  <si>
    <t>on the restriction of the use of certain hazardous substances in electrical and electronic equipment</t>
  </si>
  <si>
    <t>Substance</t>
  </si>
  <si>
    <t>Classification</t>
  </si>
  <si>
    <t>Reason Code</t>
  </si>
  <si>
    <t>Source
(Legal requirements, regulations)</t>
  </si>
  <si>
    <t>Generic examples</t>
  </si>
  <si>
    <t>Reporting threshold
(0.1% unless otherwise stated)</t>
  </si>
  <si>
    <t>First added</t>
  </si>
  <si>
    <t>Last revised</t>
  </si>
  <si>
    <t>Acetaldehyde</t>
  </si>
  <si>
    <t>75-07-0</t>
  </si>
  <si>
    <t>D</t>
  </si>
  <si>
    <t>FI</t>
  </si>
  <si>
    <t>Reg. (EC) No 1272/2008</t>
  </si>
  <si>
    <t>Emitted substance from polymer components</t>
  </si>
  <si>
    <t>Acetamide, N-methyl-</t>
  </si>
  <si>
    <t>LR</t>
  </si>
  <si>
    <t>Reg. (EC) No 1272/2008, Classified as toxic to reproduction class 2
Reg. (EC) No 1907/2006
(REACH Candidate List)</t>
  </si>
  <si>
    <t>Present in capacitors, used in automobile parts</t>
  </si>
  <si>
    <t>Acetonitrile</t>
  </si>
  <si>
    <t>75-05-8</t>
  </si>
  <si>
    <t>component in high-capacity capacitors</t>
  </si>
  <si>
    <t>79-06-1</t>
  </si>
  <si>
    <t>Reg. (EC) No 1272/2008 Reg. (EC) No 1907/2006 (REACH Candidate List)</t>
  </si>
  <si>
    <t xml:space="preserve">  Production of polyacrylamide (residual monomer)</t>
  </si>
  <si>
    <t>Acrylonitrile</t>
  </si>
  <si>
    <t>107-13-1</t>
  </si>
  <si>
    <t>Production  of plastics,
resins and rubbers eg. ABS (residual monomer)</t>
  </si>
  <si>
    <t>Amines, coco alkyl</t>
  </si>
  <si>
    <t>61788-46-3</t>
  </si>
  <si>
    <t>Included in list of substances under assessment in phase 3 of Canadian Chemical Management Plan (CMP3) (2016-2020)</t>
  </si>
  <si>
    <t>Amines, which can form carcinogenic Nitrosamines, selected</t>
  </si>
  <si>
    <t>Legally regulated according to German TRGS 615. Limit for all secondary Amines in volatile corrosion inhibitors, which can form carcinogenic Nitrosamines. Volatile corrosion inhibitors include papers, plastic films and oils.</t>
  </si>
  <si>
    <t>polyurethane foams, corrosion inhibitors, lubricants, rubber, colourants, herbicides</t>
  </si>
  <si>
    <t>N,N-Diethanolamine
(Ethanol, 2,2'-iminobis-)</t>
  </si>
  <si>
    <t>111-42-2</t>
  </si>
  <si>
    <t xml:space="preserve">N,N-Diethylamine
(Ethanamine, N-ethyl-) </t>
  </si>
  <si>
    <t>109-89-7</t>
  </si>
  <si>
    <t>N,N-Di-i-propylamine
(2-Propanamine, N-(1-methylethyl)-)</t>
  </si>
  <si>
    <t>108-18-9</t>
  </si>
  <si>
    <t>N,N-Dimethylamine
(Methanamine, N-methyl- )</t>
  </si>
  <si>
    <t>124-40-3</t>
  </si>
  <si>
    <t>N,N-Di-n-propylamine
(1-Propanamine, N-propyl- )</t>
  </si>
  <si>
    <t>142-84-7</t>
  </si>
  <si>
    <t>N,N-Di-n-butylamine
(1-Butanamine, N-butyl- )</t>
  </si>
  <si>
    <t>111-92-2</t>
  </si>
  <si>
    <t>N,N-Ethylphenylamine
(Benzenamine, N-ethyl- )</t>
  </si>
  <si>
    <t>103-69-5</t>
  </si>
  <si>
    <t>N,N-Methylethylamine
(Ethanamine, N-methyl- )</t>
  </si>
  <si>
    <t>624-78-2</t>
  </si>
  <si>
    <t>N-Methyl-N-phenylamine
(Benzenamine, N-methyl- )</t>
  </si>
  <si>
    <t>100-61-8</t>
  </si>
  <si>
    <t>Morpholine</t>
  </si>
  <si>
    <t>110-91-8</t>
  </si>
  <si>
    <t>Piperidine</t>
  </si>
  <si>
    <t>110-89-4</t>
  </si>
  <si>
    <t>Pyrrolidine</t>
  </si>
  <si>
    <t>123-75-1</t>
  </si>
  <si>
    <t>4-Aminobiphenyl and its salts, all members</t>
  </si>
  <si>
    <t>P</t>
  </si>
  <si>
    <t>(EC) No 1272/2008, carcinogen class 2
Reg. (EC) No 552/2009                 
Reg. (EC) No 1907/2006 (REACH)</t>
  </si>
  <si>
    <t>Impurities in textile and leather paints, antioxidants in lubricants, rubber/latex, plastics</t>
  </si>
  <si>
    <t>0.01%</t>
  </si>
  <si>
    <t>4-Aminobiphenyl</t>
  </si>
  <si>
    <t>p-aminobiphenyl hydrochloride</t>
  </si>
  <si>
    <t>2113-61-3</t>
  </si>
  <si>
    <t>Ammonium perchlorate</t>
  </si>
  <si>
    <t>7790-98-9</t>
  </si>
  <si>
    <t>FA</t>
  </si>
  <si>
    <t>Reg. (EC) No 1272/2008
Dir. 2007/23/EC. California Assembly Bill No. 826 - Perchlorate Contamination Prevention Act; implemented July 1, 2006. http://www.dtsc.ca.gov/HazardousWaste/Perchlorate</t>
  </si>
  <si>
    <t>Pyrotechnical compound</t>
  </si>
  <si>
    <t>Aniline and its salts, all members</t>
  </si>
  <si>
    <t>Pigments, sulfonamides, isocyanate - plastics</t>
  </si>
  <si>
    <t>Aniline</t>
  </si>
  <si>
    <t>62-53-3</t>
  </si>
  <si>
    <t>Aniline chloride</t>
  </si>
  <si>
    <t>142-04-1</t>
  </si>
  <si>
    <t>Anilinetrifluoroboron</t>
  </si>
  <si>
    <t>660-53-7</t>
  </si>
  <si>
    <t>Benzenamine sulfate (2:1)</t>
  </si>
  <si>
    <t>542-16-5</t>
  </si>
  <si>
    <t>Salts from 2,2'-Dichloro-4,4'-methylendianiline</t>
  </si>
  <si>
    <t>3,5-Dichloro-4-(1,1,2,2-Tetrafluroethoxy)Aniline</t>
  </si>
  <si>
    <t>104147-32-2</t>
  </si>
  <si>
    <t>9,10-Anthracenedione, 1-[(5,7-dichloro-1,9-dihydro-2-methyl-9-oxopyrazolo[5,1-b]quinazolin-3-yl)azo]- (Pigment Red 251)</t>
  </si>
  <si>
    <t>74336-60-0</t>
  </si>
  <si>
    <t>Azo dye</t>
  </si>
  <si>
    <t>0.1%, Report any intentionally added content. No testing required.</t>
  </si>
  <si>
    <t>Antimonytrioxide  (Diantimonytrioxide)</t>
  </si>
  <si>
    <t>1309-64-4</t>
  </si>
  <si>
    <t>Flame retardant synergist for plastics and rubber/latex, opacifier, friction material component</t>
  </si>
  <si>
    <t>Aromatic amines, selected</t>
  </si>
  <si>
    <t>FI/LR</t>
  </si>
  <si>
    <t>N-Phenyl-2-naphthylamine</t>
  </si>
  <si>
    <t>135-88-6</t>
  </si>
  <si>
    <t>Reg. (EC) No 1272/2008, toxic to aquatic organisms (R51)</t>
  </si>
  <si>
    <t xml:space="preserve">Diethylmethylbenzenediamine  </t>
  </si>
  <si>
    <t>68479-98-1</t>
  </si>
  <si>
    <t>Reg. (EC) No 1272/2008, very toxic to aquatic organisms (R50)</t>
  </si>
  <si>
    <t xml:space="preserve">Bis(methylthio)toluenediamine </t>
  </si>
  <si>
    <t>106264-79-3</t>
  </si>
  <si>
    <t xml:space="preserve">Diphenylamine     </t>
  </si>
  <si>
    <t>122-39-4</t>
  </si>
  <si>
    <t xml:space="preserve">1,3-benzenediamine, 4,6-diethyl-2-methyl-      </t>
  </si>
  <si>
    <t>2095-01-4</t>
  </si>
  <si>
    <t xml:space="preserve">1,3-benzenediamine, 2,4-diethyl-6-methyl-      </t>
  </si>
  <si>
    <t>2095-02-5</t>
  </si>
  <si>
    <t>O-toluidine, 4-chloro-, hydrochloride   </t>
  </si>
  <si>
    <t>3165-93-3</t>
  </si>
  <si>
    <t>2,4-Diaminoanisole sulphate
(1,3-Benzenediamine, 4-methoxy-, sulfate (1:1))</t>
  </si>
  <si>
    <t>39156-41-7</t>
  </si>
  <si>
    <t xml:space="preserve">Benzenamine, 2-methyl-5-nitro-, monohydrochloride    </t>
  </si>
  <si>
    <t>51085-52-0</t>
  </si>
  <si>
    <t>Reg. (EC) No 1272/2008, may cause cancer (class 2), possible risks of irreversible effects (class 3)
Reg. (EC) No 552/2009</t>
  </si>
  <si>
    <t>3,5-Dichlor-4-(1,1,2,2-tetrafluorethoxy)anilin</t>
  </si>
  <si>
    <t xml:space="preserve">[4-[[4-anilino-1-naphthyl][4-(dimethylamino)phenyl]methylene]cyclohexa-2,5-dien-1-ylidene] dimethylammonium chloride (C.I. Basic Blue 26) </t>
  </si>
  <si>
    <t>Reg. (EC) No 1907/2006                     (REACH Candidate List)</t>
  </si>
  <si>
    <t xml:space="preserve"> Possible ink component for labels</t>
  </si>
  <si>
    <t>Methanaminium, n-[4-[bis[4-(dimethylamino)phenyl]methylene]-2,5-cyclohexadien-1-ylidene]-n-methyl-, chloride: C.I. Basic Violet 3</t>
  </si>
  <si>
    <t>Ink component on labels. </t>
  </si>
  <si>
    <t>Benzenamine, 4-[(4-aminophenyl)(4-imino-2,5-cyclohexadien-1-ylidene)methyl]-, monohydrochloride</t>
  </si>
  <si>
    <t>569-61-9</t>
  </si>
  <si>
    <t>Arsenic and its compounds, all members</t>
  </si>
  <si>
    <t>D/P</t>
  </si>
  <si>
    <t>FA/LR</t>
  </si>
  <si>
    <t>Reg. (EC) No 1272/2008
Reg. (EC) No 552/2009                                                                           Reg. (EC) No 1907/2006 (REACH)</t>
  </si>
  <si>
    <t xml:space="preserve">selected, see list below </t>
  </si>
  <si>
    <t>REACH Authorisation Sunset Date</t>
  </si>
  <si>
    <t>Paints, smelted materials, biocides (including wood treatment), leather and textile finishes, glasses, pyrotechnic objects, metal finishes, electronics</t>
  </si>
  <si>
    <t xml:space="preserve">0.01% (unless present in metals &amp; alloys, then the declaration limit is 0.05%).                                                                  </t>
  </si>
  <si>
    <t>Cadmium arsenide (Cd3As2)</t>
  </si>
  <si>
    <t>12006-15-4</t>
  </si>
  <si>
    <t>Chromium arsenide (Cr2As)</t>
  </si>
  <si>
    <t>12254-85-2</t>
  </si>
  <si>
    <t>Lead arsenate</t>
  </si>
  <si>
    <t>Lead arsenate (Pb3(AsO4)2)</t>
  </si>
  <si>
    <t>10102-48-4</t>
  </si>
  <si>
    <t>Lead arsenate, unspecified</t>
  </si>
  <si>
    <t>7645-25-2</t>
  </si>
  <si>
    <t>Lead arsenite</t>
  </si>
  <si>
    <t>10031-13-7</t>
  </si>
  <si>
    <t>Mercuric arsenate</t>
  </si>
  <si>
    <t>7784-37-4</t>
  </si>
  <si>
    <t>2,6-Dimethyl-4-(1-naphthyl)pyrylium hexafluoroarsenate</t>
  </si>
  <si>
    <t>84282-36-0</t>
  </si>
  <si>
    <t>2,6-Dimethyl-4-phenylpyrylium hexafluoroarsenate</t>
  </si>
  <si>
    <t>84304-15-4</t>
  </si>
  <si>
    <t>4-Cyclohexyl-2,6-dimethylpyrylium hexafluoroarsenate</t>
  </si>
  <si>
    <t>84304-16-5</t>
  </si>
  <si>
    <t>6,6'-Dihydroxy-3,3'-diarsene-1,2-diyldianilinium dichloride</t>
  </si>
  <si>
    <t>139-93-5</t>
  </si>
  <si>
    <t>Aluminum arsenide (AlAs)</t>
  </si>
  <si>
    <t>22831-42-1</t>
  </si>
  <si>
    <t>Aluminum gallium arsenide ((Al,Ga)As)</t>
  </si>
  <si>
    <t>37382-15-3</t>
  </si>
  <si>
    <t>Ammonium arsenate</t>
  </si>
  <si>
    <t>7784-44-3</t>
  </si>
  <si>
    <t>Ammonium-magnesium-arsenat</t>
  </si>
  <si>
    <t>14644-70-3</t>
  </si>
  <si>
    <t>Antimony arsenate</t>
  </si>
  <si>
    <t>28980-47-4</t>
  </si>
  <si>
    <t>Antimony arsenic oxide</t>
  </si>
  <si>
    <t>64475-90-7</t>
  </si>
  <si>
    <t>Antimony arsenide (Sb3As)</t>
  </si>
  <si>
    <t>12255-36-6</t>
  </si>
  <si>
    <t>Arsenargentite (Ag3As)</t>
  </si>
  <si>
    <t>12417-99-1</t>
  </si>
  <si>
    <t>Arsenate(1-), hexafluoro-, hydrogen</t>
  </si>
  <si>
    <t>17068-85-8</t>
  </si>
  <si>
    <t>Arsenate(1-), hexafluoro-, lithium</t>
  </si>
  <si>
    <t>29935-35-1</t>
  </si>
  <si>
    <t>Arsenate(1-), hexafluoro-, potassium</t>
  </si>
  <si>
    <t>17029-22-0</t>
  </si>
  <si>
    <t>Arsenenous acid, lithium salt</t>
  </si>
  <si>
    <t>72845-34-2</t>
  </si>
  <si>
    <t>1327-52-2</t>
  </si>
  <si>
    <t>Reg. (EC) No 1907/2006 (REACH Candidate List)</t>
  </si>
  <si>
    <t>Arsenic acid (H3AsO4), ammonium copper(2+) salt (1:1:1)</t>
  </si>
  <si>
    <t>32680-29-8</t>
  </si>
  <si>
    <t>Arsenic acid (H3AsO4), barium salt (2:3)</t>
  </si>
  <si>
    <t>13477-04-8</t>
  </si>
  <si>
    <t>Arsenic acid (H3AsO4), bismuth salt (1:1)</t>
  </si>
  <si>
    <t>13702-38-0</t>
  </si>
  <si>
    <t>Arsenic acid (H3AsO4), cobalt(2+) salt (2:3)</t>
  </si>
  <si>
    <t>24719-19-5</t>
  </si>
  <si>
    <t>Arsenic acid (H3AsO4), copper salt</t>
  </si>
  <si>
    <t>10103-61-4</t>
  </si>
  <si>
    <t>Arsenic acid (H3AsO4), copper(2+) salt (2:3)</t>
  </si>
  <si>
    <t>7778-41-8</t>
  </si>
  <si>
    <t>Arsenic acid (H3AsO4), dipotassium salt</t>
  </si>
  <si>
    <t>21093-83-4</t>
  </si>
  <si>
    <t>Arsenic acid (H3AsO4), magnesium salt, manganese-doped</t>
  </si>
  <si>
    <t>102110-21-4</t>
  </si>
  <si>
    <t>Arsenic acid (H3AsO4), monoammonium salt</t>
  </si>
  <si>
    <t>13462-93-6</t>
  </si>
  <si>
    <t>Arsenic acid (H3AsO4), strontium salt (2:3)</t>
  </si>
  <si>
    <t>13464-68-1</t>
  </si>
  <si>
    <t>Arsenic acid (H3AsO4), trilithium salt</t>
  </si>
  <si>
    <t>13478-14-3</t>
  </si>
  <si>
    <t>Arsenic acid (H3AsO4), trisilver(1+) salt</t>
  </si>
  <si>
    <t>13510-44-6</t>
  </si>
  <si>
    <t>Arsenic acid, lead (4+) salt</t>
  </si>
  <si>
    <t>53404-12-9</t>
  </si>
  <si>
    <t>Dir. 2000/53/EC</t>
  </si>
  <si>
    <t>Arsenic acid, trisodium salt</t>
  </si>
  <si>
    <t>13464-38-5</t>
  </si>
  <si>
    <t>Arsenic bromide</t>
  </si>
  <si>
    <t>64973-06-4</t>
  </si>
  <si>
    <t>7784-33-0</t>
  </si>
  <si>
    <t>Arsenic chloride</t>
  </si>
  <si>
    <t>37226-49-6</t>
  </si>
  <si>
    <t>Arsino thioxo</t>
  </si>
  <si>
    <t>12044-79-0</t>
  </si>
  <si>
    <t>Arsenic sulfide (AsS2)</t>
  </si>
  <si>
    <t>56320-22-0</t>
  </si>
  <si>
    <t>Arsenic pentoxide</t>
  </si>
  <si>
    <t>Arsenic selenide (As2Se3)</t>
  </si>
  <si>
    <t>1303-36-2</t>
  </si>
  <si>
    <t>Arsenic sulfide</t>
  </si>
  <si>
    <t>12612-21-4</t>
  </si>
  <si>
    <t>Arsenic sulfide (As2S4)</t>
  </si>
  <si>
    <t>12344-68-2</t>
  </si>
  <si>
    <t>Arsenic telluride (As2Te3)</t>
  </si>
  <si>
    <t>12044-54-1</t>
  </si>
  <si>
    <t>Arsenic trichloride</t>
  </si>
  <si>
    <t>60646-36-8</t>
  </si>
  <si>
    <t>Arsenic trioxide</t>
  </si>
  <si>
    <t>Reg. (EC) No 1907/2006 (REACH Annex XIV)</t>
  </si>
  <si>
    <t>Arsenic trisulfide</t>
  </si>
  <si>
    <t>1303-33-9</t>
  </si>
  <si>
    <t>Arsenic, elemental</t>
  </si>
  <si>
    <t>7440-38-2</t>
  </si>
  <si>
    <t>Arsenopyrite, cobaltoan</t>
  </si>
  <si>
    <t>12414-94-7</t>
  </si>
  <si>
    <t>Arsenous acid, trisodium salt</t>
  </si>
  <si>
    <t>13464-37-4</t>
  </si>
  <si>
    <t>Arsenous trichloride</t>
  </si>
  <si>
    <t>7784-34-1</t>
  </si>
  <si>
    <t>Arsenous triiodide</t>
  </si>
  <si>
    <t>7784-45-4</t>
  </si>
  <si>
    <t>Barium arsenide (Ba3As2)</t>
  </si>
  <si>
    <t>12255-50-4</t>
  </si>
  <si>
    <t>Benzenediazonium, 3-methyl-4-(1-pyrrolidinyl)-, hexafluoroarsenate(1-)</t>
  </si>
  <si>
    <t>27569-09-1</t>
  </si>
  <si>
    <t>Benzenediazonium, 4-(diethylamino)-2-ethoxy-, hexafluoroarsenate(1-)</t>
  </si>
  <si>
    <t>63217-33-4</t>
  </si>
  <si>
    <t>Benzenediazonium, 4-(ethylamino)-2-methyl-, hexafluoroarsenate(1-)</t>
  </si>
  <si>
    <t>63217-32-3</t>
  </si>
  <si>
    <t>Benzenesulfonic acid, 4-arsenoso-</t>
  </si>
  <si>
    <t>71130-51-3</t>
  </si>
  <si>
    <t>Benzenesulfonic acid, 4-arsenoso-, sodium salt</t>
  </si>
  <si>
    <t>71130-50-2</t>
  </si>
  <si>
    <t>Boron(1+), bis(2,4-pentanedionato-O,O')-, (T-4)-, hexafluoroarsenate(1-)</t>
  </si>
  <si>
    <t>68892-01-3</t>
  </si>
  <si>
    <t>10103-62-5</t>
  </si>
  <si>
    <t>Calcium arsenide (Ca3As2)</t>
  </si>
  <si>
    <t>12255-53-7</t>
  </si>
  <si>
    <t>Calcium arsenite</t>
  </si>
  <si>
    <t>52740-16-6</t>
  </si>
  <si>
    <t>Calcium arsenite (2:1)</t>
  </si>
  <si>
    <t>15194-98-6</t>
  </si>
  <si>
    <t>Calcium arsenite (2:3)</t>
  </si>
  <si>
    <t>27152-57-4</t>
  </si>
  <si>
    <t>Cobalt arsenide (CoAs)</t>
  </si>
  <si>
    <t>27016-73-5</t>
  </si>
  <si>
    <t>Cobalt arsenide (CoAs2)</t>
  </si>
  <si>
    <t>12044-42-7</t>
  </si>
  <si>
    <t>Cobalt arsenide (CoAs3)</t>
  </si>
  <si>
    <t>12256-04-1</t>
  </si>
  <si>
    <t>Copper acetoarsenite</t>
  </si>
  <si>
    <t>12002-03-8</t>
  </si>
  <si>
    <t>Copper arsenate</t>
  </si>
  <si>
    <t>29871-13-4</t>
  </si>
  <si>
    <t>Copper arsenate hydroxide (Cu2(AsO4)(OH))</t>
  </si>
  <si>
    <t>12774-48-0</t>
  </si>
  <si>
    <t>Copper arsenide (Cu3As)</t>
  </si>
  <si>
    <t>12005-75-3</t>
  </si>
  <si>
    <t>Copper arsenite</t>
  </si>
  <si>
    <t>10290-12-7</t>
  </si>
  <si>
    <t>33382-64-8</t>
  </si>
  <si>
    <t>Copper diarsenite</t>
  </si>
  <si>
    <t>16509-22-1</t>
  </si>
  <si>
    <t>Diarsenic acid</t>
  </si>
  <si>
    <t>13453-15-1</t>
  </si>
  <si>
    <t>Diphenyldiarsenic acid</t>
  </si>
  <si>
    <t>4519-32-8</t>
  </si>
  <si>
    <t>Disodium hydrogen arsenate (Arsenic acid (H3AsO4), disodium salt, heptahydrate)</t>
  </si>
  <si>
    <t>10048-95-0</t>
  </si>
  <si>
    <t>Disodium hydrogen arsenate (Arsenic acid (H3AsO4), sodium salt (1:2))</t>
  </si>
  <si>
    <t>7778-43-0</t>
  </si>
  <si>
    <t>Dysprosium arsenide (DyAs)</t>
  </si>
  <si>
    <t>12005-81-1</t>
  </si>
  <si>
    <t>Erbium arsenide (ErAs)</t>
  </si>
  <si>
    <t>12254-88-5</t>
  </si>
  <si>
    <t>Europium arsenide (EuAs)</t>
  </si>
  <si>
    <t>32775-46-5</t>
  </si>
  <si>
    <t>Ferric arsenate</t>
  </si>
  <si>
    <t>10102-49-5</t>
  </si>
  <si>
    <t>Ferric arsenite</t>
  </si>
  <si>
    <t>63989-69-5</t>
  </si>
  <si>
    <t>Ferrous arsenate</t>
  </si>
  <si>
    <t>10102-50-8</t>
  </si>
  <si>
    <t>Gadolinium arsenide (GdAs)</t>
  </si>
  <si>
    <t>12005-89-9</t>
  </si>
  <si>
    <t>Gallium arsenide</t>
  </si>
  <si>
    <t>1303-00-0</t>
  </si>
  <si>
    <t xml:space="preserve">Gallium arsenide phosphide </t>
  </si>
  <si>
    <t>106097-61-4</t>
  </si>
  <si>
    <t xml:space="preserve">Digallium arsenide phosphide  </t>
  </si>
  <si>
    <t>12044-20-1</t>
  </si>
  <si>
    <t>Gallium zinc triarsenide</t>
  </si>
  <si>
    <t>98106-56-0</t>
  </si>
  <si>
    <t>Germanium arsenide (GeAs)</t>
  </si>
  <si>
    <t>12271-72-6</t>
  </si>
  <si>
    <t>Holmium arsenide (HoAs)</t>
  </si>
  <si>
    <t>12005-92-4</t>
  </si>
  <si>
    <t>Indium arsenide (InAs)</t>
  </si>
  <si>
    <t>1303-11-3</t>
  </si>
  <si>
    <t>Iodonium, diphenyl-, hexafluoroarsenate(1-)</t>
  </si>
  <si>
    <t>62613-15-4</t>
  </si>
  <si>
    <t>Iron arsenide (Fe2As)</t>
  </si>
  <si>
    <t>12005-88-8</t>
  </si>
  <si>
    <t>Iron arsenide (FeAs)</t>
  </si>
  <si>
    <t>12044-16-5</t>
  </si>
  <si>
    <t>Iron arsenide (FeAs2)</t>
  </si>
  <si>
    <t>12006-21-2</t>
  </si>
  <si>
    <t>Lanthanum arsenide (LaAs)</t>
  </si>
  <si>
    <t>12255-04-8</t>
  </si>
  <si>
    <t>Lithium arsenide (Li3As)</t>
  </si>
  <si>
    <t>12044-22-3</t>
  </si>
  <si>
    <t>Lutetium arsenide (LuAs)</t>
  </si>
  <si>
    <t>12005-94-6</t>
  </si>
  <si>
    <t>Magnesium arsenate</t>
  </si>
  <si>
    <t>10103-50-1</t>
  </si>
  <si>
    <t>Magnesium arsenide (Mg3As2)</t>
  </si>
  <si>
    <t>12044-49-4</t>
  </si>
  <si>
    <t>Manganese arsenide (Mn2As)</t>
  </si>
  <si>
    <t>12005-96-8</t>
  </si>
  <si>
    <t>Manganese arsenide (MnAs)</t>
  </si>
  <si>
    <t>12005-95-7</t>
  </si>
  <si>
    <t>Manganese hydrogenarsenate</t>
  </si>
  <si>
    <t>7784-38-5</t>
  </si>
  <si>
    <t>Metaarsenic acid</t>
  </si>
  <si>
    <t>10102-53-1</t>
  </si>
  <si>
    <t>Methylium, triphenyl-, hexafluoroarsenate(1-)</t>
  </si>
  <si>
    <t>437-15-0</t>
  </si>
  <si>
    <t>N-(p-Arsenosophenyl)-1,3,5-triazine-2,4,6-triamine</t>
  </si>
  <si>
    <t>21840-08-4</t>
  </si>
  <si>
    <t>Neodymium arsenide (NdAs)</t>
  </si>
  <si>
    <t>12255-09-3</t>
  </si>
  <si>
    <t>Nickel arsenide (NiAs)</t>
  </si>
  <si>
    <t>27016-75-7</t>
  </si>
  <si>
    <t>Nickel diarsenide</t>
  </si>
  <si>
    <t>12068-61-0</t>
  </si>
  <si>
    <t>Niobium arsenide (NbAs)</t>
  </si>
  <si>
    <t>12255-08-2</t>
  </si>
  <si>
    <t>Platinum arsenide (PtAs2)</t>
  </si>
  <si>
    <t>12044-52-9</t>
  </si>
  <si>
    <t>Potassium arsenate</t>
  </si>
  <si>
    <t>7784-41-0</t>
  </si>
  <si>
    <t>Potassium arsenide (K3As)</t>
  </si>
  <si>
    <t>12044-21-2</t>
  </si>
  <si>
    <t>Potassium arsenite</t>
  </si>
  <si>
    <t>10124-50-2</t>
  </si>
  <si>
    <t>13464-35-2</t>
  </si>
  <si>
    <t>Praseodymium arsenide (PrAs)</t>
  </si>
  <si>
    <t>12044-28-9</t>
  </si>
  <si>
    <t>Rammelsbergite (NiAs2)</t>
  </si>
  <si>
    <t>1303-22-6</t>
  </si>
  <si>
    <t>Samarium arsenide (SmAs)</t>
  </si>
  <si>
    <t>12255-39-9</t>
  </si>
  <si>
    <t>Silicic acid (H4SiO4), tetraethyl ester, polymer with arsenic oxide(As2O3)</t>
  </si>
  <si>
    <t>68957-75-5</t>
  </si>
  <si>
    <t>Silicon(1+), tris(2,4-pentanedionato-O,O')-, (OC-6-11)-, hexafluoroarsenate(1-)</t>
  </si>
  <si>
    <t>67251-38-1</t>
  </si>
  <si>
    <t>Silver arsenide (Ag2As)</t>
  </si>
  <si>
    <t>70333-07-2</t>
  </si>
  <si>
    <t>Sodium arsenate</t>
  </si>
  <si>
    <t>7631-89-2</t>
  </si>
  <si>
    <t>Sodium arsenide (Na3As)</t>
  </si>
  <si>
    <t>12044-25-6</t>
  </si>
  <si>
    <t>Sodium arsenite</t>
  </si>
  <si>
    <t>7784-46-5</t>
  </si>
  <si>
    <t>Sodium metaarsenate</t>
  </si>
  <si>
    <t>15120-17-9</t>
  </si>
  <si>
    <t>Strontium arsenide (Sr3As2)</t>
  </si>
  <si>
    <t>39297-24-0</t>
  </si>
  <si>
    <t>Strontium arsenite</t>
  </si>
  <si>
    <t>15195-06-9</t>
  </si>
  <si>
    <t>91724-16-2</t>
  </si>
  <si>
    <t>Strychnidin-10-one, arsenite (1:1)</t>
  </si>
  <si>
    <t>100258-44-4</t>
  </si>
  <si>
    <t>Strychnine arsenate</t>
  </si>
  <si>
    <t>10476-82-1</t>
  </si>
  <si>
    <t>Sulfonium, triphenyl-, hexafluoroarsenate(1-)</t>
  </si>
  <si>
    <t>57900-42-2</t>
  </si>
  <si>
    <t>Terbium arsenide (TbAs)</t>
  </si>
  <si>
    <t>12006-08-5</t>
  </si>
  <si>
    <t>Thallium arsenide (TlAs)</t>
  </si>
  <si>
    <t>12006-09-6</t>
  </si>
  <si>
    <t>Thallium triarsenide</t>
  </si>
  <si>
    <t>84057-85-2</t>
  </si>
  <si>
    <t>Thulium arsenide (TmAs)</t>
  </si>
  <si>
    <t>12006-10-9</t>
  </si>
  <si>
    <t>Triammonium arsenate</t>
  </si>
  <si>
    <t>24719-13-9</t>
  </si>
  <si>
    <t>Triethyl arsenite</t>
  </si>
  <si>
    <t>3141-12-6</t>
  </si>
  <si>
    <t>Trimanganese arsenide</t>
  </si>
  <si>
    <t>61219-26-9</t>
  </si>
  <si>
    <t>Trinickel bis(arsenate)</t>
  </si>
  <si>
    <t>13477-70-8</t>
  </si>
  <si>
    <t>Tris[(8a)-6'-methoxycinchonan-9(R)-ol] arsenite</t>
  </si>
  <si>
    <t>94138-87-1</t>
  </si>
  <si>
    <t>Tris[(8a,9R)-6'-methoxycinchonan-9-ol] bis(arsenate)</t>
  </si>
  <si>
    <t>549-59-7</t>
  </si>
  <si>
    <t>Vanadium(4+) diarsenate (1:1)</t>
  </si>
  <si>
    <t>99035-51-5</t>
  </si>
  <si>
    <t>Ytterbium arsenide (YbAs)</t>
  </si>
  <si>
    <t>12006-12-1</t>
  </si>
  <si>
    <t>Yttrium arsenide (YAs)</t>
  </si>
  <si>
    <t>12255-48-0</t>
  </si>
  <si>
    <t>Zinc arsenenate oxide (Zn5(AsO3)4O3), tetrahydrate</t>
  </si>
  <si>
    <t>1303-39-5</t>
  </si>
  <si>
    <t>Arsenic acid (H3AsO4), zinc salt (2:3)</t>
  </si>
  <si>
    <t>13464-44-3</t>
  </si>
  <si>
    <t>Zinc arsenide (Zn3As2)</t>
  </si>
  <si>
    <t>12006-40-5</t>
  </si>
  <si>
    <t>Zinc arsenide (ZnAs2)</t>
  </si>
  <si>
    <t>12044-55-2</t>
  </si>
  <si>
    <t>Zinc arsenite</t>
  </si>
  <si>
    <t>10326-24-6</t>
  </si>
  <si>
    <t>Zirconium arsenide (ZrAs)</t>
  </si>
  <si>
    <t>60909-47-9</t>
  </si>
  <si>
    <t>Arsorous acid</t>
  </si>
  <si>
    <t>13464-58-9</t>
  </si>
  <si>
    <t>Arsin</t>
  </si>
  <si>
    <t>7784-42-1</t>
  </si>
  <si>
    <t>Diphenoxarsin-10-yloxid</t>
  </si>
  <si>
    <t>58-36-6</t>
  </si>
  <si>
    <t>Reg. (EU) No 528/2012</t>
  </si>
  <si>
    <t>Trisilverarsenite</t>
  </si>
  <si>
    <t>7784-08-9</t>
  </si>
  <si>
    <t>Asbestos fibers, all members</t>
  </si>
  <si>
    <t>Reg. (EC) No 552/2009
Definition of asbestos fiber for counting purpose by OSHA in 1992； Particle with a length &gt;5 μm, a diameter of &lt;3µm and aspect ratio(length：width)&gt;3：1</t>
  </si>
  <si>
    <t>Friction pads, gaskets, insulations</t>
  </si>
  <si>
    <t>Any intentionally added content</t>
  </si>
  <si>
    <t>Asbestos, actinolite</t>
  </si>
  <si>
    <t>77536-66-4</t>
  </si>
  <si>
    <t>Asbestos, amosite</t>
  </si>
  <si>
    <t>12172-73-5</t>
  </si>
  <si>
    <t>Asbestos, anthophylite</t>
  </si>
  <si>
    <t>77536-67-5</t>
  </si>
  <si>
    <t>Asbestos, chrysotile</t>
  </si>
  <si>
    <t>12001-29-5</t>
  </si>
  <si>
    <t>Asbestos, crocidolite</t>
  </si>
  <si>
    <t>12001-28-4</t>
  </si>
  <si>
    <t>Asbestos, Tremolite</t>
  </si>
  <si>
    <t>77536-68-6</t>
  </si>
  <si>
    <t>Asbestos minerals, all members</t>
  </si>
  <si>
    <t>Potential to form Asbetos fibers (see entry Asbestos fibers)</t>
  </si>
  <si>
    <t>Asbestos</t>
  </si>
  <si>
    <t>1332-21-4</t>
  </si>
  <si>
    <t>Actinolite</t>
  </si>
  <si>
    <t>13768-00-8</t>
  </si>
  <si>
    <t>Tremolite</t>
  </si>
  <si>
    <t>14567-73-8</t>
  </si>
  <si>
    <t>Anthophyllite</t>
  </si>
  <si>
    <t>17068-78-9</t>
  </si>
  <si>
    <t>12172-67-7</t>
  </si>
  <si>
    <t>Chrysotile</t>
  </si>
  <si>
    <t>132207-32-0</t>
  </si>
  <si>
    <t>Reg. (EC) No 552/2009</t>
  </si>
  <si>
    <t>Crocidolite</t>
  </si>
  <si>
    <t>132207-33-1</t>
  </si>
  <si>
    <t>Azodyes that can form carcinogenic amines, selected</t>
  </si>
  <si>
    <t>Reg. (EC) No 552/2009,  Reg. (EC) No 1907/2006 (REACH),  TRGS 614    
A list of affected azo dyes has been prepared by an industrial association (TEGEWA), see List A in
http://www.tegewa.de/uploads/media/2001_Azofarbstoffe_gemaess_TRGS_614.pdf</t>
  </si>
  <si>
    <t>In dyes for textiles and leather articles</t>
  </si>
  <si>
    <t>C.I. Acid Black 29</t>
  </si>
  <si>
    <t>12217-14-0</t>
  </si>
  <si>
    <t>TRGS 614</t>
  </si>
  <si>
    <t>C.I. Acid Black 94, C.I.30336</t>
  </si>
  <si>
    <t>6358-80-1</t>
  </si>
  <si>
    <t>C.I. Acid Black 131</t>
  </si>
  <si>
    <t>12219-01-1</t>
  </si>
  <si>
    <t>C.I. Acid  Black 132</t>
  </si>
  <si>
    <t>12219-02-2</t>
  </si>
  <si>
    <t>C.I. Acid  Black 209</t>
  </si>
  <si>
    <t>72827-68-0</t>
  </si>
  <si>
    <t>C.I. Acid Brown 415</t>
  </si>
  <si>
    <t>97199-27-4</t>
  </si>
  <si>
    <t>C.I. Acid Orange 45, C.I.22195</t>
  </si>
  <si>
    <t>2429-80-3</t>
  </si>
  <si>
    <t>C.I. Acid Red 4, C.I.14710</t>
  </si>
  <si>
    <t>5858-39-9</t>
  </si>
  <si>
    <t>C.I. Acid Red 5, C.I.14905</t>
  </si>
  <si>
    <t>5858-63-9</t>
  </si>
  <si>
    <t>C.I. Acid Red 24, C.I.16140</t>
  </si>
  <si>
    <t>5858-30-0</t>
  </si>
  <si>
    <t>C.I. Acid Red 35, C.I.18065</t>
  </si>
  <si>
    <t>6441-93-6</t>
  </si>
  <si>
    <t>C.I. Acid Red 85, C.I.22245</t>
  </si>
  <si>
    <t>3567-65-5</t>
  </si>
  <si>
    <t>C.I. Acid Red 104, C.I.26420</t>
  </si>
  <si>
    <t>8006-06-2</t>
  </si>
  <si>
    <t>C.I. Acid Red 114, C.I.23635</t>
  </si>
  <si>
    <t>6459-94-5</t>
  </si>
  <si>
    <t>C.I. Acid Red 115, C.I.27200</t>
  </si>
  <si>
    <t>8005-61-6</t>
  </si>
  <si>
    <t>C.I. Acid Red 116, C.I.26660</t>
  </si>
  <si>
    <t>6245-62-1</t>
  </si>
  <si>
    <t>C.I. Acid Red 119:1</t>
  </si>
  <si>
    <t>90880-75-4</t>
  </si>
  <si>
    <t>C.I. Acid Red 128, C.I.24125</t>
  </si>
  <si>
    <t>6548-30-7</t>
  </si>
  <si>
    <t>C.I. Acid Red 148, C.I.26665</t>
  </si>
  <si>
    <t>6300-53-4</t>
  </si>
  <si>
    <t>C.I. Acid Red 150, C.I.27190</t>
  </si>
  <si>
    <t>6226-78-4</t>
  </si>
  <si>
    <t>C.I. Acid Red 158, C.I.20530</t>
  </si>
  <si>
    <t>8004-55-5</t>
  </si>
  <si>
    <t>C.I. Acid Red 167</t>
  </si>
  <si>
    <t>61901-41-5</t>
  </si>
  <si>
    <t>C.I. Acid Red 264, C.I.18133</t>
  </si>
  <si>
    <t>6505-96-0</t>
  </si>
  <si>
    <t>C.I. Acid Red 265, C.I.18129</t>
  </si>
  <si>
    <t>6358-43-6</t>
  </si>
  <si>
    <t>C.I. Acid Violet 12, C.I.18075</t>
  </si>
  <si>
    <t>6625-46-3</t>
  </si>
  <si>
    <t>C.I. Basic Brown 4, C.I.21010</t>
  </si>
  <si>
    <t>5421-66-9</t>
  </si>
  <si>
    <t>C.I. Basic Red 42</t>
  </si>
  <si>
    <t>12221-66-8</t>
  </si>
  <si>
    <t>C.I. Basic Red 76, C.I.12245</t>
  </si>
  <si>
    <t>68391-30-0</t>
  </si>
  <si>
    <t>C.I. Basic Red 111</t>
  </si>
  <si>
    <t>118658-98-3</t>
  </si>
  <si>
    <t>C.I. Basic Yellow 82</t>
  </si>
  <si>
    <t>12227-67-7</t>
  </si>
  <si>
    <t>C.I. Direct Black 4, C.I.30245</t>
  </si>
  <si>
    <t>2429-83-6</t>
  </si>
  <si>
    <t>C.I. Direct Black 29, C.I.22580</t>
  </si>
  <si>
    <t>3626-23-1</t>
  </si>
  <si>
    <t>C.I. Direct Black 38, C.I.30235</t>
  </si>
  <si>
    <t xml:space="preserve">C.I. Direct Black 154 </t>
  </si>
  <si>
    <t>37372-50-2</t>
  </si>
  <si>
    <t>C.I. Direct Blue 1, C.I.24410</t>
  </si>
  <si>
    <t>2610-05-1</t>
  </si>
  <si>
    <t>C.I. Direct Blue 2, C.I.22590</t>
  </si>
  <si>
    <t>2429-73-4</t>
  </si>
  <si>
    <t>C.I. Direct Blue 3, C.I.23705</t>
  </si>
  <si>
    <t>2429-72-3</t>
  </si>
  <si>
    <t>C.I. Direct Blue 6, C.I.22610</t>
  </si>
  <si>
    <t>2602-46-2</t>
  </si>
  <si>
    <t>C.I. Direct Blue 8, C.I.24140</t>
  </si>
  <si>
    <t>2429-71-2</t>
  </si>
  <si>
    <t>C.I. Direct Blue 9, C.I.24155</t>
  </si>
  <si>
    <t>6428-98-4</t>
  </si>
  <si>
    <t>C.I. Direct Blue 10, C.I.24340</t>
  </si>
  <si>
    <t>4198-19-0</t>
  </si>
  <si>
    <t>C.I. Direct Blue 14, C.I.23850</t>
  </si>
  <si>
    <t>72-57-1</t>
  </si>
  <si>
    <t>C.I. Direct Blue 15, C.I.24400</t>
  </si>
  <si>
    <t>2429-74-5</t>
  </si>
  <si>
    <t>C.I. Direct Blue 21, C.I.23710</t>
  </si>
  <si>
    <t>6420-09-3</t>
  </si>
  <si>
    <t>C.I. Direct Blue 22, C.I.24280</t>
  </si>
  <si>
    <t>2586-57-4</t>
  </si>
  <si>
    <t>C.I. Direct Blue 25, C.I.23790</t>
  </si>
  <si>
    <t>2150-54-1</t>
  </si>
  <si>
    <t>C.I. Direct Blue 35, C.I.24145</t>
  </si>
  <si>
    <t>6473-33-2</t>
  </si>
  <si>
    <t>C.I. Direct Blue 151, C.I.24175</t>
  </si>
  <si>
    <t>110735-25-6</t>
  </si>
  <si>
    <t>C.I. Direct Blue 160</t>
  </si>
  <si>
    <t>12222-02-5</t>
  </si>
  <si>
    <t>C.I. Direct Blue 173</t>
  </si>
  <si>
    <t>12235-72-2</t>
  </si>
  <si>
    <t>C.I. Direct Blue 192</t>
  </si>
  <si>
    <t>71838-51-2</t>
  </si>
  <si>
    <t>C.I. Direct Blue 215, C.I.24415</t>
  </si>
  <si>
    <t>6771-80-8</t>
  </si>
  <si>
    <t>C.I. Direct Blue 295, C.I.23820</t>
  </si>
  <si>
    <t>6420-22-0</t>
  </si>
  <si>
    <t>C.I. Direct Brown 1, C.I.30045</t>
  </si>
  <si>
    <t>3811-71-0</t>
  </si>
  <si>
    <t>C.I. Direct Brown 1:2, C.I.30110</t>
  </si>
  <si>
    <t>2586-58-5</t>
  </si>
  <si>
    <t>C.I. Direct Brown 2, C.I.22311</t>
  </si>
  <si>
    <t>2429-82-5</t>
  </si>
  <si>
    <t>C.I. Direct Brown 6, C.I.30140</t>
  </si>
  <si>
    <t>2893-80-3</t>
  </si>
  <si>
    <t>C.I. Direct Brown 25, C.I.36030</t>
  </si>
  <si>
    <t>33363-87-0</t>
  </si>
  <si>
    <t>C.I. Direct Brown 27, C.I.31725</t>
  </si>
  <si>
    <t>6360-29-8</t>
  </si>
  <si>
    <t>C.I. Direct Brown 31, C.I.35660</t>
  </si>
  <si>
    <t>2429-81-4</t>
  </si>
  <si>
    <t>C.I. Direct Brown 33, C.I.35520</t>
  </si>
  <si>
    <t>1324-87-4</t>
  </si>
  <si>
    <t>C.I. Direct Brown 51, C.I.31710</t>
  </si>
  <si>
    <t>4623-91-0</t>
  </si>
  <si>
    <t>C.I. Direct Brown 59, C.I.22345</t>
  </si>
  <si>
    <t>3476-90-2</t>
  </si>
  <si>
    <t>C.I. Direct Brown 74, C.I.36300</t>
  </si>
  <si>
    <t>8014-91-3</t>
  </si>
  <si>
    <t>C.I. Direct Brown 79, C.I.30050</t>
  </si>
  <si>
    <t>6483-77-8</t>
  </si>
  <si>
    <t>C.I. Direct Brown 95, C.I.30145</t>
  </si>
  <si>
    <t>16071-86-6</t>
  </si>
  <si>
    <t>C.I. Direct Brown 101, C.I.31740</t>
  </si>
  <si>
    <t>3626-29-7</t>
  </si>
  <si>
    <t>C.I. Direct Brown 154, C.I.30120</t>
  </si>
  <si>
    <t>6360-54-9</t>
  </si>
  <si>
    <t>C.I. Direct Brown 222, C.I.30368</t>
  </si>
  <si>
    <t>64743-15-3</t>
  </si>
  <si>
    <t>C.I. Direct Brown 223</t>
  </si>
  <si>
    <t>76930-14-8</t>
  </si>
  <si>
    <t>C.I. Direct Green 1, C.I.30280</t>
  </si>
  <si>
    <t>3626-28-6</t>
  </si>
  <si>
    <t>C.I. Direct Green 6, C.I.30295</t>
  </si>
  <si>
    <t>4335-09-5</t>
  </si>
  <si>
    <t>C.I. Direct Green 8, C.I.30315</t>
  </si>
  <si>
    <t>5422-17-3</t>
  </si>
  <si>
    <t>C.I. Direct Green 8:1</t>
  </si>
  <si>
    <t>76012-70-9</t>
  </si>
  <si>
    <t>C.I. Direct Green 85, C.I.30387</t>
  </si>
  <si>
    <t>72390-60-4</t>
  </si>
  <si>
    <t>C.I. Direct Orange 1, C.I.22370</t>
  </si>
  <si>
    <t>54579-28-1</t>
  </si>
  <si>
    <t>C.I. Direct Orange 6</t>
  </si>
  <si>
    <t>6637-88-3</t>
  </si>
  <si>
    <t>C.I. Direct Orange 7, C.I.23380</t>
  </si>
  <si>
    <t>2868-76-0</t>
  </si>
  <si>
    <t>C.I. Direct Orange 8, C.I.22130</t>
  </si>
  <si>
    <t>2429-79-0</t>
  </si>
  <si>
    <t>C.I. Direct Orange 10, C.I.23370</t>
  </si>
  <si>
    <t>6405-94-3</t>
  </si>
  <si>
    <t>C.I. Direct Orange 108, C.I.29173</t>
  </si>
  <si>
    <t>6358-79-8</t>
  </si>
  <si>
    <t>C.I. Direct Red 1, C.I.22310</t>
  </si>
  <si>
    <t>2429-84-7</t>
  </si>
  <si>
    <t>C.I. Direct Red 2, C.I.23500</t>
  </si>
  <si>
    <t>992-59-6</t>
  </si>
  <si>
    <t>C.I. Direct Red 7, C.I.24100</t>
  </si>
  <si>
    <t>2868-75-9</t>
  </si>
  <si>
    <t>C.I. Direct Red 10, C.I.22145</t>
  </si>
  <si>
    <t>2429-70-1</t>
  </si>
  <si>
    <t>C.I. Direct Red 13, C.I.22155</t>
  </si>
  <si>
    <t>1937-35-5</t>
  </si>
  <si>
    <t>C.I. Direct Red 17, C.I.22150</t>
  </si>
  <si>
    <t>2769-07-5</t>
  </si>
  <si>
    <t>C.I. Direct Red 21, C.I.23560</t>
  </si>
  <si>
    <t>6406-01-5</t>
  </si>
  <si>
    <t>C.I. Direct Red 22, C.I.23565</t>
  </si>
  <si>
    <t>6448-80-2</t>
  </si>
  <si>
    <t>C.I. Direct Red 24, C.I.29185</t>
  </si>
  <si>
    <t>6420-44-6</t>
  </si>
  <si>
    <t>C.I. Direct Red 26, C.I.29190</t>
  </si>
  <si>
    <t>3687-80-7</t>
  </si>
  <si>
    <t>C.I. Direct Red 28, C.I.22120</t>
  </si>
  <si>
    <t>C.I. Direct Red 37, C.I.22240</t>
  </si>
  <si>
    <t>3530-19-6</t>
  </si>
  <si>
    <t>C.I. Direct Red 39, C.I.23630</t>
  </si>
  <si>
    <t>6358-29-8</t>
  </si>
  <si>
    <t>C.I. Direct Red 44, C.I.22500</t>
  </si>
  <si>
    <t>2302-97-8</t>
  </si>
  <si>
    <t>C.I. Direct Red 46, C.I.23050</t>
  </si>
  <si>
    <t>6548-29-4</t>
  </si>
  <si>
    <t>C.I. Direct Red 62, C.I.29175</t>
  </si>
  <si>
    <t>6420-43-5</t>
  </si>
  <si>
    <t>C.I. Direct Red 67, C.I.23505</t>
  </si>
  <si>
    <t>6598-56-7</t>
  </si>
  <si>
    <t>C.I. Direct Red 72, C.I.29200</t>
  </si>
  <si>
    <t>8005-64-9</t>
  </si>
  <si>
    <t>C.I. Direct Violet 1, C.I.22570</t>
  </si>
  <si>
    <t>2586-60-9</t>
  </si>
  <si>
    <t>C.I. Direct Violet 4, C.I.22555</t>
  </si>
  <si>
    <t>6472-95-3</t>
  </si>
  <si>
    <t>C.I. Direct Violet 12, C.I.22550</t>
  </si>
  <si>
    <t>2429-75-6</t>
  </si>
  <si>
    <t>C.I. Direct Violet 13, C.I.2480</t>
  </si>
  <si>
    <t>13478-92-7</t>
  </si>
  <si>
    <t>C.I. Direct Violet 21, C.I.23520</t>
  </si>
  <si>
    <t>6470-45-7</t>
  </si>
  <si>
    <t>C.I. Direct Violet 22, C.I.22480</t>
  </si>
  <si>
    <t>6426-67-1</t>
  </si>
  <si>
    <t>C.I. Direct Yellow 1, C.I.22250</t>
  </si>
  <si>
    <t>6472-91-9</t>
  </si>
  <si>
    <t>C.I. Direct Yellow 24, C.I.22010</t>
  </si>
  <si>
    <t>6486-29-9</t>
  </si>
  <si>
    <t>C.I. Direct Yellow 48, C.I.23660</t>
  </si>
  <si>
    <t>6459-97-8</t>
  </si>
  <si>
    <t>C.I. Disperse Orange 60</t>
  </si>
  <si>
    <t>12270-44-9</t>
  </si>
  <si>
    <t>C.I. Disperse Orange 149</t>
  </si>
  <si>
    <t>151126-94-2</t>
  </si>
  <si>
    <t>C.I. Disperse Red 151, C.I.26130</t>
  </si>
  <si>
    <t>61968-47-6</t>
  </si>
  <si>
    <t>C.I. Disperse Red 221</t>
  </si>
  <si>
    <t>64426-35-3</t>
  </si>
  <si>
    <t>C.I. Disperse Yellow 7, C.I.26090</t>
  </si>
  <si>
    <t>6300-37-4</t>
  </si>
  <si>
    <t>C.I. Disperse Yellow 23, C.I.26070</t>
  </si>
  <si>
    <t>6250-23-3</t>
  </si>
  <si>
    <t>C.I. Disperse Yellow 56</t>
  </si>
  <si>
    <t>54077-16-6</t>
  </si>
  <si>
    <t>C.I. Disperse Yellow 218</t>
  </si>
  <si>
    <t>83929-90-2</t>
  </si>
  <si>
    <t>C.I. Mordant Yellow 16</t>
  </si>
  <si>
    <t>8003-87-0</t>
  </si>
  <si>
    <t>C.I. Solvent Red 1, C.I.12150</t>
  </si>
  <si>
    <t>1229-55-6</t>
  </si>
  <si>
    <t>C.I. Solvent Red 19, C.I.26050</t>
  </si>
  <si>
    <t>6368-72-5</t>
  </si>
  <si>
    <t>C.I. Solvent Red 23, C.I.26100</t>
  </si>
  <si>
    <t>85-86-9</t>
  </si>
  <si>
    <t>C.I. Solvent Red 24, C.I.26105</t>
  </si>
  <si>
    <t>85-83-6</t>
  </si>
  <si>
    <t>C.I. Solvent Red 26, C.I.26120</t>
  </si>
  <si>
    <t>4477-79-6</t>
  </si>
  <si>
    <t>C.I. Solvent Red 68</t>
  </si>
  <si>
    <t>61813-90-9</t>
  </si>
  <si>
    <t>C.I. Solvent Red 69, C.I.27290</t>
  </si>
  <si>
    <t>5413-75-2</t>
  </si>
  <si>
    <t>C.I. Solvent Red 164</t>
  </si>
  <si>
    <t>71819-51-7</t>
  </si>
  <si>
    <t>C.I. Solvent Red 215</t>
  </si>
  <si>
    <t>85203-90-3</t>
  </si>
  <si>
    <t>C.I. Solvent Yellow 72</t>
  </si>
  <si>
    <t>4645-07-2</t>
  </si>
  <si>
    <t>Trisodium bis(6-(4-anisidino)-3-sulfonato-2-(3,5-dinitro-2-oxidophenylazo)-1-naphtholato)chromate(1-)</t>
  </si>
  <si>
    <t>118685-33-9</t>
  </si>
  <si>
    <t>Reg. (EC) No 1907/2006 (REACH)</t>
  </si>
  <si>
    <t>Barium compounds (organic or water soluble), selected</t>
  </si>
  <si>
    <t>FI/FA</t>
  </si>
  <si>
    <t>Colour pigments, stabilizers for PVC,
lubricant additives</t>
  </si>
  <si>
    <t>Barium</t>
  </si>
  <si>
    <t>7440-39-3</t>
  </si>
  <si>
    <t>Barium 2-(2-hydroxy-3,6-disulphonato-1-naphthyl)azo benzoate (3:2)</t>
  </si>
  <si>
    <t>15782-06-6</t>
  </si>
  <si>
    <t>Barium 4- (5-chloro-4-methyl-2-sulphonatophenyl)azo -3-hydroxy-2-naphthoate</t>
  </si>
  <si>
    <t>7585-41-3</t>
  </si>
  <si>
    <t>Barium 4-(1,1-dimethylethyl)benzoate</t>
  </si>
  <si>
    <t>10196-68-6</t>
  </si>
  <si>
    <t>Barium bis 5-chloro-4-ethyl-2- (2-hydroxy-1-naphthyl)azo benzenesulp...</t>
  </si>
  <si>
    <t>67801-01-8</t>
  </si>
  <si>
    <t>Barium bis(2-ethylhexanoate)</t>
  </si>
  <si>
    <t>2457-01-4</t>
  </si>
  <si>
    <t>Barium bis(dinonylnaphthalenesulphonate)</t>
  </si>
  <si>
    <t>25619-56-1</t>
  </si>
  <si>
    <t>Barium bis(nonylphenolate)</t>
  </si>
  <si>
    <t>28987-17-9</t>
  </si>
  <si>
    <t>Barium distearate</t>
  </si>
  <si>
    <t>6865-35-6</t>
  </si>
  <si>
    <t>Barium oxide, obtained by calcining witherite</t>
  </si>
  <si>
    <t>1304-28-5</t>
  </si>
  <si>
    <t>Barium(2+) hydrogen 2- (2-hydroxy-3,6-disulphonato-1-naphthyl)azo benzoate</t>
  </si>
  <si>
    <t>1325-16-2</t>
  </si>
  <si>
    <t>Barium-chlorate</t>
  </si>
  <si>
    <t>13477-00-4</t>
  </si>
  <si>
    <t>Barium-chloride</t>
  </si>
  <si>
    <t>10361-37-2</t>
  </si>
  <si>
    <t>Barium-cyanide</t>
  </si>
  <si>
    <t>542-62-1</t>
  </si>
  <si>
    <t>Barium-dilaurate</t>
  </si>
  <si>
    <t>4696-57-5</t>
  </si>
  <si>
    <t>Barium-dioleate</t>
  </si>
  <si>
    <t>591-65-1</t>
  </si>
  <si>
    <t>Barium-fluoride</t>
  </si>
  <si>
    <t>7787-32-8</t>
  </si>
  <si>
    <t>Barium-hydroxide</t>
  </si>
  <si>
    <t>17194-00-2</t>
  </si>
  <si>
    <t>Barium-hydroxide-octahydrate</t>
  </si>
  <si>
    <t>12230-71-6</t>
  </si>
  <si>
    <t>Barium-neodecanoate</t>
  </si>
  <si>
    <t>55172-98-0</t>
  </si>
  <si>
    <t>Barium-nitrate</t>
  </si>
  <si>
    <t>10022-31-8</t>
  </si>
  <si>
    <t>Barium-perchlorate</t>
  </si>
  <si>
    <t>13465-95-7</t>
  </si>
  <si>
    <t>California Assembly Bill No. 826 - Perchlorate Contamination Prevention Act; implemented July 1, 2006. http://www.dtsc.ca.gov/HazardousWaste/Perchlorate</t>
  </si>
  <si>
    <t>Barium-permanganate</t>
  </si>
  <si>
    <t>7787-36-2</t>
  </si>
  <si>
    <t>Barium-peroxide</t>
  </si>
  <si>
    <t>1304-29-6</t>
  </si>
  <si>
    <t>Barium-sebacate</t>
  </si>
  <si>
    <t>19856-32-7</t>
  </si>
  <si>
    <t>Naphthenic acid, Barium salts</t>
  </si>
  <si>
    <t>61789-67-1</t>
  </si>
  <si>
    <t>EU-R 1272/2008/EEC, classified as toxic</t>
  </si>
  <si>
    <t>Benzene</t>
  </si>
  <si>
    <t>71-43-2</t>
  </si>
  <si>
    <t xml:space="preserve"> Raw material/contaminant in other chemicals</t>
  </si>
  <si>
    <t>Directive 98/70/EC</t>
  </si>
  <si>
    <t>Fuel constituent</t>
  </si>
  <si>
    <t>1% in fuels</t>
  </si>
  <si>
    <t>Benzene, 1-(1,1-dimethylethyl)-3,5-dimethyl-2,4,6-trinitro- (Musk xylene)</t>
  </si>
  <si>
    <t>Benzenemethanaminium, N-ethyl-N-[4-[[4-[ethyl[(3-sulfophenyl)methyl]amino]phenyl](2-sulfophenyl)methylene]-2,5-cyclohexadien-1-ylidene]-3-sulfo-, hydroxide, inner salt, disodium salt</t>
  </si>
  <si>
    <t>3844-45-9</t>
  </si>
  <si>
    <t>Benzenamine, N-phenyl-, reaction products with styrene and 2,4,4-trimethylpentene (BNST)</t>
  </si>
  <si>
    <t>68921-45-9</t>
  </si>
  <si>
    <t>1,4-Benzenediamine, N,N' -mixed phenyl and tolyl derivs</t>
  </si>
  <si>
    <t>68953-84-4</t>
  </si>
  <si>
    <t>Canada Gazette Vol. 140, No. 49 - December 9, 2006 (Canadian Challenge). The Canadian Challenge is regulated under the Part 5, Section 71, of the Canadian Environmental Protection Act, 1999 (CEPA, 1999).</t>
  </si>
  <si>
    <t>Rubber tires; elastomers in butyl rubber; anti aging agent; sealants</t>
  </si>
  <si>
    <t>Included in list of substances under REACH PACT assessment</t>
  </si>
  <si>
    <t>1,4 Benzenediol (Hydroquinone)</t>
  </si>
  <si>
    <t>123-31-9</t>
  </si>
  <si>
    <t xml:space="preserve">Canada SNAC http://www.gazette.gc.ca/rp-pr/p2/2011/2011-12-21/html/sor-dors293-eng.html </t>
  </si>
  <si>
    <t>adhesives, heat shrink tubing, paint, motor vehicle oils and fuels. New uses require prior consent!</t>
  </si>
  <si>
    <t>Benzenepropanoic acid, 3-(1,1-dimethylethyl)-4-hydroxy-5-methyl-, 1,2-ethanediylbis(oxy-2,1-ethanediyl) ester</t>
  </si>
  <si>
    <t>36443-68-2</t>
  </si>
  <si>
    <t xml:space="preserve">Benzenesulfonic acid, C10-16-alkyl derivs. </t>
  </si>
  <si>
    <t>68584-22-5</t>
  </si>
  <si>
    <t xml:space="preserve">Benzenesulfonic acid, C10-16-alkyl derivs, compds. with 2-propanamine 
</t>
  </si>
  <si>
    <t>68584-24-7</t>
  </si>
  <si>
    <t>Benzenesulfonic acid,C10-13-alkyl derivs., sodium salts</t>
  </si>
  <si>
    <t>68411-30-3</t>
  </si>
  <si>
    <t>Benzenesulfonic acid,dodecyl(sulfophenoxy)-, sodium salt (1:2)</t>
  </si>
  <si>
    <t>28519-02-0</t>
  </si>
  <si>
    <t>Benzenesulfonic acid, oxybis[dodecyl-, disodium salt</t>
  </si>
  <si>
    <t>25167-32-2</t>
  </si>
  <si>
    <t>Benzenesulfonic acid, [[4-[[4-(phenylamino)phenyl][4-(phenylimino)-2,5-cyclohexadien-1-ylidene]methyl]phenyl]amino]- (Pigment Blue 61)</t>
  </si>
  <si>
    <t>1324-76-1</t>
  </si>
  <si>
    <t>Benzidine and its salts, all members</t>
  </si>
  <si>
    <t>Reg. (EC) No 1272/2008, carcinogen class 2
Reg. (EC) No 552/2009                 
 Reg. (EC) No 1907/2006 (REACH)
Canadain Toxic Substances Regulation 2005</t>
  </si>
  <si>
    <t>0.01%, see details for Canada specific</t>
  </si>
  <si>
    <t xml:space="preserve">Benzidine                  </t>
  </si>
  <si>
    <t>92-87-5</t>
  </si>
  <si>
    <t>Prohibition of Certain Toxic Substances Regulations, 2005 (SOR/SOR/2005-41.  Published in Canada Gazette Part II, 2006-11-29 Vol. 140, No. 25</t>
  </si>
  <si>
    <t>Benzidine was used to produce dyes for cloth, paper, and leather.</t>
  </si>
  <si>
    <t>0.01%, intentional addition is prohibited in Canada</t>
  </si>
  <si>
    <t>Benzidine acetate</t>
  </si>
  <si>
    <t>36341-27-2</t>
  </si>
  <si>
    <t>Benzidine salt</t>
  </si>
  <si>
    <t>531-86-2</t>
  </si>
  <si>
    <t>Benzidine sulphate</t>
  </si>
  <si>
    <t>21136-70-9</t>
  </si>
  <si>
    <t>Benzidine, Ni(2+) salt</t>
  </si>
  <si>
    <t>67632-50-2</t>
  </si>
  <si>
    <t>[1,1'-Biphenyl]-4,4'-diamine, dihydrochloride</t>
  </si>
  <si>
    <t>531-85-1</t>
  </si>
  <si>
    <t>[1,1'-Biphenyl]-4,4'-diamine, 2,2'-dichloro-, sulfate (1:1)</t>
  </si>
  <si>
    <t>70146-07-5</t>
  </si>
  <si>
    <t>3,3'-Dichlorobenzidine dihydrochloride</t>
  </si>
  <si>
    <t>612-83-9</t>
  </si>
  <si>
    <t>3,3'-Dimethylbenzidine dihydrochloride</t>
  </si>
  <si>
    <t>612-82-8</t>
  </si>
  <si>
    <t>4,4'-Diaminodiphenyl-2,2'-disulfonic acid disodium salt</t>
  </si>
  <si>
    <t>27336-24-9</t>
  </si>
  <si>
    <t>Acid Black 7</t>
  </si>
  <si>
    <t>8004-59-9</t>
  </si>
  <si>
    <t>C.I. Acid red 85</t>
  </si>
  <si>
    <t>C.I. Direct black 38</t>
  </si>
  <si>
    <t>C.I. Direct black 4, disodium salt</t>
  </si>
  <si>
    <t>C.I. Direct blue 6</t>
  </si>
  <si>
    <t>C.I. Direct blue 2, trisodium salt</t>
  </si>
  <si>
    <t>C.I. Direct brown 1</t>
  </si>
  <si>
    <t>C.I. Direct brown 2, disodium salt</t>
  </si>
  <si>
    <t>C.I. Direct brown 154</t>
  </si>
  <si>
    <t>C.I. Direct brown 31, tetrasodium salt</t>
  </si>
  <si>
    <t>C.I. Direct brown 59, disodium salt</t>
  </si>
  <si>
    <t>C.I. Direct brown 6, disodium salt</t>
  </si>
  <si>
    <t>C.I. Direct brown 95</t>
  </si>
  <si>
    <t>C.I. Direct green 1, disodium salt</t>
  </si>
  <si>
    <t>C.I. Direct green 6, disodium salt</t>
  </si>
  <si>
    <t>C.I. Direct green 8, trisodium salt</t>
  </si>
  <si>
    <t>C.I. Direct red 1, disodium salt</t>
  </si>
  <si>
    <t>C.I. Direct red 28</t>
  </si>
  <si>
    <t>C.I. Direct red 37</t>
  </si>
  <si>
    <t>C.I. Direct violet 22, trisodium salt</t>
  </si>
  <si>
    <t>Direct Orange 1</t>
  </si>
  <si>
    <t>13164-93-7</t>
  </si>
  <si>
    <t>Benzoic acid, 5-[[4'-[(1-amino-4-sulfo-2-naphthalenyl)azo][1,1'-biphenyl]-4-yl]azo]-2-hydroxy-, disodium salt</t>
  </si>
  <si>
    <t>Trypan blue (C.I. Direct Blue 14)</t>
  </si>
  <si>
    <t>Benzoic acid, 3,3'-[(3,7-disulfo-1,5-naphthalenediyl)bis[azo(6-hydroxy-3,1-phenylene)azo[6(or 7)-sulfo-4,1-naphthalenediyl]azo[1,1'-biphenyl]-4,4'-diylazo]]bis[6-hydroxy-, hexasodium salt</t>
  </si>
  <si>
    <t>3,3'-Dichlorbenzidine</t>
  </si>
  <si>
    <t>91-94-1</t>
  </si>
  <si>
    <t>3,3'-Dimethoxybenzidine</t>
  </si>
  <si>
    <t>119-90-4</t>
  </si>
  <si>
    <t>3,3'-Dimethylbenzidine</t>
  </si>
  <si>
    <t>119-93-7</t>
  </si>
  <si>
    <t>Salts from 3,3'-Dimethoxybenzidine</t>
  </si>
  <si>
    <t>Dipotassium O,O'-(4,4'-diaminobiphenyl-3,3'-ylene)diglycollate</t>
  </si>
  <si>
    <t>74220-10-3</t>
  </si>
  <si>
    <t xml:space="preserve">Benzododecinium chloride; </t>
  </si>
  <si>
    <t>139-07-1</t>
  </si>
  <si>
    <t>Benzoic acid, 3,5-bis(1,1-dimethylethyl)-4-hydroxy-, 2,4-bis(1,1-dimethylethyl)phenyl ester</t>
  </si>
  <si>
    <t>4221-80-1</t>
  </si>
  <si>
    <t>Benzothiazole-2-thiol; 2-Mercaptobenzothiazole;</t>
  </si>
  <si>
    <t>149-30-4</t>
  </si>
  <si>
    <t>4979-32-2</t>
  </si>
  <si>
    <t>Japan Chemical Substances Control Law [Monitoring]</t>
  </si>
  <si>
    <t>Vulcanization accelerator for tires and rubber products</t>
  </si>
  <si>
    <t>Any intentionally added content must be reported</t>
  </si>
  <si>
    <t>2(3H)-Benzothiazolethione,sodium salt (1:1)</t>
  </si>
  <si>
    <t>2492-26-4</t>
  </si>
  <si>
    <t xml:space="preserve">2-(2H-benzotriazol-2-yl)-4,6-ditertpentylphenol (UV-328) </t>
  </si>
  <si>
    <t>UV stabilizer</t>
  </si>
  <si>
    <t>2-(2H-benzotriazol-2-yl)-p-cresol (UV-P)</t>
  </si>
  <si>
    <t>2440-22-4</t>
  </si>
  <si>
    <t xml:space="preserve"> Adhesives, duromers, thermoplastics, trim, door, loudspeaker grille, cup holder</t>
  </si>
  <si>
    <t>Beryllium and its compounds, all members</t>
  </si>
  <si>
    <t>Electric contacts, relays and switches; electronics</t>
  </si>
  <si>
    <t>Beryl ore</t>
  </si>
  <si>
    <t>1302-52-9</t>
  </si>
  <si>
    <t>Beryllate(2-), tetrafluoro-, diammonium</t>
  </si>
  <si>
    <t>14874-86-3</t>
  </si>
  <si>
    <t>Beryllium</t>
  </si>
  <si>
    <t>7440-41-7</t>
  </si>
  <si>
    <t>Beryllium aluminum alloy</t>
  </si>
  <si>
    <t>12770-50-2</t>
  </si>
  <si>
    <t>Beryllium boride (Be2B)</t>
  </si>
  <si>
    <t>12536-51-5</t>
  </si>
  <si>
    <t>Beryllium boride (Be4B)</t>
  </si>
  <si>
    <t>12536-52-6</t>
  </si>
  <si>
    <t>Beryllium boride (BeB2)</t>
  </si>
  <si>
    <t>12228-40-9</t>
  </si>
  <si>
    <t>Beryllium boride (BeB6)</t>
  </si>
  <si>
    <t>12429-94-6</t>
  </si>
  <si>
    <t>Beryllium bromide (BeBr2)</t>
  </si>
  <si>
    <t>7787-46-4</t>
  </si>
  <si>
    <t>Beryllium carbide (Be2C)</t>
  </si>
  <si>
    <t>506-66-1</t>
  </si>
  <si>
    <t>Beryllium carbonate</t>
  </si>
  <si>
    <t>13106-47-3</t>
  </si>
  <si>
    <t>66104-24-3</t>
  </si>
  <si>
    <t>Beryllium chloride</t>
  </si>
  <si>
    <t>7787-47-5</t>
  </si>
  <si>
    <t>Beryllium di(acetate)</t>
  </si>
  <si>
    <t>543-81-7</t>
  </si>
  <si>
    <t>Beryllium fluoride</t>
  </si>
  <si>
    <t>12323-05-6</t>
  </si>
  <si>
    <t>7787-49-7</t>
  </si>
  <si>
    <t>Beryllium hydroxide</t>
  </si>
  <si>
    <t>13327-32-7</t>
  </si>
  <si>
    <t>Beryllium iodide (BeI2)</t>
  </si>
  <si>
    <t>7787-53-3</t>
  </si>
  <si>
    <t>Beryllium nitride (Be3N2)</t>
  </si>
  <si>
    <t>1304-54-7</t>
  </si>
  <si>
    <t>Beryllium oxide</t>
  </si>
  <si>
    <t>1304-56-9</t>
  </si>
  <si>
    <t>Beryllium phosphate</t>
  </si>
  <si>
    <t>13598-15-7</t>
  </si>
  <si>
    <t>Beryllium phosphide</t>
  </si>
  <si>
    <t>58127-61-0</t>
  </si>
  <si>
    <t>Beryllium phosphide (BeP2)</t>
  </si>
  <si>
    <t>57620-29-8</t>
  </si>
  <si>
    <t>Beryllium selenide (BeSe)</t>
  </si>
  <si>
    <t>12232-25-6</t>
  </si>
  <si>
    <t>Beryllium sulfate</t>
  </si>
  <si>
    <t>13510-49-1</t>
  </si>
  <si>
    <t>Beryllium sulfate tetrahydrate</t>
  </si>
  <si>
    <t>7787-56-6</t>
  </si>
  <si>
    <t>Beryllium sulfide (BeS)</t>
  </si>
  <si>
    <t>13598-22-6</t>
  </si>
  <si>
    <t>Beryllium telluride (BeTe)</t>
  </si>
  <si>
    <t>12232-27-8</t>
  </si>
  <si>
    <t>Beryllium zinc silicate</t>
  </si>
  <si>
    <t>25638-88-4</t>
  </si>
  <si>
    <t>39413-47-3</t>
  </si>
  <si>
    <t>Bis(pentane-2,4-dionato-O,O')beryllium</t>
  </si>
  <si>
    <t>10210-64-7</t>
  </si>
  <si>
    <t>Diethylberyllium</t>
  </si>
  <si>
    <t>542-63-2</t>
  </si>
  <si>
    <t>Disodium tetrafluoroberyllate</t>
  </si>
  <si>
    <t>13871-27-7</t>
  </si>
  <si>
    <t>Hexakis[.mu.-(acetato-O:O')]-.mu.4-oxotetraberyllium</t>
  </si>
  <si>
    <t>19049-40-2</t>
  </si>
  <si>
    <t>Phosphoric acid, beryllium salt</t>
  </si>
  <si>
    <t>35089-00-0</t>
  </si>
  <si>
    <t>Phosphoric acid, beryllium salt (2:3)</t>
  </si>
  <si>
    <t>13598-26-0</t>
  </si>
  <si>
    <t>Silicic acid (H4SiO4), beryllium salt (1:2)</t>
  </si>
  <si>
    <t>15191-85-2</t>
  </si>
  <si>
    <t>Silicic acid, beryllium salt</t>
  </si>
  <si>
    <t>58500-38-2</t>
  </si>
  <si>
    <t>Biocidal coatings / biocidal additives, selected</t>
  </si>
  <si>
    <t xml:space="preserve">Reg. (EU) No 528/2012 This list is derived from the following product-types believed to be relevant to the GADSL criteria:  product-type 7: Film preservatives; product-type 8: Wood preservatives and product-type 9: Fibre, leather, rubber and polymerised materials preservatives.  These requirements apply only to intended use as a biocide.
</t>
  </si>
  <si>
    <t xml:space="preserve">Active substances marked "D" are either approved or under review by EU authorities for the mentioned Product Types (PT).   All other biocidal active substances are prohibited to be used for the respective PTs. </t>
  </si>
  <si>
    <t>Biocidal and biostatic treatments of polymers, textiles, and other components susceptible to microbiological attack (e.g. mobile air conditioning systems)</t>
  </si>
  <si>
    <t>(+/-)-1-(.beta.-allyloxy-2,4-dichlorophenylethyl)imidazole; Technical grade imazalil</t>
  </si>
  <si>
    <t>73790-28-0</t>
  </si>
  <si>
    <t>Authorisation as biocide needed for product-type 7
P: Forbidden use as biocide in product-type : 8
Authorisation as biocide needed for product-type 9</t>
  </si>
  <si>
    <t>.alpha.,.alpha.',.alpha.'-trimethyl-1,3,5-triazine-1,3,5(2H,4H,6H)-triethanol</t>
  </si>
  <si>
    <t>25254-50-6</t>
  </si>
  <si>
    <t>Authorisation as biocide needed for product-type 7
Authorisation as biocide needed for product-type 8
P: Forbidden use as biocide in product-type : 9</t>
  </si>
  <si>
    <t>1,2-benzisothiazol-3(2H)-one; 1,2-benzisothiazolin-3-one</t>
  </si>
  <si>
    <t>2634-33-5</t>
  </si>
  <si>
    <t>P: Forbidden use as biocide in product-type : 7
Authorisation as biocide needed for product-type 8
D: Allowed use as biocide in product-type : 9</t>
  </si>
  <si>
    <t>1,3-bis(hydroxymethyl)urea</t>
  </si>
  <si>
    <t>140-95-4</t>
  </si>
  <si>
    <t>1,3-didecyl-2-methyl-1H-imidazolium chloride</t>
  </si>
  <si>
    <t>70862-65-6</t>
  </si>
  <si>
    <t>P: Forbidden use as biocide in product-type : 7
Authorisation as biocide needed for product-type 8
Authorisation as biocide needed for product-type 9</t>
  </si>
  <si>
    <t>1-[1,3-bis(hydroxymethyl)-2,5-dioxoimidazolidin-4-yl]-1,3-bis(hydroxymethyl)urea; Diazolidinylurea</t>
  </si>
  <si>
    <t>78491-02-8</t>
  </si>
  <si>
    <t>2,2',2''-(Hexahydro-1,3,5-triazine-1,3,5-triyl)triethanol</t>
  </si>
  <si>
    <t>4719-04-4</t>
  </si>
  <si>
    <t>Authorisation as biocide needed for product-type 7
Authorisation as biocide needed for product-type 8
P: Forbidden use as biocide in product-type 9</t>
  </si>
  <si>
    <t xml:space="preserve">2,2-Dibromo-2-cyanoacetamide (DBNPA)
</t>
  </si>
  <si>
    <t>10222-01-2</t>
  </si>
  <si>
    <t>P: Forbidden use as biocide in product-type 7
Authorisation as biocide needed for product-type 8
P: Forbidden use as biocide in product-type 9</t>
  </si>
  <si>
    <t>1-Mar-2017
1-Mar-2017</t>
  </si>
  <si>
    <t>2,2'-dithiobis[N-methylbenzamide]</t>
  </si>
  <si>
    <t>2527-58-4</t>
  </si>
  <si>
    <t>P: Forbidden use as biocide in product-type : 7
Authorisation as biocide needed for product-type 8
P: Forbidden use as biocide in product-type : 9</t>
  </si>
  <si>
    <t>2,4-dichlorobenzyl alcohol</t>
  </si>
  <si>
    <t>1777-82-8</t>
  </si>
  <si>
    <t>2-bromo-1-(4-hydroxyphenyl)ethan-1-one</t>
  </si>
  <si>
    <t>2491-38-5</t>
  </si>
  <si>
    <t>2-Bromo-2-(bromomethyl)pentanedinitrile</t>
  </si>
  <si>
    <t>35691-65-7</t>
  </si>
  <si>
    <t>2-Chloroacetamide</t>
  </si>
  <si>
    <t>79-07-2</t>
  </si>
  <si>
    <t>2-methyl-4-thiazoline-3-ketone; 2-methyl-2H-isothiazol-3-one; MIT; Methylisothiazolinone</t>
  </si>
  <si>
    <t>2682-20-4</t>
  </si>
  <si>
    <t>2-n-butyl-benzo[d]isothiazol-3-one</t>
  </si>
  <si>
    <t>4299-07-4</t>
  </si>
  <si>
    <t>D: Allowed use as biocide in product-type : 7
Authorisation as biocide needed for product-type 8
D: Allowed use as biocide in product-type : 9</t>
  </si>
  <si>
    <t>2-Phenoxyethanol</t>
  </si>
  <si>
    <t>122-99-6</t>
  </si>
  <si>
    <t>P: Forbidden use as biocide in product-type 7
Authorisation as biocide needed for product-type 8
Authorisation as biocide needed for product-type 9</t>
  </si>
  <si>
    <t>2-Phenylphenol; Biphenyl-2-ol; 2-Hydroxybiphenyl</t>
  </si>
  <si>
    <t>90-43-7</t>
  </si>
  <si>
    <t>3(2H)-Isothiazolone, 5-chloro-2-methyl-, mixt. with 2-methyl-3(2H)-isothiazolone</t>
  </si>
  <si>
    <t>55965-84-9</t>
  </si>
  <si>
    <t>3-Iodo-2-propynyl butylcarbamate; 3-Iodo-2-propynylbutylcarbamate (IPBC)</t>
  </si>
  <si>
    <t>55406-53-6</t>
  </si>
  <si>
    <t>D: Allowed use as biocide in product-type : 7
D: Allowed use as biocide in product-type : 8
D: Allowed use as biocide in product-type : 9</t>
  </si>
  <si>
    <t>4,5-Dichloro-2-octyl-2H-isothiazol-3-one; 4,5-Dichloro-2-octylisothiazol-3(2H)-one (DCOIT)</t>
  </si>
  <si>
    <t>64359-81-5</t>
  </si>
  <si>
    <t>4,5-dichloro-3H-1,2-dithiol-3-one</t>
  </si>
  <si>
    <t>1192-52-5</t>
  </si>
  <si>
    <t>5-Chloro-2-(4-chlorophenoxy)-phenol (DCPP)</t>
  </si>
  <si>
    <t>3380-30-1</t>
  </si>
  <si>
    <t>5-chloro-2-methyl-4-thiazoline-3-ketone</t>
  </si>
  <si>
    <t>26172-55-4</t>
  </si>
  <si>
    <t>Dir. 2003/2032/EC</t>
  </si>
  <si>
    <t>Alpha-cypermethrin</t>
  </si>
  <si>
    <t>67375-30-8</t>
  </si>
  <si>
    <t>Authorisation as biocide needed for product-type 7
P: Forbidden use as biocide in product-type : 8
P: Forbidden use as biocide in product-type : 9</t>
  </si>
  <si>
    <t xml:space="preserve">
1-Mar-2017
1-Mar-2017</t>
  </si>
  <si>
    <t>Aluminium phosphide; Aluminium phosphide releasing phosphine (under BPR)</t>
  </si>
  <si>
    <t>20859-73-8</t>
  </si>
  <si>
    <t>Aluminium sodium silicate-silver complex; Silver zeolite</t>
  </si>
  <si>
    <t>130328-18-6</t>
  </si>
  <si>
    <t xml:space="preserve">Aluminium sodium silicate-silver copper complex; Silver Copper Zeolite
</t>
  </si>
  <si>
    <t>130328-19-7</t>
  </si>
  <si>
    <t>D: Allowed use as biocide in product-type 7
Authorisation as biocide needed for product-type 8
D: Allowed use as biocide in product-type 9</t>
  </si>
  <si>
    <t>Amines, n-C10-16-alkyltrimethylenedi-, reaction products with chloroacetic acid</t>
  </si>
  <si>
    <t>139734-65-9</t>
  </si>
  <si>
    <t>Ammonium bromide</t>
  </si>
  <si>
    <t>12124-97-9</t>
  </si>
  <si>
    <t>Benzalkonium chloride; Quaternary ammonium compounds, alkylbenzyldimethyl, chlorides</t>
  </si>
  <si>
    <t>8001-54-5</t>
  </si>
  <si>
    <t>P: Forbidden use as biocide in product-type : 7
P: Forbidden use as biocide in product-type : 8
P: Forbidden use as biocide in product-type : 9</t>
  </si>
  <si>
    <t>1-Mar-2017
1-Mar-2017
1-Mar-2017</t>
  </si>
  <si>
    <t>Benzododecinium chloride</t>
  </si>
  <si>
    <t>Benzothiazole-2-thiol; 2-Mercaptobenzothiazole</t>
  </si>
  <si>
    <t>Benzoxonium chloride</t>
  </si>
  <si>
    <t>19379-90-9</t>
  </si>
  <si>
    <t>Benzyldimethyl(octadecyl)ammonium chloride</t>
  </si>
  <si>
    <t>122-19-0</t>
  </si>
  <si>
    <t>Benzyldimethyloleylammonium chloride</t>
  </si>
  <si>
    <t>37139-99-4</t>
  </si>
  <si>
    <t>Benzyldodecyldimethylammonium bromide</t>
  </si>
  <si>
    <t>7281-04-1</t>
  </si>
  <si>
    <t xml:space="preserve">(benzyloxy)methanol
</t>
  </si>
  <si>
    <t>14548-60-8</t>
  </si>
  <si>
    <t>Bifenthrin</t>
  </si>
  <si>
    <t>82657-04-3</t>
  </si>
  <si>
    <t>Authorisation as biocide needed for product-type 7
D: Allowed use as biocide in product-type : 8
Authorisation as biocide needed for product-type 9</t>
  </si>
  <si>
    <t>Bis(2-sulfidopyridin-1-olato)copper; bis(1-hydroxy-1H-pyridine-2-thionato-O,S)copper</t>
  </si>
  <si>
    <t>14915-37-8</t>
  </si>
  <si>
    <t>Bis(tributyltin) oxide; 1,1,1,3,3,3-Hexabutyldistannoxane; Tributyltin oxide (TBTO)</t>
  </si>
  <si>
    <t>Bis(trichloromethyl) sulphone</t>
  </si>
  <si>
    <t>3064-70-8</t>
  </si>
  <si>
    <t>11113-50-1</t>
  </si>
  <si>
    <t>P: Forbidden use as biocide in product-type : 7
D: Allowed use as biocide in product-type : 8
P: Forbidden use as biocide in product-type : 9</t>
  </si>
  <si>
    <t>Boric acid crude natural)</t>
  </si>
  <si>
    <t>10043-35-3</t>
  </si>
  <si>
    <t>Bromochloro-5,5-dimethylimidazolidine-2,4-dione</t>
  </si>
  <si>
    <t>32718-18-6</t>
  </si>
  <si>
    <t>Bronopol; 2-bromo-2-nitropropane-1,3-diol</t>
  </si>
  <si>
    <t>52-51-7</t>
  </si>
  <si>
    <t>P: Forbidden use as biocide in product-type 7
Authorisation as biocide needed for product-type 8
D: Allowed use as biocide in product-type 9</t>
  </si>
  <si>
    <t>C8-18alkylbis(2-hydroxyethyl)ammonium bis(2-ethylhexyl)phosphate</t>
  </si>
  <si>
    <t>68132-19-4</t>
  </si>
  <si>
    <t>Calcium dihexa-2,4-dienoate</t>
  </si>
  <si>
    <t>7492-55-9</t>
  </si>
  <si>
    <t>P: Forbidden use as biocide in product-type: 7
P: Forbidden use as biocide in product-type: 8
P: Forbidden use as biocide in product-type: 9</t>
  </si>
  <si>
    <t>Captan; 1,2,3,6-tetrahydro-N-(trichloromethylthio)phthalimide</t>
  </si>
  <si>
    <t>133-06-2</t>
  </si>
  <si>
    <t>Carbendazim</t>
  </si>
  <si>
    <t>10605-21-7</t>
  </si>
  <si>
    <t>Cetalkonium chloride</t>
  </si>
  <si>
    <t>122-18-9</t>
  </si>
  <si>
    <t>Cetylpyridinium chloride</t>
  </si>
  <si>
    <t>123-03-5</t>
  </si>
  <si>
    <t>Chlorfenapyr; 4-Bromo-2-(4-chlorophenyl)-1-ethoxymethyl-5-trifluoromethylpyrrole-3-carbonitrile</t>
  </si>
  <si>
    <t>122453-73-0</t>
  </si>
  <si>
    <t>Chlorocresol; 4-chloro-m-cresol; 4-chloro-3-methylphenol</t>
  </si>
  <si>
    <t>59-50-7</t>
  </si>
  <si>
    <t>Authorisation as biocide needed for product-type 7
Authorisation as biocide needed for product-type 8
D: Allowed use as biocide in product-type : 9</t>
  </si>
  <si>
    <t>Chlorothalonil; Tetrachloroisophthalonitrile</t>
  </si>
  <si>
    <t>1897-45-6</t>
  </si>
  <si>
    <t>Chlorotoluron; 3-(3-chloro-p-tolyl)-1,1-dimethylurea</t>
  </si>
  <si>
    <t>15545-48-9</t>
  </si>
  <si>
    <t>Chromium (VI) trioxide; Trioxochromium</t>
  </si>
  <si>
    <t>Cis-4-[3-(p-tert-butylphenyl)-2-methylpropyl]-2,6-dimethylmorpholine</t>
  </si>
  <si>
    <t>67564-91-4</t>
  </si>
  <si>
    <t>Clothianidin; IFMB</t>
  </si>
  <si>
    <t>210880-92-5</t>
  </si>
  <si>
    <t>Copolymer of 2-propenal and propane-1,2-diol</t>
  </si>
  <si>
    <t>191546-07-3</t>
  </si>
  <si>
    <t xml:space="preserve">Copper (Cu)
</t>
  </si>
  <si>
    <t>7440-50-8</t>
  </si>
  <si>
    <t>Authorisation as biocide needed for product-type 7
D: Allowed use as biocide in product-type 8
Authorisation as biocide needed for product-type 9</t>
  </si>
  <si>
    <t>Copper carbonate hydroxide; Basic Copper carbonate; Copper (II) carbonate--copper (II) hydroxide (1:1)</t>
  </si>
  <si>
    <t>12069-69-1</t>
  </si>
  <si>
    <t>Copper dihydroxide; Copper (II) hydroxide; Copper hydroxide</t>
  </si>
  <si>
    <t>20427-59-2</t>
  </si>
  <si>
    <t>Copper oxide; Copper (II) oxide</t>
  </si>
  <si>
    <t>1317-38-0</t>
  </si>
  <si>
    <t>Copper sulphate</t>
  </si>
  <si>
    <t>7758-98-7</t>
  </si>
  <si>
    <t xml:space="preserve">Copper sulphate pentahydrate
</t>
  </si>
  <si>
    <t>7758-99-8</t>
  </si>
  <si>
    <t>Authorisation as biocide needed for product-type 7
P: Forbidden use as biocide in product-type 8
Authorisation as biocide needed for product-type 9</t>
  </si>
  <si>
    <t xml:space="preserve"> 
1-Mar-2017
</t>
  </si>
  <si>
    <t>Creosote</t>
  </si>
  <si>
    <t>8001-58-9</t>
  </si>
  <si>
    <t>Cu-HDO; Bis(N-cyclohexyl- diazenium-dioxy)-copper); Bis[1-cyclohexyl-1,2-di(hydroxy-.kappa.O)diazeniumato(2-)]-copper</t>
  </si>
  <si>
    <t>312600-89-8</t>
  </si>
  <si>
    <t>Cybutryne; N'-tert-butyl-N-cyclopropyl-6-(methylthio)-1,3,5-triazine-2,4-diamine</t>
  </si>
  <si>
    <t>28159-98-0</t>
  </si>
  <si>
    <t>Cyclohexylhydroxydiazene 1-oxide, potassium salt</t>
  </si>
  <si>
    <t>66603-10-9</t>
  </si>
  <si>
    <t>Cyfluthrin; beta-cyfluthrin; a-cyano-4-fluoro-3-phenoxybenzyl-3-(2,2-dichlorovinyl)-2,2-dimethylcyclopropanecarboxylate</t>
  </si>
  <si>
    <t>68359-37-5</t>
  </si>
  <si>
    <t>Cyproconazole; (2RS,3RS; 2RS,3SR)-2-(4-chlorophenyl)-3-cyclopropyl-1-(1H-1,2,4-triazol-1-yl)butan-2-ol</t>
  </si>
  <si>
    <t>94361-06-5</t>
  </si>
  <si>
    <t>Dazomet; Tetrahydro-3,5-dimethyl-1,3,5-thiadiazine-2-thione</t>
  </si>
  <si>
    <t>533-74-4</t>
  </si>
  <si>
    <t>DDACarbonate; LZ 34000; Reaction mass of N,N-didecyl-N,N-dimethyl-ammonium carbonate and N,N-didecyl-N,N-dimethyl-ammonium bicarbonate</t>
  </si>
  <si>
    <t>894406-76-9</t>
  </si>
  <si>
    <t xml:space="preserve">
</t>
  </si>
  <si>
    <t>Decyldimethyloctylammonium chloride</t>
  </si>
  <si>
    <t>32426-11-2</t>
  </si>
  <si>
    <t>Deltamethrin; (S)-a-cyano-3-phenoxybenzyl (1R, 3R)-3-(2,2-dibromovinyl)-2,2-dimethylcyclopropanecarboxylate</t>
  </si>
  <si>
    <t>52918-63-5</t>
  </si>
  <si>
    <t>Diarsenic pentaoxide; Arsenic pentoxide; Arsenic oxide</t>
  </si>
  <si>
    <t>Dichlofluanid; N-[(Dichlorofluoromethyl)thio]-N',N'-dimethyl-N-phenylsulfamide</t>
  </si>
  <si>
    <t>1085-98-9</t>
  </si>
  <si>
    <t xml:space="preserve">1-Mar-2017
</t>
  </si>
  <si>
    <t>Dichlorophene; dichlorophen</t>
  </si>
  <si>
    <t>97-23-4</t>
  </si>
  <si>
    <t>Dicopper oxide</t>
  </si>
  <si>
    <t>1317-39-1</t>
  </si>
  <si>
    <t>Didecyldimethylammonium bromide</t>
  </si>
  <si>
    <t>2390-68-3</t>
  </si>
  <si>
    <t>Didecyldimethylammonium chloride (DDAC)</t>
  </si>
  <si>
    <t>7173-51-5</t>
  </si>
  <si>
    <t>Didecylmethylpoly(oxyethyl)ammonium propionate; Poly(oxy-1,2-ethanediyl), .alpha.-[2-(didecylmethylammonio)ethyl]- .omega.-hydroxy-, propanoate (salt)</t>
  </si>
  <si>
    <t>94667-33-1</t>
  </si>
  <si>
    <t>Authorisation as biocide needed for product-type 7
D: Allowed use as biocide in product-type : 8
P: Forbidden use as biocide in product-type : 9</t>
  </si>
  <si>
    <t>Dimethyldioctylammonium chloride</t>
  </si>
  <si>
    <t>5538-94-3</t>
  </si>
  <si>
    <t>Dimethylfumarate</t>
  </si>
  <si>
    <t>624-49-7</t>
  </si>
  <si>
    <t>Reg. (EC) No 1907/2006 (Annex XVII)</t>
  </si>
  <si>
    <t>Dimethyloctadecyl[3-(trimethoxysilyl)propyl]ammonium chloride</t>
  </si>
  <si>
    <t>27668-52-6</t>
  </si>
  <si>
    <t>Dimethyltetradecyl[3-(trimethoxysilyl)-propyl]ammonium chloride</t>
  </si>
  <si>
    <t>41591-87-1</t>
  </si>
  <si>
    <t>Dipotassium disulphite</t>
  </si>
  <si>
    <t>16731-55-8</t>
  </si>
  <si>
    <t>Dipyrithione</t>
  </si>
  <si>
    <t>3696-28-4</t>
  </si>
  <si>
    <t xml:space="preserve">Disodium cyanodithiocarbamate
</t>
  </si>
  <si>
    <t>138-93-2</t>
  </si>
  <si>
    <t>Disodium disulphite; Disodium disulfite</t>
  </si>
  <si>
    <t>7681-57-4</t>
  </si>
  <si>
    <t>Disodium octaborate tetrahydrate; Boron sodium oxide (B8Na2O13), tetrahydrate</t>
  </si>
  <si>
    <t>12280-03-4</t>
  </si>
  <si>
    <t>1330-43-4</t>
  </si>
  <si>
    <t>Disodium tetraborate, decahydrate</t>
  </si>
  <si>
    <t>1303-96-4</t>
  </si>
  <si>
    <t>Disodium tetraborate, pentahydrate</t>
  </si>
  <si>
    <t>12179-04-3</t>
  </si>
  <si>
    <t>Diuron; 3-(3,4-dichlorophenyl)-1,1-dimethylurea (DCMU)</t>
  </si>
  <si>
    <t>330-54-1</t>
  </si>
  <si>
    <t>D: Allowed use as biocide in product-type : 7
Authorisation as biocide needed for product-type 8
Authorisation as biocide needed for product-type 9</t>
  </si>
  <si>
    <t>Dodecylguanidine monohydrochloride</t>
  </si>
  <si>
    <t>13590-97-1</t>
  </si>
  <si>
    <t>DOWICIL* 150 PRESERVATIVE; DOWICIL* 200 PRESERVATIVE</t>
  </si>
  <si>
    <t>51229-78-8</t>
  </si>
  <si>
    <t>Esfenvalerate; (S)-a-cyano-3-phenoxybenzyl-(S)-2-(4-chlorophenyl)-3-methylbutyrate</t>
  </si>
  <si>
    <t>66230-04-4</t>
  </si>
  <si>
    <t xml:space="preserve">(ethylenedioxy)dimethanol/ 1,6-Dihydroxy-2,5-dioxyhexane
</t>
  </si>
  <si>
    <t>3586-55-8</t>
  </si>
  <si>
    <t>Etofenprox; Ethofenprox; 3-Phenoxybenzyl-2-(4-ethoxyphenyl)-2-methylpropylether</t>
  </si>
  <si>
    <t>80844-07-1</t>
  </si>
  <si>
    <t>Fenitrothion; O,O-dimethyl O-4-nitro-m-tolyl phosphorothioate</t>
  </si>
  <si>
    <t>122-14-5</t>
  </si>
  <si>
    <t>Fenoxycarb; Ethyl [2-(4-phenoxyphenoxy)ethyl]carbamate</t>
  </si>
  <si>
    <t>72490-01-8</t>
  </si>
  <si>
    <t>Fipronil; 5-Amino-1-[2,6-dichloro-4-(trifluoromethyl)phenyl]-4-[(trifluoromethyl)sulfinyl]-1H-pyrazole-3-carbonitrile</t>
  </si>
  <si>
    <t>120068-37-3</t>
  </si>
  <si>
    <t xml:space="preserve">Fludioxonil; 4-(2,2-Difluoro-1,3-benzodioxol-4-yl)-1H-pyrrole-3-carbonitrile
</t>
  </si>
  <si>
    <t>131341-86-1</t>
  </si>
  <si>
    <t>Flufenoxuron; 1-[4-(2-Chloro-alpha,alpha,alpha-trifluoro-para-tolyloxy)-2-fluorophenyl]-3-(2,6-difluorobenzoyl)urea</t>
  </si>
  <si>
    <t>101463-69-8</t>
  </si>
  <si>
    <t>Fluometuron</t>
  </si>
  <si>
    <t>2164-17-2</t>
  </si>
  <si>
    <t>Folpet; N-(trichloromethylthio)phthalimide</t>
  </si>
  <si>
    <t>133-07-3</t>
  </si>
  <si>
    <t>Formaldehyde</t>
  </si>
  <si>
    <t>50-00-0</t>
  </si>
  <si>
    <t>Glutaral; Glutaraldehyde; Pentane-1,5-dial; Pentanedial</t>
  </si>
  <si>
    <t>111-30-8</t>
  </si>
  <si>
    <t>Guazatine triacetate</t>
  </si>
  <si>
    <t>115044-19-4</t>
  </si>
  <si>
    <t>Hexa-2,4-dienoic acid; Sorbic acid</t>
  </si>
  <si>
    <t>110-44-1</t>
  </si>
  <si>
    <t>Hexaboron dizinc undecaoxide</t>
  </si>
  <si>
    <t>12767-90-7</t>
  </si>
  <si>
    <t xml:space="preserve">Hexafluorosilicic acid
</t>
  </si>
  <si>
    <t>16961-83-4</t>
  </si>
  <si>
    <t xml:space="preserve">
1-Mar-2017
</t>
  </si>
  <si>
    <t>Homopolymer of 2-tert-butylaminoethyl methacrylate (EINECS 223-228-4)</t>
  </si>
  <si>
    <t>26716-20-1</t>
  </si>
  <si>
    <t>Hydroxyl-2-pyridone</t>
  </si>
  <si>
    <t>822-89-9</t>
  </si>
  <si>
    <t>Imazalil; 1-[2-(allyloxy)-2-(2,4-dichlorophenyl)ethyl]-1H-imidazole</t>
  </si>
  <si>
    <t>35554-44-0</t>
  </si>
  <si>
    <t>Iodine (I)</t>
  </si>
  <si>
    <t>7553-56-2</t>
  </si>
  <si>
    <t>Isoproturon; 3-(4-Isopropylphenyl)-1,1-dimethylurea</t>
  </si>
  <si>
    <t>34123-59-6</t>
  </si>
  <si>
    <t>D: Allowed use as biocide in product-type 7
Authorisation as biocide needed for product-type 8
P: Forbidden use as biocide in product-type 9</t>
  </si>
  <si>
    <t>L-(+)-lactic acid</t>
  </si>
  <si>
    <t>79-33-4</t>
  </si>
  <si>
    <t>Lignin</t>
  </si>
  <si>
    <t>9005-53-2</t>
  </si>
  <si>
    <t>Magnesium phosphide; Trimagnesium diphosphide</t>
  </si>
  <si>
    <t>12057-74-8</t>
  </si>
  <si>
    <t>Margosa ext.</t>
  </si>
  <si>
    <t>84696-25-3</t>
  </si>
  <si>
    <t>Metam potassium; Potassium methyldithiocarbamate</t>
  </si>
  <si>
    <t>137-41-7</t>
  </si>
  <si>
    <t>Metam-sodium; Metam; Sodium ethyldithiocarbamate</t>
  </si>
  <si>
    <t>137-42-8</t>
  </si>
  <si>
    <t>Methenamine 3-chloroallylochloride</t>
  </si>
  <si>
    <t>4080-31-3</t>
  </si>
  <si>
    <t>Miristalkonium chloride</t>
  </si>
  <si>
    <t>139-08-2</t>
  </si>
  <si>
    <t>N-(3-aminopropyl)-N-dodecylpropane-1,3-diamine</t>
  </si>
  <si>
    <t>2372-82-9</t>
  </si>
  <si>
    <t>N,N,N',N'-Tetramethylethylenediaminebis(2-chloroethyl)ether copolymer</t>
  </si>
  <si>
    <t>31075-24-8</t>
  </si>
  <si>
    <t>N,N'-methylenebismorpholine (MBM)</t>
  </si>
  <si>
    <t>5625-90-1</t>
  </si>
  <si>
    <t>Nabam; Disodium ethylenebis(N,N'-dithiocarbamate)</t>
  </si>
  <si>
    <t>142-59-6</t>
  </si>
  <si>
    <t>Naphthenic acids, copper salts</t>
  </si>
  <si>
    <t>1338-02-9</t>
  </si>
  <si>
    <t>N-Didecyl-N-dipolyethoxyammonium borate; Didecylpolyoxethylammonium borate</t>
  </si>
  <si>
    <t>214710-34-6</t>
  </si>
  <si>
    <t>Octhilinone; 2-octyl-2H-isothiazol-3-one</t>
  </si>
  <si>
    <t>26530-20-1</t>
  </si>
  <si>
    <t>Oligo(2-(2-ethoxy)ethoxyethylguanidinium chloride)</t>
  </si>
  <si>
    <t>374572-91-5</t>
  </si>
  <si>
    <t>Oxine-copper</t>
  </si>
  <si>
    <t>10380-28-6</t>
  </si>
  <si>
    <t>P-[(diiodomethyl)sulphonyl]toluene</t>
  </si>
  <si>
    <t>20018-09-1</t>
  </si>
  <si>
    <t>Permethrin; m-phenoxybenzyl 3-(2,2-dichlorovinyl)-2,2-dimethylcyclopropanecarboxylate</t>
  </si>
  <si>
    <t>52645-53-1</t>
  </si>
  <si>
    <t>Authorisation as biocide needed for product-type 7
D: Allowed use as biocide in product-type 8
P: Forbidden use as biocide in product-type 9</t>
  </si>
  <si>
    <t xml:space="preserve">
1-Mar-2017</t>
  </si>
  <si>
    <t>Poly(hexamethylendiamine guanidinium chloride)</t>
  </si>
  <si>
    <t>57028-96-3</t>
  </si>
  <si>
    <t>Poly(hexamethylenebicyanoguanide-hexamethylenediamine) Hydrochloride</t>
  </si>
  <si>
    <t>27083-27-8</t>
  </si>
  <si>
    <t>Poly(hexamethylenebiguanide)</t>
  </si>
  <si>
    <t>91403-50-8</t>
  </si>
  <si>
    <t>Poly(hexamethylenebiguanide)hydrochloride</t>
  </si>
  <si>
    <t>32289-58-0</t>
  </si>
  <si>
    <t xml:space="preserve">Poly[iminocarbonimidoyliminocarbonimidoylimino-1,6-hexanediyl], hydrochloride
</t>
  </si>
  <si>
    <t>1802181-67-4</t>
  </si>
  <si>
    <t>Authorisation as biocide needed for product-type 7
Authorisation as biocide needed for product-type 8
D: Allowed use as biocide in product-type 9</t>
  </si>
  <si>
    <t>Polyvinylpyrrolidone iodine</t>
  </si>
  <si>
    <t>25655-41-8</t>
  </si>
  <si>
    <t>Potassium (E,E)-hexa-2,4-dienoate</t>
  </si>
  <si>
    <t>24634-61-5</t>
  </si>
  <si>
    <t>Potassium 2-biphenylate</t>
  </si>
  <si>
    <t>13707-65-8</t>
  </si>
  <si>
    <t xml:space="preserve"> 
1-Mar-2017</t>
  </si>
  <si>
    <t>Potassium dimethyldithiocarbamate</t>
  </si>
  <si>
    <t>128-03-0</t>
  </si>
  <si>
    <t>Potassium sulphite</t>
  </si>
  <si>
    <t>10117-38-1</t>
  </si>
  <si>
    <t>Prometryn</t>
  </si>
  <si>
    <t>7287-19-6</t>
  </si>
  <si>
    <t>Propiconazole; ()-1-[2-(2,4-dichlorophenyl)-4-propyl-1,3-dioxolan-2-ylmethyl]-1H-1,2,4-triazole</t>
  </si>
  <si>
    <t>60207-90-1</t>
  </si>
  <si>
    <t>Pyridine-2-thiol 1-oxide, sodium salt</t>
  </si>
  <si>
    <t>3811-73-2</t>
  </si>
  <si>
    <t>D: Allowed use as Biocide in Product-Type : 7
Authorisation as biocide needed for product-type 8
D: Allowed use as Biocide in Product-Type : 9</t>
  </si>
  <si>
    <t>Pyrithione zinc; (T-4)-Bis[2-(thioxo-kappaS)-pyridin-1(2H)-olato-kappaO]zinc(II)</t>
  </si>
  <si>
    <t>13463-41-7</t>
  </si>
  <si>
    <t>NA</t>
  </si>
  <si>
    <t>Quaternary ammonium compounds, [2-[[2-[(2-carboxyethyl)(2-hydroxyethyl)amino]ethyl]amino]-2-oxoethyl]coco alkyldimethyl, hydroxides, inner salts</t>
  </si>
  <si>
    <t>100085-64-1</t>
  </si>
  <si>
    <t>Quaternary ammonium compounds, benzyl-C10-16-alkyldimethyl, chlorides</t>
  </si>
  <si>
    <t>68989-00-4</t>
  </si>
  <si>
    <t>Quaternary ammonium compounds, benzyl-C12-14-alkyldimethyl, chlorides</t>
  </si>
  <si>
    <t>85409-22-9</t>
  </si>
  <si>
    <t>Quaternary ammonium compounds, benzyl-C12-16-alkyldimethyl, chlorides; Alkyl (C12-16) dimethylbenzyl ammonium chloride; C12-16-ADBAC</t>
  </si>
  <si>
    <t>68424-85-1</t>
  </si>
  <si>
    <t>Quaternary ammonium compounds, benzyl-C12-18-alkyldimethyl, chlorides</t>
  </si>
  <si>
    <t>68391-01-5</t>
  </si>
  <si>
    <t>Quaternary ammonium compounds, benzyl-C8-16-alkyldimethyl, chlorides</t>
  </si>
  <si>
    <t>68424-84-0</t>
  </si>
  <si>
    <t>Quaternary ammonium compounds, benzyl-C8-18-alkyldimethyl, bromides</t>
  </si>
  <si>
    <t>91080-29-4</t>
  </si>
  <si>
    <t>Quaternary ammonium compounds, benzyl-C8-18-alkyldimethyl, chlorides</t>
  </si>
  <si>
    <t>63449-41-2</t>
  </si>
  <si>
    <t>Quaternary ammonium compounds, benzylcoco alkyldimethyl, chlorides</t>
  </si>
  <si>
    <t>61789-71-7</t>
  </si>
  <si>
    <t>Quaternary ammonium compounds, bis(hydrogenated tallow alkyl)dimethyl, chlorides</t>
  </si>
  <si>
    <t>61789-80-8</t>
  </si>
  <si>
    <t>Quaternary ammonium compounds, C12-14-alkyl[(ethylphenyl)methyl]dimethyl, chlorides</t>
  </si>
  <si>
    <t>85409-23-0</t>
  </si>
  <si>
    <t>Quaternary ammonium compounds, coco alkyltrimethyl, chlorides</t>
  </si>
  <si>
    <t>61789-18-2</t>
  </si>
  <si>
    <t>Quaternary ammonium compounds, di-C6-12-alkyldimethyl, chlorides</t>
  </si>
  <si>
    <t>68391-06-0</t>
  </si>
  <si>
    <t>Quaternary ammonium compounds, di-C8-10-alkyldimethyl, chlorides</t>
  </si>
  <si>
    <t>68424-95-3</t>
  </si>
  <si>
    <t>Quaternary ammonium compounds, di-C8-18-alkyldimethyl, chlorides</t>
  </si>
  <si>
    <t>73398-64-8</t>
  </si>
  <si>
    <t>Quaternary ammonium compounds, dicoco alkyldimethyl, chlorides</t>
  </si>
  <si>
    <t>61789-77-3</t>
  </si>
  <si>
    <t>Quaternary ammonium iodides</t>
  </si>
  <si>
    <t>308074-50-2</t>
  </si>
  <si>
    <t xml:space="preserve">Bethoxazin/3-benzo[b]thien-2-yl-5,6-dihydro-1,4,2-oxathiazine 4-oxide </t>
  </si>
  <si>
    <t>163269-30-5</t>
  </si>
  <si>
    <t>Silver chloride</t>
  </si>
  <si>
    <t>7783-90-6</t>
  </si>
  <si>
    <t>Silver (Ag)</t>
  </si>
  <si>
    <t>7440-22-4</t>
  </si>
  <si>
    <t xml:space="preserve">Silver adsorbed on silicon dioxide (as a nanomaterial in the form of a stable aggregate with primary particles in the nanoscale)
</t>
  </si>
  <si>
    <t>1167997-68-3</t>
  </si>
  <si>
    <t>Silver nitrate</t>
  </si>
  <si>
    <t>7761-88-8</t>
  </si>
  <si>
    <t>Silver phosphate glass</t>
  </si>
  <si>
    <t>308069-39-8</t>
  </si>
  <si>
    <t>Silver sodium hydrogen zirconium phosphate</t>
  </si>
  <si>
    <t>265647-11-8</t>
  </si>
  <si>
    <t>Silver sodium zirconium hydrogenphosphate</t>
  </si>
  <si>
    <t>155925-27-2</t>
  </si>
  <si>
    <t>Silver zinc zeolite; Aluminium sodium silicate-silver zinc complex</t>
  </si>
  <si>
    <t>130328-20-0</t>
  </si>
  <si>
    <t>Silver-zinc-aluminium-boronphosphate glass; Glass oxide, silver- and zinc-containing</t>
  </si>
  <si>
    <t>398477-47-9</t>
  </si>
  <si>
    <t>Sodium 2,4,6-trichlorophenolate</t>
  </si>
  <si>
    <t>3784-03-0</t>
  </si>
  <si>
    <t>Sodium 2-biphenylate; 2-phenylphenol, sodium salt</t>
  </si>
  <si>
    <t>132-27-4</t>
  </si>
  <si>
    <t>Sodium bromide</t>
  </si>
  <si>
    <t>7647-15-6</t>
  </si>
  <si>
    <t>Sodium dichromate anhydrous</t>
  </si>
  <si>
    <t>10588-01-9</t>
  </si>
  <si>
    <t>Sodium dichromate dihydrate</t>
  </si>
  <si>
    <t>7789-12-0</t>
  </si>
  <si>
    <t>Sodium dimethyldithiocarbamate</t>
  </si>
  <si>
    <t>128-04-1</t>
  </si>
  <si>
    <t>Sodium hydrogen 2,2-methylenebis[4-chlorophenolate]</t>
  </si>
  <si>
    <t>10187-52-7</t>
  </si>
  <si>
    <t>Sodium hydrogensulphite; Sodium bisulphite</t>
  </si>
  <si>
    <t>7631-90-5</t>
  </si>
  <si>
    <t>Sodium hydroxymethylamino acetate</t>
  </si>
  <si>
    <t>70161-44-3</t>
  </si>
  <si>
    <t>Sodium p-chloro-m-cresolate</t>
  </si>
  <si>
    <t>15733-22-9</t>
  </si>
  <si>
    <t>Sodium pentachlorophenolate; Pentachlorophenol, sodium salt</t>
  </si>
  <si>
    <t>131-52-2</t>
  </si>
  <si>
    <t>Sodium sulphite</t>
  </si>
  <si>
    <t>7757-83-7</t>
  </si>
  <si>
    <t>Symclosene; 1,3,5-Trichloro-1,3,5-triazinane-2,4,6-trione</t>
  </si>
  <si>
    <t>87-90-1</t>
  </si>
  <si>
    <t>TCMTB; (benzothiazol-2-ylthio)methyl thiocyanate</t>
  </si>
  <si>
    <t>21564-17-0</t>
  </si>
  <si>
    <t>Tebuconazole; 1-(4-chlorophenyl)-4,4-dimethyl-3-(1,2,4-triazol-1-ylmethyl)pentan-3-ol</t>
  </si>
  <si>
    <t>107534-96-3</t>
  </si>
  <si>
    <t>Terbutryn</t>
  </si>
  <si>
    <t>886-50-0</t>
  </si>
  <si>
    <t>Tetrahydro-1,3,4,6-tetrakis(hydroxymethyl)imidazo[4,5-d]imidazole-2,5(1H,3H)-dione</t>
  </si>
  <si>
    <t>5395-50-6</t>
  </si>
  <si>
    <t>Tetrakis(hydroxymethyl)phosphonium sulphate(2:1)</t>
  </si>
  <si>
    <t>55566-30-8</t>
  </si>
  <si>
    <t>Thiabendazole; Thiabendazol; 2-(Thiazole-4-yl)benzimidazole</t>
  </si>
  <si>
    <t>148-79-8</t>
  </si>
  <si>
    <t>Thiacloprid</t>
  </si>
  <si>
    <t>111988-49-9</t>
  </si>
  <si>
    <t>Thiamethoxam</t>
  </si>
  <si>
    <t>153719-23-4</t>
  </si>
  <si>
    <t>Thiram; Tetramethylthiuram disulphide</t>
  </si>
  <si>
    <t>137-26-8</t>
  </si>
  <si>
    <t>Tolnaftate</t>
  </si>
  <si>
    <t>2398-96-1</t>
  </si>
  <si>
    <t>Tolylfluanid; dichloro-N-[(dimethylamino)sulphonyl]fluoro-N-(p-tolyl)methanesulphenamide</t>
  </si>
  <si>
    <t>731-27-1</t>
  </si>
  <si>
    <t>D: Allowed use as biocide in product-type : 7
D: Allowed use as biocide in product-type : 8
Authorisation as biocide needed for product-type 9</t>
  </si>
  <si>
    <t>Tosylchloramide sodium</t>
  </si>
  <si>
    <t>127-65-1</t>
  </si>
  <si>
    <t>Triadimefon; 1-(4-chlorophenoxy)-3,3-dimethyl-1-(1,2,4-triazol-1-yl)butanone</t>
  </si>
  <si>
    <t>43121-43-3</t>
  </si>
  <si>
    <t>Tributyltetradecylphosphonium chloride</t>
  </si>
  <si>
    <t>81741-28-8</t>
  </si>
  <si>
    <t>Tributyltin naphthenate; Stannane, tributyl-, mono(naphthenoyloxy) derivs.</t>
  </si>
  <si>
    <t>85409-17-2</t>
  </si>
  <si>
    <t>Triclosan; 2,4,4-Trichloro-2-hydroxy diphenyl ether; 5-Chloro-2-(2,4-dichlorophenoxy)phenol</t>
  </si>
  <si>
    <t>3380-34-5</t>
  </si>
  <si>
    <t>Troclosene sodium; Sodium dichloroisocyanurate dihydrate</t>
  </si>
  <si>
    <t>2893-78-9</t>
  </si>
  <si>
    <t>51580-86-0</t>
  </si>
  <si>
    <t xml:space="preserve">Zeta-cypermethrin </t>
  </si>
  <si>
    <t>52315-07-8</t>
  </si>
  <si>
    <t>Zinc oxide; C.I. 77947</t>
  </si>
  <si>
    <t>1314-13-2</t>
  </si>
  <si>
    <t>Zinc sulphide</t>
  </si>
  <si>
    <t>1314-98-3</t>
  </si>
  <si>
    <t>Ziram</t>
  </si>
  <si>
    <t>137-30-4</t>
  </si>
  <si>
    <t>Bis(chloromethyl) ether (BCME)</t>
  </si>
  <si>
    <t>542-88-1</t>
  </si>
  <si>
    <t>Surface treatment of vulcanized rubber to increase adhesion, and in the manufacture of flame-retardant fabrics (ATSDR 1989).</t>
  </si>
  <si>
    <t>Boric acid/Orthoboric acid</t>
  </si>
  <si>
    <t>Reg. (EC) No 1907/2006 (REACH Candidate List)
Reg. (EU) No 528/2012</t>
  </si>
  <si>
    <t xml:space="preserve">Panels, Absorbers </t>
  </si>
  <si>
    <t xml:space="preserve">Butadiene, 1,3 - </t>
  </si>
  <si>
    <t>106-99-0</t>
  </si>
  <si>
    <t>Manufacturing of synthetic rubber for tyres, as homopolymerisate (BR), as copolymerisate with Styrene (SBR) or Acrylonitrile (NR), starting product of Sulfolane, Chloroprene, Hexadiamine, softeners, Tetrahydrophthalic acid anhydride, residual monomer in ABS</t>
  </si>
  <si>
    <t>Cadmium and its compounds, all members</t>
  </si>
  <si>
    <t>Dir. 2000/53/EC
Reg. (EC) No 1272/2008
Reg. (EC) No 552/2009                 
Reg. (EC) No 1907/2006 (REACH)
GB/T 30512 (ELV China)</t>
  </si>
  <si>
    <t>Surface protection of metals, stabilizers in polymers, pigments, in paints and plastics, electronics</t>
  </si>
  <si>
    <t>0.01% for impurities, any intentionally added content must be reported</t>
  </si>
  <si>
    <t>Antimony, compound with cadmium (2:3)</t>
  </si>
  <si>
    <t>12014-29-8</t>
  </si>
  <si>
    <t>Boric acid, cadmium salt</t>
  </si>
  <si>
    <t>51222-60-7</t>
  </si>
  <si>
    <t xml:space="preserve">C.I. Pigment Orange 20 (Cadmium sulfoselenide orange ) </t>
  </si>
  <si>
    <t>12656-57-4</t>
  </si>
  <si>
    <t>C.I. Pigment Red 108 Cadmium sulfoselenide red</t>
  </si>
  <si>
    <t>58339-34-7</t>
  </si>
  <si>
    <t>Cadmate(2-), tetrakis(cyano-C)-, dipotassium, (T-4)-</t>
  </si>
  <si>
    <t>14402-75-6</t>
  </si>
  <si>
    <t>Cadmium acetate</t>
  </si>
  <si>
    <t>543-90-8</t>
  </si>
  <si>
    <t>Cadmium acrylate</t>
  </si>
  <si>
    <t>15743-19-8</t>
  </si>
  <si>
    <t>Cadmium bis(2-ethylhexanoate)</t>
  </si>
  <si>
    <t>2420-98-6</t>
  </si>
  <si>
    <t>Cadmium bromide</t>
  </si>
  <si>
    <t>7789-42-6</t>
  </si>
  <si>
    <t>Cadmium bromide, tetrahydrate</t>
  </si>
  <si>
    <t>13464-92-1</t>
  </si>
  <si>
    <t>Cadmium carbonate</t>
  </si>
  <si>
    <t>513-78-0</t>
  </si>
  <si>
    <t>Cadmium chloride phosphate (Cd5Cl(PO4)3)</t>
  </si>
  <si>
    <t>12185-64-7</t>
  </si>
  <si>
    <t>Cadmium chloride phosphate (Cd5Cl(PO4)3), manganese-doped</t>
  </si>
  <si>
    <t>100402-53-7</t>
  </si>
  <si>
    <t>Cadmium chloride, hydrate (2:5)</t>
  </si>
  <si>
    <t>7790-78-5</t>
  </si>
  <si>
    <t>Cadmium chromate</t>
  </si>
  <si>
    <t>14312-00-6</t>
  </si>
  <si>
    <t>Cadmium cyanide (Cd(CN)2)</t>
  </si>
  <si>
    <t>542-83-6</t>
  </si>
  <si>
    <t>Cadmium diicosanoate</t>
  </si>
  <si>
    <t>14923-81-0</t>
  </si>
  <si>
    <t>Cadmium dinitrite</t>
  </si>
  <si>
    <t>7790-83-2</t>
  </si>
  <si>
    <t>Cadmium diricinoleate</t>
  </si>
  <si>
    <t>13832-25-2</t>
  </si>
  <si>
    <t>Cadmium fluoborate</t>
  </si>
  <si>
    <t>14486-19-2</t>
  </si>
  <si>
    <t>Cadmium fluoride (CdF2)</t>
  </si>
  <si>
    <t xml:space="preserve">Reg. (EC) No 1907/2006 (REACH Candidate List) </t>
  </si>
  <si>
    <t>Cadmium hexafluorosilicate(2-)</t>
  </si>
  <si>
    <t>17010-21-8</t>
  </si>
  <si>
    <t>Cadmium hydrogen phosphate</t>
  </si>
  <si>
    <t>14067-62-0</t>
  </si>
  <si>
    <t>Cadmium hydroxide (Cd(OH)2)</t>
  </si>
  <si>
    <t>21041-95-2</t>
  </si>
  <si>
    <t>Cadmium iodate</t>
  </si>
  <si>
    <t>7790-81-0</t>
  </si>
  <si>
    <t>Cadmium iodide</t>
  </si>
  <si>
    <t>7790-80-9</t>
  </si>
  <si>
    <t>Cadmium Litophone Yellow</t>
  </si>
  <si>
    <t>90604-90-3</t>
  </si>
  <si>
    <t>Cadmium Mercury Sulfide</t>
  </si>
  <si>
    <t>1345-09-1</t>
  </si>
  <si>
    <t>Cadmium mercury telluride ((Cd,Hg)Te)</t>
  </si>
  <si>
    <t>29870-72-2</t>
  </si>
  <si>
    <t>Cadmium molybdenum oxide (CdMoO4)</t>
  </si>
  <si>
    <t>13972-68-4</t>
  </si>
  <si>
    <t>Cadmium niobium oxide (Cd2Nb2O7)</t>
  </si>
  <si>
    <t>12187-14-3</t>
  </si>
  <si>
    <t>Cadmium nitrate 
(Nitric acid cadmium salt tetrahydrate (Cd・2NO3・4H2O))</t>
  </si>
  <si>
    <t>10022-68-1</t>
  </si>
  <si>
    <t>Cadmium nitrate
(Nitric acid cadmium salt (2:1) (Cd・2NO3))</t>
  </si>
  <si>
    <t>10325-94-7</t>
  </si>
  <si>
    <t>Cadmium oxide (CdO), solid solution with calcium oxide and titanium oxide (TiO2), praseodymium-doped</t>
  </si>
  <si>
    <t>101356-99-4</t>
  </si>
  <si>
    <t>Cadmium oxide (CdO), solid solution with magnesium oxide, tungsten oxide (WO3) and zinc oxide</t>
  </si>
  <si>
    <t>102110-30-5</t>
  </si>
  <si>
    <t>Cadmium peroxide (Cd(O2))</t>
  </si>
  <si>
    <t>12139-22-9</t>
  </si>
  <si>
    <t>Cadmium phosphide (Cd3P2)</t>
  </si>
  <si>
    <t>12014-28-7</t>
  </si>
  <si>
    <t>Cadmium propionate</t>
  </si>
  <si>
    <t>16986-83-7</t>
  </si>
  <si>
    <t>Cadmium selenide (CdSe)</t>
  </si>
  <si>
    <t>1306-24-7</t>
  </si>
  <si>
    <t>Cadmium selenide (CdSe), solid solution with cadmium sulfide, zinc selenide and zinc sulfide, aluminum and copper-doped</t>
  </si>
  <si>
    <t>101357-00-0</t>
  </si>
  <si>
    <t>Cadmium selenide (CdSe), solid solution with cadmium sulfide, zinc selenide and zinc sulfide, copper and manganese-doped</t>
  </si>
  <si>
    <t>101357-01-1</t>
  </si>
  <si>
    <t>Cadmium selenide (CdSe), solid solution with cadmium sulfide, zinc selenide and zinc sulfide, europium-doped</t>
  </si>
  <si>
    <t>101357-02-2</t>
  </si>
  <si>
    <t>Cadmium selenide (CdSe), solid solution with cadmium sulfide, zinc selenide and zinc sulfide, gold and manganese-doped</t>
  </si>
  <si>
    <t>101357-03-3</t>
  </si>
  <si>
    <t>Cadmium selenide (CdSe), solid solution with cadmium sulfide, zinc selenide and zinc sulfide, manganese and silver-doped</t>
  </si>
  <si>
    <t>101357-04-4</t>
  </si>
  <si>
    <t>Cadmium selenide sulfide (Cd(Se,S))</t>
  </si>
  <si>
    <t>12626-36-7</t>
  </si>
  <si>
    <t>Cadmium selenide sulfide (Cd2SeS)</t>
  </si>
  <si>
    <t>12214-12-9</t>
  </si>
  <si>
    <t>Cadmium selenide sulfide (CdSe0.53S0.47)</t>
  </si>
  <si>
    <t>71243-75-9</t>
  </si>
  <si>
    <t>Cadmium selenide sulfide, (Cd2SeS)</t>
  </si>
  <si>
    <t>12213-70-6</t>
  </si>
  <si>
    <t>Cadmium selenide sulphide</t>
  </si>
  <si>
    <t>11112-63-3</t>
  </si>
  <si>
    <t>Cadmium stearate</t>
  </si>
  <si>
    <t>2223-93-0</t>
  </si>
  <si>
    <t>Cadmium succinate</t>
  </si>
  <si>
    <t>141-00-4</t>
  </si>
  <si>
    <t>Cadmium sulfate</t>
  </si>
  <si>
    <t>10124-36-4</t>
  </si>
  <si>
    <t>Cadmium sulfate, hydrate</t>
  </si>
  <si>
    <t>7790-84-3</t>
  </si>
  <si>
    <t>Cadmium sulfide</t>
  </si>
  <si>
    <t>Cadmium sulphite</t>
  </si>
  <si>
    <t>13477-23-1</t>
  </si>
  <si>
    <t>Cadmium tantalum oxide (CdTa2O6)</t>
  </si>
  <si>
    <t>12292-07-8</t>
  </si>
  <si>
    <t>Cadmium telluride (CdTe)</t>
  </si>
  <si>
    <t>1306-25-8</t>
  </si>
  <si>
    <t>Cadmium titanium oxide (CdTiO3)</t>
  </si>
  <si>
    <t>12014-14-1</t>
  </si>
  <si>
    <t>Cadmium tungsten oxide (CdWO4)</t>
  </si>
  <si>
    <t>7790-85-4</t>
  </si>
  <si>
    <t>Cadmium vanadium oxide (CdV2O6)</t>
  </si>
  <si>
    <t>16056-72-7</t>
  </si>
  <si>
    <t>Cadmium Zinc litophone Yellow</t>
  </si>
  <si>
    <t>90604-89-0</t>
  </si>
  <si>
    <t>Cadmium zinc sulfide</t>
  </si>
  <si>
    <t>11129-14-9</t>
  </si>
  <si>
    <t>Cadmium zinc sulfide ((Cd,Zn)S)</t>
  </si>
  <si>
    <t>12442-27-2</t>
  </si>
  <si>
    <t>Cadmium Zink Sulfide Yellow</t>
  </si>
  <si>
    <t>8048-07-5</t>
  </si>
  <si>
    <t>Cadmium zirconium oxide (CdZrO3)</t>
  </si>
  <si>
    <t>12139-23-0</t>
  </si>
  <si>
    <t>cadmium(+2) cation diformate</t>
  </si>
  <si>
    <t>4464-23-7</t>
  </si>
  <si>
    <t>Cadmium-barium laurate</t>
  </si>
  <si>
    <t>15337-60-7</t>
  </si>
  <si>
    <t>Cadmiumbis(diethyldithiocarbamat)</t>
  </si>
  <si>
    <t>14239-68-0</t>
  </si>
  <si>
    <t>Carbonic acid, cadmium salt</t>
  </si>
  <si>
    <t>93820-02-1</t>
  </si>
  <si>
    <t>Diboron tricadmium hexaoxide</t>
  </si>
  <si>
    <t>13701-66-1</t>
  </si>
  <si>
    <t>Dicadmium hexakis(cyano-C)ferrate(4-)</t>
  </si>
  <si>
    <t>13755-33-4</t>
  </si>
  <si>
    <t>Diphosphoric acid, barium cadmium salt</t>
  </si>
  <si>
    <t>37131-86-5</t>
  </si>
  <si>
    <t>Diphosphoric acid, cadmium salt</t>
  </si>
  <si>
    <t>19262-93-2</t>
  </si>
  <si>
    <t>Diphosphoric acid, cadmium salt (1:2)</t>
  </si>
  <si>
    <t>15600-62-1</t>
  </si>
  <si>
    <t>Dipotassium tetrachlorocadmate(2-)</t>
  </si>
  <si>
    <t>20648-91-3</t>
  </si>
  <si>
    <t>Nonanoic acid, branched, cadmium salt</t>
  </si>
  <si>
    <t>93686-40-9</t>
  </si>
  <si>
    <t>Phosphoric acid, ammonium cadmium salt (1:1:1)</t>
  </si>
  <si>
    <t>14520-70-8</t>
  </si>
  <si>
    <t>Phosphoric acid, cadmium salt</t>
  </si>
  <si>
    <t>13847-17-1</t>
  </si>
  <si>
    <t>Phosphoric acid, cadmium salt (2:3)</t>
  </si>
  <si>
    <t>13477-17-3</t>
  </si>
  <si>
    <t>Selenic acid, cadmium salt (1:1)</t>
  </si>
  <si>
    <t>13814-62-5</t>
  </si>
  <si>
    <t>Selenious acid, cadmium salt (1:1)</t>
  </si>
  <si>
    <t>13814-59-0</t>
  </si>
  <si>
    <t>Silicic acid (H2SiO3), cadmium salt (1:1)</t>
  </si>
  <si>
    <t>13477-19-5</t>
  </si>
  <si>
    <t>Sulfamic acid, cadmium salt (2:1)</t>
  </si>
  <si>
    <t>14017-36-8</t>
  </si>
  <si>
    <t>Telluric acid (H2TeO3), cadmium salt (1:1)</t>
  </si>
  <si>
    <t>15851-44-2</t>
  </si>
  <si>
    <t>Telluric acid (H2TeO4), cadmium salt (1:1)</t>
  </si>
  <si>
    <t>15852-14-9</t>
  </si>
  <si>
    <t>Tetradecanoic acid, cadmium salt</t>
  </si>
  <si>
    <t>10196-67-5</t>
  </si>
  <si>
    <t>Chlorinated hydrocarbons, selected</t>
  </si>
  <si>
    <t xml:space="preserve"> </t>
  </si>
  <si>
    <t>Multiple (see below).  
Several chlorinated hydrocarbons listed are not explicitly prohibited in applications associated with manufactured articles, however, within the EU there is a general regulatory presumption toward substitution for industrial uses.</t>
  </si>
  <si>
    <t>Solvent and other dispersive applications.  Also includes manufacturing process uses resulting in impurities associated with leather, foams, paints, rubbers, and adhesives applications.</t>
  </si>
  <si>
    <t>1,1,1-Trichloroethane
(Ethane, 1,1,1-trichloro- )</t>
  </si>
  <si>
    <t>71-55-6</t>
  </si>
  <si>
    <t>Reg. (EC) No 1005/2009; Montreal Protocol; US EPA Class 1 ODS</t>
  </si>
  <si>
    <t>1,1,1,2 Tetrachloroethane</t>
  </si>
  <si>
    <t>630-20-6</t>
  </si>
  <si>
    <t>1,1,2 Trichloroethane</t>
  </si>
  <si>
    <t>79-00-5</t>
  </si>
  <si>
    <t xml:space="preserve">Dichloromethane </t>
  </si>
  <si>
    <t>75-09-2</t>
  </si>
  <si>
    <t xml:space="preserve">Reg. (EC) No 1272/2008 (Carc.Cat.3)   </t>
  </si>
  <si>
    <t xml:space="preserve">Trichloroethylene </t>
  </si>
  <si>
    <t>79-01-6</t>
  </si>
  <si>
    <t>Chlorinated or brominated Dibenzo-p-dioxins or Dibenzofurans, all members</t>
  </si>
  <si>
    <t>Reg. (EC) 850/2004</t>
  </si>
  <si>
    <t>Impurities in products</t>
  </si>
  <si>
    <t>Content above 10 ppb</t>
  </si>
  <si>
    <t>1,2,3,4,6,7,8-Heptachlorodibenzofuran</t>
  </si>
  <si>
    <t>67562-39-4</t>
  </si>
  <si>
    <t>1,2,3,4,6,7,8-Heptachlorodibenzo-p-dioxin</t>
  </si>
  <si>
    <t>35822-46-9</t>
  </si>
  <si>
    <t>55673-89-7</t>
  </si>
  <si>
    <t>1,2,3,4,7,8-Hexachloro dibenzofuran</t>
  </si>
  <si>
    <t>70648-26-9</t>
  </si>
  <si>
    <t>1,2,3,4,7,8-Hexachlorodibenzo-p-dioxin</t>
  </si>
  <si>
    <t>39227-28-6</t>
  </si>
  <si>
    <t>1,2,3,6,7,8-Hexachloro dibenzofuran</t>
  </si>
  <si>
    <t>57117-44-9</t>
  </si>
  <si>
    <t>1,2,3,6,7,8-Hexachlorodibenzo-p-dioxin</t>
  </si>
  <si>
    <t>57653-85-7</t>
  </si>
  <si>
    <t>1,2,3,7,8,9-Hexachloro dibenzofuran</t>
  </si>
  <si>
    <t>72918-21-9</t>
  </si>
  <si>
    <t>1,2,3,7,8,9-Hexachlorodibenzo-p-dioxin</t>
  </si>
  <si>
    <t>19408-74-3</t>
  </si>
  <si>
    <t>1,2,3,7,8-Pentachloro dibenzofuran</t>
  </si>
  <si>
    <t>57117-41-6</t>
  </si>
  <si>
    <t>1,2,3,7,8-Pentachlorodibenzo-p-dioxin</t>
  </si>
  <si>
    <t>40321-76-4</t>
  </si>
  <si>
    <t>2,3,4,6,7,8-Hexachloro dibenzofurans</t>
  </si>
  <si>
    <t>60851-34-5</t>
  </si>
  <si>
    <t>2,3,4,7,8-Pentachloro dibenzofurans</t>
  </si>
  <si>
    <t>57117-31-4</t>
  </si>
  <si>
    <t>2,3,7,8-Tetrachloro dibenzofurans</t>
  </si>
  <si>
    <t>51207-31-9</t>
  </si>
  <si>
    <t>2,3,7,8-Tetrachlorodibenzo-p-dioxin (TCDD)</t>
  </si>
  <si>
    <t>1746-01-6</t>
  </si>
  <si>
    <t>2,7-Dichlorodibenzo-p-dioxin</t>
  </si>
  <si>
    <t>33857-26-0</t>
  </si>
  <si>
    <t>Hexachlorodibenzodioxin</t>
  </si>
  <si>
    <t>34465-46-8</t>
  </si>
  <si>
    <t>Octachlorodibenzofuran</t>
  </si>
  <si>
    <t>39001-02-0</t>
  </si>
  <si>
    <t>Octachlorodibenzo-p-dioxin</t>
  </si>
  <si>
    <t>3268-87-9</t>
  </si>
  <si>
    <t>Chlorinated paraffins, short &amp; medium chain length (SCCP, MCCP), all members:
Note that the use of specific CAS numbers for these substances differs throughout the world.  Example CAS numbers are provided below; however, other CAS numbers may be used that are not specific to chain length.  Therefore, please consult your MSDS and supplier to determine product-specific chain length.</t>
  </si>
  <si>
    <t>Flame retarding substances</t>
  </si>
  <si>
    <t xml:space="preserve">   Short chain (SCCP), by definition:
      Chloroparaffins, unbranched, CxH(2x-y+2)Cly, where
      x = 10-13 and y = 1-13</t>
  </si>
  <si>
    <t>(EC) No 552/2009 prohibits applications as "metalworking" and "fat
liquoring of leather". Netherlands 2004/1/EC prohibits use as plasticisers in paints, coatings or sealants and as
flame-retardant in rubber, plastics or textiles.</t>
  </si>
  <si>
    <t>Flame retardants in rubbers and textiles, paints and coatings, etc., extreme pressure additives in metal working fluids.</t>
  </si>
  <si>
    <t>71011-12-6</t>
  </si>
  <si>
    <t xml:space="preserve">   Medium chain (MCCP), by definition:
      Chloroparaffins, unbranched, CxH(2x-y+2)Cly, where 
      x = 14-17 and y = 1-17</t>
  </si>
  <si>
    <t>85535-85-9</t>
  </si>
  <si>
    <t>Secondary plasticisers in polyvinyl chloride (PVC), extreme pressure additives in metal working fluids, plasticisers in paints, additives to adhesives and sealants, in fat liquors used in leather processing, flame retardant plasticisers in rubbers and oth</t>
  </si>
  <si>
    <t xml:space="preserve">   OTHER: may or may not be short or medium chain.</t>
  </si>
  <si>
    <t>84082-38-2</t>
  </si>
  <si>
    <t xml:space="preserve">All uses are "D" unless a C10 to C13 substance is present.  Check with suppllier to assure that no P substances (C10 to C13, see SCCP above) are included.  If they are present the substance is classified P! </t>
  </si>
  <si>
    <t>Alkanes, chloro; chloroparaffins</t>
  </si>
  <si>
    <t>61788-76-9</t>
  </si>
  <si>
    <t xml:space="preserve">Canadian Prohibition of Certain Toxic Substances Regulations, 2012 amended to prohibit the use, manufacture, import, sale and offer for sale any SCCP effective January 1, 2013.  </t>
  </si>
  <si>
    <t>Paraffin waxes and Hydrocarbon waxes, chloro</t>
  </si>
  <si>
    <t>51990-12-6</t>
  </si>
  <si>
    <t>UK DEFRA</t>
  </si>
  <si>
    <t>Paraffin waxes, chloro</t>
  </si>
  <si>
    <t>63449-39-8</t>
  </si>
  <si>
    <t>68920-70-7</t>
  </si>
  <si>
    <t>Alkane, C10-14-, Chloro-</t>
  </si>
  <si>
    <t>85681-73-8</t>
  </si>
  <si>
    <t>Alkane, C12-14-, Chloro-</t>
  </si>
  <si>
    <t>85536-22-7</t>
  </si>
  <si>
    <t>Alkane, C16-27-, Chloro-</t>
  </si>
  <si>
    <t>84776-07-8</t>
  </si>
  <si>
    <t>Alkane, C16-35-, Chloro-</t>
  </si>
  <si>
    <t>85049-26-9</t>
  </si>
  <si>
    <t>Alkene, C12-24-, Chloro-</t>
  </si>
  <si>
    <t>68527-02-6</t>
  </si>
  <si>
    <t>5-Chlorobenzotriazole, 2-(2-Hydroxy-3-tert-butyl-5-methylphenyl)-   (UV-326)</t>
  </si>
  <si>
    <t>3896-11-5</t>
  </si>
  <si>
    <t>Application: air bag, battery, fuel pipe, door seal, fabric, roof hatch</t>
  </si>
  <si>
    <t>Chromium(VI)-salts, all members</t>
  </si>
  <si>
    <t>Reg. (EC) No 1272/2008, Reg.(EU) No 301/2014
Dir. 2000/53/EC                            
Reg. (EC) No 1907/2006 (REACH)
GB/T 30512 (ELV China)</t>
  </si>
  <si>
    <t>Chromium pigments, chromated surfaces e.g. "Chromium Yellow", corrosion inhibitors, residues from dying and leather tanning.</t>
  </si>
  <si>
    <t>0.1% for impurities, any intentionally added content must be reported, 3mg/kg of chromium VI content in the total dry weight of the leather</t>
  </si>
  <si>
    <t>Ammonium bichromate</t>
  </si>
  <si>
    <t>7789-09-5</t>
  </si>
  <si>
    <t>Ammonium chromate</t>
  </si>
  <si>
    <t>7788-98-9</t>
  </si>
  <si>
    <t>Barium chromate</t>
  </si>
  <si>
    <t>10294-40-3</t>
  </si>
  <si>
    <t>C.I. Pigment Orange 21</t>
  </si>
  <si>
    <t>1344-38-3</t>
  </si>
  <si>
    <t>Reg. (EC) No 1907/2006 (REACH Annex XVII)</t>
  </si>
  <si>
    <t>Calcium chromate</t>
  </si>
  <si>
    <t>13765-19-0</t>
  </si>
  <si>
    <t>Chromic acid, calcium salt, (Calcium dichromate)</t>
  </si>
  <si>
    <t>14307-33-6</t>
  </si>
  <si>
    <t>Cesium chromate</t>
  </si>
  <si>
    <t>13454-78-9</t>
  </si>
  <si>
    <t>Chromate(1-), chlorotrioxo-, potassium, (T-4)-</t>
  </si>
  <si>
    <t>16037-50-6</t>
  </si>
  <si>
    <t>Chromic acid</t>
  </si>
  <si>
    <t>7738-94-5</t>
  </si>
  <si>
    <t>Chromic acid (H2Cr2O7)</t>
  </si>
  <si>
    <t>13530-68-2</t>
  </si>
  <si>
    <t>Chromic acid (H2Cr2O7), nickel(2+) salt (1:1)</t>
  </si>
  <si>
    <t>15586-38-6</t>
  </si>
  <si>
    <t>Chromic acid (H2CrO4), lanthanum(3+) salt (3:2)</t>
  </si>
  <si>
    <t>16565-94-9</t>
  </si>
  <si>
    <t>Chromic acid (H2CrO4), magnesium salt (1:1)</t>
  </si>
  <si>
    <t>13423-61-5</t>
  </si>
  <si>
    <t>Chromic acid, ammonium salt</t>
  </si>
  <si>
    <t>14445-91-1</t>
  </si>
  <si>
    <t>Chromic acid, barium potassium salt</t>
  </si>
  <si>
    <t>27133-66-0</t>
  </si>
  <si>
    <t>Chromic acid, potassium zinc salt</t>
  </si>
  <si>
    <t>41189-36-0</t>
  </si>
  <si>
    <t>Chromium (VI)</t>
  </si>
  <si>
    <t>18540-29-9</t>
  </si>
  <si>
    <t>Chromium (VI) chloride</t>
  </si>
  <si>
    <t>14986-48-2</t>
  </si>
  <si>
    <t>Chromium lead oxide</t>
  </si>
  <si>
    <t>11119-70-3</t>
  </si>
  <si>
    <t>Chromium hydroxide oxide silicate</t>
  </si>
  <si>
    <t>68475-49-0</t>
  </si>
  <si>
    <t>Chromium trioxide (CrO3)</t>
  </si>
  <si>
    <t>Chromyl chloride</t>
  </si>
  <si>
    <t>14977-61-8</t>
  </si>
  <si>
    <t>Cobalt chromate 
(Chromic acid (H2CrO4), cobalt(2+) salt (1:1))</t>
  </si>
  <si>
    <t>13455-25-9</t>
  </si>
  <si>
    <t>Copper chromate</t>
  </si>
  <si>
    <t>13548-42-0</t>
  </si>
  <si>
    <t>Copper dichromate</t>
  </si>
  <si>
    <t>13675-47-3</t>
  </si>
  <si>
    <t>Dilead chromate dihydroxide</t>
  </si>
  <si>
    <t>12017-86-6</t>
  </si>
  <si>
    <t>Dithallium dichromate</t>
  </si>
  <si>
    <t>13453-35-5</t>
  </si>
  <si>
    <t>Lead chromate oxide</t>
  </si>
  <si>
    <t>18454-12-1</t>
  </si>
  <si>
    <t>Lead chromate silicate</t>
  </si>
  <si>
    <t>11113-70-5</t>
  </si>
  <si>
    <t>Lead chromate silicate (Pb3(CrO4)(SiO4))</t>
  </si>
  <si>
    <t>69011-07-0</t>
  </si>
  <si>
    <t>Lead chromate sulfate (Pb9(CrO4)5(SO4)4)</t>
  </si>
  <si>
    <t>51899-02-6</t>
  </si>
  <si>
    <t>Lead sulfochromate yellow(C.I. Pigment Yellow 34)</t>
  </si>
  <si>
    <t>Lithium chromate</t>
  </si>
  <si>
    <t>14307-35-8</t>
  </si>
  <si>
    <t>Magnesium dichromate</t>
  </si>
  <si>
    <t>14104-85-9</t>
  </si>
  <si>
    <t>Mercury dichromate</t>
  </si>
  <si>
    <t>7789-10-8</t>
  </si>
  <si>
    <t>Mercury (I) chromate</t>
  </si>
  <si>
    <t>13465-34-4</t>
  </si>
  <si>
    <t>Mercury (II) chromate</t>
  </si>
  <si>
    <t>13444-75-2</t>
  </si>
  <si>
    <t>Molybdate orange (Lead chromate pigment)</t>
  </si>
  <si>
    <t>Nickel chromate</t>
  </si>
  <si>
    <t>14721-18-7</t>
  </si>
  <si>
    <t>Nitric acid, barium salt, reaction products with ammonia, chromic acid (H2CrO4) diammonium salt and copper(2+) dinitrate, calcined</t>
  </si>
  <si>
    <t>99328-50-4</t>
  </si>
  <si>
    <t>Nitric acid, copper(2+) salt, reaction products with ammonia, chromic acid (H2CrO4) diammonium salt and manganese(2+) dinitrate, kilned</t>
  </si>
  <si>
    <t>100402-65-1</t>
  </si>
  <si>
    <t>Silver chromate</t>
  </si>
  <si>
    <t>7784-01-2</t>
  </si>
  <si>
    <t>dichromium tris(chromate)</t>
  </si>
  <si>
    <t>7775-11-3</t>
  </si>
  <si>
    <t>7789-06-2</t>
  </si>
  <si>
    <t>Thallium (I) chromate</t>
  </si>
  <si>
    <t>13473-75-1</t>
  </si>
  <si>
    <t>Zinc chromate</t>
  </si>
  <si>
    <t>1328-67-2</t>
  </si>
  <si>
    <t>13530-65-9</t>
  </si>
  <si>
    <t>Zinc chromate hydroxide</t>
  </si>
  <si>
    <t>15930-94-6</t>
  </si>
  <si>
    <t>Zinc dichromate</t>
  </si>
  <si>
    <t>14018-95-2</t>
  </si>
  <si>
    <t>Zinc potassium chromate</t>
  </si>
  <si>
    <t>Zinc yellow (Zinc chromate pigment)</t>
  </si>
  <si>
    <t>37300-23-5</t>
  </si>
  <si>
    <t>dihydroxy-dioxo-chromium</t>
  </si>
  <si>
    <t>11115-74-5</t>
  </si>
  <si>
    <t>potassium; dioxido-dioxo-chromium</t>
  </si>
  <si>
    <t>12433-50-0</t>
  </si>
  <si>
    <t>Cobalt and its compounds, all members</t>
  </si>
  <si>
    <t>FI/FA/LR</t>
  </si>
  <si>
    <t>Reg. (EC) No 1272/2008               
Reg. (EC) No 1907/2006 (REACH)</t>
  </si>
  <si>
    <t>Hard metals, galvanic Zn-Co-plating, element in metals</t>
  </si>
  <si>
    <t>Sulfuric acid, cobalt(2+) salt (1:1)-</t>
  </si>
  <si>
    <t>Report any known concentration</t>
  </si>
  <si>
    <t xml:space="preserve"> Sodium [4-[[6-[(4-amino-6-chloro-1,3,5-triazin-2-yl)amino]-1-hydroxy-3-sulpho-2-naphthyl]azo]-3-hydroxy-7-nitronaphthalene-1-sulphonato(4-)]cobaltate(1-)</t>
  </si>
  <si>
    <t>100231-59-2</t>
  </si>
  <si>
    <t>(Ethylenediamine-N)(1-imino-1H-isoindol-3-aminato-N2)[29H,31H-phthalocyaninato-N29,N30,N31,N32]cobalt</t>
  </si>
  <si>
    <t>83898-69-5</t>
  </si>
  <si>
    <t>[.mu.-[Carbonato(2-)-O:O']]dihydroxydicobalt</t>
  </si>
  <si>
    <t>12069-68-0</t>
  </si>
  <si>
    <t>[5,10,15,20-Tetraphenyl-21H,23H-porphinato(2-)-N21,N22,N23,N24]cobalt</t>
  </si>
  <si>
    <t>14172-90-8</t>
  </si>
  <si>
    <t>1,2,4-Benzenetricarboxylic acid, cobalt(2+) salt (1:1)</t>
  </si>
  <si>
    <t>67801-57-4</t>
  </si>
  <si>
    <t>1,4-Benzenedicarboxylic acid, cobalt salt</t>
  </si>
  <si>
    <t>34262-88-9</t>
  </si>
  <si>
    <t>1,4-Benzenedicarboxylic acid, monomethyl ester, cobalt(2+) salt</t>
  </si>
  <si>
    <t>51084-32-3</t>
  </si>
  <si>
    <t>2(3H)-Benzothiazolethione, cobalt(2+) salt</t>
  </si>
  <si>
    <t>29904-98-1</t>
  </si>
  <si>
    <t>2-Propenoic acid, 2-methyl-, cobalt(2+) salt</t>
  </si>
  <si>
    <t>67952-53-8</t>
  </si>
  <si>
    <t>2-Propenoic acid, cobalt(2+) salt</t>
  </si>
  <si>
    <t>58197-53-8</t>
  </si>
  <si>
    <t>9,12-Octadecadienoic acid (Z,Z)-, cobalt salt</t>
  </si>
  <si>
    <t>14666-96-7</t>
  </si>
  <si>
    <t>9-Octadecenoic acid (Z)-, cobalt salt</t>
  </si>
  <si>
    <t>14666-94-5</t>
  </si>
  <si>
    <t>Acetic acid, bromo-, cobalt(2+) salt</t>
  </si>
  <si>
    <t>54846-43-4</t>
  </si>
  <si>
    <t>Acetic acid, cobalt(2+) salt, tetrahydrate</t>
  </si>
  <si>
    <t>6147-53-1</t>
  </si>
  <si>
    <t>Acetic acid, cobalt(3+) salt</t>
  </si>
  <si>
    <t>917-69-1</t>
  </si>
  <si>
    <t>Adipic acid, cobalt salt</t>
  </si>
  <si>
    <t>54437-56-8</t>
  </si>
  <si>
    <t>Aluminum boron cobalt lithium nickel oxide</t>
  </si>
  <si>
    <t>207803-51-8</t>
  </si>
  <si>
    <t>Aluminum cobalt lithium nickel oxide</t>
  </si>
  <si>
    <t>193214-24-3</t>
  </si>
  <si>
    <t>Aluminum cobalt oxide</t>
  </si>
  <si>
    <t>12672-27-4</t>
  </si>
  <si>
    <t>Aluminum cobalt oxide (Al2CoO4)</t>
  </si>
  <si>
    <t>1333-88-6</t>
  </si>
  <si>
    <t>Ammonium bis[4-hydroxy-3-[(5-hydroxynaphth[2,1-d]-1,3-oxathiol-4-yl)azo]-N-methylbenzenesulphonamide S,S-dioxidato(2-)]cobaltate(1-)</t>
  </si>
  <si>
    <t>83847-05-6</t>
  </si>
  <si>
    <t>Ammonium cobalt orthophosphate</t>
  </si>
  <si>
    <t>36835-61-7</t>
  </si>
  <si>
    <t>Antimony, compound with cobalt (1:1)</t>
  </si>
  <si>
    <t>12052-42-5</t>
  </si>
  <si>
    <t>Benzoic acid, 4-amino-, cobalt(2+) salt (2:1)</t>
  </si>
  <si>
    <t>68123-03-5</t>
  </si>
  <si>
    <t>Benzoic acid, methyl-, cobalt salt</t>
  </si>
  <si>
    <t>42978-77-8</t>
  </si>
  <si>
    <t>Bis(1,3-diphenylpropane-1,3-dionato-O,O')cobalt</t>
  </si>
  <si>
    <t>14405-50-6</t>
  </si>
  <si>
    <t>Bis(1-phenylbutane-1,3-dionato-O,O')cobalt</t>
  </si>
  <si>
    <t>14128-95-1</t>
  </si>
  <si>
    <t>Bis(6-methylheptane-2,4-dionato-O,O')cobalt</t>
  </si>
  <si>
    <t>79215-59-1</t>
  </si>
  <si>
    <t>Bis(D-gluconato-O1,O2)cobalt</t>
  </si>
  <si>
    <t>71957-08-9</t>
  </si>
  <si>
    <t>Bis(dibutyldithiocarbamato-S,S')cobalt</t>
  </si>
  <si>
    <t>14591-57-2</t>
  </si>
  <si>
    <t>Bis(diethyldithiocarbamato-S,S')cobalt</t>
  </si>
  <si>
    <t>15974-34-2</t>
  </si>
  <si>
    <t>Bis(N,N-dimethylpropane-1,3-diamine-N')[2,3,9,10,16,17,23,24-octahydro-29H,31H-tetrakis[1,4]dithiino[2,3-b:2',3'-g:2'',3''-l:2''',3'''-q]porphyrazinato(2-)-N29,N30,N31,N32]cobalt</t>
  </si>
  <si>
    <t>83863-98-3</t>
  </si>
  <si>
    <t>Bis(N,N-dimethylpropane-1,3-diamine-N')[29H,31H-phthalocyaninato(2-)-N29,N30,N31,N32]cobalt</t>
  </si>
  <si>
    <t>83863-97-2</t>
  </si>
  <si>
    <t>Bis[2-[(5-chloro-2-pyridyl)azo]-5-(diethylamino)phenolato]cobalt(1+) chloride</t>
  </si>
  <si>
    <t>81342-98-5</t>
  </si>
  <si>
    <t>Carbonic acid, cobalt salt</t>
  </si>
  <si>
    <t>7542-09-8</t>
  </si>
  <si>
    <t>Cassiterite, cobalt manganese nickel grey</t>
  </si>
  <si>
    <t>99749-23-2</t>
  </si>
  <si>
    <t>Cerium, compound with cobalt (1:5)</t>
  </si>
  <si>
    <t>12214-13-0</t>
  </si>
  <si>
    <t>Cerium, compound with cobalt (2:7)</t>
  </si>
  <si>
    <t>12515-29-6</t>
  </si>
  <si>
    <t>Chloro[2,2',2''-nitrilotris[ethanolato]-N,O,O',O'']cobalt</t>
  </si>
  <si>
    <t>36217-04-6</t>
  </si>
  <si>
    <t>Chloropentakis(methylamine)cobalt dichloride</t>
  </si>
  <si>
    <t>15392-59-3</t>
  </si>
  <si>
    <t>Chromium cobalt copper iron manganese oxide</t>
  </si>
  <si>
    <t>102262-21-5</t>
  </si>
  <si>
    <t>Chromium cobalt iron manganese oxide</t>
  </si>
  <si>
    <t>102262-22-6</t>
  </si>
  <si>
    <t>Chromium cobalt manganese oxide</t>
  </si>
  <si>
    <t>102262-19-1</t>
  </si>
  <si>
    <t>Chromium cobalt oxide</t>
  </si>
  <si>
    <t>37382-24-4</t>
  </si>
  <si>
    <t>Chromium cobalt oxide (Cr2CoO4)</t>
  </si>
  <si>
    <t>12016-69-2</t>
  </si>
  <si>
    <t>Cobalt (II) chloride, hexahydrate</t>
  </si>
  <si>
    <t>7791-13-1</t>
  </si>
  <si>
    <t>Cobalt bis(2-ethylhexanoate)</t>
  </si>
  <si>
    <t>136-52-7</t>
  </si>
  <si>
    <t>Cobalt bis(nonylphenolate)</t>
  </si>
  <si>
    <t>83970-30-3</t>
  </si>
  <si>
    <t>Cobalt bis[citrato(3-)]di-.mu.-oxodioxodimolybdate(2-)</t>
  </si>
  <si>
    <t>93776-58-0</t>
  </si>
  <si>
    <t>Cobalt boride (Co2B)</t>
  </si>
  <si>
    <t>12045-01-1</t>
  </si>
  <si>
    <t>Cobalt boride (Co3B)</t>
  </si>
  <si>
    <t>12006-78-9</t>
  </si>
  <si>
    <t>Cobalt carbonate</t>
  </si>
  <si>
    <t>Cobalt carbonyl</t>
  </si>
  <si>
    <t>10210-68-1</t>
  </si>
  <si>
    <t>Cobalt chloride (CoCl3)</t>
  </si>
  <si>
    <t>10241-04-0</t>
  </si>
  <si>
    <t>Cobalt chromite blue green spinel</t>
  </si>
  <si>
    <t>68187-50-8</t>
  </si>
  <si>
    <t>Cobalt chromium alloy</t>
  </si>
  <si>
    <t>11114-92-4</t>
  </si>
  <si>
    <t>Cobalt dilactate</t>
  </si>
  <si>
    <t>16039-54-6</t>
  </si>
  <si>
    <t>Cobalt dilaurate</t>
  </si>
  <si>
    <t>14960-16-8</t>
  </si>
  <si>
    <t>Cobalt dilinoleate</t>
  </si>
  <si>
    <t>6401-84-9</t>
  </si>
  <si>
    <t>Cobalt dinicotinate</t>
  </si>
  <si>
    <t>28029-53-0</t>
  </si>
  <si>
    <t>Cobalt dioctanoate</t>
  </si>
  <si>
    <t>1588-79-0</t>
  </si>
  <si>
    <t>Cobalt dioleate</t>
  </si>
  <si>
    <t>19192-71-3</t>
  </si>
  <si>
    <t>Cobalt dipalmitate</t>
  </si>
  <si>
    <t>14582-18-4</t>
  </si>
  <si>
    <t>Cobalt disodium ethylenediaminetetraacetate</t>
  </si>
  <si>
    <t>15137-09-4</t>
  </si>
  <si>
    <t>Cobalt distearate</t>
  </si>
  <si>
    <t>1002-88-6</t>
  </si>
  <si>
    <t>Cobalt disulfide</t>
  </si>
  <si>
    <t>12013-10-4</t>
  </si>
  <si>
    <t>Cobalt fluoride (CoF3)</t>
  </si>
  <si>
    <t>10026-18-3</t>
  </si>
  <si>
    <t>Cobalt glycinate</t>
  </si>
  <si>
    <t>17829-66-2</t>
  </si>
  <si>
    <t>Cobalt hexafluorosilicate(2-)</t>
  </si>
  <si>
    <t>12021-67-9</t>
  </si>
  <si>
    <t>Cobalt hydroxide</t>
  </si>
  <si>
    <t>21041-93-0</t>
  </si>
  <si>
    <t>Cobalt hydroxide oxide (Co(OH)O)</t>
  </si>
  <si>
    <t>12016-80-7</t>
  </si>
  <si>
    <t>Cobalt iodide (CoI2)</t>
  </si>
  <si>
    <t>15238-00-3</t>
  </si>
  <si>
    <t>Cobalt iron oxide (CoFe2O4)</t>
  </si>
  <si>
    <t>12052-28-7</t>
  </si>
  <si>
    <t>Cobalt lithium manganese  nickel oxide</t>
  </si>
  <si>
    <t>Cobalt magnesium red blue borate</t>
  </si>
  <si>
    <t>68608-93-5</t>
  </si>
  <si>
    <t>Cobalt metasilicate</t>
  </si>
  <si>
    <t>25139-08-6</t>
  </si>
  <si>
    <t>Cobalt molybdenum nickel oxide (CoMo2NiO8)</t>
  </si>
  <si>
    <t>68016-03-5</t>
  </si>
  <si>
    <t>Cobalt naphthenate</t>
  </si>
  <si>
    <t>61789-51-3</t>
  </si>
  <si>
    <t>Cobalt neodecanoate</t>
  </si>
  <si>
    <t>27253-31-2</t>
  </si>
  <si>
    <t>Cobalt nickel oxide (CoNiO2)</t>
  </si>
  <si>
    <t>58591-45-0</t>
  </si>
  <si>
    <t>Cobalt nitrate</t>
  </si>
  <si>
    <t>10026-22-9</t>
  </si>
  <si>
    <t>Cobalt octoate</t>
  </si>
  <si>
    <t>13586-82-8</t>
  </si>
  <si>
    <t>Cobalt oxide</t>
  </si>
  <si>
    <t>1307-96-6</t>
  </si>
  <si>
    <t>Cobalt oxide (Co2O3)</t>
  </si>
  <si>
    <t>1308-04-9</t>
  </si>
  <si>
    <t>Cobalt oxide (Co3O4)</t>
  </si>
  <si>
    <t>1308-06-1</t>
  </si>
  <si>
    <t>Cobalt phosphide (Co2P)</t>
  </si>
  <si>
    <t>12134-02-0</t>
  </si>
  <si>
    <t>Cobalt propionate</t>
  </si>
  <si>
    <t>1560-69-6</t>
  </si>
  <si>
    <t>Cobalt selenide (CoSe)</t>
  </si>
  <si>
    <t>1307-99-9</t>
  </si>
  <si>
    <t>Cobalt silicate</t>
  </si>
  <si>
    <t>26686-74-8</t>
  </si>
  <si>
    <t>Cobalt silicide (CoSi2)</t>
  </si>
  <si>
    <t>12017-12-8</t>
  </si>
  <si>
    <t>Cobalt succinate</t>
  </si>
  <si>
    <t>3267-76-3</t>
  </si>
  <si>
    <t>Cobalt sulfate heptahydrate</t>
  </si>
  <si>
    <t>10026-24-1</t>
  </si>
  <si>
    <t>Cobalt sulfide (Co2S3)</t>
  </si>
  <si>
    <t>1332-71-4</t>
  </si>
  <si>
    <t>Cobalt tallate</t>
  </si>
  <si>
    <t>61789-52-4</t>
  </si>
  <si>
    <t>Cobalt telluride (CoTe)</t>
  </si>
  <si>
    <t>12017-13-9</t>
  </si>
  <si>
    <t>Cobalt tetra(2-ethylhexyl) bis(phosphate)</t>
  </si>
  <si>
    <t>24828-46-4</t>
  </si>
  <si>
    <t>Cobalt tin oxide (CoSnO3)</t>
  </si>
  <si>
    <t>1345-19-3</t>
  </si>
  <si>
    <t>Cobalt titanium oxide (Co2TiO4)</t>
  </si>
  <si>
    <t>12017-38-8</t>
  </si>
  <si>
    <t>Cobalt titanium trioxide</t>
  </si>
  <si>
    <t>12017-01-5</t>
  </si>
  <si>
    <t>Cobalt titanium tungsten oxide ((Co,Ti,W)O2)</t>
  </si>
  <si>
    <t>144437-67-2</t>
  </si>
  <si>
    <t>Cobalt zirconium oxide (CoZrO3)</t>
  </si>
  <si>
    <t>69011-09-2</t>
  </si>
  <si>
    <t>Cobalt(2+) dibromate</t>
  </si>
  <si>
    <t>14732-58-2</t>
  </si>
  <si>
    <t>Cobalt(2+) dinickel(2+) bis[2-hydroxypropane-1,2,3-tricarboxylate]</t>
  </si>
  <si>
    <t>94232-44-7</t>
  </si>
  <si>
    <t>Cobalt(2+) ethanolate</t>
  </si>
  <si>
    <t>19330-29-1</t>
  </si>
  <si>
    <t>Cobalt(2+) selenite</t>
  </si>
  <si>
    <t>10026-23-0</t>
  </si>
  <si>
    <t>Cobalt(2+) tert-decanoate</t>
  </si>
  <si>
    <t>84195-99-3</t>
  </si>
  <si>
    <t>Cobalt(2+), bis(1,2-ethanediamine-N,N')-, bis[bis(cyano-C)aurate(1-)]</t>
  </si>
  <si>
    <t>68958-90-7</t>
  </si>
  <si>
    <t>Cobalt(2+), bis(1,2-propanediamine-N,N')-, bis[bis(cyano-C)aurate(1-)]</t>
  </si>
  <si>
    <t>67906-18-7</t>
  </si>
  <si>
    <t>Cobalt(2+), pentaamminechloro-, dichloride, (OC-6-22)-</t>
  </si>
  <si>
    <t>13859-51-3</t>
  </si>
  <si>
    <t>Cobalt(3+), hexaammine-, (OC-6-11)-, phosphate (1:1)</t>
  </si>
  <si>
    <t>55494-92-3</t>
  </si>
  <si>
    <t>Cobalt(3+), hexaammine-, (OC-6-11)-, salt with trifluoroacetic acid(1:3)</t>
  </si>
  <si>
    <t>59561-55-6</t>
  </si>
  <si>
    <t>Cobalt(3+), hexaammine-, (OC-6-11)-, triacetate</t>
  </si>
  <si>
    <t>14023-85-9</t>
  </si>
  <si>
    <t>Cobalt(3+), hexaammine-, (OC-6-11)-, trinitrate</t>
  </si>
  <si>
    <t>10534-86-8</t>
  </si>
  <si>
    <t>Cobalt(3+), hexaammine-, trichloride, (OC-6-11)-</t>
  </si>
  <si>
    <t>10534-89-1</t>
  </si>
  <si>
    <t>Cobalt(3+), tris(1,2-ethanediamine-N,N')-, trichloride, (OC-6-11)-</t>
  </si>
  <si>
    <t>13408-73-6</t>
  </si>
  <si>
    <t>Cobalt(II) acetate</t>
  </si>
  <si>
    <t>Cobalt(II) fluoborate</t>
  </si>
  <si>
    <t>26490-63-1</t>
  </si>
  <si>
    <t>Cobalt(II) fluoride</t>
  </si>
  <si>
    <t>10026-17-2</t>
  </si>
  <si>
    <t>Cobalt(II) sulfide</t>
  </si>
  <si>
    <t>1317-42-6</t>
  </si>
  <si>
    <t>Cobalt, ((2,2'-(1,2-ethanediylbis(nitrilomethylidyne))bis(6-fluorophenolato))(2-)-N,N',O,O')-</t>
  </si>
  <si>
    <t>62207-76-5</t>
  </si>
  <si>
    <t>Cobalt, [(2-amino-2-oxoethoxy)acetato(2-)]-</t>
  </si>
  <si>
    <t>68133-85-7</t>
  </si>
  <si>
    <t>Cobalt, [29H,31H-phthalocyaninato(2-)-N29,N30,N31,N32]-, (SP-4-1)-</t>
  </si>
  <si>
    <t>3317-67-7</t>
  </si>
  <si>
    <t>Cobalt, [29H,31H-phthalocyanine-C,C-disulfonyl dichloridato(2-)-N29,N30,N31,N32]-</t>
  </si>
  <si>
    <t>68189-40-2</t>
  </si>
  <si>
    <t>Cobalt, [29H,31H-phthalocyanine-C-sulfonyl chloridato(2-)-N29,N30,N31,N32]-</t>
  </si>
  <si>
    <t>67875-38-1</t>
  </si>
  <si>
    <t>Cobalt, [3-hydroxy-4-[[1-(p-mercaptophenyl)-3-methyl-5-oxo-2-pyrazolin-4-yl]azo]-o-benzenesulfonanisididato(2-)]-, S-(hydrogen sulfate), monosodium salt</t>
  </si>
  <si>
    <t>18285-21-7</t>
  </si>
  <si>
    <t>Cobalt, [4-hydroxy-3-[[1-(p-mercaptophenyl)-3-methyl-5-oxo-2-pyrazolin-4-yl]azo]-o-benzenesulfonophenetidato(2-)]-, S-(hydrogen sulfate), monosodium salt</t>
  </si>
  <si>
    <t>19052-32-5</t>
  </si>
  <si>
    <t>Cobalt, [N-(carboxymethyl)glycinato(2-)-N,O,ON]-</t>
  </si>
  <si>
    <t>13869-30-2</t>
  </si>
  <si>
    <t>Cobalt, bis(acetato-O)(1,4-diazabicyclo[2.2.2]octane-N1)-, homopolymer</t>
  </si>
  <si>
    <t>68239-56-5</t>
  </si>
  <si>
    <t>Cobalt, bis(D-glycero-D-ido-heptonato)-</t>
  </si>
  <si>
    <t>68475-45-6</t>
  </si>
  <si>
    <t>Cobalt, bis(dicyclohexylphosphinodithioato-S,S')-</t>
  </si>
  <si>
    <t>40621-10-1</t>
  </si>
  <si>
    <t>Cobalt, bis[(2,3-butanedione dioximato)(1-)-N,N']-, (SP-4-1)-</t>
  </si>
  <si>
    <t>3252-99-1</t>
  </si>
  <si>
    <t>Cobalt, bis[.alpha.-(1-oxo-1H-isoindol-3-yl)-1H-benzimidazole-2-acetonitrilato]-, (T-4)-</t>
  </si>
  <si>
    <t>60109-88-8</t>
  </si>
  <si>
    <t>Cobalt, bis[2-[[2-hydroxy-5-[(methylamino)sulfonyl]phenyl]azo]-3-oxo-N-phenylbutanamidato(2-)]-</t>
  </si>
  <si>
    <t>69178-42-3</t>
  </si>
  <si>
    <t>Cobalt, bis[3-(1H-benzimidazol-2-ylamino)-1H-isoindol-1-onato]-, (T-4)-</t>
  </si>
  <si>
    <t>63287-28-5</t>
  </si>
  <si>
    <t>Cobalt, bis[carbonato(2-)]hexahydroxypenta-</t>
  </si>
  <si>
    <t>12602-23-2</t>
  </si>
  <si>
    <t>Cobalt, C4-10-fatty acid naphthenate complexes</t>
  </si>
  <si>
    <t>84066-85-3</t>
  </si>
  <si>
    <t>Cobalt, C5-23-branched carboxylate C4-10-fatty acid naphthenate complexes</t>
  </si>
  <si>
    <t>83711-42-6</t>
  </si>
  <si>
    <t>Cobalt, C5-23-branched carboxylate naphthenate complexes</t>
  </si>
  <si>
    <t>83711-43-7</t>
  </si>
  <si>
    <t>Cobalt, C5-23-branched carboxylate naphthenate octanoate complexes</t>
  </si>
  <si>
    <t>83711-44-8</t>
  </si>
  <si>
    <t>Cobalt, compound with gadolinium (3:1)</t>
  </si>
  <si>
    <t>12017-50-4</t>
  </si>
  <si>
    <t>Cobalt, compound with gadolinium (5:1)</t>
  </si>
  <si>
    <t>12017-61-7</t>
  </si>
  <si>
    <t>Cobalt, compound with gadolinium (7:2)</t>
  </si>
  <si>
    <t>11139-24-5</t>
  </si>
  <si>
    <t>Cobalt, compound with lanthanum (3:1)</t>
  </si>
  <si>
    <t>61419-68-9</t>
  </si>
  <si>
    <t>Cobalt, compound with lanthanum (5:1)</t>
  </si>
  <si>
    <t>12297-66-4</t>
  </si>
  <si>
    <t>Cobalt, compound with lanthanum (7:2)</t>
  </si>
  <si>
    <t>12268-07-4</t>
  </si>
  <si>
    <t>Cobalt, compound with neodymium (3:1)</t>
  </si>
  <si>
    <t>12187-43-8</t>
  </si>
  <si>
    <t>Cobalt, compound with neodymium (5:1)</t>
  </si>
  <si>
    <t>12017-65-1</t>
  </si>
  <si>
    <t>Cobalt, compound with neodymium (7:2)</t>
  </si>
  <si>
    <t>12516-51-7</t>
  </si>
  <si>
    <t>Cobalt, compound with praseodymium (5:1)</t>
  </si>
  <si>
    <t>12017-67-3</t>
  </si>
  <si>
    <t>Cobalt, compound with praseodymium (7:2)</t>
  </si>
  <si>
    <t>12516-52-8</t>
  </si>
  <si>
    <t>Cobalt, compound with samarium (17:2)</t>
  </si>
  <si>
    <t>12052-78-7</t>
  </si>
  <si>
    <t>Cobalt, compound with samarium (2:1)</t>
  </si>
  <si>
    <t>12017-43-5</t>
  </si>
  <si>
    <t>Cobalt, compound with samarium (3:1)</t>
  </si>
  <si>
    <t>12187-46-1</t>
  </si>
  <si>
    <t>Cobalt, compound with samarium (5:1)</t>
  </si>
  <si>
    <t>12017-68-4</t>
  </si>
  <si>
    <t>Cobalt, compound with samarium (7:2)</t>
  </si>
  <si>
    <t>12305-84-9</t>
  </si>
  <si>
    <t>Cobalt, compound with yttrium (3:1)</t>
  </si>
  <si>
    <t>12052-62-9</t>
  </si>
  <si>
    <t>Cobalt, compound with yttrium (5:1)</t>
  </si>
  <si>
    <t>12017-71-9</t>
  </si>
  <si>
    <t>Cobalt, compound with yttrium (7:2)</t>
  </si>
  <si>
    <t>12052-70-9</t>
  </si>
  <si>
    <t>Cobalt, dibromobis(triphenylphosphine)-, (T-4)-</t>
  </si>
  <si>
    <t>14126-32-0</t>
  </si>
  <si>
    <t>Cobalt, dibromobis[tris(3,5-dimethylphenyl)phosphine]-, (T-4)-</t>
  </si>
  <si>
    <t>69198-43-2</t>
  </si>
  <si>
    <t>Cobalt, dibromobis[tris(3-methylphenyl)phosphine]-, (T-4)-</t>
  </si>
  <si>
    <t>49651-10-7</t>
  </si>
  <si>
    <t>Cobalt, dichloro(1,4-diazabicyclo[2.2.2]octane-N1)-, homopolymer</t>
  </si>
  <si>
    <t>68239-58-7</t>
  </si>
  <si>
    <t>Cobalt, elemental</t>
  </si>
  <si>
    <t>7440-48-4</t>
  </si>
  <si>
    <t>Cobalt, tetrakis[(2,3-butanedione dioximato)(1-)-N,N']bis(pyridine)di-, (Co-Co)</t>
  </si>
  <si>
    <t>25971-15-7</t>
  </si>
  <si>
    <t>Cobalt, tris(2,4-pentanedionato-O,O')-, (OC-6-11)-</t>
  </si>
  <si>
    <t>21679-46-9</t>
  </si>
  <si>
    <t>Cobalt, tris(3-bromo-2,4-pentanedionato-O,O')-, (OC-6-11)-</t>
  </si>
  <si>
    <t>15218-44-7</t>
  </si>
  <si>
    <t>Cobalt-acetate</t>
  </si>
  <si>
    <t>5931-89-5</t>
  </si>
  <si>
    <t>Cobaltate (6-), [[[1,2-ethanediylbis[nitrilobis(methylene)]]tetrakis[phosphonato]](6-)-N,N',O,O'',O'''',O'''''']-,pentaammonium hydrogen, (OC-6-21)-</t>
  </si>
  <si>
    <t>68025-39-8</t>
  </si>
  <si>
    <t>Cobaltate (6-), [[[1,2-ethanediylbis[nitrilobis(methylene)]]tetrakis[phosphonato]](8-)-N,N',O,O'',O'''',O'''''']-,pentapotassium hydrogen, (OC-6-21)-</t>
  </si>
  <si>
    <t>67924-23-6</t>
  </si>
  <si>
    <t>Cobaltate (6-), [[[1,2-ethanediylbis[nitrilobis(methylene)]]tetrakis[phosphonato]](8-)-N,N',O,O',O'''',O'''''']-,pentasodium hydrogen, (OC-6-21)-</t>
  </si>
  <si>
    <t>67969-67-9</t>
  </si>
  <si>
    <t>Cobaltate (CoO21-), lithium</t>
  </si>
  <si>
    <t>12190-79-3</t>
  </si>
  <si>
    <t>Cobaltate(1-), [1-[[5-(ethylsulfonyl)-2-hydroxyphenyl]azo]-2-naphthalenolato(2- )][methyl[8-[(5-ethylsulfonyl)-2-hydroxyphenyl]azo]-7-hydroxy-2- naphthalenyl]methylcarbamato(2-)]-, sodium</t>
  </si>
  <si>
    <t>103241-62-9</t>
  </si>
  <si>
    <t>Cobaltate(1-), [2,4-dihydro-4-[(2-hydroxy-5-nitrophenyl)azo]-5-methyl-2-phenyl-3H-pyrazol-3 -onato(2-)][1-[(2-hydroxyphenyl)azo]-2-naphthalenolato(2-)]-, hydrogen, compound with 1-tridecanamine (1:1)</t>
  </si>
  <si>
    <t>70815-19-9</t>
  </si>
  <si>
    <t>Cobaltate(1-), [2,4-dihydro-4-[(2-hydroxy-5-nitrophenyl)azo]-5-methyl-2-phenyl-3H-pyrazol-3-onato(2-)][1-[(2-hydroxy-4-nitrophenyl)azo]-2-naphthalenolato(2-)]-, hydrogen</t>
  </si>
  <si>
    <t>55668-56-9</t>
  </si>
  <si>
    <t>Cobaltate(1-), [2,4-dihydro-4-[(2-hydroxy-5-nitrophenyl)azo]-5-methyl-2-phenyl-3H-pyrazol-3-onato(2-)][1-[(2-hydroxy-4-nitrophenyl)azo]-2-naphthalenolato(2-)]-, sodium</t>
  </si>
  <si>
    <t>73507-67-2</t>
  </si>
  <si>
    <t>Cobaltate(1-), [2,4-dihydro-4-[(2-hydroxy-5-nitrophenyl)azo]-5-methyl-2-phenyl-3H-pyrazol-3-onato(2-)][1-[(2-hydroxy-5-nitrophenyl)azo]-2-naphthalenolato(2-)]-, hydrogen</t>
  </si>
  <si>
    <t>52277-73-3</t>
  </si>
  <si>
    <t>Cobaltate(1-), [2,4-dihydro-4-[(2-hydroxy-5-nitrophenyl)azo]-5-methyl-2-phenyl-3H-pyrazol-3-onato(2-)][1-[(2-hydroxy-5-nitrophenyl)azo]-2-naphthalenolato(2-)]-, sodium</t>
  </si>
  <si>
    <t>73507-66-1</t>
  </si>
  <si>
    <t>Cobaltate(1-), [2,4-dihydro-4-[(2-hydroxy-5-nitrophenyl)azo]-5-methyl-2-phenyl-3H-pyrazol-3-onato(2-)][3-[(4,5-dihydro-3-methyl-5-oxo-1-phenyl-1H-pyrazol-4-yl)azo]-4-hydroxybenzenesulfonamidato(2-)]-, hydrogen</t>
  </si>
  <si>
    <t>73324-02-4</t>
  </si>
  <si>
    <t>Cobaltate(1-), [2,4-dihydro-4-[(2-hydroxy-5-nitrophenyl)azo]-5-methyl-2-phenyl-3H-pyrazol-3-onato(2-)][4-hydroxy-3-[(2-hydroxy-1-naphthalenyl)azo]benzenesulfonamidato(2-)]-, hydrogen</t>
  </si>
  <si>
    <t>72845-76-2</t>
  </si>
  <si>
    <t>Cobaltate(1-), [2,4-dihydro-4-[[2-hydroxy-5-(methylsulfonyl)phenyl]azo]-5-methyl-2-phenyl-3H-pyrazol-3-onato(2-)][N-[7-hydroxy-8-[[2-hydroxy-5-(methylsulfonyl)phenyl]azo]-1-naphthalenyl]acetamidato(2-)]-, sodium</t>
  </si>
  <si>
    <t>70236-41-8</t>
  </si>
  <si>
    <t>Cobaltate(1-), [29H,31H-phthalocyanine-C-sulfonato(3-)-N29,N30,N31,N32]-, hydrogen</t>
  </si>
  <si>
    <t>30638-08-5</t>
  </si>
  <si>
    <t>Cobaltate(1-), [29H,31H-phthalocyanine-C-sulfonato(3-)-N29,N30,N31,N32]-, sodium</t>
  </si>
  <si>
    <t>52729-67-6</t>
  </si>
  <si>
    <t>Cobaltate(1-), [3-[(4,5-dihydro-3-methyl-5-oxo-1-phenyl-1H-pyrazol-4-yl)azo]-4-hydroxybenzenesulfonamidato(2-)][1-[(2-hydroxy-4-nitrophenyl)azo]-2-naphthalenolato(2-)]-, hydrogen</t>
  </si>
  <si>
    <t>72928-77-9</t>
  </si>
  <si>
    <t>Cobaltate(1-), [3-[(4,5-dihydro-3-methyl-5-oxo-1-phenyl-1H-pyrazol-4-yl)azo]-4-hydroxybenzenesulfonamidato(2-)][1-[(2-hydroxy-5-nitrophenyl)azo]-2-naphthalenolato(2-)]-, hydrogen</t>
  </si>
  <si>
    <t>72928-76-8</t>
  </si>
  <si>
    <t>Cobaltate(1-), [3-[[1-(4-chlorophenyl)-4,5-dihydro-3-methyl-5-oxo-1H-pyrazol-4-yl]azo]-4-hydroxy-N-methylbenzenesulfonamidato(2-)][N-[7-hydroxy-8-[[2-hydroxy-5-[(methylamino)sulfonyl]phenyl]azo]-1-naphthalenyl]acetamidato(2-)]-, hydrogen</t>
  </si>
  <si>
    <t>68413-61-6</t>
  </si>
  <si>
    <t>Cobaltate(1-), [3-[[1-(4-chlorophenyl)-4,5-dihydro-3-methyl-5-oxo-1H-pyrazol-4-yl]azo]-4-hydroxy-N-methylbenzenesulfonamidato(2-)][N-[7-hydroxy-8-[[2-hydroxy-5-[(methylamino)sulfonyl]phenyl]azo]-1-naphthalenyl]acetamidato(2-)]-, sodium</t>
  </si>
  <si>
    <t>74499-63-1</t>
  </si>
  <si>
    <t>Cobaltate(1-), [3-[4-[(5-chloro-2-hydroxyphenyl)azo]-4,5-dihydro-3-methyl-5-oxo-1H-pyrazol-1-yl]benzenesulfonamidato(2-)][4-hydroxy-3-[(2-hydroxy-1-naphthalenyl)azo]benzenesulfonamidato(2-)]-, sodium</t>
  </si>
  <si>
    <t>72403-33-9</t>
  </si>
  <si>
    <t>Cobaltate(1-), [3-[4-[(5-chloro-2-hydroxyphenyl)azo]-4,5-dihydro-3-methyl-5-oxo-1H-pyrazol-1-yl]benzenesulfonamidato(2-)][4-hydroxy-3-[(2-hydroxy-1-naphthalenyl)azo]-N-(1-methylethyl)benzenesulfonamidato(2-)]-, sodium</t>
  </si>
  <si>
    <t>72391-10-7</t>
  </si>
  <si>
    <t>Cobaltate(1-), [4-hydroxy-3-[(2-hydroxy-1-naphthalenyl)azo]benzenesulfonamidato(2-)][4-hydr oxy-3-[(5-hydroxynaphth[2,1-d]-1,3-oxathiol-4-yl)azo]benzenesulfonamide ,-dioxidato(2-)]-, ammonium</t>
  </si>
  <si>
    <t>83864-24-8</t>
  </si>
  <si>
    <t>Cobaltate(1-), [4-hydroxy-3-[(2-hydroxy-1-naphthalenyl)azo]benzenesulfonamidato(2-)][4-hydr oxy-3-[(5-hydroxynaphth[2,1-d]-1,3-oxathiol-4-yl)azo]benzenesulfonamide ,-dioxidato(2-)]-, sodium</t>
  </si>
  <si>
    <t>83817-76-9</t>
  </si>
  <si>
    <t>Cobaltate(1-), [4-hydroxy-3-[(2-hydroxy-1-naphthalenyl)azo]benzenesulfonamidato(2-)][4-hydroxy-3-[(2-hydroxy-1-naphthalenyl)azo]-N-(1-methylethyl)benzenesulfonamidato(2-)]-, sodium</t>
  </si>
  <si>
    <t>72403-32-8</t>
  </si>
  <si>
    <t>Cobaltate(1-), [4-hydroxy-3-[(2-hydroxy-1-naphthalenyl)azo]benzenesulfonamidato(2-)][8-[(2- hydroxyphenyl)azo]-2-naphthalenolato(2-)]-, hydrogen, compound with 3-[(2-ethylhexyl)oxy]-1-propanamine (1:1)</t>
  </si>
  <si>
    <t>73297-17-3</t>
  </si>
  <si>
    <t>Cobaltate(1-), [6-amino-5-[(2-hydroxy-4-nitrophenyl)azo]-N-(2-hydroxypropyl)-2-naphthalenesulfonamidato(2-)][1-[(5-chloro-2-hydroxyphenyl)azo]-2-naphthalenolato(2-)]-, sodium</t>
  </si>
  <si>
    <t>73195-17-2</t>
  </si>
  <si>
    <t>Cobaltate(1-), [C-(chlorosulfonyl)-29H,31H-phthalocyanine-C-sulfonato(3-)-N29,N30,N31,N32]-, hydrogen</t>
  </si>
  <si>
    <t>68213-72-9</t>
  </si>
  <si>
    <t>Cobaltate(1-), [N,N-bis(carboxymethyl)glycinato(3-)-N,O,O',O'']-, hydrogen, (T-4)-</t>
  </si>
  <si>
    <t>53108-50-2</t>
  </si>
  <si>
    <t>Cobaltate(1-), [N-[8-[[5-(aminosulfonyl)-2-hydroxyphenyl]azo]-7-hydroxy-1-naphthalenyl]acetamidato(2-)][3-[(4,5-dihydro-3-methyl-5-oxo-1-phenyl-1H-pyrazol-4-yl)azo]-4-hydroxybenzenesulfonamidato(2-)]-, hydrogen</t>
  </si>
  <si>
    <t>68239-47-4</t>
  </si>
  <si>
    <t>Cobaltate(1-), [N-[8-[[5-(aminosulfonyl)-2-hydroxyphenyl]azo]-7-hydroxy-1-naphthalenyl]acetamidato(2-)][3-[(4,5-dihydro-3-methyl-5-oxo-1-phenyl-1H-pyrazol-4-yl)azo]-4-hydroxybenzenesulfonamidato(2-)]-, sodium</t>
  </si>
  <si>
    <t>68966-96-1</t>
  </si>
  <si>
    <t>Cobaltate(1-), [N-[8-[[5-(aminosulfonyl)-2-hydroxyphenyl]azo]-7-hydroxy-1-naphthalenyl]acetamidato(2-)][3-[4,5-dihydro-4-[(2-hydroxy-5-nitrophenyl)azo]-3-methyl-5-oxo-1H-pyrazol-1-yl]benzenesulfonamidato(2-)]-, sodium</t>
  </si>
  <si>
    <t>59487-93-3</t>
  </si>
  <si>
    <t>Cobaltate(1-), bis(2,4-dihydro-4-((2-hydroxy-4-nitrophenyl)azo)-5-methyl-2-phen yl-3H-pyrazol-3-onato(2-)), sodium</t>
  </si>
  <si>
    <t>67486-73-1</t>
  </si>
  <si>
    <t>Cobaltate(1-), bis[1-[(2-hydroxy-4-nitrophenyl)azo]-2-naphthalenolato(2-)]-, sodium</t>
  </si>
  <si>
    <t>64611-71-8</t>
  </si>
  <si>
    <t>Cobaltate(1-), bis[1-[(2-hydroxy-5-nitrophenyl)azo]-2-naphthalenolato(2-)]-, hydrogen</t>
  </si>
  <si>
    <t>52277-69-7</t>
  </si>
  <si>
    <t>Cobaltate(1-), bis[1-[(2-hydroxy-5-nitrophenyl)azo]-2-naphthalenolato(2-)]-, sodium</t>
  </si>
  <si>
    <t>73297-09-3</t>
  </si>
  <si>
    <t>Cobaltate(1-), bis[1-[(2-hydroxyphenyl)azo]-2-naphthalenolato(2-)]-, sodium</t>
  </si>
  <si>
    <t>75752-30-6</t>
  </si>
  <si>
    <t>Cobaltate(1-), bis[1-[(5-chloro-2-hydroxyphenyl)azo]-2-naphthalenolato(2-)]-, hydrogen</t>
  </si>
  <si>
    <t>31586-68-2</t>
  </si>
  <si>
    <t>Cobaltate(1-), bis[1-[(5-chloro-2-hydroxyphenyl)azo]-2-naphthalenolato(2-)]-, sodium</t>
  </si>
  <si>
    <t>18639-97-9</t>
  </si>
  <si>
    <t>Cobaltate(1-), bis[2-(3-chlorophenyl)-2,4-dihydro-4-[[2-hydroxy-5-(methylsulfonyl)phenyl]azo]-5-methyl-3H-pyrazol-3-onato(2-)]-, hydrogen, compound with [1R-(1.alpha.,4a.beta.,10a.alpha.)]-1,2,3,4,4a,9,10,10a-octahydro-1,4a-dimethyl-7-(1-methylethyl)-1-ph</t>
  </si>
  <si>
    <t>20506-24-5</t>
  </si>
  <si>
    <t>Cobaltate(1-), bis[2-(3-chlorophenyl)-2,4-dihydro-4-[[2-hydroxy-5-(methylsulfonyl)phenyl]azo]-5-methyl-3H-pyrazol-3-onato(2-)]-, sodium</t>
  </si>
  <si>
    <t>70236-44-1</t>
  </si>
  <si>
    <t>Cobaltate(1-), bis[2,4-dihydro-4-[(2-hydroxy-5-nitrophenyl)azo]-5-methyl-2-phenyl-3H-pyrazol-3-onato(2-)]-, hydrogen</t>
  </si>
  <si>
    <t>52256-38-9</t>
  </si>
  <si>
    <t>Cobaltate(1-), bis[2,4-dihydro-4-[(2-hydroxy-5-nitrophenyl)azo]-5-methyl-2-phenyl-3H-pyrazol-3-onato(2-)]-, hydrogen, compound with cyclohexanamine (1:1)</t>
  </si>
  <si>
    <t>71566-27-3</t>
  </si>
  <si>
    <t>Cobaltate(1-), bis[2,4-dihydro-4-[(2-hydroxy-5-nitrophenyl)azo]-5-methyl-2-phenyl-3H-pyrazol-3-onato(2-)]-, sodium</t>
  </si>
  <si>
    <t>71839-88-8</t>
  </si>
  <si>
    <t>Cobaltate(1-), bis[2,4-dinitro-6-[[2-(phenylamino)-1-naphthalenyl]azo]phenolato(2-)]-, sodium</t>
  </si>
  <si>
    <t>125378-91-8</t>
  </si>
  <si>
    <t>Cobaltate(1-), bis[2-[(2-amino-1-naphthalenyl)azo]-5-nitrophenolato(2-)]-, hydrogen</t>
  </si>
  <si>
    <t>71566-34-2</t>
  </si>
  <si>
    <t>Cobaltate(1-), bis[2-[(2-amino-1-naphthalenyl)azo]-5-nitrophenolato(2-)]-, sodium</t>
  </si>
  <si>
    <t>68966-98-3</t>
  </si>
  <si>
    <t>Cobaltate(1-), bis[2-[(2-hydroxy-4-nitrophenyl)azo]-1-naphthalenolato(2-)]-, hydrogen</t>
  </si>
  <si>
    <t>6421-64-3</t>
  </si>
  <si>
    <t>Cobaltate(1-), bis[2-[(2-hydroxy-4-nitrophenyl)azo]-3-oxo-N-phenylbutanamidato(2-)]-, sodium</t>
  </si>
  <si>
    <t>81361-02-6</t>
  </si>
  <si>
    <t>Cobaltate(1-), bis[2-[(2-hydroxy-5-nitrophenyl)azo]-3-oxo-N-phenylbutanamidato(2-)]-, hydrogen</t>
  </si>
  <si>
    <t>13011-62-6</t>
  </si>
  <si>
    <t>Cobaltate(1-), bis[2-[(2-hydroxy-5-nitrophenyl)azo]-3-oxo-N-phenylbutanamidato(2-)]-, hydrogen, compound with 1-butanamine (1:1)</t>
  </si>
  <si>
    <t>72797-14-9</t>
  </si>
  <si>
    <t>Cobaltate(1-), bis[2-[(2-hydroxy-5-nitrophenyl)azo]-3-oxo-N-phenylbutanamidato(2-)]-, sodium</t>
  </si>
  <si>
    <t>71566-26-2</t>
  </si>
  <si>
    <t>Cobaltate(1-), bis[2-[[2-hydroxy-5-[(phenylamino)sulfonyl]phenyl]azo]-3-oxo-N-phenylbutanamidato(2-)]-, ammonium</t>
  </si>
  <si>
    <t>125408-78-8</t>
  </si>
  <si>
    <t>Cobaltate(1-), bis[2-[[2-hydroxy-5-[(phenylamino)sulfonyl]phenyl]azo]-3-oxo-N-phenylbutanamidato(2-)]-, sodium</t>
  </si>
  <si>
    <t>71562-83-9</t>
  </si>
  <si>
    <t>Cobaltate(1-), bis[2-[[4-(aminosulfonyl)-2-hydroxyphenyl]azo]-3-oxo-N-phenylbutanamidato(2-)]-, sodium</t>
  </si>
  <si>
    <t>66104-83-4</t>
  </si>
  <si>
    <t>Cobaltate(1-), bis[2-[[5-(aminosulfonyl)-2-hydroxyphenyl]azo]-3-oxo-N-phenylbutanamidato(2-)]-, hydrogen</t>
  </si>
  <si>
    <t>72928-91-7</t>
  </si>
  <si>
    <t>Cobaltate(1-), bis[2-[[5-(aminosulfonyl)-2-hydroxyphenyl]azo]-3-oxo-N-phenylbutanamidato(2-)]-, sodium</t>
  </si>
  <si>
    <t>72496-88-9</t>
  </si>
  <si>
    <t>Cobaltate(1-), bis[2-[[5-(aminosulfonyl)-2-hydroxyphenyl]azo]-N-(2-chlorophenyl)-3-oxobutan amidato(2-)]-, sodium</t>
  </si>
  <si>
    <t>34735-28-9</t>
  </si>
  <si>
    <t>Cobaltate(1-), bis[2-[[5-(aminosulfonyl)-2-hydroxyphenyl]azo]-N-(2-ethylhexyl)-3-oxobutanamidato(2-)]-, sodium</t>
  </si>
  <si>
    <t>72403-31-7</t>
  </si>
  <si>
    <t>Cobaltate(1-), bis[2-[4-[(5-chloro-2-hydroxyphenyl)azo]-4,5-dihydro-3-methyl-5-oxo-1H-pyrazol-1-yl]benzenesulfonamidato(2-)]-, sodium</t>
  </si>
  <si>
    <t>74082-15-8</t>
  </si>
  <si>
    <t>Cobaltate(1-), bis[2-chloro-5-hydroxy-4-[(2-hydroxy-1-naphthalenyl)azo]-N-methylbenzenesulfonamidato(2-)]-, hydrogen, compound with cyclohexanamine (1:1)</t>
  </si>
  <si>
    <t>71839-87-7</t>
  </si>
  <si>
    <t>Cobaltate(1-), bis[2-chloro-5-hydroxy-4-[(2-hydroxy-1-naphthalenyl)azo]-N-methylbenzenesulfonamidato(2-)]-, sodium</t>
  </si>
  <si>
    <t>70179-69-0</t>
  </si>
  <si>
    <t>Cobaltate(1-), bis[3-[(4,5-dihydro-3-methyl-5-oxo-1-phenyl-1H-pyrazol-4-yl)azo]-4-hydroxybenzenesulfonamidato(2-)]-, hydrogen</t>
  </si>
  <si>
    <t>68568-52-5</t>
  </si>
  <si>
    <t>Cobaltate(1-), bis[3-[(4,5-dihydro-3-methyl-5-oxo-1-phenyl-1H-pyrazol-4-yl)azo]-4-hydroxybenzenesulfonamidato(2-)]-, sodium, (OC-6-22')-</t>
  </si>
  <si>
    <t>34664-47-6</t>
  </si>
  <si>
    <t>Cobaltate(1-), bis[3-[(4,5-dihydro-3-methyl-5-oxo-1-phenyl-1H-pyrazol-4-yl)azo]-4-hydroxy-N-(1-methylethyl)benzenesulfonamidato(2-)]-, hydrogen, compound with 2-propanamine (1:1)</t>
  </si>
  <si>
    <t>71839-74-2</t>
  </si>
  <si>
    <t>Cobaltate(1-), bis[3-[(4,5-dihydro-3-methyl-5-oxo-1-phenyl-1H-pyrazol-4-yl)azo]-4-hydroxy-N-[3-(1-methylethoxy)propyl]benzenesulfonamidato(2-)]-, sodium</t>
  </si>
  <si>
    <t>72479-33-5</t>
  </si>
  <si>
    <t>Cobaltate(1-), bis[3-[(8-hydroxy-5-quinolinyl)azo]benzenesulfonato(2-)]-, sodium</t>
  </si>
  <si>
    <t>72905-57-8</t>
  </si>
  <si>
    <t>Cobaltate(1-), bis[3-[[1-(2,5-dichlorophenyl)-4,5-dihydro-3-methyl-5-oxo-1H-pyrazol-4-yl]azo]-4-hydroxybenzenesulfonamidato(2-)]-, sodium</t>
  </si>
  <si>
    <t>75214-67-4</t>
  </si>
  <si>
    <t>Cobaltate(1-), bis[3-[[1-(3-chlorophenyl)-4,5-dihydro-3-methyl-5-oxo-1H-pyrazol-4-yl]azo]-4-hydroxybenzenesulfonamidato(2-)]-, sodium</t>
  </si>
  <si>
    <t>73612-40-5</t>
  </si>
  <si>
    <t>Cobaltate(1-), bis[3-[[1-(3-chlorophenyl)-4,5-dihydro-3-methyl-5-oxo-1H-pyrazol-4-yl]azo]-4-hydroxy-N-methylbenzenesulfonamidato(2-)]-, sodium</t>
  </si>
  <si>
    <t>71701-14-9</t>
  </si>
  <si>
    <t>Cobaltate(1-), bis[3-[[1-(4-chlorophenyl)-4,5-dihydro-3-methyl-5-oxo-1H-pyrazol-4-yl]azo]-4-hydroxy-N-methylbenzenesulfonamidato(2-)]-, hydrogen</t>
  </si>
  <si>
    <t>67952-74-3</t>
  </si>
  <si>
    <t>Cobaltate(1-), bis[3-[[1-(4-chlorophenyl)-4,5-dihydro-3-methyl-5-oxo-1H-pyrazol-4-yl]azo]-4-hydroxy-N-methylbenzenesulfonamidato(2-)]-, sodium</t>
  </si>
  <si>
    <t>71566-39-7</t>
  </si>
  <si>
    <t>Cobaltate(1-), bis[3-[[4,5-dihydro-3-methyl-1-(4-methylphenyl)-5-oxo-1H-pyrazol-4-yl]azo]-4-hydroxy-N-methylbenzenesulfonamidato(2-)]-, sodium</t>
  </si>
  <si>
    <t>70281-40-2</t>
  </si>
  <si>
    <t>Cobaltate(1-), bis[3-[4-[(5-chloro-2-hydroxyphenyl)azo]-4,5-dihydro-3-methyl-5-oxo-1H-pyrazol-1-yl]benzenesulfonamidato(2-)]-, sodium</t>
  </si>
  <si>
    <t>72403-34-0</t>
  </si>
  <si>
    <t>Cobaltate(1-), bis[4-hydroxy-3-[(2-hydroxy-1-naphthalenyl)amino]-N-(3-methoxypropyl)benzenesulfonamidato(2-)-N3,O3,O4]-, sodium</t>
  </si>
  <si>
    <t>71735-52-9</t>
  </si>
  <si>
    <t>Cobaltate(1-), bis[4-hydroxy-3-[(2-hydroxy-1-naphthalenyl)azo]benzenesulfonamidato(2-)]-, ammonium</t>
  </si>
  <si>
    <t>63971-70-0</t>
  </si>
  <si>
    <t>Cobaltate(1-), bis[4-hydroxy-3-[(2-hydroxy-1-naphthalenyl)azo]benzenesulfonamidato(2-)]-, hydrogen</t>
  </si>
  <si>
    <t>50525-57-0</t>
  </si>
  <si>
    <t>Cobaltate(1-), bis[4-hydroxy-3-[(2-hydroxy-1-naphthalenyl)azo]benzenesulfonamidato(2-)]-, hydrogen, compound with 2-propanamine (1:1)</t>
  </si>
  <si>
    <t>71839-84-4</t>
  </si>
  <si>
    <t>Cobaltate(1-), bis[4-hydroxy-3-[(2-hydroxy-1-naphthalenyl)azo]benzenesulfonamidato(2-)]-, lithium</t>
  </si>
  <si>
    <t>125252-57-5</t>
  </si>
  <si>
    <t>Cobaltate(1-), bis[4-hydroxy-3-[(2-hydroxy-1-naphthalenyl)azo]benzenesulfonamidato(2-)]-, sodium</t>
  </si>
  <si>
    <t>58302-43-5</t>
  </si>
  <si>
    <t>Cobaltate(1-), bis[4-hydroxy-3-[(2-hydroxy-1-naphthalenyl)azo]-N-(1-methylethyl)benzenesulfonamidato(2-)]-, sodium</t>
  </si>
  <si>
    <t>72391-09-4</t>
  </si>
  <si>
    <t>Cobaltate(1-), bis[4-hydroxy-3-[(2-hydroxy-1-naphthalenyl)azo]-N-(2-methoxyethyl)benzenesulfonamidato(2-)]-, sodium</t>
  </si>
  <si>
    <t>70247-76-6</t>
  </si>
  <si>
    <t>Cobaltate(1-), bis[4-hydroxy-3-[(2-hydroxy-1-naphthalenyl)azo]-N-(3-methoxypropyl)benzenesulfonamidato(2-)]-, sodium</t>
  </si>
  <si>
    <t>71735-61-0</t>
  </si>
  <si>
    <t>Cobaltate(1-), bis[4-hydroxy-3-[(2-hydroxy-1-naphthalenyl)azo]-N-methylbenzenesulfonamidato (2-)]-, ammonium</t>
  </si>
  <si>
    <t>83847-06-7</t>
  </si>
  <si>
    <t>Cobaltate(1-), bis[4-hydroxy-3-[(2-hydroxy-1-naphthalenyl)azo]-N-methylbenzenesulfonamidato (2-)]-, lithium</t>
  </si>
  <si>
    <t>83804-08-4</t>
  </si>
  <si>
    <t>Cobaltate(1-), bis[4-hydroxy-3-[(2-hydroxy-1-naphthalenyl)azo]-N-methylbenzenesulfonamidato (2-)]-, sodium</t>
  </si>
  <si>
    <t>83804-07-3</t>
  </si>
  <si>
    <t>Cobaltate(1-), bis[4-hydroxy-3-[(5-hydroxynaphth[2,1-d]-1,3-oxathiol-4-yl)azo]benzenesulfon amide ,-dioxidato(2-)]-, ammonium</t>
  </si>
  <si>
    <t>83864-23-7</t>
  </si>
  <si>
    <t>Cobaltate(1-), bis[4-hydroxy-3-[(5-hydroxynaphth[2,1-d]-1,3-oxathiol-4-yl)azo]benzenesulfon amide ,-dioxidato(2-)]-, sodium</t>
  </si>
  <si>
    <t>83817-79-2</t>
  </si>
  <si>
    <t>Cobaltate(1-), bis[5-[(5-chloro-2-hydroxyphenyl)azo]-6-hydroxy-N-(2-hydroxyethyl)-N-methyl-2-naphthalenesulfonamidato(2-)]-, sodium</t>
  </si>
  <si>
    <t>70236-43-0</t>
  </si>
  <si>
    <t>Cobaltate(1-), bis[6-amino-5-[(2-hydroxy-4-nitrophenyl)azo]-N-methyl-2-naphthalenesulfonamidato(2-)]-, sodium</t>
  </si>
  <si>
    <t>70236-59-8</t>
  </si>
  <si>
    <t>Cobaltate(1-), bis[hydrogen 3-hydroxy-4-[(2-hydroxy-1-naphthyl)azo]-7-nitro-1-naphthalenesulfonato(2-)]-</t>
  </si>
  <si>
    <t>26921-01-7</t>
  </si>
  <si>
    <t>Cobaltate(1-), bis[methyl [8-[[4-(aminosulfonyl)-2-hydroxy-5-methoxyphenyl]azo]-7-hydroxy-1-naphthalenyl]carbamato(2-)]-, sodium</t>
  </si>
  <si>
    <t>73507-63-8</t>
  </si>
  <si>
    <t>Cobaltate(1-), bis[N-(2-chlorophenyl)-2-[[2-hydroxy-5-[(methylamino)sulfonyl]phenyl]azo]-3-oxobutanamidato(2-)]-, sodium</t>
  </si>
  <si>
    <t>70247-73-3</t>
  </si>
  <si>
    <t>70247-74-4</t>
  </si>
  <si>
    <t>Cobaltate(1-), bis[N-[(2-chlorophenyl)-2-[[2-hydroxy-5-[(methylamino)sulfonyl]p henyl]phenyl]azo]-3-oxobutanamidato(2)]-, hydrogen</t>
  </si>
  <si>
    <t>55963-70-7</t>
  </si>
  <si>
    <t>Cobaltate(1-), bis[N-[2-hydroxy-3-[(2-hydroxy-5-nitrophenyl)azo]-5-methylphenyl]acetamidato(2-)]-, sodium</t>
  </si>
  <si>
    <t>71735-59-6</t>
  </si>
  <si>
    <t>Cobaltate(1-), bis[N-[7-hydroxy-8-[[2-hydroxy-5-[(methylamino)sulfonyl]phenyl]azo]-1-naphthalenyl]acetamidato(2-)]-, hydrogen, compound with 2-propanamine (1:1)</t>
  </si>
  <si>
    <t>71839-76-4</t>
  </si>
  <si>
    <t>Cobaltate(1-), bis[N-[8-[[5-(aminosulfonyl)-2-hydroxyphenyl]azo]-7-hydroxy-1-naphthalenyl]acetamidato(2-)]-, sodium</t>
  </si>
  <si>
    <t>68966-95-0</t>
  </si>
  <si>
    <t>Cobaltate(2-), [[N,N'-1,2-ethanediylbis[N-(carboxymethyl)glycinato]](4-)-N,N',O,O',ON,ON']-, (OC-6-21)-</t>
  </si>
  <si>
    <t>14931-83-0</t>
  </si>
  <si>
    <t>Cobaltate(2-), [1-[(5-chloro-2-hydroxyphenyl)azo]-2-naphthalenolato(2-)][3-hydroxy-4-[(2-hy droxy-1-naphthalenyl)azo]-7-nitro-1-naphthalenesulfonato(3-)]-, disodium</t>
  </si>
  <si>
    <t>125378-88-3</t>
  </si>
  <si>
    <t>Cobaltate(2-), [1-[(5-chloro-2-hydroxyphenyl)azo]-2-naphthalenolato(2-)][3-hydroxy-4-[(2-hydroxy-1-naphthalenyl)azo]-7-nitro-1-naphthalenesulfonato(3-)]-, sodium hydrogen</t>
  </si>
  <si>
    <t>71243-97-5</t>
  </si>
  <si>
    <t>Cobaltate(2-), [2,4-dihydro-4-[(2-hydroxy-5-nitrophenyl)azo]-5-methyl-2-phenyl-3H-pyrazol-3 -onato(2-)][2-[[[4-hydroxy-3-[[2-(phenylamino)-1-naphthalenyl]azo]phenyl]sul fonyl]amino]benzoato(3-)]-, disodium</t>
  </si>
  <si>
    <t>82556-13-6</t>
  </si>
  <si>
    <t>Cobaltate(2-), [2,4-dihydro-4-[(2-hydroxy-5-nitrophenyl)azo]-5-methyl-2-phenyl-3H-pyrazol-3-onato(2-)][2-[[[4-hydroxy-3-[[2-(phenylamino)-1-naphthalenyl]azo]phenyl]sulfonyl]amino]benzoato(3-)]-, sodium hydrogen</t>
  </si>
  <si>
    <t>73455-76-2</t>
  </si>
  <si>
    <t>Cobaltate(2-), [2,4-dihydro-4-[(2-hydroxy-5-nitrophenyl)azo]-5-methyl-2-phenyl-3H-pyrazol-3-onato(2-)][3-hydroxy-4-[(2-hydroxy-1-naphthalenyl)azo]-7-nitro-1-naphthalenesulfonato(3-)]-, dihydrogen</t>
  </si>
  <si>
    <t>72987-06-5</t>
  </si>
  <si>
    <t>Cobaltate(2-), [2,4-dihydro-4-[(2-hydroxy-5-nitrophenyl)azo]-5-methyl-2-phenyl-3H-pyrazol-3-onato(2-)][3-hydroxy-4-[(2-hydroxy-1-naphthalenyl)azo]-7-nitro-1-naphthalenesulfonato(3-)]-, dihydrogen, compound with 2,2'-iminobis[ethanol] (1:2)</t>
  </si>
  <si>
    <t>72987-07-6</t>
  </si>
  <si>
    <t>Cobaltate(2-), [2,4-dinitro-6-[[2-(phenylamino)-1-naphthalenyl]azo]phenolato(2-)][3-hydroxy-4-[(2-hydroxy-1-naphthalenyl)azo]-7-nitro-1-naphthalenesulfonato(3-)]-, sodium hydrogen</t>
  </si>
  <si>
    <t>72102-52-4</t>
  </si>
  <si>
    <t>Cobaltate(2-), [2-[[5-(aminosulfonyl)-2-hydroxyphenyl]azo]-N-(2-ethylhexyl)-3-oxobutanamidato(2-)][4-[[1-[(2-hydroxy-3,5-dinitrophenyl)azo]-2-naphthalenyl]amino]benzenesulfonato(3-)]-, dipotassium</t>
  </si>
  <si>
    <t>68928-31-4</t>
  </si>
  <si>
    <t>Cobaltate(2-), [29H,31H-phthalocyanine-C,C-disulfonato(4-)-N29,N30,N31,N32]-, dihydrogen</t>
  </si>
  <si>
    <t>29383-29-7</t>
  </si>
  <si>
    <t>Cobaltate(2-), [29H,31H-phthalocyanine-C,C-disulfonato(4-)-N29,N30,N31,N32]-, disodium</t>
  </si>
  <si>
    <t>61045-13-4</t>
  </si>
  <si>
    <t>Cobaltate(2-), [6-amino-5-[(2-hydroxy-4-nitrophenyl)azo]-N-methyl-2-naphthalenesulfonamidato(2-)][6-amino-5-[(2-hydroxy-4-nitrophenyl)azo]-2-naphthalenesulfonato(3-)]-, disodium</t>
  </si>
  <si>
    <t>75314-27-1</t>
  </si>
  <si>
    <t>Cobaltate(2-), bis[2-[[5-(aminosulfonyl)-2-hydroxyphenyl]azo]-3-oxo-N-phenylbutanamidato(2-)]-, dihydrogen</t>
  </si>
  <si>
    <t>12715-61-6</t>
  </si>
  <si>
    <t>Cobaltate(2-), bis[2-[[5-(aminosulfonyl)-2-hydroxyphenyl]azo]-3-oxo-N-phenylbutanamidato(2-)]-, dilithium</t>
  </si>
  <si>
    <t>67906-22-3</t>
  </si>
  <si>
    <t>Cobaltate(2-), bis[2-[[5-(aminosulfonyl)-2-hydroxyphenyl]azo]-3-oxo-N-phenylbutanamidato(2-)]-, disodium</t>
  </si>
  <si>
    <t>75522-91-7</t>
  </si>
  <si>
    <t>Cobaltate(2-), bis[3-[(4,5-dihydro-3-methyl-5-oxo-1-phenyl-1H-pyrazol-4-yl)azo]-4-hydroxybenzenesulfonamidato(2)]-, dilithium, (OC-6-22')-</t>
  </si>
  <si>
    <t>67906-23-4</t>
  </si>
  <si>
    <t>Cobaltate(2-), bis[3-[(4,5-dihydro-3-methyl-5-oxo-1-phenyl-1H-pyrazol-4-yl)azo]-4-hydroxybenzenesulfonamidato(2-)]-, disodium, (OC-6-22')-</t>
  </si>
  <si>
    <t>72208-07-2</t>
  </si>
  <si>
    <t>Cobaltate(2-), bis[3-[(4,5-dihydro-3-methyl-5-oxo-1-phenyl-1H-pyrazol-4-yl)azo]-4-hydroxybenzenesulfonamidato(2-)]-, lithium sodium, (OC-6-22')-</t>
  </si>
  <si>
    <t>75557-21-0</t>
  </si>
  <si>
    <t>Cobaltate(2-), bis[3-[[1-(3-chlorophenyl)-4,5-dihydro-3-methyl-5-oxo-1H-pyrazol-4-yl]azo]-4-hydroxybenzenesulfonamidato(2-)]-, disodium</t>
  </si>
  <si>
    <t>70529-03-2</t>
  </si>
  <si>
    <t>Cobaltate(2-), bis[4-hydroxy-3-[(2-hydroxy-1-naphthalenyl)azo]benzenesulfonamidato(2-)]-, disodium</t>
  </si>
  <si>
    <t>71060-75-8</t>
  </si>
  <si>
    <t>Cobaltate(3-), [4-amino-3-[(2-hydroxy-3,5-dinitrophenyl)azo]-1-naphthalenesulfonato(3-)][5-amino-6-[(2-hydroxy-3,5-dinitrophenyl)azo]-1-naphthalenesulfonato(3-)]-, trisodium</t>
  </si>
  <si>
    <t>82457-28-1</t>
  </si>
  <si>
    <t>Cobaltate(3-), [N,N-bis(phosphonomethyl)glycinato(5-)]-, triammonium, (T-4)-</t>
  </si>
  <si>
    <t>67968-65-4</t>
  </si>
  <si>
    <t>Cobaltate(3-), [N,N-bis(phosphonomethyl)glycinato(5-)]-, tripotassium, (T-4)-</t>
  </si>
  <si>
    <t>63597-33-1</t>
  </si>
  <si>
    <t>Cobaltate(3-), [N,N-bis(phosphonomethyl)glycinato(5-)]-, trisodium,(T-4)-</t>
  </si>
  <si>
    <t>67968-66-5</t>
  </si>
  <si>
    <t>Cobaltate(3-), bis[2-[[[3-[[1-[[(2-chlorophenyl)amino]carbonyl]-2-oxopropyl]azo]-4-hydroxyphenyl]sulfonyl]amino]benzoato(3-)]-, trisodium</t>
  </si>
  <si>
    <t>73612-41-6</t>
  </si>
  <si>
    <t>Cobaltate(3-), bis[2-[[[4-hydroxy-3-[[2-(phenylamino)-1-naphthalenyl]azo]phenyl]sulfonyl]am ino]benzoato(3-)]-, trisodium</t>
  </si>
  <si>
    <t>82556-12-5</t>
  </si>
  <si>
    <t>Cobaltate(3-), bis[2-[[[4-hydroxy-3-[[2-(phenylamino)-1-naphthalenyl]azo]phenyl]sulfonyl]amino]benzoato(3-)]-, sodium dihydrogen</t>
  </si>
  <si>
    <t>72829-33-5</t>
  </si>
  <si>
    <t>Cobaltate(3-), bis[2-[[[4-hydroxy-3-[[2-oxo-1-[(phenylamino)carbonyl]propyl]azo]phenyl]sulfonyl]amino]benzoato(3-)]-, sodium dihydrogen</t>
  </si>
  <si>
    <t>73018-84-5</t>
  </si>
  <si>
    <t>Cobaltate(3-), bis[2-hydroxy-5-nitro-3-[[2-oxo-1-[(phenylamino)carbonyl]propyl]azo]benzenes ulfonato(3-)]-, sodium dihydrogen</t>
  </si>
  <si>
    <t>73507-73-0</t>
  </si>
  <si>
    <t>Cobaltate(3-), bis[3-hydroxy-4-[(2-hydroxy-1-naphthalenyl)azo]-7-nitro-1-naphthalenesulfona to(3-)]-, trisodium</t>
  </si>
  <si>
    <t>125378-89-4</t>
  </si>
  <si>
    <t>Cobaltate(3-), bis[3-hydroxy-4-[(2-hydroxy-1-naphthalenyl)azo]-7-nitro-1-naphthalenesulfonato(3-)]-, trihydrogen</t>
  </si>
  <si>
    <t>72797-08-1</t>
  </si>
  <si>
    <t>Cobaltate(3-), bis[3-hydroxy-4-[(2-hydroxy-1-naphthalenyl)azo]-7-nitro-1-naphthalenesulfonato(3-)]-, trihydrogen, compound with 2,2'-iminobis[ethanol] (1:3)</t>
  </si>
  <si>
    <t>72797-09-2</t>
  </si>
  <si>
    <t>Cobaltate(3-), bis[3-hydroxy-7-nitro-4-[(1,2,3,4-tetrahydro-2,4-dioxo-3-quinolinyl)azo]-1-naphthalenesulfonato(3-)]-, trisodium</t>
  </si>
  <si>
    <t>74196-11-5</t>
  </si>
  <si>
    <t>Cobaltate(3-), bis[4-[[2-[(2-hydroxy-5-nitrophenyl)azo]-1,3-dioxobutyl]amino]-5-methoxy-2-methylbenzenesulfonato(3-)]-, trihydrogen</t>
  </si>
  <si>
    <t>62598-42-9</t>
  </si>
  <si>
    <t>Cobaltate(3-), bis[4-[4-[[4-[[[3-[(4,5-dihydro-3-methyl-5-oxo-1-phenyl-1H-pyrazol-4-yl)azo]-4-hydroxyphenyl]sulfonyl]amino]phenyl]azo]-4,5-dihydro-3-methyl-5-oxo-1H-pyrazol-1-yl]benzenesulfonato(3-)]-, trisodium</t>
  </si>
  <si>
    <t>75234-42-3</t>
  </si>
  <si>
    <t>Cobaltate(3-), bis[4-[4-[[4-[4-[[5-(aminosulfonyl)-2-hydroxyphenyl]azo]-4,5-dihydro-3-methyl-5-oxo-1H-pyrazol-1-yl]phenyl]azo]-4,5-dihydro-3-methyl-5-oxo-1H-pyrazol-1-yl]benzenesulfonato(3-)]-, trisodium</t>
  </si>
  <si>
    <t>75214-72-1</t>
  </si>
  <si>
    <t>Cobaltate(3-), bis[5-chloro-2-hydroxy-3-[[2-oxo-1-[(phenylamino)carbonyl]propyl]azo]benzenesulfonato(3-)]-, trisodium</t>
  </si>
  <si>
    <t>73324-01-3</t>
  </si>
  <si>
    <t>Cobaltate(3-), bis[6-amino-5-[(2-hydroxy-3,5-dinitrophenyl)azo]-1-naphthalenesulfonato(3-)]-, sodium dihydrogen</t>
  </si>
  <si>
    <t>73297-10-6</t>
  </si>
  <si>
    <t>Cobaltate(3-), bis[6-amino-5-[(2-hydroxy-4-nitrophenyl)azo]-2-naphthalenesulfonato(3-)]-, trisodium</t>
  </si>
  <si>
    <t>77630-54-7</t>
  </si>
  <si>
    <t>Cobaltate(3-), hexakis(cyano-C)-, cobalt(2+) (2:3), (OC-6-11)-</t>
  </si>
  <si>
    <t>14123-08-1</t>
  </si>
  <si>
    <t>Cobaltate(3-), hexakis(cyano-C)-, zinc (2:3), (OC-6-11)-</t>
  </si>
  <si>
    <t>14049-79-7</t>
  </si>
  <si>
    <t>Cobaltate(3-), hexakis(nitrito-N)-, tripotassium, (OC-6-11)-</t>
  </si>
  <si>
    <t>13782-01-9</t>
  </si>
  <si>
    <t>Cobaltate(3-), hexakis(nitrito-O)-, trisodium, (OC-6-11)-</t>
  </si>
  <si>
    <t>14649-73-1</t>
  </si>
  <si>
    <t>Cobaltate(3-), tris[6-hydroxy-5-nitroso-2-naphthalenesulfonato(2-)]-, trisodium</t>
  </si>
  <si>
    <t>67815-64-9</t>
  </si>
  <si>
    <t>Cobaltate(4-), [[[nitrilotris(methylene)]tris[phosphonato]](6-)-N,OP,OP',OP'']-, tetrapotassium, (T-4)-</t>
  </si>
  <si>
    <t>63588-34-1</t>
  </si>
  <si>
    <t>Cobaltate(4-), [[[nitrilotris(methylene)]tris[phosphonato]](6-)-N,OP,OP',OP'']-, tetrasodium, (T-4)-</t>
  </si>
  <si>
    <t>68000-01-1</t>
  </si>
  <si>
    <t>Cobaltate(4-), [[[nitrilotris(methylene)]tris[phosphonato]](6-)-N,OP,OP',OP'']-, triammonium hydrogen, (T-4)-</t>
  </si>
  <si>
    <t>67968-64-3</t>
  </si>
  <si>
    <t>Cobaltate(4-), [29H,31H-phthalocyanine-2,9,16,23-tetrasulfonato(6-)-N29,N30,N31,N32]-, tetrahydrogen, (SP-4-1)-</t>
  </si>
  <si>
    <t>14285-59-7</t>
  </si>
  <si>
    <t>Cobaltate(4-), bis[2-[[[3-[[1-[[(2-chlorophenyl)amino]carbonyl]-2-oxopropyl]azo]-4-hydroxyphenyl]sulfonyl]amino]benzoato(3-)]-, tetrasodium</t>
  </si>
  <si>
    <t>70851-34-2</t>
  </si>
  <si>
    <t>Cobaltate(4-), hexakis(cyano-C)-, tetrapotassium, (OC-6-11)-</t>
  </si>
  <si>
    <t>14564-70-6</t>
  </si>
  <si>
    <t>Cobaltate(4-), hexakis(cyano-C)-, tetrasodium, (OC-6-11)-</t>
  </si>
  <si>
    <t>14217-00-6</t>
  </si>
  <si>
    <t>Cobaltate(5-), bis[4-[(5-chloro-2,6-difluoro-4-pyrimidinyl)amino]-2-[[4-chloro-6-[[4-[4,5-dihydro-4-[(2-hydroxy-5-sulfophenyl)azo]-3-methyl-5-oxo-1H-pyrazol-1-yl]phenyl]amino]-1,3,5-triazin-2-yl]amino]benzenesulfonato(4-)]-, pentasodium</t>
  </si>
  <si>
    <t>83417-32-7</t>
  </si>
  <si>
    <t>Cobaltate(5-), bis[4-[[6-[[4-chloro-6-(phenylamino)-1,3,5-triazin-2-yl]amino]-1-hydroxy-3-sulfo-2-naphthalenyl]azo]-3-hydroxy-7-nitro-1-naphthalenesulfonato(4-)]-, pentasodium</t>
  </si>
  <si>
    <t>75284-36-5</t>
  </si>
  <si>
    <t>Cobaltate(5-), bis[4-[4-[[4-[[[3-[[4,5-dihydro-3-methyl-5-oxo-1-(4-sulfophenyl)-1H-pyrazol-4-yl]azo]-4-hydroxyphenyl]sulfonyl]amino]phenyl]azo]-4,5-dihydro-3-methyl-5-oxo-1H-pyrazol-1-yl]benzenesulfonato(4-)]-, pentasodium</t>
  </si>
  <si>
    <t>75214-71-0</t>
  </si>
  <si>
    <t>Cobaltate(5-), bis[4-hydroxy-3-[(2-hydroxy-5-nitrophenyl)azo]-5-[(2,5,6-trichloro-4-pyrimidinyl)amino]-2,7-naphthalenedisulfonato(4-)]-, pentasodium</t>
  </si>
  <si>
    <t>74196-19-3</t>
  </si>
  <si>
    <t>Cobaltate(5-), bis[5-[(4,6-dichloro-1,3,5-triazin-2-yl)amino]-4-hydroxy-3-[(2-h ydroxy-5-nitrophenyl)azo]-2,7-naphthalenedisulfonato(4-)]-, pentasodium</t>
  </si>
  <si>
    <t>104815-53-4</t>
  </si>
  <si>
    <t>Cobaltate(5-), bis[5-[(4-amino-6-chloro-1,3,5-triazin-2-yl)amino]-4-hydroxy-3-[(2-hydroxy-5-nitrophenyl)azo]-2,7-naphthalenedisulfonato(4-)]-, pentasodium</t>
  </si>
  <si>
    <t>79817-88-2</t>
  </si>
  <si>
    <t>Cobaltate(5-), bis[5-[(4-amino-6-chloro-1,3,5-triazin-2-yl)amino]-4-hydroxy-3-[(2-hydroxy-5-nitrophenyl)azo]-2,7-naphthalenedisulfonato(4-)]-, tetrapotassium sodium</t>
  </si>
  <si>
    <t>73038-30-9</t>
  </si>
  <si>
    <t>Cobaltate(5-), bis[5-[(4-amino-6-chloro-1,3,5-triazin-2-yl)amino]-4-hydroxy-3-[(2-hydroxy-5-nitrophenyl)azo]-2,7-naphthalenedisulfonato(4-)]-, tetrasodium hydrogen</t>
  </si>
  <si>
    <t>70776-55-5</t>
  </si>
  <si>
    <t>Cobaltate(5-), bis[5-[(4-chloro-6-methoxy-1,3,5-triazin-2-yl)amino]-4-hydroxy-3-[(2-hydroxy-5-nitrophenyl)azo]-2,7-naphthalenedisulfonato(4-)]-, tetrasodium hydrogen</t>
  </si>
  <si>
    <t>68132-93-4</t>
  </si>
  <si>
    <t>Cobaltate(5-), bis[6-[(5-chloro-2,6-difluoro-4-pyrimidinyl)amino]-4-hydroxy-3-[(2-hydroxy-5-nitro-3-sulfophenyl)azo]-2-naphthalenesulfonato(4-)]-,tetrapotassium sodium</t>
  </si>
  <si>
    <t>74196-12-6</t>
  </si>
  <si>
    <t>Cobaltate(5-), bis[6-amino-5-[[2-hydroxy-5-[[2-(sulfooxy)ethyl]sulfonyl]phenyl]azo]-1-naphthalenesulfonato(4-)]-, potassium sodium</t>
  </si>
  <si>
    <t>72269-32-0</t>
  </si>
  <si>
    <t>Cobaltate(5-), bis[7-hydroxy-8-[(2-hydroxy-5-nitro-3-sulfophenyl)azo]-6-[(2,5,6-trichloro-4-pyrimidinyl)amino]-2-naphthalenesulfonato(4-)]-, pentasodium</t>
  </si>
  <si>
    <t>74196-13-7</t>
  </si>
  <si>
    <t>Cobaltate(7-), [5-[[4-chloro-6-[[5-[(5-chloro-2,6-difluoro-4-pyrimidinyl)amino] -2-sulfophenyl]amino]-1,3,5-triazin-2-yl]amino]-4-hydroxy-3-[(2- hydroxy-5-sulfophenyl)azo]-2,7-naphthalenedisulfonato(6-)][4-[(5 -chloro-2,6-difluoro-4-pyrimidinyl)amino]-2-[</t>
  </si>
  <si>
    <t>83417-33-8</t>
  </si>
  <si>
    <t>Cobaltate(7-), bis[4-hydroxy-3-[(2-hydroxy-5-nitrophenyl)azo]-7-[(3-phosphonophenyl)amino]-2-naphthalenesulfonato(5-)]-, disodium pentahydrogen</t>
  </si>
  <si>
    <t>69898-68-6</t>
  </si>
  <si>
    <t>Cobaltate(7-), bis[4-hydroxy-5-[(2-hydroxy-1-naphthalenyl)azo]-3-[(2-hydroxy-3-nitro-5-sulfophenyl)azo]-2,7-naphthalenedisulfonato(5-)]-, heptasodium</t>
  </si>
  <si>
    <t>74196-18-2</t>
  </si>
  <si>
    <t>Cobaltate(8-), bis[4-hydroxy-3-[(2-hydroxy-5-nitrophenyl)azo]-7-[(3-phosphonophenyl)amino]-2-naphthalenesulfonato(5-)]-, tetraammonium tetrahydrogen</t>
  </si>
  <si>
    <t>70833-34-0</t>
  </si>
  <si>
    <t>Cobaltate(9-), bis[5-[[4-chloro-6-[[5-[(5-chloro-2,6-difluoro-4-pyrimidinyl)amino]-2-sulfophenyl]amino]-1,3,5-triazin-2-yl]amino]-4-hydroxy-3-[(2-hydroxy-5-sulfophenyl)azo]-2,7-naphthalenedisulfonato(6-)]-, nonasodium</t>
  </si>
  <si>
    <t>83417-34-9</t>
  </si>
  <si>
    <t>Cobalt-dinitrate</t>
  </si>
  <si>
    <t>Cobaltocene</t>
  </si>
  <si>
    <t>1277-43-6</t>
  </si>
  <si>
    <t>Cobaltocenium hexafluorophosphate(1-)</t>
  </si>
  <si>
    <t>12427-42-8</t>
  </si>
  <si>
    <t>Cobaltocenium, (T-4)-tetrachlorocobaltate(2-) (2:1)</t>
  </si>
  <si>
    <t>11077-19-3</t>
  </si>
  <si>
    <t>Cobaltous bromide</t>
  </si>
  <si>
    <t>7789-43-7</t>
  </si>
  <si>
    <t>Cobaltous chloride</t>
  </si>
  <si>
    <t>Cobaltous sulfamate</t>
  </si>
  <si>
    <t>14017-41-5</t>
  </si>
  <si>
    <t>Cyclohexanebutanoic acid, cobalt(2+) salt</t>
  </si>
  <si>
    <t>38582-17-1</t>
  </si>
  <si>
    <t>Di(acetato-O)(1,4-diazabicyclo[2.2.2]octane-N1)cobalt</t>
  </si>
  <si>
    <t>68239-55-4</t>
  </si>
  <si>
    <t>Di-.mu.-carbonyltetracarbonylbis(triphenylphosphine)dicobalt</t>
  </si>
  <si>
    <t>24212-54-2</t>
  </si>
  <si>
    <t>Diammonium pentahydrogen bis[4-hydroxy-3-[(2-hydroxy-5-nitrophenyl)azo]-7-[(3-phosphonophenyl)amino]naphthalene-2-sulphonato(5-)]cobaltate(7-)</t>
  </si>
  <si>
    <t>83803-62-7</t>
  </si>
  <si>
    <t>Diboron cobalt(2+) tetraoxide</t>
  </si>
  <si>
    <t>38233-75-9</t>
  </si>
  <si>
    <t>Dicarbonyl(.eta.5-2,4-cyclopentadien-1-yl)cobalt</t>
  </si>
  <si>
    <t>12078-25-0</t>
  </si>
  <si>
    <t>Dichloro(1,4-diazabicyclo[2.2.2]octane-N1)cobalt</t>
  </si>
  <si>
    <t>68239-57-6</t>
  </si>
  <si>
    <t>Dichlorobis(3-pyridylcarboxamide-N1)cobalt</t>
  </si>
  <si>
    <t>6856-47-9</t>
  </si>
  <si>
    <t>Dicobalt edetate</t>
  </si>
  <si>
    <t>36499-65-7</t>
  </si>
  <si>
    <t>Dicobalt orthosilicate</t>
  </si>
  <si>
    <t>13455-33-9</t>
  </si>
  <si>
    <t>Dicobalt tris(sulphate)</t>
  </si>
  <si>
    <t>13478-09-6</t>
  </si>
  <si>
    <t>Dicobalt(2+) nickel(2+) bis[2-hydroxypropane-1,2,3-tricarboxylate]</t>
  </si>
  <si>
    <t>94232-84-5</t>
  </si>
  <si>
    <t>Dihydrogen bis[L-glutamato(2-)-N,O1]cobaltate(2-)</t>
  </si>
  <si>
    <t>19224-80-7</t>
  </si>
  <si>
    <t>Diphosphoric acid, cobalt(2+) salt (1:2)</t>
  </si>
  <si>
    <t>14640-56-3</t>
  </si>
  <si>
    <t>Dipotassium [[N,N'-ethylenebis[N-(carboxymethyl)glycinato]](4-)-N,N',O,O',ON,ON']cobaltate(2-)</t>
  </si>
  <si>
    <t>14025-10-6</t>
  </si>
  <si>
    <t>Dipotassium disulphatocobaltate</t>
  </si>
  <si>
    <t>13596-22-0</t>
  </si>
  <si>
    <t>Disodium [5-[[1-(anilinocarbonyl)-2-oxopropyl]azo]-4-hydroxy-3-nitrobenzenesulphonato(3-)][2-[(2-hydroxy-5-nitrophenyl)azo]-3-oxo-N-phenylbutyramidato(2-)]cobaltate(2-)</t>
  </si>
  <si>
    <t>76762-27-1</t>
  </si>
  <si>
    <t>Electrolytes, cobalt-manufacturing A solution used in the electrolytic refining of cobalt. The composition varies according to the particular process involved. The electrolyte generally contains high levels of cob alt ions and lower levels of impurity me</t>
  </si>
  <si>
    <t>121053-28-9</t>
  </si>
  <si>
    <t>Fatty acids, soya, polymers with acetic acid, fumaric acid, linseedoil, maleic anhydride, pentaerythritol, rosin, tall oil, tall-oil fatty acids and tripentaerythritol, cobalt salts</t>
  </si>
  <si>
    <t>70131-61-2</t>
  </si>
  <si>
    <t>Formic acid, cobalt salt</t>
  </si>
  <si>
    <t>15731-88-1</t>
  </si>
  <si>
    <t>Heptahydrogen bis[4-hydroxy-3-[(2-hydroxy-5-nitrophenyl)azo]-7-[(3-phosphonophenyl)amino]naphthalene-2-sulphonato(5-)]cobaltate(7-)</t>
  </si>
  <si>
    <t>65335-15-1</t>
  </si>
  <si>
    <t>Hexa(cyano-c)cobaltate(4-)</t>
  </si>
  <si>
    <t>23209-26-9</t>
  </si>
  <si>
    <t>Hexanoic acid, 3,5,5-trimethyl-, cobalt(2+) salt</t>
  </si>
  <si>
    <t>49676-83-7</t>
  </si>
  <si>
    <t>Hydrazinium(1+), (OC-6-21)-[[N,N'-1,2-ethanediylbis[N-(carboxymethyl)glycinato]](4-)-N,N',O,O',ON,ON']cobaltate(2-) (2:1)</t>
  </si>
  <si>
    <t>68201-98-9</t>
  </si>
  <si>
    <t>Hydrofluoric acid, reaction products with alumina and cobalt chloride (CoCl2)</t>
  </si>
  <si>
    <t>68442-96-6</t>
  </si>
  <si>
    <t>Hydrogen [2,4-dihydro-4-[(2-hydroxy-4-nitrophenyl)azo]-5-methyl-2-phenyl-3H-pyrazol-3-onato(2-)][1-[(2-hydroxy-4-nitrophenyl)azo]-2-naphtholato(2-)]cobaltate(1-)</t>
  </si>
  <si>
    <t>52277-72-2</t>
  </si>
  <si>
    <t>Hydrogen [2-[[5-(aminosulphonyl)-2-hydroxyphenyl]azo]-3-oxo-N-phenylbutylamidato(2-)][3-[[1-(benzothiazol-2-yl)-2-oxopropyl]azo]-4-hydroxybenzenesulphonamidato(2-)]cobaltate(1-)</t>
  </si>
  <si>
    <t>83249-70-1</t>
  </si>
  <si>
    <t>Hydrogen bis[1-[(2-hydroxy-4-nitrophenyl)azo]naphthalen-2-olato(2-)]cobaltate(1-)</t>
  </si>
  <si>
    <t>32517-38-7</t>
  </si>
  <si>
    <t>Hydrogen bis[2,4-dihydro-4-[(2-hydroxy-4-nitrophenyl)azo]-5-methyl-2-phenyl-3H-pyrazol-3-onato(2-)]cobaltate(1-)</t>
  </si>
  <si>
    <t>84030-59-1</t>
  </si>
  <si>
    <t>Hydrogen bis[2,4-dihydro-4-[[2-hydroxy-5-mesylphenyl]azo]-5-methyl-2-phenyl-3H-pyrazol-3-onato(2-)]cobaltate(1-)</t>
  </si>
  <si>
    <t>29998-71-8</t>
  </si>
  <si>
    <t>Hydrogen bis[2-[(2-hydroxy-5-nitrophenyl)azo]-3-oxo-N-phenylbutyramidato(2-)]cobaltate(1-), compound with 2,2'-dodecyliminobis[ethanol] (1:1)</t>
  </si>
  <si>
    <t>84030-58-0</t>
  </si>
  <si>
    <t>Hydrogen bis[3-[[1-(benzothiazol-2-yl)-2-oxopropyl]azo]-4-hydroxybenzenesulphonamidato(2-)]cobaltate(1-)</t>
  </si>
  <si>
    <t>83249-73-4</t>
  </si>
  <si>
    <t>Hydrogen bis[5,8-dichloro-2-[(2-hydroxy-4-nitrophenyl)azo]-1-naphtholato(2-)]cobaltate(1-), compound with cyclohexylamine (1:1)</t>
  </si>
  <si>
    <t>82338-72-5</t>
  </si>
  <si>
    <t>Hydrogen bis[5,8-dichloro-2-[(2-hydroxy-5-nitrophenyl)azo]-1-naphtholato(2-)]cobaltate(1-), compound with cyclohexylamine (1:1)</t>
  </si>
  <si>
    <t>82338-74-7</t>
  </si>
  <si>
    <t>Hydrogen bis[N-[7-hydroxy-8-[[2-hydroxy-5-mesylphenyl]azo]-1-naphthyl]cobaltate(1-)</t>
  </si>
  <si>
    <t>29616-23-7</t>
  </si>
  <si>
    <t>Isononanoic acid, cobalt salt</t>
  </si>
  <si>
    <t>57364-75-7</t>
  </si>
  <si>
    <t>Leach residues, zinc ore-calcine, cobalt repulp</t>
  </si>
  <si>
    <t>69012-71-1</t>
  </si>
  <si>
    <t>Lithium [2-[[5-(aminosulphonyl)-2-hydroxyphenyl]azo]-3-oxo-N-phenylbutylamidato(2-)][3-[[1-(benzothiazol-2-yl)-2-oxopropyl]azo]-4-hydroxybenzenesulphonamidato(2-)]cobaltate(1-)</t>
  </si>
  <si>
    <t>83270-30-8</t>
  </si>
  <si>
    <t>Lithium bis[2-[(2-hydroxy-5-nitrophenyl)azo]-3-oxo-N-phenylbutyramidato(2-)]cobaltate(1-)</t>
  </si>
  <si>
    <t>83733-13-5</t>
  </si>
  <si>
    <t>Lithium bis[2-[[5-(aminosulphonyl)-2-hydroxyphenyl]azo]-3-oxo-N-phenylbutyramidato(2-)]cobaltate(1-)</t>
  </si>
  <si>
    <t>83249-68-7</t>
  </si>
  <si>
    <t>Lithium bis[3-[[1-(benzothiazol-2-yl)-2-oxopropyl]azo]-4-hydroxybenzenesulphonamidato(2-)]cobaltate(1-)</t>
  </si>
  <si>
    <t>83249-72-3</t>
  </si>
  <si>
    <t>Molybdate (Mo7O246-), cobalt(3+) (2:1)</t>
  </si>
  <si>
    <t>68647-47-2</t>
  </si>
  <si>
    <t>N,N'-Ethylenebis(glycinato-O,N)cobalt</t>
  </si>
  <si>
    <t>29977-10-4</t>
  </si>
  <si>
    <t>Naphthenic acid, cobalt lead manganese salt</t>
  </si>
  <si>
    <t>61789-50-2</t>
  </si>
  <si>
    <t>Neodecanoic acid, cobalt(2+) salt</t>
  </si>
  <si>
    <t>52270-44-7</t>
  </si>
  <si>
    <t>Nitric acid, cobalt(3+) salt</t>
  </si>
  <si>
    <t>15520-84-0</t>
  </si>
  <si>
    <t>Octadecanoic acid, cobalt salt</t>
  </si>
  <si>
    <t>13586-84-0</t>
  </si>
  <si>
    <t>Octanoic acid, cobalt salt</t>
  </si>
  <si>
    <t>6700-85-2</t>
  </si>
  <si>
    <t>Pentapotassium bis[5-[(4-amino-6-chloro-1,3,5-triazin-2-yl)amino]-4-hydroxy-3-[(2-hydroxy-5-nitrophenyl)azo]naphthalene-2,7-disulphonato(4-)]cobaltate(5-)</t>
  </si>
  <si>
    <t>79817-89-3</t>
  </si>
  <si>
    <t>Perchloric acid, cobalt(2+) salt</t>
  </si>
  <si>
    <t>13455-31-7</t>
  </si>
  <si>
    <t>Phosphonic acid, (1-hydroxyethylidene)bis-, ammonium cobalt(2+) salt (1:2:1)</t>
  </si>
  <si>
    <t>69178-34-3</t>
  </si>
  <si>
    <t>Phosphonic acid, (1-hydroxyethylidene)bis-, cobalt(2+) potassium salt (1:1:2)</t>
  </si>
  <si>
    <t>69140-59-6</t>
  </si>
  <si>
    <t>Phosphonic acid, (1-hydroxyethylidene)bis-, cobalt(2+) sodium salt (1:1:2)</t>
  </si>
  <si>
    <t>69140-60-9</t>
  </si>
  <si>
    <t>Phosphoric acid, ammonium cobalt(2+) salt (1:1:1)</t>
  </si>
  <si>
    <t>14590-13-7</t>
  </si>
  <si>
    <t>Phosphoric acid, cobalt(2+) salt (1:1)</t>
  </si>
  <si>
    <t>13596-21-9</t>
  </si>
  <si>
    <t>Phosphoric acid, cobalt(2+) salt (2:1)</t>
  </si>
  <si>
    <t>18718-10-0</t>
  </si>
  <si>
    <t>Phosphoric acid, cobalt(2+) salt (2:3), hydrate</t>
  </si>
  <si>
    <t>10101-56-1</t>
  </si>
  <si>
    <t>Potassium [N,N-bis(carboxymethyl)glycinato(3-)-N,O,O',O'']cobaltate(1-)</t>
  </si>
  <si>
    <t>63640-17-5</t>
  </si>
  <si>
    <t>Propanoic acid, 2,2-dimethyl-, cobalt(2+) salt</t>
  </si>
  <si>
    <t>15520-31-7</t>
  </si>
  <si>
    <t>Selenic acid, cobalt(2+) salt (1:1)</t>
  </si>
  <si>
    <t>14590-19-3</t>
  </si>
  <si>
    <t>Sodium [2-[[5-(aminosulphonyl)-2-hydroxyphenyl]azo]-3-oxo-N-phenylbutylamidato(2-)][3-[[1-(benzothiazol-2-yl)-2-oxopropyl]azo]-4-hydroxybenzenesulphonamidato(2-)]cobaltate(1-)</t>
  </si>
  <si>
    <t>83249-69-8</t>
  </si>
  <si>
    <t>Sodium bis[1-[[5-(ethylsulphonyl)-2-hydroxyphenyl]azo]-2-naphtholato(2-)]cobaltate(1-)</t>
  </si>
  <si>
    <t>55870-94-5</t>
  </si>
  <si>
    <t>Sodium bis[3-[[1-(benzothiazol-2-yl)-2-oxopropyl]azo]-4-hydroxybenzenesulphonamidato(2-)]cobaltate(1-)</t>
  </si>
  <si>
    <t>83249-71-2</t>
  </si>
  <si>
    <t>Sodium bis[3-[[4,5-dihydro-3-methyl-1-(4-nitrophenyl)-5-oxo-1H-pyrazol-4-yl]azo]-4-hydroxybenzenesulphonamidato(2)]cobaltate(1-)</t>
  </si>
  <si>
    <t>83803-65-0</t>
  </si>
  <si>
    <t>Sodium bis[4-[(4-chloro-1-hydroxy-2-naphthyl)azo]-N,N'-diethyl-5-hydroxybenzene-1,3-disulphonamidato(2-)]cobaltate(1-)</t>
  </si>
  <si>
    <t>24215-94-9</t>
  </si>
  <si>
    <t>Sodium bis[4-hydroxy-3-[(5-hydroxynaphth[2,1-d]-1,3-oxathiol-4-yl)azo]-N-methylbenzenesulphonamide S,S-dioxidato(2-)]cobaltate(1-)</t>
  </si>
  <si>
    <t>83817-78-1</t>
  </si>
  <si>
    <t>Sodium bis[methyl [8-[[5-(ethylsulphonyl)-2-hydroxyphenyl]azo]-7-hydroxy-2-naphthyl]methylcarbamato(2-)]cobaltate(1-)</t>
  </si>
  <si>
    <t>55870-93-4</t>
  </si>
  <si>
    <t>Spinels, cobalt nickel zinc grey</t>
  </si>
  <si>
    <t>95046-47-2</t>
  </si>
  <si>
    <t>Sulfuric acid, ammonium cobalt(2+) salt</t>
  </si>
  <si>
    <t>13586-38-4</t>
  </si>
  <si>
    <t>Sulfuric acid, ammonium cobalt(2+) salt (2:2:1)</t>
  </si>
  <si>
    <t>13596-46-8</t>
  </si>
  <si>
    <t>Sulfuric acid, cobalt salt, hydrate</t>
  </si>
  <si>
    <t>65492-00-4</t>
  </si>
  <si>
    <t>Tetrakis[(decanoato-O)cobalt]tetra-.mu.-oxotitanium</t>
  </si>
  <si>
    <t>84145-31-3</t>
  </si>
  <si>
    <t>Tetrakis[(octanoato-O)cobalt]tetra-.mu.-oxotitanium</t>
  </si>
  <si>
    <t>84176-59-0</t>
  </si>
  <si>
    <t>Thiocyanic acid, cobalt(2+) salt</t>
  </si>
  <si>
    <t>3017-60-5</t>
  </si>
  <si>
    <t>Tri-.mu.-carbonyltetracarbonyl(pentacarbonyldicobalt)dirhodium</t>
  </si>
  <si>
    <t>50696-78-1</t>
  </si>
  <si>
    <t>Tricobalt bis(orthophosphate)</t>
  </si>
  <si>
    <t>13455-36-2</t>
  </si>
  <si>
    <t>Tricopper bis[hexa(cyano-c)cobaltate(3-)]</t>
  </si>
  <si>
    <t>14518-26-4</t>
  </si>
  <si>
    <t>Trihydrogen bis[5-[[[4-hydroxy-3-[[2-oxo-1-[(phenylamino)carbonyl]propyl]azo]phenyl]sulphonyl]amino]naphthalene-2-sulphonato(3-)]cobaltate(3-)</t>
  </si>
  <si>
    <t>72932-56-0</t>
  </si>
  <si>
    <t>Triphenyl(p,p,p-triphenylphosphine imidato-N)phosphorus(1+) tetracarbonylcobaltate(1-)</t>
  </si>
  <si>
    <t>53433-12-8</t>
  </si>
  <si>
    <t>Tris(heptane-3,5-dionato-O,O')cobalt</t>
  </si>
  <si>
    <t>15188-91-7</t>
  </si>
  <si>
    <t>Trisodium [N,N-bis[2-[bis(carboxymethyl)amino]ethyl]glycinato(5-)]cobaltate(3-)</t>
  </si>
  <si>
    <t>6255-07-8</t>
  </si>
  <si>
    <t>Trisodium bis[3-[(4,5-dihydro-3-methyl-5-oxo-1-phenyl-1H-pyrazol-4-yl)azo]-2-hydroxy-5-nitrobenzenesulphonato(3-)]cobaltate(3-)</t>
  </si>
  <si>
    <t>84204-70-6</t>
  </si>
  <si>
    <t>Trisodium bis[3-[(5-amino-3-methyl-1-phenyl-1H-pyrazol-4-yl)azo]-5-chloro-4-hydroxy-N-[2-(sulphooxy)ethyl]benzenesulphonamidato(3-)]cobaltate(3-)</t>
  </si>
  <si>
    <t>83804-04-0</t>
  </si>
  <si>
    <t>Trisodium bis[4-[4,5-dihydro-4-[(2-hydroxy-5-nitrophenyl)azo]-3-methyl-5-oxo-1H-pyrazol-1-yl]benzene-1-sulphonato(3-)]cobaltate(3-)</t>
  </si>
  <si>
    <t>79135-28-7</t>
  </si>
  <si>
    <t>Trisodium bis[4-hydroxy-3-nitro-5-[[2-oxo-1-[(phenylamino)carbonyl]propyl]azo]benzenesulphonato(3-)]cobaltate(3-)</t>
  </si>
  <si>
    <t>83733-22-6</t>
  </si>
  <si>
    <t>Trisodium bis[5-chloro-2-hydroxy-3-[(2-hydroxy-1-naphthyl)azo]benzenesulphonato(3-)]cobaltate(3-)</t>
  </si>
  <si>
    <t>6771-86-4</t>
  </si>
  <si>
    <t>Trisodium bis[6-amino-5-[(2-hydroxy-3,5-dinitrophenyl)azo]naphthalene-1-sulphonato(3-)]cobaltate(3-)</t>
  </si>
  <si>
    <t>84057-73-8</t>
  </si>
  <si>
    <t>Trisodium bis[amino[(2-hydroxy-3,5-dinitrophenyl)azo]naphthalenesulphonato(3-)]cobaltate(3-)</t>
  </si>
  <si>
    <t>74220-71-6</t>
  </si>
  <si>
    <t>Trisodium hexanitritocobaltate</t>
  </si>
  <si>
    <t>13600-98-1</t>
  </si>
  <si>
    <t>Xanthylium, 9-(2-carboxyphenyl)-3,6-bis(diethylamino)-, bis[3-[(4,5-dihydro-3-methyl-5-oxo-1-phenyl-1H-pyrazol-4-yl)azo]-4-hydroxy-N-[3-(1-methylethoxy)propyl]benzenesulfonamidato(2-)]cobaltate(1-)</t>
  </si>
  <si>
    <t>71566-55-7</t>
  </si>
  <si>
    <t>C.I. Acid Red 182</t>
  </si>
  <si>
    <t>61901-42-6</t>
  </si>
  <si>
    <t>1-Propanamin, N,N-dipropyl-, cobalt complex</t>
  </si>
  <si>
    <t>75101-45-0</t>
  </si>
  <si>
    <t>Cobalt borate neodecanoate complexes,</t>
  </si>
  <si>
    <t>68457-13-6</t>
  </si>
  <si>
    <t>C.I. Pigment Blue 28</t>
  </si>
  <si>
    <t>1345-16-0</t>
  </si>
  <si>
    <t>Cobalt aluminate blue spinel</t>
  </si>
  <si>
    <t>68186-86-7</t>
  </si>
  <si>
    <t>C.I. Acid Blue</t>
  </si>
  <si>
    <t>51053-44-2</t>
  </si>
  <si>
    <t>C.I. Pigment Blue 36</t>
  </si>
  <si>
    <t>68187-11-1</t>
  </si>
  <si>
    <t>C.I. Pigment Green 26</t>
  </si>
  <si>
    <t>68187-49-5</t>
  </si>
  <si>
    <t>C.I. Pigment Violet 47</t>
  </si>
  <si>
    <t>68610-13-9</t>
  </si>
  <si>
    <t>C.I. Pigment Green 50</t>
  </si>
  <si>
    <t>68186-85-6</t>
  </si>
  <si>
    <t>C.I. Pigment Blue 72</t>
  </si>
  <si>
    <t>68186-87-8</t>
  </si>
  <si>
    <t>C.I. Pigment Green 19</t>
  </si>
  <si>
    <t>8011-87-8</t>
  </si>
  <si>
    <t>C.I. Pigment Black 27</t>
  </si>
  <si>
    <t>68186-97-0</t>
  </si>
  <si>
    <t>Cobalt(II) isoalkanoates(C6-C19)</t>
  </si>
  <si>
    <t>68409-81-4</t>
  </si>
  <si>
    <t>(C9-C13) Neoalkanoic acids, cobalt(2+) salts</t>
  </si>
  <si>
    <t>68955-83-9</t>
  </si>
  <si>
    <t>Trisodium bis(2-hydroxy-5-nitro-3-((2-oxo-1-((phenylamino)carbonyl)propyl) azo)benzenesulphonato(3-))cobaltate(3-)</t>
  </si>
  <si>
    <t>85959-73-5</t>
  </si>
  <si>
    <t>Zinc chrome cobalt aluminate blue spinel</t>
  </si>
  <si>
    <t>74665-01-3</t>
  </si>
  <si>
    <t>Colophony (Rosin), selected</t>
  </si>
  <si>
    <t>ACGIH Worldwide - Documentation of the TLVs and BEIs with other Worldwide Occupational Exposure Values; 2003.</t>
  </si>
  <si>
    <t>Solders, adhesives, sealants</t>
  </si>
  <si>
    <t>Rosin</t>
  </si>
  <si>
    <t>8050-09-7</t>
  </si>
  <si>
    <t xml:space="preserve">Colophony resin </t>
  </si>
  <si>
    <t>148499-15-4</t>
  </si>
  <si>
    <t>Resin acids and Rosin acids zinc salts</t>
  </si>
  <si>
    <t>91081-53-7</t>
  </si>
  <si>
    <t>Copper (metallic)</t>
  </si>
  <si>
    <t>California and Washington state laws: CA SB 346 and WA SB 6557 (Regulations apply only to brake and friction material applications).</t>
  </si>
  <si>
    <t>• 1-Jan-21
• 1-Jan-25</t>
  </si>
  <si>
    <t>Dispersive applications (Brake and Friction linings)</t>
  </si>
  <si>
    <t>Cyclododecane, hexabromo-     (HBCD)</t>
  </si>
  <si>
    <t xml:space="preserve">• (EC) No 1272/2008 Reg. (EC) No 1907/2006 (REACH Annex XIV see Sunset Date)
• Japan Chemical Substances Control Law [Class I]
• CEPA Toxic Expected prohibition date aligned with other signatories to the Stockholm Convention.  Prohibition expected in 2014 to 2015. Report any intentional addition, no testing required
</t>
  </si>
  <si>
    <t xml:space="preserve">• 21-Aug-15
• 1-May-14
</t>
  </si>
  <si>
    <t xml:space="preserve">  </t>
  </si>
  <si>
    <t>Flame retardant</t>
  </si>
  <si>
    <t>for Canada report any intentionally added content </t>
  </si>
  <si>
    <t>25637-99-4</t>
  </si>
  <si>
    <t xml:space="preserve">1,2,5,6,9,10-Hexabromocyclododecane </t>
  </si>
  <si>
    <t>3194-55-6</t>
  </si>
  <si>
    <t>rel-(1R, 2S, 5R, 6S, 9R, 10S)-1,2,5,6,9,10-Hexabromocyclododecane</t>
    <phoneticPr fontId="8"/>
  </si>
  <si>
    <t>138257-18-8</t>
  </si>
  <si>
    <t>Diamino-diphenylmethane
 (4,4'-Diaminodiphenylmethane)</t>
  </si>
  <si>
    <t>Reg. (EC) No 1272/2008   
Reg. (EC) No 1907/2006 (REACH Annex XIV)</t>
  </si>
  <si>
    <t>Preliminary and intermediate product of resins, adhesives, dyes, curing agent, accelarator.</t>
  </si>
  <si>
    <t>Diisodecyl azelate</t>
  </si>
  <si>
    <t>28472-97-1</t>
  </si>
  <si>
    <t>grease, lubricant</t>
  </si>
  <si>
    <t>Dimethylformamide (N,N-Dimethylformamide)</t>
  </si>
  <si>
    <t>Diorganotin compounds</t>
  </si>
  <si>
    <t>(EU) No 276/2010, REACH Annex XVII</t>
  </si>
  <si>
    <t>Stabilizer for polymers</t>
  </si>
  <si>
    <t>0.1% by weight of Tin</t>
  </si>
  <si>
    <t>Dibutyltin compounds, all members</t>
  </si>
  <si>
    <t>(EU) No 276/2010, REACH Annex XVII  https://public.mdsystem.com/documents/10906/17094/faq_organo_tin_compounds.pdf</t>
  </si>
  <si>
    <t>0.1% by weight of Tin. https://public.mdsystem.com/documents/10906/17094/faq_organo_tin_compounds.pdf</t>
  </si>
  <si>
    <t>3,8,10-Trioxa-9-stannatetradeca-5,12-dien-14-oic acid, 9,9-dibutyl-2-methyl-4,7,11-trioxo-, 1-methylethyl ester, (Z,Z)-</t>
  </si>
  <si>
    <t>22535-42-8</t>
  </si>
  <si>
    <t>3,8,10-Trioxa-9-stannatetradeca-5,12-dien-14-oic acid, 9,9-dibutyl-4,7,11-trioxo-, ethyl ester, (Z,Z)-</t>
  </si>
  <si>
    <t>13173-04-1</t>
  </si>
  <si>
    <t>5,7,12-Trioxa-6-stannatetracosa-2,9-dienoic acid, 6,6-dibutyl-4,8,11-trioxo-, dodecyl ester, (Z,Z)-</t>
  </si>
  <si>
    <t>33466-31-8</t>
  </si>
  <si>
    <t>Acetate, S,S'-bisoctylmercapto-, dibutyltin</t>
  </si>
  <si>
    <t>32011-18-0</t>
  </si>
  <si>
    <t>Bis (acetato) dibutyltin</t>
  </si>
  <si>
    <t>17523-06-7</t>
  </si>
  <si>
    <t>Dibutyl tin</t>
  </si>
  <si>
    <t>1002-53-5</t>
  </si>
  <si>
    <t>Dibutyltinbis(2-ethylhexyl mercaptoacetate)</t>
  </si>
  <si>
    <t>10584-98-2</t>
  </si>
  <si>
    <t>Dibutylbis(octyl maleate)tin</t>
  </si>
  <si>
    <t>17036-31-6</t>
  </si>
  <si>
    <t>Diisooctyl 4,4'-((dibutylstannylene)bis(oxy))bis(4-oxoisocrotonate)</t>
  </si>
  <si>
    <t>25168-21-2</t>
  </si>
  <si>
    <t>Dibutylbis((1-oxoneodecyl)oxy)stannane</t>
  </si>
  <si>
    <t>25168-22-3</t>
  </si>
  <si>
    <t>Dibutylbis(myristoyloxy)stannane</t>
  </si>
  <si>
    <t>28660-67-5</t>
  </si>
  <si>
    <t>Dibutylthioxostannane</t>
  </si>
  <si>
    <t>4253-22-9</t>
  </si>
  <si>
    <t>Dibutylbis[(1-oxoisooctadecyl)oxy]stannane</t>
  </si>
  <si>
    <t>59963-28-9</t>
  </si>
  <si>
    <t>Silicic acid (H4SiO4), tetraethyl ester, reaction products with bis(acetyloxy)dibutylstannane</t>
  </si>
  <si>
    <t>93925-42-9</t>
  </si>
  <si>
    <t>Dibutylbis(ethyl 3-oxobutyrato-O1',O3)tin</t>
  </si>
  <si>
    <t>54581-65-6</t>
  </si>
  <si>
    <t>Dibutyltin bis(2-ethylhexyl-3-mercaptopropionate)</t>
  </si>
  <si>
    <t>53202-61-2</t>
  </si>
  <si>
    <t>Dibutyltin bis(benzyl maleate)</t>
  </si>
  <si>
    <t>7324-74-5</t>
  </si>
  <si>
    <t>Dibutyltin bis(cyclohexyl maleate)</t>
  </si>
  <si>
    <t>5587-52-0</t>
  </si>
  <si>
    <t>25168-24-5</t>
  </si>
  <si>
    <t>Dibutyltin bis(lauryl β-mercaptopropionate)</t>
  </si>
  <si>
    <t>51287-83-3</t>
  </si>
  <si>
    <t>Dibutyltin bis(octylthioglycolate)</t>
  </si>
  <si>
    <t>2781-09-1</t>
  </si>
  <si>
    <t>Dibutyltin bis(oleyl maleate)</t>
  </si>
  <si>
    <t>29881-72-9</t>
  </si>
  <si>
    <t>Dibutyltin di(isooctyl 3-mercaptopropionate)</t>
  </si>
  <si>
    <t>26761-46-6</t>
  </si>
  <si>
    <t>Dibutyltin diacetate</t>
  </si>
  <si>
    <t>1067-33-0</t>
  </si>
  <si>
    <t>Dibutyltin dibenzoate</t>
  </si>
  <si>
    <t>5847-54-1</t>
  </si>
  <si>
    <t>Dibutyltin dibutoxide</t>
  </si>
  <si>
    <t>3349-36-8</t>
  </si>
  <si>
    <t>Dibutyltin dichloride</t>
  </si>
  <si>
    <t>Reg. (EC) No 1272/2008        Reg. (EC) No 1907/2006 (REACH Candidate List), (EU) No 276/2010</t>
  </si>
  <si>
    <t>Dibutyltin dihexanoate</t>
  </si>
  <si>
    <t>19704-60-0</t>
  </si>
  <si>
    <t>Dibutyltin dilaurate</t>
  </si>
  <si>
    <t>77-58-7</t>
  </si>
  <si>
    <t>Dibutyltin dilauryl mercaptide</t>
  </si>
  <si>
    <t>1185-81-5</t>
  </si>
  <si>
    <t>Dibutyltin dimaleate</t>
  </si>
  <si>
    <t>10192-92-4</t>
  </si>
  <si>
    <t>Dibutyldimethoxystannane</t>
  </si>
  <si>
    <t>1067-55-6</t>
  </si>
  <si>
    <t>Dibutyltin dioctanoate</t>
  </si>
  <si>
    <t>4731-77-5</t>
  </si>
  <si>
    <t>Dibutyltin dioleate</t>
  </si>
  <si>
    <t>13323-62-1</t>
  </si>
  <si>
    <t>Dibutyltin dipalmitate</t>
  </si>
  <si>
    <t>13323-63-2</t>
  </si>
  <si>
    <t>Dibutyltin disalicylate</t>
  </si>
  <si>
    <t>14214-24-5</t>
  </si>
  <si>
    <t>Dibutyltin distearate</t>
  </si>
  <si>
    <t>5847-55-2</t>
  </si>
  <si>
    <t>Dibutyltin hydrogen borate</t>
  </si>
  <si>
    <t>75113-37-0</t>
  </si>
  <si>
    <t>Dibutyltin isooctanoate</t>
  </si>
  <si>
    <t>85702-74-5</t>
  </si>
  <si>
    <t>Dibutyltin linoleate</t>
  </si>
  <si>
    <t>85391-79-3</t>
  </si>
  <si>
    <t>Dibutyltin linolenate</t>
  </si>
  <si>
    <t>95873-60-2</t>
  </si>
  <si>
    <t>Dibutyltin maleate</t>
  </si>
  <si>
    <t>78-04-6</t>
  </si>
  <si>
    <t>Dibutyltin mercaptoacetate</t>
  </si>
  <si>
    <t>78-20-6</t>
  </si>
  <si>
    <t>Dibutyltin mercaptopropionate</t>
  </si>
  <si>
    <t>78-06-8</t>
  </si>
  <si>
    <t>Dibutyltin oxide</t>
  </si>
  <si>
    <t>818-08-6</t>
  </si>
  <si>
    <t>Dibutytin di(2-ethylhexyl maleate)</t>
  </si>
  <si>
    <t>15546-12-0</t>
  </si>
  <si>
    <t>Dibutyltin bis(C8 to C18 unsatd. fatty acyloxy) derivs.</t>
  </si>
  <si>
    <t>85508-00-5</t>
  </si>
  <si>
    <t>Di-n-butyltin bis(methyl maleate)</t>
  </si>
  <si>
    <t>15546-11-9</t>
  </si>
  <si>
    <t>Dibutyltin diisothiocyanate</t>
  </si>
  <si>
    <t>15719-34-3</t>
  </si>
  <si>
    <t>Di-n-butyltin di(monobutyl)maleate</t>
  </si>
  <si>
    <t>15546-16-4</t>
  </si>
  <si>
    <t>Di-n-butyltin di-2-ethylhexanoate</t>
  </si>
  <si>
    <t>2781-10-4</t>
  </si>
  <si>
    <t>Tin, dibutyl(1,2-ethanediamine-N,N')bis(monoisooctyl 2-butenedioato-O')-</t>
  </si>
  <si>
    <t>163206-28-8</t>
  </si>
  <si>
    <t>Tin, dibutyl[N-(carboxymethyl)-N-(2-hydroxyethyl)glycinato(2-)]-</t>
  </si>
  <si>
    <t>68239-46-3</t>
  </si>
  <si>
    <t>Tin, dibutylbis(2,4-pentanedionato-O,O')-, (OC-6-11)-</t>
  </si>
  <si>
    <t>22673-19-4</t>
  </si>
  <si>
    <t>Tin, dibutylbis(methyl 3-mercaptopropanoato-O,S)-</t>
  </si>
  <si>
    <t>32011-19-1</t>
  </si>
  <si>
    <t>Tin, dibutylbis(N,N-diethylethanamine)difluoro-</t>
  </si>
  <si>
    <t>67924-24-7</t>
  </si>
  <si>
    <t>Dioctyltin compounds, all members</t>
  </si>
  <si>
    <t>(EU) No 276/2010 REACH Annex XVII: Use in fabrics or RTV-2 moulding kits  etc with direct, prolonged skin contact is prohibited</t>
  </si>
  <si>
    <t>0.1% by weight of tin</t>
  </si>
  <si>
    <t>Acetic acid,2,2'-[(dioctylstannylene)bis(thio)]bis-, 1,1'-diisooctyl ester</t>
  </si>
  <si>
    <t>26401-97-8</t>
  </si>
  <si>
    <t>Bis(dodecylthio)dioctylstannane</t>
  </si>
  <si>
    <t>22205-30-7</t>
  </si>
  <si>
    <t>2-Butenedioic acid, 1,1'-(dioctylstannylene) 4,4'-diethyl ester</t>
  </si>
  <si>
    <t>68109-88-6</t>
  </si>
  <si>
    <t>Di-n-octyltin bis(2-ethylhexyl maleate)</t>
  </si>
  <si>
    <t>10039-33-5</t>
  </si>
  <si>
    <t>Dioctylbis(pentane-2,4-dionato-O,O')tin</t>
  </si>
  <si>
    <t>54068-28-9</t>
  </si>
  <si>
    <t>Dioctylbis(stearoyloxy)stannane</t>
  </si>
  <si>
    <t>22205-26-1</t>
  </si>
  <si>
    <t>Dioctyltin bis(isooctyl maleate)</t>
  </si>
  <si>
    <t>33568-99-9</t>
  </si>
  <si>
    <t>Dioctyltin dichloride</t>
  </si>
  <si>
    <t>3542-36-7</t>
  </si>
  <si>
    <t>Dioctyltin dilaurate</t>
  </si>
  <si>
    <t>3648-18-8</t>
  </si>
  <si>
    <t>Dioctyltin maleate</t>
  </si>
  <si>
    <t>16091-18-2</t>
  </si>
  <si>
    <t>870-08-6</t>
  </si>
  <si>
    <t>Dioctyltindineodecanoate</t>
  </si>
  <si>
    <t>68299-15-0</t>
  </si>
  <si>
    <t>Silicic acid (H4SiO4), tetraethyl ester, reaction products with bis(acetyloxy)dioctylstannane</t>
  </si>
  <si>
    <t>93925-43-0</t>
  </si>
  <si>
    <t>Reaction mass of DOTE/MOTE</t>
  </si>
  <si>
    <t>Reg. (EC) No 1907/2006 (REACH Candidate List). Both must be present to report</t>
  </si>
  <si>
    <t xml:space="preserve"> 2-ethylhexyl 10-ethyl-4-[[2-[(2-ethylhexyl)oxy]-2-oxoethyl]thio]-4-octyl-7-oxo-8-oxa-3,5-dithia-4-stannatetradecanoate (MOTE)</t>
  </si>
  <si>
    <t>27107-89-7</t>
  </si>
  <si>
    <t>Other Diorganotin compounds</t>
  </si>
  <si>
    <t>Diisobutyltin oxide</t>
  </si>
  <si>
    <t>61947-30-6</t>
  </si>
  <si>
    <t>Dimethoxybis(pentane-2,4-dionato-O,O')tin</t>
  </si>
  <si>
    <t>66779-19-9</t>
  </si>
  <si>
    <t>Disodiumtetraborates, selected</t>
  </si>
  <si>
    <t>Reg. (EC) No 1272/2008  
Reg. (EC) No 1907/2006 (REACH)</t>
  </si>
  <si>
    <t>spring steel wire, ditch molding</t>
  </si>
  <si>
    <t>Disodium Tetraborate, anhydrous</t>
  </si>
  <si>
    <t xml:space="preserve">Reg. (EC) No 1272/2008         
 Reg. (EC) No 1907/2006                      (REACH Candidate List)
Reg. (EU) No 528/2012
</t>
  </si>
  <si>
    <t>Disodium Tetraborate, pentahydrate</t>
  </si>
  <si>
    <t>Reg. (EC) No 1907/2006                     (REACH Candidate List)
Reg. (EU) No 528/2012</t>
  </si>
  <si>
    <t>Disodium Tetraborate, decahydrate</t>
  </si>
  <si>
    <t>Tetraboron Disodium heptaoxide, hydrate</t>
  </si>
  <si>
    <t xml:space="preserve">2,6-di-tert-butyl-p-cresol </t>
  </si>
  <si>
    <t>128-37-0</t>
  </si>
  <si>
    <t>Included in list of substances under REACH PACT assessment
Included in list of substances under assessment in phase 3 of Canadian Chemical Management Plan (CMP3) (2016-2020)</t>
  </si>
  <si>
    <t>adhesive, varnish, grease, lube. Oil, elastomers</t>
  </si>
  <si>
    <t>6,6'-di-tert-butyl-4,4'-thiodi-m-cresol</t>
  </si>
  <si>
    <t>96-69-5</t>
  </si>
  <si>
    <t xml:space="preserve">Elastomers / elastomeric compounds, Sealing Rubber, </t>
  </si>
  <si>
    <t>2,5-di-tert-pentylhydroquinone</t>
  </si>
  <si>
    <t>79-74-3</t>
  </si>
  <si>
    <t xml:space="preserve">adhesive, sealant, </t>
  </si>
  <si>
    <t>2,2'-Dithiobis(benzothiazole)</t>
  </si>
  <si>
    <t>120-78-5</t>
  </si>
  <si>
    <t>Dodecachloropentacyclo 1, 3, 4-Metheno-1H-cyclobuta(cd)pentalene, Mirex</t>
  </si>
  <si>
    <t>2385-85-5</t>
  </si>
  <si>
    <t xml:space="preserve">Prohibition of Certain Toxic Substances Regulations, 2005 (SOR/SOR/2005-41.  Published in Canada Gazette Part II, 2006-11-29 Vol. 140, No. 24   </t>
  </si>
  <si>
    <t>Flame retardant in plastics, rubber, paint, paper, and electrical goods from 1959 to 1972.   Mirex was sold as a flame retardant under the trade name Dechlorane, and chlordecone was also known as Kepone.</t>
  </si>
  <si>
    <t>Intentional addition prohibited</t>
  </si>
  <si>
    <t>13560-89-9</t>
  </si>
  <si>
    <t>Thermoplastics; Unfilled Thermoplastics; Electronics (e.g. pc boards, displays); Thermoplastic elastomers</t>
  </si>
  <si>
    <t>Epichlorohydrin (1-chloro-2,3-epoxypropane)</t>
  </si>
  <si>
    <t>106-89-8</t>
  </si>
  <si>
    <t>Residual monomers in epoxy resins</t>
  </si>
  <si>
    <t>Ethanaminium, N-[4-[[4-(diethylamino)phenyl][4-(ethylamino)-1-naphthalenyl]methylene]-2,5-cyclohexadien-1-ylidene]-N-ethyl-, chloride (Basic Blue 7)</t>
  </si>
  <si>
    <t>2390-60-5</t>
  </si>
  <si>
    <t>1,1'-(ethane-1,2-diyl)bis[pentabromobenzene]</t>
  </si>
  <si>
    <t>84852-53-9</t>
  </si>
  <si>
    <t xml:space="preserve">Thermoplastics, Adhesives, sealants, Airbag, cables, sensors, </t>
  </si>
  <si>
    <t>Ethanol, 2-(2-methoxyethoxy)-</t>
  </si>
  <si>
    <t>111-77-3</t>
  </si>
  <si>
    <t>Canada Gazette Vol. 140, No. 49 - December 9, 2006 (Canadian Challenge). The Canadian Challenge is regulated under the Part 5, Section 71, of the Canadian Environmental Protection Ac t, 1999 (CEPA, 1999).</t>
  </si>
  <si>
    <t>reported in brake fluids</t>
  </si>
  <si>
    <t>Ethyl-/ Methyl-glycols and their acetates</t>
  </si>
  <si>
    <t>See below</t>
  </si>
  <si>
    <t>2-Methoxyethanol</t>
  </si>
  <si>
    <t>Prohibited as impurity in Diethylene glycol methyl ether and in hard parts</t>
  </si>
  <si>
    <t>Prohibited ≥ 0.5% w/w in Diethylene glycol methyl ether.  Any intentionally added content in hard parts</t>
  </si>
  <si>
    <t>Propanol, 2-methoxy-</t>
  </si>
  <si>
    <t>1589-47-5</t>
  </si>
  <si>
    <t xml:space="preserve">solvent for cellulose, acrylics, dyes, inks, and stains, as well as its use in cleaning agents, grease and paint removers, and as an antifreeze, </t>
  </si>
  <si>
    <t>EGDME</t>
  </si>
  <si>
    <t>Reg. (EC) No1907/2006 (REACH Candidate List)</t>
  </si>
  <si>
    <t>Electrolyte, electrodes, Li-Mn Battery, starters, sensors…</t>
  </si>
  <si>
    <t>2-Ethoxyethanol</t>
  </si>
  <si>
    <t>agents in polyester resins, PES-fibers,</t>
  </si>
  <si>
    <t>2-Methoxyethyl acetate</t>
  </si>
  <si>
    <t>110-49-6</t>
  </si>
  <si>
    <t>(EC) No 1272/2008</t>
  </si>
  <si>
    <t xml:space="preserve">PES- and PU-Enamels, synthetic resins, softening </t>
  </si>
  <si>
    <t>Ethyelenethiourea/Imidazolidine-2-thione</t>
  </si>
  <si>
    <t>Vulcanization agent for rubber products</t>
  </si>
  <si>
    <t>678-39-7</t>
  </si>
  <si>
    <t>21652-58-4</t>
  </si>
  <si>
    <t>2043-53-0</t>
  </si>
  <si>
    <t>507-63-1</t>
  </si>
  <si>
    <t>865-86-1</t>
  </si>
  <si>
    <t>2043-54-1</t>
  </si>
  <si>
    <t>Reg. (EC) No 1272/2008 Reg. (EU) No 528/2012 (BPR)</t>
  </si>
  <si>
    <t xml:space="preserve">Residues and degradation products of plastics (aminoplasts, urea- and melamine resins, foam plastics, vulcanization accelerators, basis for synthetic tannins, biocides, adhesives, formed woods </t>
  </si>
  <si>
    <t xml:space="preserve">Any intentionally added content of formaldehyde must be reported. 
Formaldehyde in any material, which may be emitted under reasonable and forseeable conditions, must be qualitatively indicated. 
Impurities of formaldehyde above 0.1 % has to be declared. </t>
  </si>
  <si>
    <t>Hexachlorobenzene</t>
  </si>
  <si>
    <t>118-74-1</t>
  </si>
  <si>
    <t>As a peptizing agent in the production of nitroso compounds and rubber for tires. As impurities in colorants</t>
  </si>
  <si>
    <t>Hexachloro-1,3-butadiene (HCBD)</t>
  </si>
  <si>
    <t>87-68-3</t>
  </si>
  <si>
    <t>Used mainly as an intermediate in the manufacture of rubber compounds. It is also used in the production of lubricants</t>
  </si>
  <si>
    <t>Hexachlorocyclohexane, gamma isomer, Lindane</t>
  </si>
  <si>
    <t>58-89-9</t>
  </si>
  <si>
    <t>GefStoffV with Annex IV Nr. 5</t>
  </si>
  <si>
    <t>Insecticide, substance in wood protecting compounds</t>
  </si>
  <si>
    <t xml:space="preserve">Hexamethyldisiloxane </t>
  </si>
  <si>
    <t>107-46-0</t>
  </si>
  <si>
    <t>silicon fluid, coatings, laquers, duromers, top coat</t>
  </si>
  <si>
    <t>2-Hexyldecan-1-ol</t>
  </si>
  <si>
    <t>2425-77-6</t>
  </si>
  <si>
    <t>electronics, soldercream, lubricants</t>
  </si>
  <si>
    <t>302-01-2</t>
  </si>
  <si>
    <t>Residual monomers in plastics, pigments and adhesives, antioxidants  stabilizing of Amines, Phenols,  in oils, greases, natural latex; blowing agents for foamed plastics</t>
  </si>
  <si>
    <t>Hydrobromofluorocarbons (HBFC's), all members</t>
  </si>
  <si>
    <t>Refrigerant</t>
  </si>
  <si>
    <t>1,2-Dibromo-1,1-difluoroethane</t>
  </si>
  <si>
    <t>75-82-1</t>
  </si>
  <si>
    <t>Dibromofluoromethane</t>
  </si>
  <si>
    <t>1868-53-7</t>
  </si>
  <si>
    <t>C2H2F2Br2: 1,1-Dibromo-2,2-difluoroethane
(Ethane, 1,1-Dibromo-2,2-difluoro-)</t>
  </si>
  <si>
    <t>359-19-3</t>
  </si>
  <si>
    <t>Bromodifluoromethane</t>
  </si>
  <si>
    <t>1511-62-2</t>
  </si>
  <si>
    <t>1-Bromo-2-fluoroethane</t>
  </si>
  <si>
    <t>762-49-2</t>
  </si>
  <si>
    <t>1-Bromo-3-fluoropropane
(Propane, 1-Bromo-3-fluoro-)</t>
  </si>
  <si>
    <t>352-91-0</t>
  </si>
  <si>
    <t>3-Bromo-1,1,1-trifluoropropane
(Propane, 3-Bromo-1,1,1-trifluoro-)</t>
  </si>
  <si>
    <t>460-32-2</t>
  </si>
  <si>
    <t>1,2-Dibromo-1-fluoroethane</t>
  </si>
  <si>
    <t>358-97-4</t>
  </si>
  <si>
    <t>1,3-Dibromo-1,1-difluoropropane</t>
  </si>
  <si>
    <t>460-25-3</t>
  </si>
  <si>
    <t>1,2-Dibromo-1,1,2-trifluoroethane</t>
  </si>
  <si>
    <t>354-04-1</t>
  </si>
  <si>
    <t>2,3-Dibromo-1,1,1-trifluoropropane</t>
  </si>
  <si>
    <t>431-21-0</t>
  </si>
  <si>
    <t>1,1,1,2-tetrabromo-2-fluoro-ethane</t>
  </si>
  <si>
    <t>353-93-5</t>
  </si>
  <si>
    <t>1,1,2,2-tetrabromo-1-fluoro-ethane</t>
  </si>
  <si>
    <t>306-80-9</t>
  </si>
  <si>
    <t>1,1,1-tribromo-2,2-difluoroethane</t>
  </si>
  <si>
    <t>7304-53-2</t>
  </si>
  <si>
    <t>1,2,2-tribromo-1,1-difluoroethane</t>
  </si>
  <si>
    <t>677-34-9</t>
  </si>
  <si>
    <t>1,1,2-tribromo-1,2-difluoroethane</t>
  </si>
  <si>
    <t>353-97-9</t>
  </si>
  <si>
    <t>1,1,2-tribromo-1-fluoroethane</t>
  </si>
  <si>
    <t>420-88-2</t>
  </si>
  <si>
    <t>1,1,2-tribromo-2-fluoroethane</t>
  </si>
  <si>
    <t>598-67-4</t>
  </si>
  <si>
    <t>C2H3F2Br:  Bromo-1,1-difluoroethane
(Ethane, 2-bromo-1,1-difluoro- )</t>
  </si>
  <si>
    <t>359-07-9</t>
  </si>
  <si>
    <t>C3HFBr6</t>
  </si>
  <si>
    <t>none</t>
  </si>
  <si>
    <t>C3HF2Br5</t>
  </si>
  <si>
    <t>C3HF3Br4</t>
  </si>
  <si>
    <t>C3HF4Br3</t>
  </si>
  <si>
    <t>666-48-8</t>
  </si>
  <si>
    <t>C3H2FBr5</t>
  </si>
  <si>
    <t>C3H2F2Br4</t>
  </si>
  <si>
    <t>148875-98-3</t>
  </si>
  <si>
    <t>1,2,2-Tribromo-3,3,3-trifluoropropane</t>
  </si>
  <si>
    <t>421-90-9</t>
  </si>
  <si>
    <t>1,3-Dibromo-1,1,3,3-tetrafluoropropane</t>
  </si>
  <si>
    <t>460-86-6</t>
  </si>
  <si>
    <t>1-bromo-1,1,2,2,2-pentafluoro-propane</t>
  </si>
  <si>
    <t>422-01-5</t>
  </si>
  <si>
    <t>2-bromo-1,1,1,2,3-pentafluoro-propane</t>
  </si>
  <si>
    <t>677-52-1</t>
  </si>
  <si>
    <t>1-bromo-1,1,2,2,3-pentafluoro-propane</t>
  </si>
  <si>
    <t>677-53-2</t>
  </si>
  <si>
    <t>2-bromo-1,1,1,3,3-pentafluoro-propane</t>
  </si>
  <si>
    <t>22692-16-6</t>
  </si>
  <si>
    <t>1-bromo-1,1,3,3,3-pentafluoro-propane</t>
  </si>
  <si>
    <t>460-88-8</t>
  </si>
  <si>
    <t>1-bromo-1,2,2,3,3-pentafluoro-propane</t>
  </si>
  <si>
    <t>679-94-7</t>
  </si>
  <si>
    <t>2-bromo-1,1,2,3,3-pentafluoro-propane</t>
  </si>
  <si>
    <t>26391-11-7</t>
  </si>
  <si>
    <t>Propane, 3-bromo-1,1,1,2,3-pentafluoro-, (R*,S*)- (9CI)</t>
  </si>
  <si>
    <t>53692-43-6</t>
  </si>
  <si>
    <t>Propane, 3-bromo-1,1,1,2,3-pentafluoro-, (R*,R*)- (9CI)</t>
  </si>
  <si>
    <t>53692-44-7</t>
  </si>
  <si>
    <t>C3H3FBr4</t>
  </si>
  <si>
    <t>148875-95-0</t>
  </si>
  <si>
    <t>1,2,3-Tribromo-3,3-difluoropropane</t>
  </si>
  <si>
    <t>666-25-1</t>
  </si>
  <si>
    <t>2-bromo-1,1,3,3-tetrafluoro-propane</t>
  </si>
  <si>
    <t>19041-01-1</t>
  </si>
  <si>
    <t>2-bromo-1,3,3,3-tetrafluoropropane</t>
  </si>
  <si>
    <t>29151-25-5</t>
  </si>
  <si>
    <t>3-Bromo-1,1,2,2-tetrafluoropropane</t>
  </si>
  <si>
    <t>679-84-5</t>
  </si>
  <si>
    <t>1-bromo-1,1,2,2-tetrafluoropropane</t>
  </si>
  <si>
    <t>70192-84-6</t>
  </si>
  <si>
    <t>1-bromo-1,2,2,3-tetrafluoro-propane</t>
  </si>
  <si>
    <t>70192-71-1</t>
  </si>
  <si>
    <t>3-bromo-1,1,1,3-tetrafluoropropane</t>
  </si>
  <si>
    <t>460-67-3</t>
  </si>
  <si>
    <t>C3H4FBr3</t>
  </si>
  <si>
    <t>75372-14-4</t>
  </si>
  <si>
    <t>1,2-Dibromo-3-fluoropropane</t>
  </si>
  <si>
    <t>453-00-9</t>
  </si>
  <si>
    <t>1,3-Dibromo-2-fluoropropane</t>
  </si>
  <si>
    <t>1786-38-5</t>
  </si>
  <si>
    <t>1,3-Dibromo-1-fluoropropane</t>
  </si>
  <si>
    <t>51584-26-0</t>
  </si>
  <si>
    <t>1,2-Dibromo-1-fluoro-(R*,S*)-propane</t>
  </si>
  <si>
    <t>62135-10-8</t>
  </si>
  <si>
    <t>1,2-Dibromo-1-fluoro-(R*,R*)-propane</t>
  </si>
  <si>
    <t>62135-11-9</t>
  </si>
  <si>
    <t>2-bromo-1,1-difluoro-propane</t>
  </si>
  <si>
    <t>430-87-5</t>
  </si>
  <si>
    <t>1-bromo-1,1-difluoro-propane</t>
  </si>
  <si>
    <t>420-89-3</t>
  </si>
  <si>
    <t>1-bromo-2,2-difluoro-propane</t>
  </si>
  <si>
    <t>420-98-4</t>
  </si>
  <si>
    <t>2-bromo-1,3-difluoro-propane</t>
  </si>
  <si>
    <t>2195-05-3</t>
  </si>
  <si>
    <t>3-bromo-1,1-difluoro-propane</t>
  </si>
  <si>
    <t>461-49-4</t>
  </si>
  <si>
    <t>1-bromo-2,3-difluoro-propane</t>
  </si>
  <si>
    <t>111483-20-6</t>
  </si>
  <si>
    <t xml:space="preserve">1-Bromo-1,1-difluoroethane </t>
  </si>
  <si>
    <t>420-47-3</t>
  </si>
  <si>
    <t>1-Bromo-1,1,2,3,3,3-hexafluoropropane</t>
  </si>
  <si>
    <t>2252-78-0</t>
  </si>
  <si>
    <t>2-Bromo-1,1,1-trifluoroethane</t>
  </si>
  <si>
    <t>421-06-7</t>
  </si>
  <si>
    <t>Ethene, 2-bromo-1,1-difluoro-</t>
  </si>
  <si>
    <t>359-08-0</t>
  </si>
  <si>
    <t>Propane, 1-bromo-2-fluoro-</t>
  </si>
  <si>
    <t>1871-72-3</t>
  </si>
  <si>
    <t>Hydrochlorofluorocarbons (HCFC's), all members</t>
  </si>
  <si>
    <t>Reg. (EC) No 1005/2009; Montreal Protocol; US EPA Class 2 ODS</t>
  </si>
  <si>
    <t>1,1-Dichloro-1,2,2-trifluoroethane (HCFC-123b)</t>
  </si>
  <si>
    <t>812-04-4</t>
  </si>
  <si>
    <t>1,2,2-Trichloro-1,1-difluoroethane</t>
  </si>
  <si>
    <t>354-21-2</t>
  </si>
  <si>
    <t>1,2-Dichloro-1,1,2-trifluoroethane (HCFC-123a)</t>
  </si>
  <si>
    <t>354-23-4</t>
  </si>
  <si>
    <t>1,2-Dichloro-1,1-difluoroethane</t>
  </si>
  <si>
    <t>1649-08-7</t>
  </si>
  <si>
    <t>1,2-Dichloro-1,2-difluoroethane</t>
  </si>
  <si>
    <t>431-06-1</t>
  </si>
  <si>
    <t>2-chloro-1,3-difluoropropane</t>
  </si>
  <si>
    <t>102738-79-4</t>
  </si>
  <si>
    <t>1,1-Dichloro-1,2,3,3,3-pentafluoropropane</t>
  </si>
  <si>
    <t>111512-56-2</t>
  </si>
  <si>
    <t>Tetrachlorodifluoropropane</t>
  </si>
  <si>
    <t>127564-82-3</t>
  </si>
  <si>
    <t>Trichlorodifluoropropane</t>
  </si>
  <si>
    <t>127564-90-3</t>
  </si>
  <si>
    <t>Trichlorotetrafluoropropane</t>
  </si>
  <si>
    <t>127564-91-4</t>
  </si>
  <si>
    <t>2,2-Dichloro-1,1,1,3,3-pentafluoropropane</t>
  </si>
  <si>
    <t>128903-21-9</t>
  </si>
  <si>
    <t>Chlorotrifluoroethane</t>
  </si>
  <si>
    <t>1330-45-6</t>
  </si>
  <si>
    <t>Tetrachlorofluoropropane</t>
  </si>
  <si>
    <t>134190-49-1</t>
  </si>
  <si>
    <t>Trichlorofluoropropane</t>
  </si>
  <si>
    <t>134190-51-5</t>
  </si>
  <si>
    <t>1,1,2,2-Tetrachloro-1-fluoroethane</t>
  </si>
  <si>
    <t>134237-32-4</t>
  </si>
  <si>
    <t>Trichlorofluoroethane</t>
  </si>
  <si>
    <t>134237-34-6</t>
  </si>
  <si>
    <t>Hexachlorofluoropropane</t>
  </si>
  <si>
    <t>134237-35-7</t>
  </si>
  <si>
    <t>Pentachlorodifluoropropane</t>
  </si>
  <si>
    <t>134237-36-8</t>
  </si>
  <si>
    <t>Tetrachlorotrifluoropropane</t>
  </si>
  <si>
    <t>134237-37-9</t>
  </si>
  <si>
    <t>134237-38-0</t>
  </si>
  <si>
    <t>134237-39-1</t>
  </si>
  <si>
    <t>Trichlorotrifluoropropane</t>
  </si>
  <si>
    <t>134237-40-4</t>
  </si>
  <si>
    <t>Chloropentafluoropropane</t>
  </si>
  <si>
    <t>134237-41-5</t>
  </si>
  <si>
    <t>134237-42-6</t>
  </si>
  <si>
    <t>Dichlorotrifluoropropane</t>
  </si>
  <si>
    <t>134237-43-7</t>
  </si>
  <si>
    <t>Chlorotrifluoropropane</t>
  </si>
  <si>
    <t>134237-44-8</t>
  </si>
  <si>
    <t>Dichlorofluoropropane</t>
  </si>
  <si>
    <t>134237-45-9</t>
  </si>
  <si>
    <t>1,1-Dichloro-1,2,2,3,3-pentafluoropropane</t>
  </si>
  <si>
    <t>13474-88-9</t>
  </si>
  <si>
    <t>1,3-Dichloro-1,1,2,3,3-pentafluoropropane</t>
  </si>
  <si>
    <t>136013-79-1</t>
  </si>
  <si>
    <t>1,1-Dichloro-1,2-difluoroethane</t>
  </si>
  <si>
    <t>1842-05-3</t>
  </si>
  <si>
    <t>Dichlorofluoroethane</t>
  </si>
  <si>
    <t>25167-88-8</t>
  </si>
  <si>
    <t>Dichlorodifluoroethane</t>
  </si>
  <si>
    <t>25915-78-0</t>
  </si>
  <si>
    <t>29470-94-8</t>
  </si>
  <si>
    <t>29470-95-9</t>
  </si>
  <si>
    <t>2,3-Dichloro-1,1,1-trifluoropropane</t>
  </si>
  <si>
    <t>338-75-0</t>
  </si>
  <si>
    <t>Trichlorodifluoroethane</t>
  </si>
  <si>
    <t>41834-16-6</t>
  </si>
  <si>
    <t>2-chloro-2-fluoropropane</t>
  </si>
  <si>
    <t>420-44-0</t>
  </si>
  <si>
    <t>1,2-Dichloro-1,1,2,3,3-pentafluoropropane</t>
  </si>
  <si>
    <t>422-44-6</t>
  </si>
  <si>
    <t>1,2-Dichloro-1,1,3,3,3-pentafluoropropane</t>
  </si>
  <si>
    <t>127564-92-5</t>
  </si>
  <si>
    <t>2,3-Dichloro-1,1,1,2,3-pentafluoropropane</t>
  </si>
  <si>
    <t>422-48-0</t>
  </si>
  <si>
    <t>1,1-Dichloro-2,2,3,3,3-pentafluoropropane</t>
  </si>
  <si>
    <t>422-56-0</t>
  </si>
  <si>
    <t>431-86-7</t>
  </si>
  <si>
    <t>3-Chloro-1,1,1-trifluoropropane</t>
  </si>
  <si>
    <t>460-35-5</t>
  </si>
  <si>
    <t>3,3-Dichloro-1,1,1-trifluoropropane</t>
  </si>
  <si>
    <t>460-69-5</t>
  </si>
  <si>
    <t>1-chloro-1,1,3,3,3-pentafluoropropane</t>
  </si>
  <si>
    <t>460-92-4</t>
  </si>
  <si>
    <t>1,3-Dichloro-1,1,2,2,3-pentafluoropropane</t>
  </si>
  <si>
    <t>507-55-1</t>
  </si>
  <si>
    <t>61623-04-9</t>
  </si>
  <si>
    <t>3-Chloro-1,1,2,2-tetrafluoropropane</t>
  </si>
  <si>
    <t>679-85-6</t>
  </si>
  <si>
    <t>1,1,1-Trichloro-3,3,3-trifluoropropane</t>
  </si>
  <si>
    <t>7125-83-9</t>
  </si>
  <si>
    <t>1,1-Dichloro-1,2,2-trifluoropropane</t>
  </si>
  <si>
    <t>7125-99-7</t>
  </si>
  <si>
    <t>1,1-Dichloro-1-fluoropropane</t>
  </si>
  <si>
    <t>7799-56-6</t>
  </si>
  <si>
    <t>1,1,3-trichloro-1-fluoropropane</t>
  </si>
  <si>
    <t>818-99-5</t>
  </si>
  <si>
    <t>Dichlorodifluoropropane</t>
  </si>
  <si>
    <t>134190-52-6</t>
  </si>
  <si>
    <t>Dichlorofluropropane</t>
  </si>
  <si>
    <t>127404-11-9</t>
  </si>
  <si>
    <t>Dichlorotetrafluoropropane</t>
  </si>
  <si>
    <t>127564-83-4</t>
  </si>
  <si>
    <t>116890-51-8</t>
  </si>
  <si>
    <t>1,2-Dichloro-1-fluoroethane</t>
  </si>
  <si>
    <t>430-57-9</t>
  </si>
  <si>
    <t>1,2-Dichloro-1-fluoroethylene</t>
  </si>
  <si>
    <t>430-58-0</t>
  </si>
  <si>
    <t>1-Chloro-1,1,2,2-tetrafluoroethane (HCFC-124a)</t>
  </si>
  <si>
    <t>354-25-6</t>
  </si>
  <si>
    <t>1-Chloro-1,1-difluoroethane</t>
  </si>
  <si>
    <t>75-68-3</t>
  </si>
  <si>
    <t>1-Chloro-1,2-difluoroethylene</t>
  </si>
  <si>
    <t>359-04-6</t>
  </si>
  <si>
    <t>1-Chloro-1-fluoroethylene</t>
  </si>
  <si>
    <t>2317-91-1</t>
  </si>
  <si>
    <t>1-Chloro-2-fluoroethylene</t>
  </si>
  <si>
    <t>460-16-2</t>
  </si>
  <si>
    <t>2-Chloro-1,1-difluoroethylene</t>
  </si>
  <si>
    <t>359-10-4</t>
  </si>
  <si>
    <t>Chlorodifluoroethanes</t>
  </si>
  <si>
    <t>25497-29-4</t>
  </si>
  <si>
    <t>Chlorodifluoromethane</t>
  </si>
  <si>
    <t>75-45-6</t>
  </si>
  <si>
    <t>Chlorofluoromethane</t>
  </si>
  <si>
    <t>593-70-4</t>
  </si>
  <si>
    <t>Chlorotetrafluoroethane</t>
  </si>
  <si>
    <t>63938-10-3</t>
  </si>
  <si>
    <t>Dichlorofluoromethane</t>
  </si>
  <si>
    <t>75-43-4</t>
  </si>
  <si>
    <t>Dichlorotrifluoroethane</t>
  </si>
  <si>
    <t>34077-87-7</t>
  </si>
  <si>
    <t>Ethane, 1,1,1-trichloro-2-fluoro-</t>
  </si>
  <si>
    <t>2366-36-1</t>
  </si>
  <si>
    <t>Ethane, 1,1,2-trichloro-1-fluoro-</t>
  </si>
  <si>
    <t>811-95-0</t>
  </si>
  <si>
    <t>Ethane, 1,1,2-trichloro-2-fluoro-</t>
  </si>
  <si>
    <t>359-28-4</t>
  </si>
  <si>
    <t>Ethane, 1,1-dichloro-1-fluoro-</t>
  </si>
  <si>
    <t>1717-00-6</t>
  </si>
  <si>
    <t>Ethane, 1,2-difluoro-1,1,2-trichloro-</t>
  </si>
  <si>
    <t>354-15-4</t>
  </si>
  <si>
    <t>Ethane, 1-chloro-1,2-difluoro-</t>
  </si>
  <si>
    <t>338-64-7</t>
  </si>
  <si>
    <t>Ethane, 2,2-dichloro-1,1,1-trifluoro-</t>
  </si>
  <si>
    <t>306-83-2</t>
  </si>
  <si>
    <t>Ethane, 2-chloro-1,1,1,2-tetrafluoro-</t>
  </si>
  <si>
    <t>2837-89-0</t>
  </si>
  <si>
    <t>Ethane, chloro-1,1-difluoro-</t>
  </si>
  <si>
    <t>55949-44-5</t>
  </si>
  <si>
    <t>Ethane, monochlorodifluoro-</t>
  </si>
  <si>
    <t>338-65-8</t>
  </si>
  <si>
    <t>27154-33-2</t>
  </si>
  <si>
    <t>chlorodifluoropropane</t>
  </si>
  <si>
    <t>134190-53-7</t>
  </si>
  <si>
    <t>chlorofluoroethane</t>
  </si>
  <si>
    <t>110587-14-9</t>
  </si>
  <si>
    <t>chlorofluoroopropane</t>
  </si>
  <si>
    <t>134190-54-8</t>
  </si>
  <si>
    <t>chlorohexafluoropropane</t>
  </si>
  <si>
    <t>28987-04-4</t>
  </si>
  <si>
    <t>chloropentafluoropropane</t>
  </si>
  <si>
    <t>108662-83-5</t>
  </si>
  <si>
    <t>chlorotetrafluoropropane</t>
  </si>
  <si>
    <t>134190-50-4</t>
  </si>
  <si>
    <t>chlorotrifluoropropane</t>
  </si>
  <si>
    <t>26588-23-8</t>
  </si>
  <si>
    <t>chloro-1,1,1-trifluoroethane</t>
  </si>
  <si>
    <t>75-88-7</t>
  </si>
  <si>
    <t>116867-32-4</t>
  </si>
  <si>
    <t>Pentachlorofluoropropane</t>
  </si>
  <si>
    <t>134190-48-0</t>
  </si>
  <si>
    <t>1-chloro-1,1,2-trifluoroethane</t>
  </si>
  <si>
    <t>421-04-5</t>
  </si>
  <si>
    <t>1-chloro-1,2,2-trifluoroethane</t>
  </si>
  <si>
    <t>431-07-2</t>
  </si>
  <si>
    <t>1,1-Dichloro-2-fluoroethane</t>
  </si>
  <si>
    <t>430-53-5</t>
  </si>
  <si>
    <t>1,1-Dichloro-2,2-difluoroethane</t>
  </si>
  <si>
    <t>471-43-2</t>
  </si>
  <si>
    <t>1,1,1,2-Tetrachloro-2-fluoroethane</t>
  </si>
  <si>
    <t>354-11-0</t>
  </si>
  <si>
    <t>354-14-3</t>
  </si>
  <si>
    <t>Kyoto Protocol</t>
  </si>
  <si>
    <t>Vehicle related refrigerants D/FA</t>
  </si>
  <si>
    <t>1,1,1,2,2,3,3-Heptafluoropropane</t>
  </si>
  <si>
    <t>2252-84-8</t>
  </si>
  <si>
    <t>1,1,1,2,3,3-Hexafluoropropane</t>
  </si>
  <si>
    <t>431-63-0</t>
  </si>
  <si>
    <t>1,1,1,2-Tetrafluoroethane</t>
  </si>
  <si>
    <t>811-97-2</t>
  </si>
  <si>
    <t>1,1,2,2-Tetrafluoroethane</t>
  </si>
  <si>
    <t>359-35-3</t>
  </si>
  <si>
    <t>1,1,2-Trifluoroethane</t>
  </si>
  <si>
    <t>430-66-0</t>
  </si>
  <si>
    <t>1,1-Difluoroethane</t>
  </si>
  <si>
    <t>75-37-6</t>
  </si>
  <si>
    <t>1,2-Difluoroethane</t>
  </si>
  <si>
    <t>624-72-6</t>
  </si>
  <si>
    <t>Difluoroethane</t>
  </si>
  <si>
    <t>25497-28-3</t>
  </si>
  <si>
    <t>Difluoromethane</t>
  </si>
  <si>
    <t>75-10-5</t>
  </si>
  <si>
    <t>Ethane, 1,1,1-trifluoro-</t>
  </si>
  <si>
    <t>420-46-2</t>
  </si>
  <si>
    <t>Ethane, pentafluoro-</t>
  </si>
  <si>
    <t>354-33-6</t>
  </si>
  <si>
    <t>Ethyl fluoride</t>
  </si>
  <si>
    <t>353-36-6</t>
  </si>
  <si>
    <t>Methyl fluoride</t>
  </si>
  <si>
    <t>593-53-3</t>
  </si>
  <si>
    <t>1,1,1,2,2-Pentafluoropropane</t>
  </si>
  <si>
    <t>1814-88-6</t>
  </si>
  <si>
    <t>1,1,1,3,3-Pentafluoropropane</t>
  </si>
  <si>
    <t>460-73-1</t>
  </si>
  <si>
    <t>1,1,1,3,3-Pentafluorobutane</t>
  </si>
  <si>
    <t>406-58-6</t>
  </si>
  <si>
    <t>Pentane, 1,1,1,2,2,3,4,5,5,5-decafluoro-</t>
  </si>
  <si>
    <t>138495-42-8</t>
  </si>
  <si>
    <t>Propane, 1,1,1,2,3,3,3-heptafluoro-</t>
  </si>
  <si>
    <t>431-89-0</t>
  </si>
  <si>
    <t>Propane, 1,1,1,3,3,3-hexafluoro-</t>
  </si>
  <si>
    <t>690-39-1</t>
  </si>
  <si>
    <t>Propane, hexafluoro-</t>
  </si>
  <si>
    <t>27070-61-7</t>
  </si>
  <si>
    <t>Trifluoroethane</t>
  </si>
  <si>
    <t>27987-06-0</t>
  </si>
  <si>
    <t>Trifluoromethane</t>
  </si>
  <si>
    <t>75-46-7</t>
  </si>
  <si>
    <t>Indium tin oxide (ITO)</t>
  </si>
  <si>
    <t>50926-11-9</t>
  </si>
  <si>
    <t>electrics, electronics, ceramics, glass, thermoplastics</t>
  </si>
  <si>
    <t>Isodecyl diphenyl phosphate</t>
  </si>
  <si>
    <t>29761-21-5</t>
  </si>
  <si>
    <t>Elastomers / elastomeric compounds,
Adhesives, sealants</t>
  </si>
  <si>
    <t>PVC, Laquers, hardener, adhesives, electrics</t>
  </si>
  <si>
    <t>Isopropylphenyl phosphate</t>
  </si>
  <si>
    <t>68937-41-7</t>
  </si>
  <si>
    <t>Flame Retardant</t>
  </si>
  <si>
    <t>Lead and its compounds, all members</t>
  </si>
  <si>
    <t>Lead as component in metals and alloys: e.g. bearing metals, steel, brass, aluminium  processed in automated machines. Lead compounds, e.g. lead-containing stabilizers and pigments, corrosion inhibitors etc.</t>
  </si>
  <si>
    <t>0.1% for impurities, any intentionally added content must be reported</t>
  </si>
  <si>
    <t>(2-Ethylhexanoato-O)(isodecanoato-O)lead</t>
  </si>
  <si>
    <t>94246-92-1</t>
  </si>
  <si>
    <t>(2-Ethylhexanoato-O)(isononanoato-O)lead</t>
  </si>
  <si>
    <t>94246-91-0</t>
  </si>
  <si>
    <t>(2-Ethylhexanoato-O)(isooctanoato-O)lead</t>
  </si>
  <si>
    <t>94246-90-9</t>
  </si>
  <si>
    <t>(2-Ethylhexanoato-O)(neodecanoato-O)lead</t>
  </si>
  <si>
    <t>94246-93-2</t>
  </si>
  <si>
    <t>(Isodecanoato-O)(isononanoato-O)lead</t>
  </si>
  <si>
    <t>94246-86-3</t>
  </si>
  <si>
    <t>(Isodecanoato-O)(isooctanoato-O)lead</t>
  </si>
  <si>
    <t>94246-85-2</t>
  </si>
  <si>
    <t>(Isodecanoato-O)(neodecanoato-O)lead</t>
  </si>
  <si>
    <t>94246-87-4</t>
  </si>
  <si>
    <t>(Isononanoato-O)(isooctanoato-O)lead</t>
  </si>
  <si>
    <t>94246-84-1</t>
  </si>
  <si>
    <t>(Isononanoato-O)(neodecanoato-O)lead</t>
  </si>
  <si>
    <t>94481-58-0</t>
  </si>
  <si>
    <t>(Neononanoato-O)(neoundecanoato-O)lead</t>
  </si>
  <si>
    <t>93894-64-5</t>
  </si>
  <si>
    <t>.alpha.-D-Glucopyranose, 1-(dihydrogen phosphate), lead salt</t>
  </si>
  <si>
    <t>68901-12-2</t>
  </si>
  <si>
    <t>[.mu.-(4,6-Dinitroresorcinolato(2-)-O1,O3)]dihydroxydilead</t>
  </si>
  <si>
    <t>84837-22-9</t>
  </si>
  <si>
    <t>[.mu.-[[5,5'-Azobis[1H-tetrazolato]](2-)]]dihydroxydilead</t>
  </si>
  <si>
    <t>94015-57-3</t>
  </si>
  <si>
    <t>1,2,3-Propanetricarboxylic acid, 2-hydroxy-, lead salt</t>
  </si>
  <si>
    <t>14450-60-3</t>
  </si>
  <si>
    <t>1,2,3-Propanetricarboxylic acid, 2-hydroxy-, lead(2+) salt (2:3)</t>
  </si>
  <si>
    <t>512-26-5</t>
  </si>
  <si>
    <t>1,2,3-Propanetricarboxylic acid, 2-hydroxy-, lead(2+) salt (2:3), trihydrate</t>
  </si>
  <si>
    <t>6107-83-1</t>
  </si>
  <si>
    <t>1,2-Benzenedicarboxylic acid, lead(2+) salt</t>
  </si>
  <si>
    <t>18608-34-9</t>
  </si>
  <si>
    <t>1,2-Benzenedicarboxylic acid, lead(2+) salt, basic</t>
  </si>
  <si>
    <t>90193-83-2</t>
  </si>
  <si>
    <t>1,3,5,7,9-Pentaoxa-2.lambda.2,4.lambda.2,6.lambda.2,8.lambda.2-tetraplumbacyclotridec-11-ene-10,13-dione, (Z)-</t>
  </si>
  <si>
    <t>12275-07-9</t>
  </si>
  <si>
    <t>1,3,5-Triazine-2,4,6(1H,3H,5H)-trione, lead salt</t>
  </si>
  <si>
    <t>54554-36-8</t>
  </si>
  <si>
    <t>1,3-Benzenediol, 2,4,6-trinitro-, lead salt/Lead styphnate</t>
  </si>
  <si>
    <t>1,3-Benzenediol, nitro-, lead(2+) salt (1:1)</t>
  </si>
  <si>
    <t>70268-38-1</t>
  </si>
  <si>
    <t>2,4-Cyclohexadien-1-one, 3,5,6-trihydroxy-4,6-bis(3-methyl-2-butenyl)-2-(3-methyl-2-oxobutyl)-, lead salt, (R)-</t>
  </si>
  <si>
    <t>68901-11-1</t>
  </si>
  <si>
    <t>2-Butenedioic acid (E)-, lead salt</t>
  </si>
  <si>
    <t>13698-55-0</t>
  </si>
  <si>
    <t>2-Butenedioic acid (E)-, lead(2+) salt, basic</t>
  </si>
  <si>
    <t>90268-59-0</t>
  </si>
  <si>
    <t>2-Butenedioic acid (Z)-, lead(2+) salt, basic</t>
  </si>
  <si>
    <t>90268-66-9</t>
  </si>
  <si>
    <t>2-Propenoic acid, 2-methyl-, lead salt, basic</t>
  </si>
  <si>
    <t>90552-19-5</t>
  </si>
  <si>
    <t>2-Propenoic acid, 2-methyl-, methyl ester, polymer with ethenylbenzene, lead(2+) bis(2-methyl-2-propenoate) and .alpha.-(2-methyl-1-oxo-2-propenyl)-.omega.-[(2-methyl-1-oxo-2-propenyl)oxy]poly(oxy-1,2-ethanediyl)</t>
  </si>
  <si>
    <t>68155-47-5</t>
  </si>
  <si>
    <t>3-(Triphenylplumbyl)-1H-pyrazole</t>
  </si>
  <si>
    <t>51105-45-4</t>
  </si>
  <si>
    <t>7,11-Metheno-11H,13H-tetrazolo[1,5-c][1,7,3,5,2,6]dioxadiazadiplumbacyclododecine, 5,5,13,13-tetradehydro-4,5-dihydro-4,8,10,15-tetranitro-</t>
  </si>
  <si>
    <t>19651-80-0</t>
  </si>
  <si>
    <t>7-Methyloctanoic acid, lead salt</t>
  </si>
  <si>
    <t>97952-39-1</t>
  </si>
  <si>
    <t>9-Hexadecenoic acid, lead(2+) salt, (Z)-, basic</t>
  </si>
  <si>
    <t>90388-15-1</t>
  </si>
  <si>
    <t>9-Octadecenoic acid (Z)-, lead salt</t>
  </si>
  <si>
    <t>15347-55-4</t>
  </si>
  <si>
    <t>9-Octadecenoic acid (Z)-, lead salt, basic</t>
  </si>
  <si>
    <t>90459-88-4</t>
  </si>
  <si>
    <t>Acetoxytributylplumbane</t>
  </si>
  <si>
    <t>2587-82-8</t>
  </si>
  <si>
    <t>Acetoxytrimethylplumbane</t>
  </si>
  <si>
    <t>5711-19-3</t>
  </si>
  <si>
    <t>Acetoxytriphenylplumbane</t>
  </si>
  <si>
    <t>1162-06-7</t>
  </si>
  <si>
    <t>Basic lead sulfite</t>
  </si>
  <si>
    <t>12608-25-2</t>
  </si>
  <si>
    <t>Benzenesulfonic acid, 4-C10-13-sec-alkyl derivitives, lead(2+) salts</t>
  </si>
  <si>
    <t>84961-75-1</t>
  </si>
  <si>
    <t>Bis(diethyldithiocarbamato-S,S')lead</t>
  </si>
  <si>
    <t>17549-30-3</t>
  </si>
  <si>
    <t>Bis(o-acetoxybenzoato)lead</t>
  </si>
  <si>
    <t>62451-77-8</t>
  </si>
  <si>
    <t>Bis(pentane-2,4-dionato-O,O')lead</t>
  </si>
  <si>
    <t>15282-88-9</t>
  </si>
  <si>
    <t>Bismuth lead ruthenium oxide</t>
  </si>
  <si>
    <t>65229-22-3</t>
  </si>
  <si>
    <t>Bismuth, compound with lead (1:1)</t>
  </si>
  <si>
    <t>12048-28-1</t>
  </si>
  <si>
    <t>Butanedioic acid, 2,3-dihydroxy- [R-(R*,R*)]-, lead(2+) salt (1:1)</t>
  </si>
  <si>
    <t>815-84-9</t>
  </si>
  <si>
    <t>Carbamodithioic acid, ethylphenyl-, lead(2+) salt</t>
  </si>
  <si>
    <t>93892-65-0</t>
  </si>
  <si>
    <t>Carbonic acid, lead(2+) salt</t>
  </si>
  <si>
    <t>25510-11-6</t>
  </si>
  <si>
    <t>Castor oil, dehydrated, polymer with rosin, calcium lead zinc salt</t>
  </si>
  <si>
    <t>68604-05-7</t>
  </si>
  <si>
    <t>Chlorotrimethylplumbane</t>
  </si>
  <si>
    <t>1520-78-1</t>
  </si>
  <si>
    <t>Chlorotriphenylplumbane</t>
  </si>
  <si>
    <t>1153-06-6</t>
  </si>
  <si>
    <t xml:space="preserve">Lead sulfochromate yellow(C.I. Pigment Yellow 34) </t>
  </si>
  <si>
    <t>Chromium lead oxide sulfate, silica-modified</t>
  </si>
  <si>
    <t>116565-74-3</t>
  </si>
  <si>
    <t>Copper, .beta.-resorcylate salicylate lead complexes</t>
  </si>
  <si>
    <t>68411-07-4</t>
  </si>
  <si>
    <t>Cyclohexanebutanoic acid, lead(2+) salt</t>
  </si>
  <si>
    <t>62637-99-4</t>
  </si>
  <si>
    <t>Decanoic acid, branched, lead salts</t>
  </si>
  <si>
    <t>90342-24-8</t>
  </si>
  <si>
    <t>Decanoic acid, lead salt</t>
  </si>
  <si>
    <t>20403-42-3</t>
  </si>
  <si>
    <t>Diacetoxydiphenylplumbane</t>
  </si>
  <si>
    <t>6928-68-3</t>
  </si>
  <si>
    <t>Diamyldithiocarbamate, lead</t>
  </si>
  <si>
    <t>109707-90-6</t>
  </si>
  <si>
    <t>Diantimony lead tetroxide</t>
  </si>
  <si>
    <t>16450-50-3</t>
  </si>
  <si>
    <t>Dibasic lead stearate</t>
  </si>
  <si>
    <t>56189-09-4</t>
  </si>
  <si>
    <t>Dibismuth dilead tetraruthenium tridecaoxide</t>
  </si>
  <si>
    <t>11116-83-9</t>
  </si>
  <si>
    <t>Dilead dirhodium heptaoxide</t>
  </si>
  <si>
    <t>37240-96-3</t>
  </si>
  <si>
    <t>Diphenyllead dichloride</t>
  </si>
  <si>
    <t>2117-69-3</t>
  </si>
  <si>
    <t>Diplumbane, hexaethyl-</t>
  </si>
  <si>
    <t>2388-00-3</t>
  </si>
  <si>
    <t>Diplumbane, hexaphenyl-</t>
  </si>
  <si>
    <t>3124-01-4</t>
  </si>
  <si>
    <t>Docosanoic acid, lead salt</t>
  </si>
  <si>
    <t>3249-61-4</t>
  </si>
  <si>
    <t>Dodecanoic acid, lead salt, basic</t>
  </si>
  <si>
    <t>90342-56-6</t>
  </si>
  <si>
    <t>Dodecanoic acid, lead(2+) salt</t>
  </si>
  <si>
    <t>15773-55-4</t>
  </si>
  <si>
    <t>Fatty acids, C12-18, lead salts</t>
  </si>
  <si>
    <t>68131-60-2</t>
  </si>
  <si>
    <t>Fatty acids, C14-26, lead salts</t>
  </si>
  <si>
    <t>93165-26-5</t>
  </si>
  <si>
    <t>Fatty acids, C18-24, lead salts</t>
  </si>
  <si>
    <t>84776-54-5</t>
  </si>
  <si>
    <t>Fatty acids, C4- 20-branched, lead salts</t>
  </si>
  <si>
    <t>125328-49-6</t>
  </si>
  <si>
    <t>Fatty acids, C6- 19-branched, lead salts</t>
  </si>
  <si>
    <t>91002-20-9</t>
  </si>
  <si>
    <t>Fatty acids, C8-10, lead salts</t>
  </si>
  <si>
    <t>91031-61-7</t>
  </si>
  <si>
    <t>Fatty acids, C8-10-branched, lead salts</t>
  </si>
  <si>
    <t>85049-42-9</t>
  </si>
  <si>
    <t>Fatty acids, C8-10-branched, lead salts, basic</t>
  </si>
  <si>
    <t>68409-79-0</t>
  </si>
  <si>
    <t>Fatty acids, C8-12, lead salts</t>
  </si>
  <si>
    <t>84776-53-4</t>
  </si>
  <si>
    <t>Fatty acids, C8-18 and C18-unsaturated, lead salts</t>
  </si>
  <si>
    <t>84776-36-3</t>
  </si>
  <si>
    <t>Fatty acids, C8-9, lead salts</t>
  </si>
  <si>
    <t>91031-60-6</t>
  </si>
  <si>
    <t>Fatty acids, C9-11-branched, lead salts</t>
  </si>
  <si>
    <t>81412-57-9</t>
  </si>
  <si>
    <t>Fatty acids, castor-oil, hydrogenated, lead salts</t>
  </si>
  <si>
    <t>91697-36-8</t>
  </si>
  <si>
    <t>Fatty acids, coco, lead salts</t>
  </si>
  <si>
    <t>92044-89-8</t>
  </si>
  <si>
    <t>Fatty acids, tall-oil, lead manganese salts</t>
  </si>
  <si>
    <t>61788-53-2</t>
  </si>
  <si>
    <t>Fatty acids, tall-oil, lead salts</t>
  </si>
  <si>
    <t>61788-54-3</t>
  </si>
  <si>
    <t>Fatty acids, tallow, reaction products with lead oxide</t>
  </si>
  <si>
    <t>94349-78-7</t>
  </si>
  <si>
    <t>Flue dust, lead blast furnace</t>
  </si>
  <si>
    <t>70514-05-5</t>
  </si>
  <si>
    <t>Formic acid, lead salt</t>
  </si>
  <si>
    <t>7056-83-9</t>
  </si>
  <si>
    <t>Gilsonite, polymer with linseed oil, lead salt</t>
  </si>
  <si>
    <t>68989-89-9</t>
  </si>
  <si>
    <t>Glycine, N,N'-1,2-ethanediylbis[N-(carboxymethyl)-, lead(2+) sodiumsalt (1:1:2)</t>
  </si>
  <si>
    <t>22904-40-1</t>
  </si>
  <si>
    <t>Hafnium lead trioxide</t>
  </si>
  <si>
    <t>12029-23-1</t>
  </si>
  <si>
    <t>Hexacosanoic acid, lead salt</t>
  </si>
  <si>
    <t>94006-20-9</t>
  </si>
  <si>
    <t>Hexadecanoic acid, lead salt, basic</t>
  </si>
  <si>
    <t>90388-09-3</t>
  </si>
  <si>
    <t>Hexadecanoic acid, lead(2+) salt, basic</t>
  </si>
  <si>
    <t>90388-10-6</t>
  </si>
  <si>
    <t>Hexanoic acid, 2-ethyl-, lead(2+) salt</t>
  </si>
  <si>
    <t>301-08-6</t>
  </si>
  <si>
    <t>Hexanoic acid, 3,5,5-trimethyl-, lead salt</t>
  </si>
  <si>
    <t>23621-79-6</t>
  </si>
  <si>
    <t>Hydroxy(neodecanoato-O)lead</t>
  </si>
  <si>
    <t>71753-04-3</t>
  </si>
  <si>
    <t>Iron lead oxide (Fe12PbO19)</t>
  </si>
  <si>
    <t>12023-90-4</t>
  </si>
  <si>
    <t>Isodecanoic acid, lead salt, basic</t>
  </si>
  <si>
    <t>90431-14-4</t>
  </si>
  <si>
    <t>Isodecanoic acid, lead(2+) salt, basic</t>
  </si>
  <si>
    <t>91671-82-8</t>
  </si>
  <si>
    <t>Isononanoic acid, lead salt</t>
  </si>
  <si>
    <t>27253-41-4</t>
  </si>
  <si>
    <t>Isononanoic acid, lead salt, basic</t>
  </si>
  <si>
    <t>90431-21-3</t>
  </si>
  <si>
    <t>Isooctanoic acid, lead salt</t>
  </si>
  <si>
    <t>64504-12-7</t>
  </si>
  <si>
    <t>Isooctanoic acid, lead salt, basic</t>
  </si>
  <si>
    <t>90431-26-8</t>
  </si>
  <si>
    <t>Isooctanoic acid, lead(2+) salt, basic</t>
  </si>
  <si>
    <t>91671-83-9</t>
  </si>
  <si>
    <t>Isoundecanoic acid, lead(2+) salt, basic</t>
  </si>
  <si>
    <t>91671-84-0</t>
  </si>
  <si>
    <t>Lauric acid, lead salt</t>
  </si>
  <si>
    <t>15306-30-6</t>
  </si>
  <si>
    <t>Leach residues, lead slag</t>
  </si>
  <si>
    <t>69029-71-6</t>
  </si>
  <si>
    <t>Lead</t>
  </si>
  <si>
    <t>7439-92-1</t>
  </si>
  <si>
    <t>Lead (II) acetate, trihydrate</t>
  </si>
  <si>
    <t>6080-56-4</t>
  </si>
  <si>
    <t>Lead (II) methylthiolate</t>
  </si>
  <si>
    <t>35029-96-0</t>
  </si>
  <si>
    <t>Lead (IV) acetate</t>
  </si>
  <si>
    <t>546-67-8</t>
  </si>
  <si>
    <t>Lead 12-hydroxyoctadecanoate</t>
  </si>
  <si>
    <t>65127-78-8</t>
  </si>
  <si>
    <t>Lead 2,4-dihydroxybenzoate</t>
  </si>
  <si>
    <t>20936-32-7</t>
  </si>
  <si>
    <t>Lead 2-ethylhexoate</t>
  </si>
  <si>
    <t>16996-40-0</t>
  </si>
  <si>
    <t>Lead 3-(acetamido)phthalate</t>
  </si>
  <si>
    <t>93839-98-6</t>
  </si>
  <si>
    <t>Lead 5-nitroterephthalate</t>
  </si>
  <si>
    <t>60580-60-1</t>
  </si>
  <si>
    <t>Lead acetate</t>
  </si>
  <si>
    <t>15347-57-6</t>
  </si>
  <si>
    <t>Lead acrylate</t>
  </si>
  <si>
    <t>14466-01-4</t>
  </si>
  <si>
    <t>Lead alloy, dross</t>
  </si>
  <si>
    <t>69011-59-2</t>
  </si>
  <si>
    <t>Lead alloy, Pb,Sn, dross</t>
  </si>
  <si>
    <t>69011-60-5</t>
  </si>
  <si>
    <t>Lead antimonate</t>
  </si>
  <si>
    <t>13510-89-9</t>
  </si>
  <si>
    <t>Lead antimonide</t>
  </si>
  <si>
    <t>12266-38-5</t>
  </si>
  <si>
    <t>Lead azide</t>
  </si>
  <si>
    <t>Lead benzoate</t>
  </si>
  <si>
    <t>15907-04-7</t>
  </si>
  <si>
    <t>Lead bis(12-hydroxystearate)</t>
  </si>
  <si>
    <t>58405-97-3</t>
  </si>
  <si>
    <t>Lead bis(2-ethylhexanolate)</t>
  </si>
  <si>
    <t>93840-04-1</t>
  </si>
  <si>
    <t>Lead bis(3,5,5-trimethylhexanoate)</t>
  </si>
  <si>
    <t>35837-70-8</t>
  </si>
  <si>
    <t>Lead bis(5-oxo-DL-prolinate)</t>
  </si>
  <si>
    <t>85392-78-5</t>
  </si>
  <si>
    <t>Lead bis(5-oxo-L-prolinate)</t>
  </si>
  <si>
    <t>85392-77-4</t>
  </si>
  <si>
    <t>Lead bis(isononanoate)</t>
  </si>
  <si>
    <t>52847-85-5</t>
  </si>
  <si>
    <t>Lead bis(isoundecanoate)</t>
  </si>
  <si>
    <t>93965-29-8</t>
  </si>
  <si>
    <t>Lead bis(nonylphenolate)</t>
  </si>
  <si>
    <t>72586-00-6</t>
  </si>
  <si>
    <t>Lead bis(piperidine-1-carbodithioate)</t>
  </si>
  <si>
    <t>41556-46-1</t>
  </si>
  <si>
    <t>Lead bis(p-octylphenolate)</t>
  </si>
  <si>
    <t>84394-98-9</t>
  </si>
  <si>
    <t>Lead bis(tetracosylbenzenesulphonate)</t>
  </si>
  <si>
    <t>85865-91-4</t>
  </si>
  <si>
    <t>Lead bis(tricosanoate)</t>
  </si>
  <si>
    <t>93966-37-1</t>
  </si>
  <si>
    <t>Lead bis[didodecylbenzenesulphonate]</t>
  </si>
  <si>
    <t>85865-92-5</t>
  </si>
  <si>
    <t>Lead borate</t>
  </si>
  <si>
    <t>14720-53-7</t>
  </si>
  <si>
    <t>Lead b-resorcylate</t>
  </si>
  <si>
    <t>41453-50-3</t>
  </si>
  <si>
    <t>Lead bromide (PbBr2)</t>
  </si>
  <si>
    <t>10031-22-8</t>
  </si>
  <si>
    <t>Lead carbonate</t>
  </si>
  <si>
    <t>598-63-0</t>
  </si>
  <si>
    <t>Lead chloride</t>
  </si>
  <si>
    <t>7758-95-4</t>
  </si>
  <si>
    <t>Lead chloride (V.A.N.)</t>
  </si>
  <si>
    <t>12612-47-4</t>
  </si>
  <si>
    <t>Lead chloride oxide</t>
  </si>
  <si>
    <t>12205-72-0</t>
  </si>
  <si>
    <t>20890-10-2</t>
  </si>
  <si>
    <t>Lead cyanamide</t>
  </si>
  <si>
    <t>35112-70-0</t>
  </si>
  <si>
    <t>Lead cyanide</t>
  </si>
  <si>
    <t>592-05-2</t>
  </si>
  <si>
    <t>Lead dibenzoate</t>
  </si>
  <si>
    <t>873-54-1</t>
  </si>
  <si>
    <t>Lead dibromate</t>
  </si>
  <si>
    <t>34018-28-5</t>
  </si>
  <si>
    <t>Lead dibutanolate</t>
  </si>
  <si>
    <t>65119-94-0</t>
  </si>
  <si>
    <t>Lead dibutyrate</t>
  </si>
  <si>
    <t>819-73-8</t>
  </si>
  <si>
    <t>Lead didocosanoate</t>
  </si>
  <si>
    <t>29597-84-0</t>
  </si>
  <si>
    <t>Lead dihexanoate</t>
  </si>
  <si>
    <t>15773-53-2</t>
  </si>
  <si>
    <t>Lead dilactate</t>
  </si>
  <si>
    <t>18917-82-3</t>
  </si>
  <si>
    <t>Lead dilinoleate</t>
  </si>
  <si>
    <t>33627-12-2</t>
  </si>
  <si>
    <t>Lead dimethyldithiocarbamate</t>
  </si>
  <si>
    <t>19010-66-3</t>
  </si>
  <si>
    <t>Lead dimyristate</t>
  </si>
  <si>
    <t>32112-52-0</t>
  </si>
  <si>
    <t>Lead dipalmitate</t>
  </si>
  <si>
    <t>15773-56-5</t>
  </si>
  <si>
    <t>Lead diphosphinate</t>
  </si>
  <si>
    <t>10294-58-3</t>
  </si>
  <si>
    <t>Lead dipropionate</t>
  </si>
  <si>
    <t>814-70-0</t>
  </si>
  <si>
    <t>Lead disulphamidate</t>
  </si>
  <si>
    <t>13767-78-7</t>
  </si>
  <si>
    <t>Lead disulphide</t>
  </si>
  <si>
    <t>12137-74-5</t>
  </si>
  <si>
    <t>Lead diundec-10-enoate</t>
  </si>
  <si>
    <t>94232-40-3</t>
  </si>
  <si>
    <t>Lead fluoborate</t>
  </si>
  <si>
    <t>Lead fluoride</t>
  </si>
  <si>
    <t>7783-46-2</t>
  </si>
  <si>
    <t>Lead fluoride hydroxide</t>
  </si>
  <si>
    <t>97889-90-2</t>
  </si>
  <si>
    <t>Lead fluorosilicate</t>
  </si>
  <si>
    <t>25808-74-6</t>
  </si>
  <si>
    <t>Lead formate</t>
  </si>
  <si>
    <t>811-54-1</t>
  </si>
  <si>
    <t>Lead germanate</t>
  </si>
  <si>
    <t>12435-47-1</t>
  </si>
  <si>
    <t>Lead hexafluorosilicate</t>
  </si>
  <si>
    <t>1310-03-8</t>
  </si>
  <si>
    <t>Lead hydroxide</t>
  </si>
  <si>
    <t>19783-14-3</t>
  </si>
  <si>
    <t>39345-91-0</t>
  </si>
  <si>
    <t>Lead hydroxide nitrate</t>
  </si>
  <si>
    <t>12268-84-7</t>
  </si>
  <si>
    <t>Lead hydroxysalicylate</t>
  </si>
  <si>
    <t>87903-39-7</t>
  </si>
  <si>
    <t>Lead icosanoate</t>
  </si>
  <si>
    <t>94266-32-7</t>
  </si>
  <si>
    <t>Lead icosanoate (1:2)</t>
  </si>
  <si>
    <t>94266-31-6</t>
  </si>
  <si>
    <t>Lead iodate</t>
  </si>
  <si>
    <t>25659-31-8</t>
  </si>
  <si>
    <t>Lead iodide</t>
  </si>
  <si>
    <t>10101-63-0</t>
  </si>
  <si>
    <t>Lead isophthalate</t>
  </si>
  <si>
    <t>38787-87-0</t>
  </si>
  <si>
    <t>Lead linoleate</t>
  </si>
  <si>
    <t>16996-51-3</t>
  </si>
  <si>
    <t>Lead malate</t>
  </si>
  <si>
    <t>816-68-2</t>
  </si>
  <si>
    <t>Lead maleate</t>
  </si>
  <si>
    <t>19136-34-6</t>
  </si>
  <si>
    <t>Lead methacrylate</t>
  </si>
  <si>
    <t>1068-61-7</t>
  </si>
  <si>
    <t>52609-46-8</t>
  </si>
  <si>
    <t>Lead molybdate</t>
  </si>
  <si>
    <t>10190-55-3</t>
  </si>
  <si>
    <t>Lead monoxide</t>
  </si>
  <si>
    <t>Lead myristate</t>
  </si>
  <si>
    <t>20403-41-2</t>
  </si>
  <si>
    <t>Lead naphthalate</t>
  </si>
  <si>
    <t>50825-29-1</t>
  </si>
  <si>
    <t>Lead naphthenate</t>
  </si>
  <si>
    <t>61790-14-5</t>
  </si>
  <si>
    <t>Lead neobate</t>
  </si>
  <si>
    <t>12034-88-7</t>
  </si>
  <si>
    <t>Lead neodecanoate</t>
  </si>
  <si>
    <t>27253-28-7</t>
  </si>
  <si>
    <t>Lead nitrate</t>
  </si>
  <si>
    <t>Lead nitroresorcinate</t>
  </si>
  <si>
    <t>51317-24-9</t>
  </si>
  <si>
    <t>Lead oleate</t>
  </si>
  <si>
    <t>1120-46-3</t>
  </si>
  <si>
    <t>Lead oxalate</t>
  </si>
  <si>
    <t>814-93-7</t>
  </si>
  <si>
    <t>Lead oxide</t>
  </si>
  <si>
    <t>1335-25-7</t>
  </si>
  <si>
    <t>Lead oxide (Pb2O)</t>
  </si>
  <si>
    <t>12059-89-1</t>
  </si>
  <si>
    <t>Lead oxide (PbO), lead-contg.</t>
  </si>
  <si>
    <t>68411-78-9</t>
  </si>
  <si>
    <t>Lead oxide (PbO), retort</t>
  </si>
  <si>
    <t>69029-53-4</t>
  </si>
  <si>
    <t>Lead oxide phosphonate (Pb3O2(HPO3))</t>
  </si>
  <si>
    <t>Lead oxide phosphonate, hemihydrate</t>
  </si>
  <si>
    <t>1344-40-7</t>
  </si>
  <si>
    <t>12765-51-4</t>
  </si>
  <si>
    <t>Lead oxide sulfate (Pb2O(SO4))</t>
  </si>
  <si>
    <t>Lead oxide sulfate (Pb4O3(SO4))</t>
  </si>
  <si>
    <t>Lead oxide sulfate (Pb5O4(SO4))</t>
  </si>
  <si>
    <t>Lead palmitate</t>
  </si>
  <si>
    <t>19528-55-3</t>
  </si>
  <si>
    <t>Lead pentadecanoate</t>
  </si>
  <si>
    <t>93966-74-6</t>
  </si>
  <si>
    <t>Lead perchlorate</t>
  </si>
  <si>
    <t>13637-76-8</t>
  </si>
  <si>
    <t>Lead peroxide</t>
  </si>
  <si>
    <t>1309-60-0</t>
  </si>
  <si>
    <t>Lead phosphate</t>
  </si>
  <si>
    <t>7446-27-7</t>
  </si>
  <si>
    <t>Lead phthalate</t>
  </si>
  <si>
    <t>16183-12-3</t>
  </si>
  <si>
    <t>6838-85-3</t>
  </si>
  <si>
    <t>Lead picrate</t>
  </si>
  <si>
    <t>25721-38-4</t>
  </si>
  <si>
    <t>Lead propionate</t>
  </si>
  <si>
    <t>42558-73-6</t>
  </si>
  <si>
    <t>Lead pyrophosphate</t>
  </si>
  <si>
    <t>13453-66-2</t>
  </si>
  <si>
    <t>Lead ruthenium oxide (PbRuO3)</t>
  </si>
  <si>
    <t>37194-88-0</t>
  </si>
  <si>
    <t>Lead sebacate</t>
  </si>
  <si>
    <t>29473-77-6</t>
  </si>
  <si>
    <t>Lead selenate</t>
  </si>
  <si>
    <t>7446-15-3</t>
  </si>
  <si>
    <t xml:space="preserve">Lead selenide (PbSe) </t>
  </si>
  <si>
    <t>12069-00-0</t>
  </si>
  <si>
    <t>Lead selenite</t>
  </si>
  <si>
    <t>7488-51-9</t>
  </si>
  <si>
    <t>Lead silicate</t>
  </si>
  <si>
    <t>13566-17-1</t>
  </si>
  <si>
    <t>22569-74-0</t>
  </si>
  <si>
    <t>Lead silicate sulfate</t>
  </si>
  <si>
    <t>12687-78-4</t>
  </si>
  <si>
    <t>67711-86-8</t>
  </si>
  <si>
    <t>Lead stearate</t>
  </si>
  <si>
    <t>7428-48-0</t>
  </si>
  <si>
    <t>Lead stearate dibasic</t>
  </si>
  <si>
    <t>52652-59-2</t>
  </si>
  <si>
    <t>Lead subacetate</t>
  </si>
  <si>
    <t>1335-32-6</t>
  </si>
  <si>
    <t>Lead succinate</t>
  </si>
  <si>
    <t>1191-18-0</t>
  </si>
  <si>
    <t>Lead sulfate</t>
  </si>
  <si>
    <t>15739-80-7</t>
  </si>
  <si>
    <t>7446-14-2</t>
  </si>
  <si>
    <t>Lead sulfate, tribasic</t>
  </si>
  <si>
    <t>12397-06-7</t>
  </si>
  <si>
    <t>Lead sulfide (PbS)</t>
  </si>
  <si>
    <t>1314-87-0</t>
  </si>
  <si>
    <t>Lead sulfomolybdochromate, silica encapsulated</t>
  </si>
  <si>
    <t>116565-73-2</t>
  </si>
  <si>
    <t>Lead tantalate</t>
  </si>
  <si>
    <t>12065-68-8</t>
  </si>
  <si>
    <t>Lead telluride</t>
  </si>
  <si>
    <t>1314-91-6</t>
  </si>
  <si>
    <t>Lead tellurite</t>
  </si>
  <si>
    <t>13845-35-7</t>
  </si>
  <si>
    <t>Lead tetrachloride</t>
  </si>
  <si>
    <t>13463-30-4</t>
  </si>
  <si>
    <t>Lead tetracosanoate</t>
  </si>
  <si>
    <t>93966-38-2</t>
  </si>
  <si>
    <t>Lead tetraoxide</t>
  </si>
  <si>
    <t>Lead thiocyanate</t>
  </si>
  <si>
    <t>592-87-0</t>
  </si>
  <si>
    <t>Lead thiosulfate</t>
  </si>
  <si>
    <t>13478-50-7</t>
  </si>
  <si>
    <t>Lead tin oxide (PbSnO3)</t>
  </si>
  <si>
    <t>12036-31-6</t>
  </si>
  <si>
    <t>Lead titanium oxide (PbTiO3)</t>
  </si>
  <si>
    <t>Lead titanium zirconium oxide (Pb(Ti,Zr)O3)</t>
  </si>
  <si>
    <t>Lead trioxide</t>
  </si>
  <si>
    <t>1314-27-8</t>
  </si>
  <si>
    <t>Lead tungsten oxide</t>
  </si>
  <si>
    <t>7759-01-5</t>
  </si>
  <si>
    <t>12737-98-3</t>
  </si>
  <si>
    <t>Lead vanadate</t>
  </si>
  <si>
    <t>10099-79-3</t>
  </si>
  <si>
    <t>Lead zirconate</t>
  </si>
  <si>
    <t>12060-01-4</t>
  </si>
  <si>
    <t>Lead(2+) (R)-12-hydroxyoleate</t>
  </si>
  <si>
    <t>13094-04-7</t>
  </si>
  <si>
    <t>Lead(2+) (Z)-hexadec-9-enoate</t>
  </si>
  <si>
    <t>93858-24-3</t>
  </si>
  <si>
    <t>Lead(2+) 2,4-dinitroresorcinolate</t>
  </si>
  <si>
    <t>13406-89-8</t>
  </si>
  <si>
    <t>Lead(2+) 4-(1,1-dimethylethyl)benzoate</t>
  </si>
  <si>
    <t>85292-77-9</t>
  </si>
  <si>
    <t>Lead(2+) 4,4'-isopropylidenebisphenolate</t>
  </si>
  <si>
    <t>93858-23-2</t>
  </si>
  <si>
    <t>Lead(2+) 4,6-dinitro-o-cresolate</t>
  </si>
  <si>
    <t>65121-76-8</t>
  </si>
  <si>
    <t>Lead(2+) acrylate</t>
  </si>
  <si>
    <t>867-47-0</t>
  </si>
  <si>
    <t>Lead(2+) decanoate</t>
  </si>
  <si>
    <t>15773-52-1</t>
  </si>
  <si>
    <t>Lead(2+) heptadecanoate</t>
  </si>
  <si>
    <t>63399-94-0</t>
  </si>
  <si>
    <t>Lead(2+) isohexadecanoate</t>
  </si>
  <si>
    <t>95892-13-0</t>
  </si>
  <si>
    <t>Lead(2+) isooctadecanoate</t>
  </si>
  <si>
    <t>70727-02-5</t>
  </si>
  <si>
    <t>Lead(2+) neodecanoate</t>
  </si>
  <si>
    <t>71684-29-2</t>
  </si>
  <si>
    <t>Lead(2+) neononanoate</t>
  </si>
  <si>
    <t>93894-48-5</t>
  </si>
  <si>
    <t>Lead(2+) neoundecanoate</t>
  </si>
  <si>
    <t>93894-49-6</t>
  </si>
  <si>
    <t>Lead(2+) octanoate</t>
  </si>
  <si>
    <t>7319-86-0</t>
  </si>
  <si>
    <t>Lead(4+) stearate</t>
  </si>
  <si>
    <t>7717-46-6</t>
  </si>
  <si>
    <t>Lead(II) fumarate</t>
  </si>
  <si>
    <t>71686-03-8</t>
  </si>
  <si>
    <t>Lead(II) isodecanoate</t>
  </si>
  <si>
    <t>84852-34-6</t>
  </si>
  <si>
    <t>Lead(II) isooctanoate</t>
  </si>
  <si>
    <t>93981-67-0</t>
  </si>
  <si>
    <t>Lead(II) maleate</t>
  </si>
  <si>
    <t>17406-54-1</t>
  </si>
  <si>
    <t>Lead(IV) fluoride</t>
  </si>
  <si>
    <t>7783-59-7</t>
  </si>
  <si>
    <t>Lead, (2-methyl-4,6-dinitrophenolato-O1)(nitrato-O)-.mu.-oxodi-, monohydrate</t>
  </si>
  <si>
    <t>79357-62-3</t>
  </si>
  <si>
    <t>Lead, [.mu.-[1,2-benzenedicarboxylato(2-)-O1:O2]]di-.mu.-oxotri-, cyclo-</t>
  </si>
  <si>
    <t>17976-43-1</t>
  </si>
  <si>
    <t>Lead, [1,2-benzenedicarboxylato(2-)]dioxotri-</t>
  </si>
  <si>
    <t>Lead, [1,2-benzenedicarboxylato(2-)]oxodi-</t>
  </si>
  <si>
    <t>57142-78-6</t>
  </si>
  <si>
    <t>Lead, [29H,31H-phthalocyaninato(2-)-N29,N30,N31,N32]-, (SP-4-1)-</t>
  </si>
  <si>
    <t>15187-16-3</t>
  </si>
  <si>
    <t>Lead, 2-ethylhexanoate isodecanoate complexes, basic</t>
  </si>
  <si>
    <t>90431-30-4</t>
  </si>
  <si>
    <t>Lead, 2-ethylhexanoate isononanoate complexes, basic</t>
  </si>
  <si>
    <t>90431-31-5</t>
  </si>
  <si>
    <t>Lead, 2-ethylhexanoate isooctanoate complexes, basic</t>
  </si>
  <si>
    <t>90431-32-6</t>
  </si>
  <si>
    <t>Lead, 2-ethylhexanoate naphthenate complexes</t>
  </si>
  <si>
    <t>90431-33-7</t>
  </si>
  <si>
    <t>Lead, 2-ethylhexanoate naphthenate complexes, basic</t>
  </si>
  <si>
    <t>90431-34-8</t>
  </si>
  <si>
    <t>Lead, 2-ethylhexanoate neodecanoate complexes, basic</t>
  </si>
  <si>
    <t>90431-35-9</t>
  </si>
  <si>
    <t>Lead, 2-ethylhexanoate tall-oil fatty acids complexes</t>
  </si>
  <si>
    <t>68187-37-1</t>
  </si>
  <si>
    <t>Lead, alkyls, manufacturing wastes</t>
  </si>
  <si>
    <t>70513-89-2</t>
  </si>
  <si>
    <t>Lead, antimonial</t>
  </si>
  <si>
    <t>69029-50-1</t>
  </si>
  <si>
    <t>Lead, antimonial, dross</t>
  </si>
  <si>
    <t>69029-51-2</t>
  </si>
  <si>
    <t>Lead, bis(2-hydroxybenzoato-O1,O2)-, (T-4)-</t>
  </si>
  <si>
    <t>15748-73-9</t>
  </si>
  <si>
    <t>Lead, bis(dipentylcarbamodithioato-S,S')-, (T-4)-</t>
  </si>
  <si>
    <t>36501-84-5</t>
  </si>
  <si>
    <t>Lead, bis(diphenylcarbamodithioato-S,S')-, (T-4)-</t>
  </si>
  <si>
    <t>75790-73-7</t>
  </si>
  <si>
    <t>Lead, bis(octadecanoato)dioxotri-</t>
  </si>
  <si>
    <t>Lead, bullion</t>
  </si>
  <si>
    <t>97808-88-3</t>
  </si>
  <si>
    <t>Lead, C3-13-fatty acid naphthenate complexes</t>
  </si>
  <si>
    <t>79803-79-5</t>
  </si>
  <si>
    <t>Lead, C4-10-fatty acid naphthenate complexes</t>
  </si>
  <si>
    <t>84067-00-5</t>
  </si>
  <si>
    <t>Lead, C4-10-fatty acid octanoate complexes</t>
  </si>
  <si>
    <t>92200-92-5</t>
  </si>
  <si>
    <t>Lead, C5-23-branched carboxylate C4-10-fatty acid complexes</t>
  </si>
  <si>
    <t>84066-98-8</t>
  </si>
  <si>
    <t>Lead, C5-23-branched carboxylate C4-10-fatty acid naphthenate complexes</t>
  </si>
  <si>
    <t>83711-45-9</t>
  </si>
  <si>
    <t>Lead, C5-23-branched carboxylate naphthenate complexes</t>
  </si>
  <si>
    <t>83711-46-0</t>
  </si>
  <si>
    <t>Lead, C5-23-branched carboxylate naphthenate octanoate complexes</t>
  </si>
  <si>
    <t>83711-47-1</t>
  </si>
  <si>
    <t>Lead, C5-23-branched carboxylate octanoate complexes</t>
  </si>
  <si>
    <t>84066-99-9</t>
  </si>
  <si>
    <t>Lead, C6-19-branched carboxylate naphthenate complexes</t>
  </si>
  <si>
    <t>70084-67-2</t>
  </si>
  <si>
    <t>Lead, C8-10-branched fatty acids C9-11-neofatty acids naphthenate complexes</t>
  </si>
  <si>
    <t>90431-28-0</t>
  </si>
  <si>
    <t>Lead, C8-10-branched fatty acids C9-11-neofatty acids naphthenate complexes, overbased</t>
  </si>
  <si>
    <t>90431-27-9</t>
  </si>
  <si>
    <t>Lead, C9- 28-neocarboxylate 2-ethylhexanoate complexes, basic</t>
  </si>
  <si>
    <t>125494-56-6</t>
  </si>
  <si>
    <t>Lead, decanoate octanoate complexes</t>
  </si>
  <si>
    <t>70321-55-0</t>
  </si>
  <si>
    <t>Lead, di-.mu.-hydroxy(2-methyl-4,6-dinitrophenolato-O1)(nitrato-O)di-</t>
  </si>
  <si>
    <t>96471-22-6</t>
  </si>
  <si>
    <t>Lead, dihydroxy[2,4,6-trinitro-1,3-benzenediolato(2-)]di-</t>
  </si>
  <si>
    <t>12403-82-6</t>
  </si>
  <si>
    <t>Lead, dross</t>
  </si>
  <si>
    <t>69029-52-3</t>
  </si>
  <si>
    <t>Lead, dross, antimony-rich</t>
  </si>
  <si>
    <t>69029-45-4</t>
  </si>
  <si>
    <t>Lead, dross, bismuth-rich</t>
  </si>
  <si>
    <t>69029-46-5</t>
  </si>
  <si>
    <t>Lead, dross, copper-rich</t>
  </si>
  <si>
    <t>69227-11-8</t>
  </si>
  <si>
    <t>Lead, dross, vanadium-zinc-containing</t>
  </si>
  <si>
    <t>100656-49-3</t>
  </si>
  <si>
    <t>Lead, isodecanoate isononanoate complexes, basic</t>
  </si>
  <si>
    <t>90431-36-0</t>
  </si>
  <si>
    <t>Lead, isodecanoate isooctanoate complexes, basic</t>
  </si>
  <si>
    <t>90431-37-1</t>
  </si>
  <si>
    <t>Lead, isodecanoate naphthenate complexes</t>
  </si>
  <si>
    <t>90431-38-2</t>
  </si>
  <si>
    <t>Lead, isodecanoate naphthenate complexes, basic</t>
  </si>
  <si>
    <t>101012-92-4</t>
  </si>
  <si>
    <t>Lead, isodecanoate neodecanoate complexes, basic</t>
  </si>
  <si>
    <t>90431-39-3</t>
  </si>
  <si>
    <t>Lead, isononanoate isooctanoate complexes, basic</t>
  </si>
  <si>
    <t>84929-94-2</t>
  </si>
  <si>
    <t>Lead, isononanoate naphthenate complexes</t>
  </si>
  <si>
    <t>84929-97-5</t>
  </si>
  <si>
    <t>Lead, isononanoate naphthenate complexes, basic</t>
  </si>
  <si>
    <t>90431-40-6</t>
  </si>
  <si>
    <t>Lead, isononanoate neodecanoate complexes, basic</t>
  </si>
  <si>
    <t>90431-41-7</t>
  </si>
  <si>
    <t>Lead, isooctanoate naphthenate complexes</t>
  </si>
  <si>
    <t>68515-80-0</t>
  </si>
  <si>
    <t>Lead, isooctanoate naphthenate complexes, basic</t>
  </si>
  <si>
    <t>90431-42-8</t>
  </si>
  <si>
    <t>Lead, isooctanoate neodecanoate complexes</t>
  </si>
  <si>
    <t>101013-06-3</t>
  </si>
  <si>
    <t>Lead, isooctanoate neodecanoate complexes, basic</t>
  </si>
  <si>
    <t>84929-95-3</t>
  </si>
  <si>
    <t>Lead, naphthenate neodecanoate complexes</t>
  </si>
  <si>
    <t>90431-43-9</t>
  </si>
  <si>
    <t>Lead, naphthenate neodecanoate complexes, basic</t>
  </si>
  <si>
    <t>84929-96-4</t>
  </si>
  <si>
    <t>Lead, neononanoate neoundecanoate complexes, basic</t>
  </si>
  <si>
    <t>90431-44-0</t>
  </si>
  <si>
    <t>Lead, zinc dross</t>
  </si>
  <si>
    <t>94551-60-7</t>
  </si>
  <si>
    <t>Linseed oil, polymer with tung oil, lead salt</t>
  </si>
  <si>
    <t>68990-75-0</t>
  </si>
  <si>
    <t>Linseed oil, reaction products with lead oxide (Pb3O4) and mastic</t>
  </si>
  <si>
    <t>68152-99-8</t>
  </si>
  <si>
    <t>Methanesulfonic acid, lead(2+) salt</t>
  </si>
  <si>
    <t>Naphthalenesulfonic acid, diisononyl-, lead(2+) salt</t>
  </si>
  <si>
    <t>63568-30-9</t>
  </si>
  <si>
    <t>Naphthalenesulfonic acid, dinonyl-, lead(2+) salt</t>
  </si>
  <si>
    <t>61867-68-3</t>
  </si>
  <si>
    <t>Naphthenic acids, lead (2+) salts</t>
  </si>
  <si>
    <t>91078-81-8</t>
  </si>
  <si>
    <t>Naphthenic acids, lead manganese salts</t>
  </si>
  <si>
    <t>61788-52-1</t>
  </si>
  <si>
    <t>Naphthenic acids, lead salts, basic</t>
  </si>
  <si>
    <t>92045-67-5</t>
  </si>
  <si>
    <t>Neodecanoic acid, lead salt, basic</t>
  </si>
  <si>
    <t>90459-25-9</t>
  </si>
  <si>
    <t>Neononanoic acid, lead salt, basic</t>
  </si>
  <si>
    <t>90459-26-0</t>
  </si>
  <si>
    <t>Neoundecanoic acid, lead salt, basic</t>
  </si>
  <si>
    <t>90459-28-2</t>
  </si>
  <si>
    <t>Nitric acid, lead(2+) salt, reaction products with sodium tin oxide</t>
  </si>
  <si>
    <t>97953-08-7</t>
  </si>
  <si>
    <t>Nitrous acid, lead(2+) salt</t>
  </si>
  <si>
    <t>13826-65-8</t>
  </si>
  <si>
    <t>Octadecanoic acid, lead salt, basic</t>
  </si>
  <si>
    <t>90459-51-1</t>
  </si>
  <si>
    <t>Octadecanoic acid, lead(2+) salt, basic</t>
  </si>
  <si>
    <t>90459-52-2</t>
  </si>
  <si>
    <t>Octadecanoic acid, lead(2+) salt, tribasic</t>
  </si>
  <si>
    <t>52080-60-1</t>
  </si>
  <si>
    <t>Octanoic acid, lead salt</t>
  </si>
  <si>
    <t>15696-43-2</t>
  </si>
  <si>
    <t>Orthoboric acid, lead(2+) salt</t>
  </si>
  <si>
    <t>35498-15-8</t>
  </si>
  <si>
    <t>Perchloric acid, reaction products with lead oxide (pbo) and triethanolamine</t>
  </si>
  <si>
    <t>99749-31-2</t>
  </si>
  <si>
    <t>Petrolatum, petroleum, oxidized, lead salt</t>
  </si>
  <si>
    <t>67674-14-0</t>
  </si>
  <si>
    <t>Phenol, 2-methyldinitro-, lead salt</t>
  </si>
  <si>
    <t>50319-14-7</t>
  </si>
  <si>
    <t>Phenol, dodecyl-, lead(2+) salt</t>
  </si>
  <si>
    <t>68586-21-0</t>
  </si>
  <si>
    <t>Phenol, tetrapropylene-, lead(2+) salt</t>
  </si>
  <si>
    <t>122332-23-4</t>
  </si>
  <si>
    <t>Phosphonic acid, lead salt</t>
  </si>
  <si>
    <t>16038-76-9</t>
  </si>
  <si>
    <t>Phosphonic acid, lead salt, basic</t>
  </si>
  <si>
    <t>53807-64-0</t>
  </si>
  <si>
    <t>Phosphonic acid, lead(2+) salt</t>
  </si>
  <si>
    <t>24824-71-3</t>
  </si>
  <si>
    <t>Phosphonic acid, lead(2+) salt (1:1)</t>
  </si>
  <si>
    <t>13453-65-1</t>
  </si>
  <si>
    <t>Phosphonic acid, lead(2+) salt (2:1)</t>
  </si>
  <si>
    <t>15521-60-5</t>
  </si>
  <si>
    <t>Phosphoric acid, lead(2+) salt (1:1)</t>
  </si>
  <si>
    <t>15845-52-0</t>
  </si>
  <si>
    <t>Phosphoric acid, mixed butyl and hexyl diesters, lead(2+) salts</t>
  </si>
  <si>
    <t>93925-27-0</t>
  </si>
  <si>
    <t>Phosphorodithioate O,O-bis(1,3-dimethylbutyl), lead salt</t>
  </si>
  <si>
    <t>20383-42-0</t>
  </si>
  <si>
    <t>Phosphorodithioic acid, mixed O,O-bis(bu and pentyl) esters, lead(2+) salt</t>
  </si>
  <si>
    <t>91783-10-7</t>
  </si>
  <si>
    <t>Plumbane, chlorotriethyl-</t>
  </si>
  <si>
    <t>1067-14-7</t>
  </si>
  <si>
    <t>Plumbane, diethyldimethyl-</t>
  </si>
  <si>
    <t>1762-27-2</t>
  </si>
  <si>
    <t>Plumbane, ethyl methyl derivitives</t>
  </si>
  <si>
    <t>68610-17-3</t>
  </si>
  <si>
    <t>Plumbane, ethyltrimethyl-</t>
  </si>
  <si>
    <t>1762-26-1</t>
  </si>
  <si>
    <t>Plumbane, tetrabutyl-</t>
  </si>
  <si>
    <t>1920-90-7</t>
  </si>
  <si>
    <t>Plumbane, tetrakis(1-methylethyl)-</t>
  </si>
  <si>
    <t>14846-40-3</t>
  </si>
  <si>
    <t>Plumbane, tetrakis(1-methylpropyl)-</t>
  </si>
  <si>
    <t>65151-08-8</t>
  </si>
  <si>
    <t>Plumbane, triethylmethyl-</t>
  </si>
  <si>
    <t>1762-28-3</t>
  </si>
  <si>
    <t>Plumbate (PbO22-), disodium</t>
  </si>
  <si>
    <t>12034-30-9</t>
  </si>
  <si>
    <t>Plumbate (PbO44-), calcium (1:2), (T-4)-</t>
  </si>
  <si>
    <t>12013-69-3</t>
  </si>
  <si>
    <t>Potassium pentadecaoxodiplumbatepentaniobate(1-)</t>
  </si>
  <si>
    <t>12372-45-1</t>
  </si>
  <si>
    <t>Residues, copper-iron-lead-nickel matte, sulfuric acid-insol.</t>
  </si>
  <si>
    <t>102110-49-6</t>
  </si>
  <si>
    <t>Salicylate, lead (II)</t>
  </si>
  <si>
    <t>6107-93-3</t>
  </si>
  <si>
    <t>Silicic acid (H2SiO3), calcium salt (1:1), lead and manganese-doped</t>
  </si>
  <si>
    <t>100402-96-8</t>
  </si>
  <si>
    <t>Silicic acid (H2SiO3), lead(2+) salt (1:1)</t>
  </si>
  <si>
    <t>10099-76-0</t>
  </si>
  <si>
    <t>Silicic acid (H4SiO4), lead salt</t>
  </si>
  <si>
    <t>15906-71-5</t>
  </si>
  <si>
    <t>Silicic acid, calcium salt, lead and manganese-doped</t>
  </si>
  <si>
    <t>102110-36-1</t>
  </si>
  <si>
    <t>Silicic acid, lead nickel salt</t>
  </si>
  <si>
    <t>68130-19-8</t>
  </si>
  <si>
    <t>Slimes and sludges, lead sinter dust scrubber</t>
  </si>
  <si>
    <t>70514-37-3</t>
  </si>
  <si>
    <t>Speiss, lead-zinc</t>
  </si>
  <si>
    <t>93821-72-8</t>
  </si>
  <si>
    <t>Spiro[isobenzofuran-1(3H),9'-[9H]xanthen]-3-one, 2',4',5',7'-tetrabromo-3',6'-dihydroxy-, lead salt</t>
  </si>
  <si>
    <t>1326-05-2</t>
  </si>
  <si>
    <t>Stearic acid, lead (2+) salt</t>
  </si>
  <si>
    <t>1072-35-1</t>
  </si>
  <si>
    <t>Sulfuric acid, barium lead salt</t>
  </si>
  <si>
    <t>42579-89-5</t>
  </si>
  <si>
    <t>Sulfuric acid, barium salt (1:1), lead-doped</t>
  </si>
  <si>
    <t>99328-54-8</t>
  </si>
  <si>
    <t>Sulfuric acid, lead salt, tetrabasic</t>
  </si>
  <si>
    <t>52732-72-6</t>
  </si>
  <si>
    <t>Sulfuric acid, lead(2+) salt, basic</t>
  </si>
  <si>
    <t>90583-07-6</t>
  </si>
  <si>
    <t>Sulfurous acid, lead salt, basic</t>
  </si>
  <si>
    <t>52231-92-2</t>
  </si>
  <si>
    <t>Sulfurous acid, lead(2+) salt, basic</t>
  </si>
  <si>
    <t>90583-37-2</t>
  </si>
  <si>
    <t>Sulfurous acid, lead(2++) salt (1:1)</t>
  </si>
  <si>
    <t>7446-10-8</t>
  </si>
  <si>
    <t>Telluric acid (H2TeO3), lead(2+) salt (1:1)</t>
  </si>
  <si>
    <t>15851-47-5</t>
  </si>
  <si>
    <t>Tetradecanoic acid, lead salt, basic</t>
  </si>
  <si>
    <t>90583-65-6</t>
  </si>
  <si>
    <t>Tetramethyl lead</t>
  </si>
  <si>
    <t>75-74-1</t>
  </si>
  <si>
    <t>Tetraphenyllead</t>
  </si>
  <si>
    <t>595-89-1</t>
  </si>
  <si>
    <t>Tetrapropyl lead</t>
  </si>
  <si>
    <t>3440-75-3</t>
  </si>
  <si>
    <t>Thiosulphuric acid, lead salt</t>
  </si>
  <si>
    <t>26265-65-6</t>
  </si>
  <si>
    <t>Lead/Tin alloy</t>
  </si>
  <si>
    <t>39412-44-7</t>
  </si>
  <si>
    <t>Trinitrophloroglucinol, lead salt</t>
  </si>
  <si>
    <t>51325-28-1</t>
  </si>
  <si>
    <t>Lead, bis(carbonato(2-))dihydroxytri /Lead carbonate hydroxide</t>
  </si>
  <si>
    <t>Boric acid (HBO2), lead(2+) salt, monohydrate (8CI, 9CI)</t>
  </si>
  <si>
    <t>10214-39-8</t>
  </si>
  <si>
    <t>Fatty acids, C6-19-branched, lead salts, basic</t>
  </si>
  <si>
    <t>68603-83-8</t>
  </si>
  <si>
    <t>Pigment Lightfast Lead-Molybdate Orange OS (9CI)</t>
  </si>
  <si>
    <t>78690-68-3</t>
  </si>
  <si>
    <t>Mercury and its compounds, all members</t>
  </si>
  <si>
    <t xml:space="preserve">Metallic mercury, and inorganic and organic mercury compounds used in high intensity discharge (HID) lamps, electric switches, luminescent material for instrument lighting, pyrotechnic initiators etc. </t>
  </si>
  <si>
    <t>(2',7'-Dibromo-3',6'-dihydroxy-3-oxospiro[isobenzofuran-1(3H),9'-[9H]xanthen]-4'-yl)hydroxymercury</t>
  </si>
  <si>
    <t>55728-51-3</t>
  </si>
  <si>
    <t>(2-Carboxy-m-tolyl)hydroxymercury, monosodium salt</t>
  </si>
  <si>
    <t>52795-88-7</t>
  </si>
  <si>
    <t>(2-Carboxyphenyl)hydroxymercury</t>
  </si>
  <si>
    <t>14066-61-6</t>
  </si>
  <si>
    <t>(Acetato-O)ethylmercury</t>
  </si>
  <si>
    <t>109-62-6</t>
  </si>
  <si>
    <t>(Acetato-O)methylmercury</t>
  </si>
  <si>
    <t>108-07-6</t>
  </si>
  <si>
    <t>(Bromodichloromethyl)phenylmercury</t>
  </si>
  <si>
    <t>3294-58-4</t>
  </si>
  <si>
    <t>(Dihydroxyphenyl)phenylmercury</t>
  </si>
  <si>
    <t>27360-58-3</t>
  </si>
  <si>
    <t>(Lactato-O1,O2)mercury</t>
  </si>
  <si>
    <t>18918-06-4</t>
  </si>
  <si>
    <t>(Maleoyldioxy)bis[phenylmercury]</t>
  </si>
  <si>
    <t>2701-61-3</t>
  </si>
  <si>
    <t>(Metaborato-O)phenylmercury</t>
  </si>
  <si>
    <t>31224-71-2</t>
  </si>
  <si>
    <t>(Phenylmercurio)urea</t>
  </si>
  <si>
    <t>2279-64-3</t>
  </si>
  <si>
    <t>[(2-Hydroxyethyl)amino]phenylmercury acetate</t>
  </si>
  <si>
    <t>61792-06-1</t>
  </si>
  <si>
    <t>[.mu.-[(Oxydiethylene but-2-enedioato)(2-)]]diphenyldimercury</t>
  </si>
  <si>
    <t>94070-92-5</t>
  </si>
  <si>
    <t>[.mu.-[[4,4'-(Oxydiethylene) bis(dodecenylsuccinato)](2-)]]diphenyldimercury</t>
  </si>
  <si>
    <t>93882-20-3</t>
  </si>
  <si>
    <t>[.mu.-[Metasilicato(2-)-O:O]]bis(2-methoxyethyl)dimercury</t>
  </si>
  <si>
    <t>19367-79-4</t>
  </si>
  <si>
    <t>[.mu.-[Orthoborato(2-)-O:O']]diphenyldimercury</t>
  </si>
  <si>
    <t>6273-99-0</t>
  </si>
  <si>
    <t>[2,2',2''-Nitrilotri(ethanol)-N,O,O',O'']phenylmercury lactate</t>
  </si>
  <si>
    <t>23319-66-6</t>
  </si>
  <si>
    <t>[2-Ethylhexyl hydrogen maleato-O']phenylmercury</t>
  </si>
  <si>
    <t>27605-30-7</t>
  </si>
  <si>
    <t>[Benzoato(2-)-C2,O1]mercury</t>
  </si>
  <si>
    <t>5722-59-8</t>
  </si>
  <si>
    <t>[Naphthoato(1-)-O]phenylmercury</t>
  </si>
  <si>
    <t>31632-68-5</t>
  </si>
  <si>
    <t>2-(Ethylmercuriothio)benzoic acid</t>
  </si>
  <si>
    <t>148-61-8</t>
  </si>
  <si>
    <t>2-Ethoxyethylmercury acetate</t>
  </si>
  <si>
    <t>124-08-3</t>
  </si>
  <si>
    <t>2-Ethoxyethylmercury chloride</t>
  </si>
  <si>
    <t>124-01-6</t>
  </si>
  <si>
    <t>2-Hydroxy-5-(1,1,3,3-tetramethylbutyl)phenylmercury acetate</t>
  </si>
  <si>
    <t>584-18-9</t>
  </si>
  <si>
    <t>2-Methoxyethylmercury chloride</t>
  </si>
  <si>
    <t>123-88-6</t>
  </si>
  <si>
    <t>6-Methyl-3-nitrobenzoxamercurate</t>
  </si>
  <si>
    <t>133-58-4</t>
  </si>
  <si>
    <t>Barium tetraiodomercurate</t>
  </si>
  <si>
    <t>10048-99-4</t>
  </si>
  <si>
    <t>Bis(5-oxo-DL-prolinato-N1,O2)mercury</t>
  </si>
  <si>
    <t>94276-38-7</t>
  </si>
  <si>
    <t>Bis(5-oxo-L-prolinato-N1,O2)mercury</t>
  </si>
  <si>
    <t>94481-62-6</t>
  </si>
  <si>
    <t>Bis(acetato-O)[.mu.-[1,3-dioxane-2,5-diylbis(methylene)-c:c',O,O']]dimercury</t>
  </si>
  <si>
    <t>84029-43-6</t>
  </si>
  <si>
    <t>Bis(lactato-O1,O2)mercury</t>
  </si>
  <si>
    <t>18917-83-4</t>
  </si>
  <si>
    <t>Bis(trichloromethyl)mercury</t>
  </si>
  <si>
    <t>6795-81-9</t>
  </si>
  <si>
    <t>Bis[(+)-lactato]mercury</t>
  </si>
  <si>
    <t>33724-17-3</t>
  </si>
  <si>
    <t>Bis[(trimethylsilyl)methyl]mercury</t>
  </si>
  <si>
    <t>13294-23-0</t>
  </si>
  <si>
    <t>Bromo(2-hydroxypropyl)mercury</t>
  </si>
  <si>
    <t>18832-83-2</t>
  </si>
  <si>
    <t>Bromoethylmercury</t>
  </si>
  <si>
    <t>107-26-6</t>
  </si>
  <si>
    <t>Bromomethylmercury</t>
  </si>
  <si>
    <t>506-83-2</t>
  </si>
  <si>
    <t>Bromophenylmercury</t>
  </si>
  <si>
    <t>1192-89-8</t>
  </si>
  <si>
    <t>Chlormerodrin</t>
  </si>
  <si>
    <t>62-37-3</t>
  </si>
  <si>
    <t>Chloro(hydroxyphenyl)mercury</t>
  </si>
  <si>
    <t>1320-80-5</t>
  </si>
  <si>
    <t>Chloro(o-hydroxyphenyl)mercury</t>
  </si>
  <si>
    <t>90-03-9</t>
  </si>
  <si>
    <t>Chloro[p-[(2-hydroxy-1-naphthyl)azo]phenyl]mercury</t>
  </si>
  <si>
    <t>3076-91-3</t>
  </si>
  <si>
    <t>Chloro-2-thienylmercury</t>
  </si>
  <si>
    <t>5857-39-6</t>
  </si>
  <si>
    <t>Chloro-m-tolylmercury</t>
  </si>
  <si>
    <t>5955-19-1</t>
  </si>
  <si>
    <t>Chloro-o-tolylmercury</t>
  </si>
  <si>
    <t>2777-37-9</t>
  </si>
  <si>
    <t>Cobaltate(2-), tetrakis(thiocyanato-N)-, mercury(2+) (1:1), (T-4)-</t>
  </si>
  <si>
    <t>27685-51-4</t>
  </si>
  <si>
    <t>Cyclohexanebutanoic acid, mercury(2+) salt</t>
  </si>
  <si>
    <t>62638-02-2</t>
  </si>
  <si>
    <t>Diammonium tetrachloromercurate</t>
  </si>
  <si>
    <t>33445-15-7</t>
  </si>
  <si>
    <t>Diethylmercury</t>
  </si>
  <si>
    <t>627-44-1</t>
  </si>
  <si>
    <t>Dihydrogen  [orthoborato(3-)-O]phenylmercurate(2-)</t>
  </si>
  <si>
    <t>102-98-7</t>
  </si>
  <si>
    <t>Diiodo(5-iodopyridin-2-amine-N1)mercury</t>
  </si>
  <si>
    <t>93820-20-3</t>
  </si>
  <si>
    <t>Dimercury amidatenitrate</t>
  </si>
  <si>
    <t>1310-88-9</t>
  </si>
  <si>
    <t>Dimercury difluoride</t>
  </si>
  <si>
    <t>13967-25-4</t>
  </si>
  <si>
    <t>Dimercury diiodide</t>
  </si>
  <si>
    <t>15385-57-6</t>
  </si>
  <si>
    <t>Dimercury(I) oxalate</t>
  </si>
  <si>
    <t>2949-11-3</t>
  </si>
  <si>
    <t>Dimethyl[.mu.-[sulphato(2-)-O:O']]dimercury</t>
  </si>
  <si>
    <t>3810-81-9</t>
  </si>
  <si>
    <t>Dimethylmercury</t>
  </si>
  <si>
    <t>593-74-8</t>
  </si>
  <si>
    <t>Di-o-tolylmercury</t>
  </si>
  <si>
    <t>616-99-9</t>
  </si>
  <si>
    <t>Diphenyl[.mu.-[(tetrapropenyl)succinato(2-)-O:O']]dimercury</t>
  </si>
  <si>
    <t>27236-65-3</t>
  </si>
  <si>
    <t>Diphenylmercury</t>
  </si>
  <si>
    <t>587-85-9</t>
  </si>
  <si>
    <t>Disodium tetra(cyano-C)mercurate(2-)</t>
  </si>
  <si>
    <t>15682-88-9</t>
  </si>
  <si>
    <t>Disuccinimidomercury</t>
  </si>
  <si>
    <t>584-43-0</t>
  </si>
  <si>
    <t>Ethyliodomercury</t>
  </si>
  <si>
    <t>2440-42-8</t>
  </si>
  <si>
    <t>Ethylmercuric chloride</t>
  </si>
  <si>
    <t>107-27-7</t>
  </si>
  <si>
    <t>Ethylmercuric phosphate</t>
  </si>
  <si>
    <t>2235-25-8</t>
  </si>
  <si>
    <t>Fluorescein mercuric acetate</t>
  </si>
  <si>
    <t>3570-80-7</t>
  </si>
  <si>
    <t>Hexanoic acid, 2-ethyl-, mercury(2+) salt</t>
  </si>
  <si>
    <t>13170-76-8</t>
  </si>
  <si>
    <t>Hydrargaphen</t>
  </si>
  <si>
    <t>14235-86-0</t>
  </si>
  <si>
    <t>Hydrogen  [metasilicato(2-)-O](2-methoxyethyl)mercurate(1-)</t>
  </si>
  <si>
    <t>64491-92-5</t>
  </si>
  <si>
    <t>Hydrogen .mu.-hydroxy[.mu.-[orthoborato(3-)-O:O']]diphenyldimercurate(1-)</t>
  </si>
  <si>
    <t>94277-53-9</t>
  </si>
  <si>
    <t>Hydrogen [3-[(.alpha.-carboxylato-o-anisoyl)amino]-2-hydroxypropyl]hydroxymercurate(1-)</t>
  </si>
  <si>
    <t>26552-50-1</t>
  </si>
  <si>
    <t>Iodomethylmercury</t>
  </si>
  <si>
    <t>143-36-2</t>
  </si>
  <si>
    <t>Lactatophenylmercury</t>
  </si>
  <si>
    <t>122-64-5</t>
  </si>
  <si>
    <t>Meralein sodium</t>
  </si>
  <si>
    <t>4386-35-0</t>
  </si>
  <si>
    <t>Mercaptomerin sodium</t>
  </si>
  <si>
    <t>21259-76-7</t>
  </si>
  <si>
    <t>Mercuderamide</t>
  </si>
  <si>
    <t>525-30-4</t>
  </si>
  <si>
    <t>Mercurate(1-), (4-carboxylatophenyl)chloro-, hydrogen</t>
  </si>
  <si>
    <t>59-85-8</t>
  </si>
  <si>
    <t>Mercurate(1-), (4-carboxylatophenyl)hydroxy-, sodium</t>
  </si>
  <si>
    <t>138-85-2</t>
  </si>
  <si>
    <t>Mercurate(1-), triiodo-, hydrogen, compound with 3-methyl-2(3H)-benzothiazolimine (1:1)</t>
  </si>
  <si>
    <t>72379-35-2</t>
  </si>
  <si>
    <t>Mercurate(2-), tetrachloro-, dipotassium, (T-4)-</t>
  </si>
  <si>
    <t>20582-71-2</t>
  </si>
  <si>
    <t>Mercurate(2-), tetraiodo-, (T-4)-, dihydrogen, compound with 5-iodo-2-pyridinamine (1:2)</t>
  </si>
  <si>
    <t>63325-16-6</t>
  </si>
  <si>
    <t>Mercurate(2-), tetraiodo-, dicopper(1+), (T-4)-</t>
  </si>
  <si>
    <t>13876-85-2</t>
  </si>
  <si>
    <t>Mercuric acetate</t>
  </si>
  <si>
    <t>1600-27-7</t>
  </si>
  <si>
    <t>Mercuric benzoate</t>
  </si>
  <si>
    <t>583-15-3</t>
  </si>
  <si>
    <t>Mercuric bromide</t>
  </si>
  <si>
    <t>7789-47-1</t>
  </si>
  <si>
    <t>Mercuric chloride</t>
  </si>
  <si>
    <t>7487-94-7</t>
  </si>
  <si>
    <t>Mercuric cyanide</t>
  </si>
  <si>
    <t>592-04-1</t>
  </si>
  <si>
    <t>Mercuric iodide</t>
  </si>
  <si>
    <t>7774-29-0</t>
  </si>
  <si>
    <t>Mercuric nitrate</t>
  </si>
  <si>
    <t>10045-94-0</t>
  </si>
  <si>
    <t>Mercuric oxide</t>
  </si>
  <si>
    <t>21908-53-2</t>
  </si>
  <si>
    <t>Mercuric oxycyanide</t>
  </si>
  <si>
    <t>1335-31-5</t>
  </si>
  <si>
    <t>Mercuric potassium cyanide</t>
  </si>
  <si>
    <t>591-89-9</t>
  </si>
  <si>
    <t>Mercuric subsulfate</t>
  </si>
  <si>
    <t>1312-03-4</t>
  </si>
  <si>
    <t>Mercuric sulfate</t>
  </si>
  <si>
    <t>7783-35-9</t>
  </si>
  <si>
    <t>Mercuric thiocyanate</t>
  </si>
  <si>
    <t>592-85-8</t>
  </si>
  <si>
    <t>Mercurobutol</t>
  </si>
  <si>
    <t>498-73-7</t>
  </si>
  <si>
    <t>Mercurous acetate</t>
  </si>
  <si>
    <t>631-60-7</t>
  </si>
  <si>
    <t>Mercurous azide</t>
  </si>
  <si>
    <t>38232-63-2</t>
  </si>
  <si>
    <t>Mercurous chloride</t>
  </si>
  <si>
    <t>7546-30-7</t>
  </si>
  <si>
    <t>Mercurous iodide</t>
  </si>
  <si>
    <t>7783-30-4</t>
  </si>
  <si>
    <t>Mercurous nitrate</t>
  </si>
  <si>
    <t>10415-75-5</t>
  </si>
  <si>
    <t>Mercurous oxide</t>
  </si>
  <si>
    <t>15829-53-5</t>
  </si>
  <si>
    <t>Mercurous sulfate</t>
  </si>
  <si>
    <t>7783-36-0</t>
  </si>
  <si>
    <t>Mercury</t>
  </si>
  <si>
    <t>7439-97-6</t>
  </si>
  <si>
    <t>Mercury, bromo[1-(methoxyphenylmethyl)-2-oxo-2-[(1,7,7-trimethylbicyclo[2.2.1]hept-2-yl)oxy]ethyl]-</t>
  </si>
  <si>
    <t>5326-00-1</t>
  </si>
  <si>
    <t>Mercury (I) nitrate</t>
  </si>
  <si>
    <t>14836-60-3</t>
  </si>
  <si>
    <t>Mercury (II) nitrate, monohydrate</t>
  </si>
  <si>
    <t>7783-34-8</t>
  </si>
  <si>
    <t>Mercury acetate</t>
  </si>
  <si>
    <t>592-63-2</t>
  </si>
  <si>
    <t>Mercury acetylide</t>
  </si>
  <si>
    <t>68833-55-6</t>
  </si>
  <si>
    <t>Mercury ammonium chloride</t>
  </si>
  <si>
    <t>10124-48-8</t>
  </si>
  <si>
    <t>Mercury bis(4-chlorobenzoate)</t>
  </si>
  <si>
    <t>15516-76-4</t>
  </si>
  <si>
    <t>Mercury bis(trifluoroacetate)</t>
  </si>
  <si>
    <t>13257-51-7</t>
  </si>
  <si>
    <t>Mercury bromide (Hg2Br2)</t>
  </si>
  <si>
    <t>15385-58-7</t>
  </si>
  <si>
    <t>Mercury bromide (HgBr)</t>
  </si>
  <si>
    <t>10031-18-2</t>
  </si>
  <si>
    <t>Mercury chloride</t>
  </si>
  <si>
    <t>10112-91-1</t>
  </si>
  <si>
    <t>Mercury diiodate</t>
  </si>
  <si>
    <t>7783-32-6</t>
  </si>
  <si>
    <t>Mercury dipotassium tetrathiocyanate</t>
  </si>
  <si>
    <t>14099-12-8</t>
  </si>
  <si>
    <t>Mercury disilver tetraiodide</t>
  </si>
  <si>
    <t>7784-03-4</t>
  </si>
  <si>
    <t>Mercury distearate, pure</t>
  </si>
  <si>
    <t>645-99-8</t>
  </si>
  <si>
    <t>Mercury fluoride</t>
  </si>
  <si>
    <t>27575-47-9</t>
  </si>
  <si>
    <t>Mercury fluoride (HgF2)</t>
  </si>
  <si>
    <t>7783-39-3</t>
  </si>
  <si>
    <t>Mercury gluconate</t>
  </si>
  <si>
    <t>63937-14-4</t>
  </si>
  <si>
    <t>Mercury nitride</t>
  </si>
  <si>
    <t>12136-15-1</t>
  </si>
  <si>
    <t>Mercury oleate</t>
  </si>
  <si>
    <t>1191-80-6</t>
  </si>
  <si>
    <t>Mercury salicylate</t>
  </si>
  <si>
    <t>5970-32-1</t>
  </si>
  <si>
    <t>Mercury selenide (HgSe)</t>
  </si>
  <si>
    <t>20601-83-6</t>
  </si>
  <si>
    <t>Mercury silver iodide</t>
  </si>
  <si>
    <t>12344-40-0</t>
  </si>
  <si>
    <t>Mercury succinate</t>
  </si>
  <si>
    <t>589-65-1</t>
  </si>
  <si>
    <t>Mercury sulfide (HgS)</t>
  </si>
  <si>
    <t>1344-48-5</t>
  </si>
  <si>
    <t>Mercury telluride (HgTe)</t>
  </si>
  <si>
    <t>12068-90-5</t>
  </si>
  <si>
    <t>Mercury thallium dinitrate</t>
  </si>
  <si>
    <t>94022-47-6</t>
  </si>
  <si>
    <t>Mercury(1+) bromate</t>
  </si>
  <si>
    <t>13465-33-3</t>
  </si>
  <si>
    <t>Mercury(1+) ethyl sulphate</t>
  </si>
  <si>
    <t>71720-55-3</t>
  </si>
  <si>
    <t>Mercury(1+) trifluoroacetate</t>
  </si>
  <si>
    <t>2923-15-1</t>
  </si>
  <si>
    <t>Mercury(1+), amminephenyl-, acetate</t>
  </si>
  <si>
    <t>22450-90-4</t>
  </si>
  <si>
    <t>Mercury(2+) (9Z,12Z)-octadeca-9,12-dienoate</t>
  </si>
  <si>
    <t>7756-49-2</t>
  </si>
  <si>
    <t>Mercury(2+) chloroacetate</t>
  </si>
  <si>
    <t>26719-07-3</t>
  </si>
  <si>
    <t>Mercury(2+), bis(2,4,6-tri-2-pyridinyl-1,3,5-triazine-N1,N2,N6)-, (OC-6-1'2)-</t>
  </si>
  <si>
    <t>53010-52-9</t>
  </si>
  <si>
    <t>Mercury(II) oxalate</t>
  </si>
  <si>
    <t>3444-13-1</t>
  </si>
  <si>
    <t>Mercury(II) potassium iodide</t>
  </si>
  <si>
    <t>7783-33-7</t>
  </si>
  <si>
    <t>Mercury, (2-ethylhexanoato-O)(1-methoxycyclohexyl)-</t>
  </si>
  <si>
    <t>103332-13-4</t>
  </si>
  <si>
    <t xml:space="preserve">Mercury, (1-methoxycyclohexyl)(neodecanoato-O)- </t>
  </si>
  <si>
    <t>103369-15-9</t>
  </si>
  <si>
    <t>Mercury, (1-methoxyethyl)(9-octadecenoato-O)-,</t>
  </si>
  <si>
    <t>104325-07-7</t>
  </si>
  <si>
    <t>Mercury, (1-methoxycyclohexyl)(9-octadecenoato-O)-,</t>
  </si>
  <si>
    <t>104325-08-8</t>
  </si>
  <si>
    <t>Mercury, (1-methoxyethyl)(neodecanoato-O)-</t>
  </si>
  <si>
    <t>104335-53-7</t>
  </si>
  <si>
    <t xml:space="preserve">Mercury, (2-ethylhexanoato-O)(1-methoxyethyl)  </t>
  </si>
  <si>
    <t>104339-46-0</t>
  </si>
  <si>
    <t>Mercury, (2',7'-dibromo-3',6'-dihydroxy-3-oxospiro[isobenzofuran-1(3H),9'-[9H]xanthen ]-4'-yl)hydroxy-, disodium salt</t>
  </si>
  <si>
    <t>129-16-8</t>
  </si>
  <si>
    <t>Mercury, (2-ethylhexanoato-O)phenyl-</t>
  </si>
  <si>
    <t>13302-00-6</t>
  </si>
  <si>
    <t>Mercury, (9-octadecenoato-O)phenyl-, (Z)-</t>
  </si>
  <si>
    <t>104-60-9</t>
  </si>
  <si>
    <t>Mercury, (acetato-O)(2-hydroxy-5-nitrophenyl)-</t>
  </si>
  <si>
    <t>63468-53-1</t>
  </si>
  <si>
    <t>Mercury, (acetato-O)(4-aminophenyl)-</t>
  </si>
  <si>
    <t>6283-24-5</t>
  </si>
  <si>
    <t>Mercury, (acetato-O)[3-(chloromethoxy)propyl-C,O]-</t>
  </si>
  <si>
    <t>5954-14-3</t>
  </si>
  <si>
    <t>Mercury, (acetato-O)[4-[[4-(dimethylamino)phenyl]azo]phenyl]-</t>
  </si>
  <si>
    <t>19447-62-2</t>
  </si>
  <si>
    <t>Mercury, (acetato-O)diamminephenyl-, (T-4)-</t>
  </si>
  <si>
    <t>68201-97-8</t>
  </si>
  <si>
    <t>Mercury, (neodecanoato-O)phenyl-</t>
  </si>
  <si>
    <t>26545-49-3</t>
  </si>
  <si>
    <t>Mercury, [.mu.-[dodecylbutanedioato(2-)-O:O']]diphenyldi-</t>
  </si>
  <si>
    <t>24806-32-4</t>
  </si>
  <si>
    <t>Mercury, [2,5-dichloro-3,6-dihydroxy-2,5-cyclohexadiene-1,4-dionato(2-)-O1,O6]-</t>
  </si>
  <si>
    <t>33770-60-4</t>
  </si>
  <si>
    <t>Mercury, bis(4-methylphenyl)-</t>
  </si>
  <si>
    <t>537-64-4</t>
  </si>
  <si>
    <t>Mercury, bis(acetato-O)(benzenamine)-</t>
  </si>
  <si>
    <t>63549-47-3</t>
  </si>
  <si>
    <t>Mercury, bis(phenyldiazenecarbothioic acid 2-phenylhydrazidato-N2,S)-, (T-4)-</t>
  </si>
  <si>
    <t>14783-59-6</t>
  </si>
  <si>
    <t>Mercury, chloro(2-hydroxy-5-nitrophenyl)-</t>
  </si>
  <si>
    <t>24579-90-6</t>
  </si>
  <si>
    <t>Mercury, chloro(4-hydroxyphenyl)-</t>
  </si>
  <si>
    <t>623-07-4</t>
  </si>
  <si>
    <t>Mercury, chloro(4-methylphenyl)-</t>
  </si>
  <si>
    <t>539-43-5</t>
  </si>
  <si>
    <t>Mercury, chloro(ethanethiolato)-</t>
  </si>
  <si>
    <t>1785-43-9</t>
  </si>
  <si>
    <t>Mercury, chloro[2-(2-cyclohexen-1-yl)-3-benzofuranyl]-</t>
  </si>
  <si>
    <t>90584-88-6</t>
  </si>
  <si>
    <t>Mercury, chloro[p-(2,4-dinitroanilino)phenyl]-</t>
  </si>
  <si>
    <t>15785-93-0</t>
  </si>
  <si>
    <t>Mercury, compound with sodium (2:1)</t>
  </si>
  <si>
    <t>12055-37-7</t>
  </si>
  <si>
    <t>Mercury, compound with sodium (4:1)</t>
  </si>
  <si>
    <t>57363-77-6</t>
  </si>
  <si>
    <t>Mercury, compound with titanium (1:3)</t>
  </si>
  <si>
    <t>11083-41-3</t>
  </si>
  <si>
    <t>Mercury, dibutyl-</t>
  </si>
  <si>
    <t>629-35-6</t>
  </si>
  <si>
    <t>Mercury, iodo(iodomethyl)-</t>
  </si>
  <si>
    <t>141-51-5</t>
  </si>
  <si>
    <t>Mercury, methyl(8-quinolinolato-N1,O8)-</t>
  </si>
  <si>
    <t>86-85-1</t>
  </si>
  <si>
    <t>Mercury, phenyl(phenyldiazenecarbothioic acid 2-phenylhydrazidato)-</t>
  </si>
  <si>
    <t>56724-82-4</t>
  </si>
  <si>
    <t>Mercury, phenyl(propanoato-O)-</t>
  </si>
  <si>
    <t>103-27-5</t>
  </si>
  <si>
    <t>Mercury, phenyl(trichloromethyl)-</t>
  </si>
  <si>
    <t>3294-57-3</t>
  </si>
  <si>
    <t>Mercurymethylchloride</t>
  </si>
  <si>
    <t>115-09-3</t>
  </si>
  <si>
    <t>Mersalyl</t>
  </si>
  <si>
    <t>492-18-2</t>
  </si>
  <si>
    <t>Mersalyl acid</t>
  </si>
  <si>
    <t>486-67-9</t>
  </si>
  <si>
    <t>Methoxyethylmercuric acetate</t>
  </si>
  <si>
    <t>151-38-2</t>
  </si>
  <si>
    <t>Methyl mercury dicyandiamide</t>
  </si>
  <si>
    <t>502-39-6</t>
  </si>
  <si>
    <t>Methyl(pentachlorophenolato)mercury</t>
  </si>
  <si>
    <t>5902-76-1</t>
  </si>
  <si>
    <t>Japan Chemical Substance Control Law [Class I]</t>
  </si>
  <si>
    <t>Methylmercury</t>
  </si>
  <si>
    <t>22967-92-6</t>
  </si>
  <si>
    <t>Methylmercury benzoate</t>
  </si>
  <si>
    <t>3626-13-9</t>
  </si>
  <si>
    <t>Methylmercury hydroxide</t>
  </si>
  <si>
    <t>1184-57-2</t>
  </si>
  <si>
    <t>N-(Ethylmercuric)-p-toluenesulphonannilide</t>
  </si>
  <si>
    <t>517-16-8</t>
  </si>
  <si>
    <t>Naphthenic acids, mercury salts</t>
  </si>
  <si>
    <t>1336-96-5</t>
  </si>
  <si>
    <t>Nitric acid, mercury(2+) salt, hemihydrate</t>
  </si>
  <si>
    <t>13465-31-1</t>
  </si>
  <si>
    <t>Otimerate sodium</t>
  </si>
  <si>
    <t>16509-11-8</t>
  </si>
  <si>
    <t>Perchloric acid, mercury(2+) salt</t>
  </si>
  <si>
    <t>7616-83-3</t>
  </si>
  <si>
    <t>Phenyl(quinolin-8-olato-N1,O8)mercury</t>
  </si>
  <si>
    <t>14354-56-4</t>
  </si>
  <si>
    <t>Phenyl(tribromomethyl)mercury</t>
  </si>
  <si>
    <t>3294-60-8</t>
  </si>
  <si>
    <t>Phenylmercuric acetate</t>
  </si>
  <si>
    <t>62-38-4</t>
  </si>
  <si>
    <t>Phenylmercuric hydroxide</t>
  </si>
  <si>
    <t>100-57-2</t>
  </si>
  <si>
    <t>Phenylmercuric nitrate</t>
  </si>
  <si>
    <t>55-68-5</t>
  </si>
  <si>
    <t>Phenylmercury benzoate</t>
  </si>
  <si>
    <t>94-43-9</t>
  </si>
  <si>
    <t>Phenylmercury chloride</t>
  </si>
  <si>
    <t>100-56-1</t>
  </si>
  <si>
    <t>Phenylmercury dimethyldithiocarbamate</t>
  </si>
  <si>
    <t>32407-99-1</t>
  </si>
  <si>
    <t>Phenylmercury hydroxide--phenylmercury nitrate</t>
  </si>
  <si>
    <t>8003-05-2</t>
  </si>
  <si>
    <t>Phenylmercury salicylate</t>
  </si>
  <si>
    <t>28086-13-7</t>
  </si>
  <si>
    <t>Phenylmercury stearate</t>
  </si>
  <si>
    <t>104-59-6</t>
  </si>
  <si>
    <t>Phosphoric acid, mercury salt</t>
  </si>
  <si>
    <t>10451-12-4</t>
  </si>
  <si>
    <t>Potassium triiodomercurate(1-)</t>
  </si>
  <si>
    <t>22330-18-3</t>
  </si>
  <si>
    <t>Sodium [3-[[(3-carboxylatopropionamido)carbonyl]amino]-2-methoxypropyl]hydroxymercurate(1-)</t>
  </si>
  <si>
    <t>7620-30-6</t>
  </si>
  <si>
    <t>Sodium 4-chloromercuriobenzoate</t>
  </si>
  <si>
    <t>3198-04-7</t>
  </si>
  <si>
    <t>Sodium o-(ethylmercurithio)benzoate</t>
  </si>
  <si>
    <t>54-64-8</t>
  </si>
  <si>
    <t>Sodium timerfonate</t>
  </si>
  <si>
    <t>5964-24-9</t>
  </si>
  <si>
    <t>Tetrakis(acetato-O)[.mu.4-(3',6'-dihydroxy-3-oxospiro[isobenzofuran-1(3H),9'-[9H]xanthene]-2',4',5',7'-tetrayl)]tetramercury</t>
  </si>
  <si>
    <t>54295-90-8</t>
  </si>
  <si>
    <t>Trimercury biscitrate</t>
  </si>
  <si>
    <t>18211-85-3</t>
  </si>
  <si>
    <t>Mercury, (2-mercaptoacetamidato-O,S)methyl</t>
  </si>
  <si>
    <t>7548-26-7</t>
  </si>
  <si>
    <t>Mercury-difulminate</t>
  </si>
  <si>
    <t>628-86-4</t>
  </si>
  <si>
    <t>Methanaminium, N-[4-[[4-(dimethylamino)phenyl]phenylmethylene]-2,5-cyclohexadien-1-ylidene]-N-methyl-, chloride</t>
  </si>
  <si>
    <t>569-64-2</t>
  </si>
  <si>
    <t>Methanol</t>
  </si>
  <si>
    <t>67-56-1</t>
  </si>
  <si>
    <t>Window Washer fluid applications</t>
  </si>
  <si>
    <t>Mineral fibers (Natural or Synthetic), all members except:
- Non-respirable fibers 
- Fibers with low biopersistence</t>
  </si>
  <si>
    <t>Reg. (EC) No 1907/2006, (REACH Candidate List), and Dir. 2009/425/EC, Reg. (EC) No 1272/2008: CLP. 
- Except fibers with length weighted geometric mean diameter less two standard errors &gt; 6 micron  (i.e. Continuous Filament Fibers) and with &lt; 10 days half life in short time inhalation test or &lt; 40 days half life in IT instillation test</t>
  </si>
  <si>
    <t>Friction materials, clutch facings, screens, reinforcements, insulation, cables, exhaust system components, gaskets, tires, plastics.</t>
  </si>
  <si>
    <t>Fibers or fibrils that:
1. exceed biopersistence limits (i.e. don't fall under Nota Q of Reg. (EC) No 1272/2008 (CLP) and, 
2. are considered respirable (i.e. not continuous filament or not falling under Nota R of EU-D 1272/2008 (CLP) and, 
3. have a fibre diameter of 3 microns or less, and a length of 5 micron or more, with a length:diameter ratio equal to or greater than 3:1 (WHO definition)</t>
  </si>
  <si>
    <t>Ceramic Fibers</t>
  </si>
  <si>
    <t>142844-00-6</t>
  </si>
  <si>
    <t>Catalyst mesh reinforcements</t>
  </si>
  <si>
    <t>Calcium-Magnesium-Zirconium-Silicate Mixture</t>
  </si>
  <si>
    <t>329211-92-9</t>
  </si>
  <si>
    <t>Aluminium Chloride, Basic reaction products with Silica</t>
  </si>
  <si>
    <t>675106-31-7</t>
  </si>
  <si>
    <t>Miristalkonium chloride;</t>
  </si>
  <si>
    <t>Monomethyldibromodiphenylmethane</t>
  </si>
  <si>
    <t>99688-47-8</t>
  </si>
  <si>
    <t>Residues and decomposition products in production of polymers</t>
  </si>
  <si>
    <t>Monomethyldichlorodiphenylmethane</t>
  </si>
  <si>
    <t>81161-70-8</t>
  </si>
  <si>
    <t>Monomethyltetrachlorodiphenylmethane</t>
  </si>
  <si>
    <t>76253-60-6</t>
  </si>
  <si>
    <t>Residues and decomposition products in manufacture of polymers</t>
  </si>
  <si>
    <t>Naphthalenedisulfonic acid, dinonyl-</t>
  </si>
  <si>
    <t>60223-95-2</t>
  </si>
  <si>
    <t xml:space="preserve">Naphthalenesulfonicacid, dinonyl-, calcium salt (2:1) </t>
  </si>
  <si>
    <t>57855-77-3</t>
  </si>
  <si>
    <t xml:space="preserve">Naphthalenesulfonicacid, dinonyl- </t>
  </si>
  <si>
    <t>25322-17-2</t>
  </si>
  <si>
    <t>2-Naphthylamine and its salts, all members</t>
  </si>
  <si>
    <t>Reg. (EC) No 1272/2008, carcinogen class 2
Reg. (EC) No 552/2009</t>
  </si>
  <si>
    <t xml:space="preserve">2-Naphthylamine                                       </t>
  </si>
  <si>
    <t>91-59-8</t>
  </si>
  <si>
    <t>2-Naphthylammoniumacetat</t>
  </si>
  <si>
    <t>553-00-4</t>
  </si>
  <si>
    <t>N-1-naphthylaniline</t>
  </si>
  <si>
    <t>90-30-2</t>
  </si>
  <si>
    <t>Elastomers / elastomeric compounds; Lubricants</t>
  </si>
  <si>
    <t>Nickel and its compounds, all members</t>
  </si>
  <si>
    <t>Welding electrodes, flame spraying, special materials, component in metals</t>
  </si>
  <si>
    <t>(2-Ethylhexanoato-O)(isodecanoato-O)nickel</t>
  </si>
  <si>
    <t>84852-39-1</t>
  </si>
  <si>
    <t>(2-Ethylhexanoato-O)(isononanoato-O)nickel</t>
  </si>
  <si>
    <t>85508-45-8</t>
  </si>
  <si>
    <t>(2-Ethylhexanoato-O)(isooctanoato-O)nickel</t>
  </si>
  <si>
    <t>84852-38-0</t>
  </si>
  <si>
    <t>(2-Ethylhexanoato-O)(neodecanoato-O)nickel</t>
  </si>
  <si>
    <t>85135-77-9</t>
  </si>
  <si>
    <t>(Isodecanoato-O)(isononanoato-O)nickel</t>
  </si>
  <si>
    <t>84852-36-8</t>
  </si>
  <si>
    <t>(Isodecanoato-O)(isooctanoato-O)nickel</t>
  </si>
  <si>
    <t>85166-19-4</t>
  </si>
  <si>
    <t>(Isodecanoato-O)(neodecanoato-O)nickel</t>
  </si>
  <si>
    <t>85508-42-5</t>
  </si>
  <si>
    <t>(Isononanoato-O)(isooctanoato-O)nickel</t>
  </si>
  <si>
    <t>85508-46-9</t>
  </si>
  <si>
    <t>(Isononanoato-O)(neodecanoato-O)nickel</t>
  </si>
  <si>
    <t>85551-28-6</t>
  </si>
  <si>
    <t>(Isooctanoato-O)(neodecanoato-O)nickel</t>
  </si>
  <si>
    <t>84852-35-7</t>
  </si>
  <si>
    <t>(Neononanoato-O)(neoundecanoato-O)nickel</t>
  </si>
  <si>
    <t>93920-08-2</t>
  </si>
  <si>
    <t>[.mu.-[[1,1',1'',1'''-[Benzene-1,2,4,5-tetrayltetrakis(nitromethylidyne)]naphth-2-olato](4-)]]dinickel</t>
  </si>
  <si>
    <t>22484-07-7</t>
  </si>
  <si>
    <t>[.mu.-[Carbonato(2-)-O:O']]dihydroxydinickel</t>
  </si>
  <si>
    <t>65405-96-1</t>
  </si>
  <si>
    <t>[[2,2'-(4,8-Dichlorobenzo[1,2-d:4,5-d']bisoxazole-2,6-diyl)bis[4,6-dichlorophenolato]](2-)]nickel</t>
  </si>
  <si>
    <t>47726-62-5</t>
  </si>
  <si>
    <t>[[2,2'-Thiobis[3-octylphenolato]](2-)-O,O',S]nickel</t>
  </si>
  <si>
    <t>33882-09-6</t>
  </si>
  <si>
    <t>[[N,N',N'',N'''-[29H,31H-Phthalocyaninetetrayltetrakis(sulphonylimino-3,1-phenylene)]tetrakis[3-oxobutyramidato]](2-)-N29,N30,N31,N32]nickel</t>
  </si>
  <si>
    <t>97404-22-3</t>
  </si>
  <si>
    <t>[[N,N',N''-[29H,31H-Phthalocyaninetriyltris(sulphonylimino-3,1-phenylene)]tris[3-oxobutyramidato]](2-)-N29,N30,N31,N32]nickel</t>
  </si>
  <si>
    <t>97404-21-2</t>
  </si>
  <si>
    <t>1,2,3-Propanetricarboxylic acid, 2-hydroxy-, ammonium nickel(2+) salt (2:2:1)</t>
  </si>
  <si>
    <t>68025-13-8</t>
  </si>
  <si>
    <t>1,2,3-Propanetriol, 1-(dihydrogen phosphate), nickel(2+) salt (1:1)</t>
  </si>
  <si>
    <t>68391-37-7</t>
  </si>
  <si>
    <t>1,2,3-Propanetriol, mono(dihydrogen phosphate), nickel(2+) salt (1:1)</t>
  </si>
  <si>
    <t>67952-69-6</t>
  </si>
  <si>
    <t>1,2-Benzenedicarboxylic acid, 3,4,5,6-tetrabromo-, nickel(2+) salt (1:1)</t>
  </si>
  <si>
    <t>18824-79-8</t>
  </si>
  <si>
    <t>2,7-Naphthalenedisulfonic acid, nickel(2+) salt (1:1)</t>
  </si>
  <si>
    <t>72319-19-8</t>
  </si>
  <si>
    <t>2-Ethylhexanoic acid, nickel salt</t>
  </si>
  <si>
    <t>7580-31-6</t>
  </si>
  <si>
    <t>Acetic acid, nickel(2+) salt, polymer with formaldehyde and 4-(1,1,3,3-tetramethylbutyl)phenol</t>
  </si>
  <si>
    <t>71050-57-2</t>
  </si>
  <si>
    <t>Aluminum nickel oxide (Al2NiO4)</t>
  </si>
  <si>
    <t>12004-35-2</t>
  </si>
  <si>
    <t>Aluminum, compound with nickel (1:1)</t>
  </si>
  <si>
    <t>12003-78-0</t>
  </si>
  <si>
    <t>Aluminum, triethyl-, reaction products with nickel(2+) bis(2-ethylhexanoate)</t>
  </si>
  <si>
    <t>79357-65-6</t>
  </si>
  <si>
    <t>Antimony oxide (Sb2O3), solid solution with nickel oxide (NiO) and titanium oxide (TiO2)</t>
  </si>
  <si>
    <t>73892-02-1</t>
  </si>
  <si>
    <t>Antimony, compound with nickel (1:1)</t>
  </si>
  <si>
    <t>12035-52-8</t>
  </si>
  <si>
    <t>Antimony, compound with nickel (1:3)</t>
  </si>
  <si>
    <t>12503-49-0</t>
  </si>
  <si>
    <t>Benzenepropanoic acid, 3,5-bis(1,1-dimethylethyl)-4-hydroxy-, nickel(2+) salt (2:1)</t>
  </si>
  <si>
    <t>55868-93-4</t>
  </si>
  <si>
    <t>Benzoic acid, 3,5-bis(1,1-dimethylethyl)-4-hydroxy-, nickel(2+) salt (2:1)</t>
  </si>
  <si>
    <t>52625-25-9</t>
  </si>
  <si>
    <t>Bis(1,1,1,5,5,5-hexafluoropentane-2,4-dionato-O,O')nickel</t>
  </si>
  <si>
    <t>14949-69-0</t>
  </si>
  <si>
    <t>Bis(1,5-cyclooctadiene)nickel</t>
  </si>
  <si>
    <t>1295-35-8</t>
  </si>
  <si>
    <t>Bis(1H-1,2,4-triazole-3-sulphonato-N2,O3)nickel</t>
  </si>
  <si>
    <t>85586-46-5</t>
  </si>
  <si>
    <t>Bis(1-nitroso-2-naphtholato)nickel</t>
  </si>
  <si>
    <t>12794-26-2</t>
  </si>
  <si>
    <t>Bis(4-benzoyl-2,4-dihydro-5-methyl-2-phenyl-3H-pyrazol-3-onato-O,O')(2,2,4,4-tetramethyl-7-oxa-3,20-diazadispiro[5.1.11.2]henicosan-21-one-O21)nickel</t>
  </si>
  <si>
    <t>79121-51-0</t>
  </si>
  <si>
    <t>Bis(4-benzoyl-2,4-dihydro-5-methyl-2-phenyl-3H-pyrazol-3-onato-O,O')nickel</t>
  </si>
  <si>
    <t>69524-96-5</t>
  </si>
  <si>
    <t>Bis(5-oxo-DL-prolinato-N1,O2)nickel</t>
  </si>
  <si>
    <t>85026-81-9</t>
  </si>
  <si>
    <t>Bis(5-oxo-L-prolinato-N1,O2)nickel</t>
  </si>
  <si>
    <t>70824-02-1</t>
  </si>
  <si>
    <t>Bis(butanedione dioximato)nickel</t>
  </si>
  <si>
    <t>13478-93-8</t>
  </si>
  <si>
    <t>Bis(D-gluconato-O1,O2)nickel</t>
  </si>
  <si>
    <t>71957-07-8</t>
  </si>
  <si>
    <t>Bis(diethyldithiocarbamato-S,S')nickel</t>
  </si>
  <si>
    <t>52610-81-8</t>
  </si>
  <si>
    <t>Bis(quinolin-8-olato-N1,O8)nickel</t>
  </si>
  <si>
    <t>14100-15-3</t>
  </si>
  <si>
    <t>Bis[(2-hydroxyethyl)dithiocarbamato-S,S']nickel</t>
  </si>
  <si>
    <t>52486-98-3</t>
  </si>
  <si>
    <t>Bis[2-hydroxy-4-(octyloxy)benzophenonato]nickel</t>
  </si>
  <si>
    <t>15843-91-1</t>
  </si>
  <si>
    <t>Bis[bis(2-hydroxyethyl)dithiocarbamato-S,S']nickel</t>
  </si>
  <si>
    <t>52486-99-4</t>
  </si>
  <si>
    <t>Bis[di(3,5,5-trimethylhexyl)dithiocarbamato-S,S']nickel</t>
  </si>
  <si>
    <t>84604-95-5</t>
  </si>
  <si>
    <t>Bis[N-(2,4-dimethoxyphenyl)-2,3-bis(hydroxyimino)butyramidato-N2,N3]nickel</t>
  </si>
  <si>
    <t>85269-39-2</t>
  </si>
  <si>
    <t>Bis[N-(2-hydroxyethyl)-N-methylglycinato-N,O,on]nickel</t>
  </si>
  <si>
    <t>76625-10-0</t>
  </si>
  <si>
    <t>Bismuth, compound with nickel (1:1)</t>
  </si>
  <si>
    <t>12688-64-1</t>
  </si>
  <si>
    <t>Butanedioic acid, 2,3-dihydroxy- [R-(R*,R*)]-, nickel(2+) salt (2:1)</t>
  </si>
  <si>
    <t>67952-41-4</t>
  </si>
  <si>
    <t>C.I. Reactive green 12</t>
  </si>
  <si>
    <t>72152-45-5</t>
  </si>
  <si>
    <t>Cobalt lithium manganese nickel oxide</t>
  </si>
  <si>
    <t>Carbonic acid, nickel salt</t>
  </si>
  <si>
    <t>16337-84-1</t>
  </si>
  <si>
    <t>Carbonic acid, nickel(2+) salt (2:1)</t>
  </si>
  <si>
    <t>17237-93-3</t>
  </si>
  <si>
    <t>Chromium nickel oxide (Cr2NiO4)</t>
  </si>
  <si>
    <t>12018-18-7</t>
  </si>
  <si>
    <t>Chloric acid, nickel(2+) salt</t>
  </si>
  <si>
    <t>67952-43-6</t>
  </si>
  <si>
    <t>Citric acid , ammonium nickel salt</t>
  </si>
  <si>
    <t>18283-82-4</t>
  </si>
  <si>
    <t>Copper(2+), bis(1,2-ethanediamine-N,N')-, (SP-4-1)-tetrakis(cyano-C)nickelate(2-) (1:1)</t>
  </si>
  <si>
    <t>63427-32-7</t>
  </si>
  <si>
    <t>Copper, compound with lanthanum and nickel (4:1:1)</t>
  </si>
  <si>
    <t>51912-52-8</t>
  </si>
  <si>
    <t>Cyclohexanebutanoic acid, nickel(2+) salt</t>
  </si>
  <si>
    <t>3906-55-6</t>
  </si>
  <si>
    <t>Diammonium tetrachloronickelate(2-)</t>
  </si>
  <si>
    <t>99587-11-8</t>
  </si>
  <si>
    <t>Diiron nickel tetraoxide</t>
  </si>
  <si>
    <t>12168-54-6</t>
  </si>
  <si>
    <t>Diiron nickel zinc tetraoxide</t>
  </si>
  <si>
    <t>97435-21-7</t>
  </si>
  <si>
    <t>Dimethoxy[29H,31H-phthalocyaninato(2-)-N29,N30,N31,N32]nickel</t>
  </si>
  <si>
    <t>83898-70-8</t>
  </si>
  <si>
    <t>Dimethylhexanoic acid, nickel salt</t>
  </si>
  <si>
    <t>93983-68-7</t>
  </si>
  <si>
    <t>Dinickel orthosilicate</t>
  </si>
  <si>
    <t>13775-54-7</t>
  </si>
  <si>
    <t>Diphosphoric acid, nickel(2+) salt</t>
  </si>
  <si>
    <t>19372-20-4</t>
  </si>
  <si>
    <t>Diphosphoric acid, nickel(2+) salt (1:2)</t>
  </si>
  <si>
    <t>14448-18-1</t>
  </si>
  <si>
    <t>Dipotassium tetrafluoronickelate(2-)</t>
  </si>
  <si>
    <t>13859-60-4</t>
  </si>
  <si>
    <t>Dipotassium tris(cyano-c)nickelate(2-)</t>
  </si>
  <si>
    <t>39049-81-5</t>
  </si>
  <si>
    <t>Dysprosium, compound with nickel (1:2)</t>
  </si>
  <si>
    <t>12175-27-8</t>
  </si>
  <si>
    <t>Ethyl hydrogen sulphate, nickel(2+) salt</t>
  </si>
  <si>
    <t>71720-48-4</t>
  </si>
  <si>
    <t>Fatty acids, C6-19-branched, nickel salts</t>
  </si>
  <si>
    <t>91697-41-5</t>
  </si>
  <si>
    <t>Fatty acids, C8-18 and C18-unsaturated, nickel salts</t>
  </si>
  <si>
    <t>84776-45-4</t>
  </si>
  <si>
    <t>Hexaamminenickel(2+) bis[tetrafluoroborate(1-)]</t>
  </si>
  <si>
    <t>13877-20-8</t>
  </si>
  <si>
    <t>Hexanoic acid, 2-ethyl-, nickel(2+) salt</t>
  </si>
  <si>
    <t>4454-16-4</t>
  </si>
  <si>
    <t>Iron alloy, base,(Fe.Ni)(ferronickel)</t>
  </si>
  <si>
    <t>11133-76-9</t>
  </si>
  <si>
    <t>Isononanoic acid, nickel(2+) salt</t>
  </si>
  <si>
    <t>84852-37-9</t>
  </si>
  <si>
    <t>Lanthanum, compound with nickel (1:5)</t>
  </si>
  <si>
    <t>12196-72-4</t>
  </si>
  <si>
    <t>Leach residues, nickel-vanadium ore - Residues from basic leaching of nickel-bearing vanadium ores.  Composed primarily of silica and insoluble compounds of nickel and vanadium with minor quantities of other metals, such as arsenic, lead, tin and zinc.</t>
  </si>
  <si>
    <t>84144-92-3</t>
  </si>
  <si>
    <t>Lithium nickel oxide (LiNiO2)</t>
  </si>
  <si>
    <t>12031-65-1</t>
  </si>
  <si>
    <t>Molybdenum nickel oxide</t>
  </si>
  <si>
    <t>12673-58-4</t>
  </si>
  <si>
    <t>Naphthenic acids, nickel salts</t>
  </si>
  <si>
    <t>61788-71-4</t>
  </si>
  <si>
    <t>Neodecanoic acid, nickel salt</t>
  </si>
  <si>
    <t>51818-56-5</t>
  </si>
  <si>
    <t>Nickel</t>
  </si>
  <si>
    <t>7440-02-0</t>
  </si>
  <si>
    <t>Nickel [R(R*,R*)]-tartrate</t>
  </si>
  <si>
    <t>52022-10-3</t>
  </si>
  <si>
    <t>Nickel acetate</t>
  </si>
  <si>
    <t>14998-37-9</t>
  </si>
  <si>
    <t>Nickel acetate tetrahydrate</t>
  </si>
  <si>
    <t>6018-89-9</t>
  </si>
  <si>
    <t>Nickel acrylate</t>
  </si>
  <si>
    <t>51222-18-5</t>
  </si>
  <si>
    <t>Nickel ammonium sulfate</t>
  </si>
  <si>
    <t>15699-18-0</t>
  </si>
  <si>
    <t>C.I. Pigment Yellow 157 ( Nickel barium titanium priderite)</t>
  </si>
  <si>
    <t>68610-24-2</t>
  </si>
  <si>
    <t>Nickel bis(benzenesulphonate)</t>
  </si>
  <si>
    <t>39819-65-3</t>
  </si>
  <si>
    <t>Nickel bis(dihydrogen phosphate)</t>
  </si>
  <si>
    <t>18718-11-1</t>
  </si>
  <si>
    <t>Nickel bis(phosphinate)</t>
  </si>
  <si>
    <t>14507-36-9</t>
  </si>
  <si>
    <t>Nickel bis(piperidine-1-carbodithioate)</t>
  </si>
  <si>
    <t>41476-75-9</t>
  </si>
  <si>
    <t>Nickel bisphosphinate</t>
  </si>
  <si>
    <t>36026-88-7</t>
  </si>
  <si>
    <t>Nickel boride</t>
  </si>
  <si>
    <t>12619-90-8</t>
  </si>
  <si>
    <t>Nickel boride (Ni2B)</t>
  </si>
  <si>
    <t>12007-01-1</t>
  </si>
  <si>
    <t>Nickel boride (Ni3B)</t>
  </si>
  <si>
    <t>12007-02-2</t>
  </si>
  <si>
    <t>Nickel boride (NiB)</t>
  </si>
  <si>
    <t>12007-00-0</t>
  </si>
  <si>
    <t>Nickel bromide (NiBr2)</t>
  </si>
  <si>
    <t>13462-88-9</t>
  </si>
  <si>
    <t>Nickel bromide (NiBr2), trihydrate</t>
  </si>
  <si>
    <t>7789-49-3</t>
  </si>
  <si>
    <t>Nickel carbide</t>
  </si>
  <si>
    <t>12710-36-0</t>
  </si>
  <si>
    <t>Nickel carbonate</t>
  </si>
  <si>
    <t>3333-67-3</t>
  </si>
  <si>
    <t>Nickel carbonyl</t>
  </si>
  <si>
    <t>12612-55-4</t>
  </si>
  <si>
    <t>13463-39-3</t>
  </si>
  <si>
    <t>Nickel chloride</t>
  </si>
  <si>
    <t>37211-05-5</t>
  </si>
  <si>
    <t>Nickel cyanide</t>
  </si>
  <si>
    <t>557-19-7</t>
  </si>
  <si>
    <t>Nickel dibenzoate</t>
  </si>
  <si>
    <t>553-71-9</t>
  </si>
  <si>
    <t>Nickel dibromate</t>
  </si>
  <si>
    <t>14550-87-9</t>
  </si>
  <si>
    <t>Nickel dihydroxide hydrate</t>
  </si>
  <si>
    <t>36897-37-7</t>
  </si>
  <si>
    <t>Nickel dimethyldithiocarbamate</t>
  </si>
  <si>
    <t>15521-65-0</t>
  </si>
  <si>
    <t>Nickel dipotassium bis(sulphate)</t>
  </si>
  <si>
    <t>13842-46-1</t>
  </si>
  <si>
    <t>Nickel dithiocyanate</t>
  </si>
  <si>
    <t>13689-92-4</t>
  </si>
  <si>
    <t>Nickel fluoride (NiF2)</t>
  </si>
  <si>
    <t>10028-18-9</t>
  </si>
  <si>
    <t>Nickel fluoride (NiF2), tetrahydrate</t>
  </si>
  <si>
    <t>13940-83-5</t>
  </si>
  <si>
    <t>Nickel hydrogen phosphate</t>
  </si>
  <si>
    <t>14332-34-4</t>
  </si>
  <si>
    <t>Nickel hydroxide</t>
  </si>
  <si>
    <t>11113-74-9</t>
  </si>
  <si>
    <t>12054-48-7</t>
  </si>
  <si>
    <t>12125-56-3</t>
  </si>
  <si>
    <t>Nickel isooctanoate</t>
  </si>
  <si>
    <t>27637-46-3</t>
  </si>
  <si>
    <t>Nickel methacrylate</t>
  </si>
  <si>
    <t>94275-78-2</t>
  </si>
  <si>
    <t>Nickel nitrate</t>
  </si>
  <si>
    <t>14216-75-2</t>
  </si>
  <si>
    <t>Nickel nitrate (2+ salt)</t>
  </si>
  <si>
    <t>13138-45-9</t>
  </si>
  <si>
    <t>Nickel nitrite</t>
  </si>
  <si>
    <t>17861-62-0</t>
  </si>
  <si>
    <t>Nickel oxide</t>
  </si>
  <si>
    <t>11099-02-8</t>
  </si>
  <si>
    <t>1313-99-1</t>
  </si>
  <si>
    <t>Nickel oxide (Ni2O3)</t>
  </si>
  <si>
    <t>1314-06-3</t>
  </si>
  <si>
    <t>Nickel oxide (NiO2)</t>
  </si>
  <si>
    <t>12035-36-8</t>
  </si>
  <si>
    <t>Nickel perchlorate</t>
  </si>
  <si>
    <t>13637-71-3</t>
  </si>
  <si>
    <t>Nickel phosphide (Ni2P)</t>
  </si>
  <si>
    <t>12035-64-2</t>
  </si>
  <si>
    <t>Nickel potassium cyanide</t>
  </si>
  <si>
    <t>14220-17-8</t>
  </si>
  <si>
    <t>Nickel selenate</t>
  </si>
  <si>
    <t>15060-62-5</t>
  </si>
  <si>
    <t>Nickel selenide</t>
  </si>
  <si>
    <t>1314-05-2</t>
  </si>
  <si>
    <t>Nickel silicide (Ni2Si)</t>
  </si>
  <si>
    <t>12059-14-2</t>
  </si>
  <si>
    <t>Nickel silicide (NiSi)</t>
  </si>
  <si>
    <t>12035-57-3</t>
  </si>
  <si>
    <t>Nickel silicide (NiSi2)</t>
  </si>
  <si>
    <t>12201-89-7</t>
  </si>
  <si>
    <t>Nickel subsulfide</t>
  </si>
  <si>
    <t>12035-72-2</t>
  </si>
  <si>
    <t>Nickel sulfate</t>
  </si>
  <si>
    <t>7786-81-4</t>
  </si>
  <si>
    <t>Nickel sulfide (Ni2S3)</t>
  </si>
  <si>
    <t>12259-56-2</t>
  </si>
  <si>
    <t>Nickel sulfide (NiS)</t>
  </si>
  <si>
    <t>16812-54-7</t>
  </si>
  <si>
    <t>Nickel telluride</t>
  </si>
  <si>
    <t>12142-88-0</t>
  </si>
  <si>
    <t>Nickel tin trioxide</t>
  </si>
  <si>
    <t>12035-38-0</t>
  </si>
  <si>
    <t>Nickel titanium oxide</t>
  </si>
  <si>
    <t>12035-39-1</t>
  </si>
  <si>
    <t>12653-76-8</t>
  </si>
  <si>
    <t>Nickel titanium tungsten oxide (NiTi20W2O47)</t>
  </si>
  <si>
    <t>69011-05-8</t>
  </si>
  <si>
    <t>Nickel vanadium oxide (NiV2O6)</t>
  </si>
  <si>
    <t>52502-12-2</t>
  </si>
  <si>
    <t>Nickel zirconium oxide (NiZrO3)</t>
  </si>
  <si>
    <t>70692-93-2</t>
  </si>
  <si>
    <t>Nickel(1+), [1-(2-amino-4-imino-5(4H)-thiazolylidene)-N-[1-(2-amino-4-imino-5(4H)-thiazolylidene)-1H-isoindol-3-yl]-1H-isoindol-3-aminato]-, chloride</t>
  </si>
  <si>
    <t>53199-85-2</t>
  </si>
  <si>
    <t>Nickel(2+) acrylate</t>
  </si>
  <si>
    <t>60700-37-0</t>
  </si>
  <si>
    <t>Nickel(2+) methacrylate</t>
  </si>
  <si>
    <t>52496-91-0</t>
  </si>
  <si>
    <t>Nickel(2+) neodecanoate</t>
  </si>
  <si>
    <t>85508-44-7</t>
  </si>
  <si>
    <t>Nickel(2+) neononanoate</t>
  </si>
  <si>
    <t>93920-10-6</t>
  </si>
  <si>
    <t>Nickel(2+) neoundecanoate</t>
  </si>
  <si>
    <t>93920-09-3</t>
  </si>
  <si>
    <t>Nickel(2+) oleate</t>
  </si>
  <si>
    <t>13001-15-5</t>
  </si>
  <si>
    <t>Nickel(2+) palmitate</t>
  </si>
  <si>
    <t>13654-40-5</t>
  </si>
  <si>
    <t>Nickel(2+) selenite</t>
  </si>
  <si>
    <t>10101-96-9</t>
  </si>
  <si>
    <t>Nickel(2+) silicate</t>
  </si>
  <si>
    <t>21784-78-1</t>
  </si>
  <si>
    <t>Nickel(2+) sulphite</t>
  </si>
  <si>
    <t>7757-95-1</t>
  </si>
  <si>
    <t>Nickel(2+) trifluoroacetate</t>
  </si>
  <si>
    <t>16083-14-0</t>
  </si>
  <si>
    <t>Nickel(2+), bis(1,2-ethanediamine-N,N')-, bis[bis(cyano-C)aurate(1-)]</t>
  </si>
  <si>
    <t>68958-89-4</t>
  </si>
  <si>
    <t>Nickel(2+), bis(1,2-ethanediamine-N,N')-, salt with dimethylbenzenesulfonic acid (1:2)</t>
  </si>
  <si>
    <t>71215-98-0</t>
  </si>
  <si>
    <t>Nickel(2+), bis(1,2-propanediamine)-, bis[dicyanoaurate(1-)]</t>
  </si>
  <si>
    <t>18972-69-5</t>
  </si>
  <si>
    <t>Nickel(2+), bis(ethylenediamine)-, sulfate (1:1)</t>
  </si>
  <si>
    <t>21264-77-7</t>
  </si>
  <si>
    <t>Nickel(2+), hexakis(1H-imidazole-N3)-, (OC-6-11)-, 1,2-benzenedicarboxylate (1:1)</t>
  </si>
  <si>
    <t>108818-89-9</t>
  </si>
  <si>
    <t>Nickel(2+), tris(1,2-ethanediamine-N,N')-, (OC-6-11)-, salt with dimethylbenzenesulfonic acid (1:2)</t>
  </si>
  <si>
    <t>71215-97-9</t>
  </si>
  <si>
    <t>Nickel(2+), tris(4,7-diphenyl-1,10-phenanthroline-N1,N10)-, (OC-6-11)-, bis[tetrafluoroborate(1-)]</t>
  </si>
  <si>
    <t>68309-97-7</t>
  </si>
  <si>
    <t>Nickel(2+), tris(4,7-diphenyl-1,10-phenanthroline-N1,N10)-, (OC-6-11)-, dinitrate</t>
  </si>
  <si>
    <t>38780-90-4</t>
  </si>
  <si>
    <t>Nickel(2++), hexaammine-, (OC-6-11)-, carbonate (1:1)</t>
  </si>
  <si>
    <t>67806-76-2</t>
  </si>
  <si>
    <t>Nickel(2++), hexaammine-, dihydroxide, (OC-6-11)-</t>
  </si>
  <si>
    <t>51467-07-3</t>
  </si>
  <si>
    <t>Nickel(II) acetate</t>
  </si>
  <si>
    <t>373-02-4</t>
  </si>
  <si>
    <t>Nickel(II) chloride</t>
  </si>
  <si>
    <t>7718-54-9</t>
  </si>
  <si>
    <t>Nickel(II) chloride hexahydrate (1:2:6)</t>
  </si>
  <si>
    <t>7791-20-0</t>
  </si>
  <si>
    <t>Nickel(II) fluoborate</t>
  </si>
  <si>
    <t>14708-14-6</t>
  </si>
  <si>
    <t>Nickel(II) fumarate</t>
  </si>
  <si>
    <t>6283-67-6</t>
  </si>
  <si>
    <t>Nickel(II) iodide</t>
  </si>
  <si>
    <t>13462-90-3</t>
  </si>
  <si>
    <t>Nickel(II) isodecanoate</t>
  </si>
  <si>
    <t>85508-43-6</t>
  </si>
  <si>
    <t>Nickel(II) isooctanoate</t>
  </si>
  <si>
    <t>29317-63-3</t>
  </si>
  <si>
    <t>Nickel(II) nitrate, hexahydrate (1:2:6)</t>
  </si>
  <si>
    <t>13478-00-7</t>
  </si>
  <si>
    <t>Nickel(II) sulfate hexahydrate (1:1:6)</t>
  </si>
  <si>
    <t>10101-97-0</t>
  </si>
  <si>
    <t>Nickel, (2-ethylhexanoato-O)(trifluoroacetato-O)-</t>
  </si>
  <si>
    <t>70776-98-6</t>
  </si>
  <si>
    <t>Nickel, (2-propanol)[[2,2'-thiobis[4-(1,1,3,3-tetramethylbutyl)phenolato]](2-)-O,O',S]-</t>
  </si>
  <si>
    <t>67763-27-3</t>
  </si>
  <si>
    <t>Nickel, (carbonato(2-))tetrahydroxytri-, tetrahydrate</t>
  </si>
  <si>
    <t>39430-27-8</t>
  </si>
  <si>
    <t>Nickel, [(2-amino-2-oxoethoxy)acetato(2-)]-</t>
  </si>
  <si>
    <t>68133-84-6</t>
  </si>
  <si>
    <t>Nickel, [.mu.-(piperazine-N1:N4)]bis[3-[1-[(4,5,6,7-tetrachloro-1-oxo-1H-isoindol-3-yl)hydrazono]ethyl]-2,4(1H,3H)-quinolinedionato(2-)]di-</t>
  </si>
  <si>
    <t>71889-22-0</t>
  </si>
  <si>
    <t>Nickel, [[1,1'-[1,2-phenylenebis(nitrilomethylidyne)]bis[2-naphthalenolato]](2-)-N,N',O,O']-, (SP-4-2)-</t>
  </si>
  <si>
    <t>20437-10-9</t>
  </si>
  <si>
    <t>Nickel, [[2,2'-[methylenebis(thio)]bis[acetato]](2-)]-</t>
  </si>
  <si>
    <t>71215-73-1</t>
  </si>
  <si>
    <t>Nickel, [[2,2'-sulfonylbis[4-(1,1,3,3-tetramethylbutyl)phenolato]](2-)-O1,O1',O2]-</t>
  </si>
  <si>
    <t>16432-37-4</t>
  </si>
  <si>
    <t>Nickel, [[2,2'-thiobis[4-(1,1,3,3-tetramethylbutyl)phenolato]](2-)-O,O',S]-</t>
  </si>
  <si>
    <t>27574-34-1</t>
  </si>
  <si>
    <t>Nickel, [1,3-dihydro-5,6-bis[[(2-hydroxy-1-naphthalenyl)methylene]amino]-2H-benzimidazol-2-onato(2-)-N5,N6,O5,O6]-, (SP-4-2)-</t>
  </si>
  <si>
    <t>42844-93-9</t>
  </si>
  <si>
    <t>Nickel, [29H,31H-phthalocyaninato(2-)-N29,N30,N31,N32]-, (SP-4-1)-</t>
  </si>
  <si>
    <t>14055-02-8</t>
  </si>
  <si>
    <t>Nickel, [29H,31H-phthalocyaninato(2-)-N29,N30,N31,N32]-, [[3-[(5-chloro-2,6-difluoro-4-pyrimidinyl)amino]phenyl]amino]sulfonyl sulfo derivitives, sodium salts</t>
  </si>
  <si>
    <t>90459-35-1</t>
  </si>
  <si>
    <t>Nickel, [29H,31H-phthalocyaninato(2-)-N29,N30,N31,N32]-, chlorosulfonyl derivitives, reaction products with 2-[(4-aminophenyl)sulfonyl]ethyl hydrogen sulfate monosodium salt, potassium sodium salts, compounds with pyridine</t>
  </si>
  <si>
    <t>93573-17-2</t>
  </si>
  <si>
    <t>Nickel, [29H,31H-phthalocyanine-C,C,C,C-tetrasulfonyl tetrachloridato(2)-N29,N30,N31,N32]-</t>
  </si>
  <si>
    <t>28680-76-4</t>
  </si>
  <si>
    <t>Nickel, [2-hydroxybenzoic acid [3-[1-cyano-2-(methylamino)-2-oxoethylidene]-2,3-dihydro-1H-isoindol-1-ylidene]hydrazidato(2-)]-</t>
  </si>
  <si>
    <t>85958-80-1</t>
  </si>
  <si>
    <t>Nickel, [carbonato(2-)]hexahydroxytetra-</t>
  </si>
  <si>
    <t>12334-31-5</t>
  </si>
  <si>
    <t>Nickel, [N-(4-chlorophenyl)-2-[3-[[[1-(4-chlorophenyl)-4,5-dihydro-3-methyl-5-oxo-1H-pyrazol-4-yl]methylene]hydrazino]-1H-isoindol-1-ylidene]-2-cyanoacetamidato(2-)]-</t>
  </si>
  <si>
    <t>71889-20-8</t>
  </si>
  <si>
    <t>Nickel, [N-(carboxymethyl)glycinato(2-)-N,O,ON]-</t>
  </si>
  <si>
    <t>13869-33-5</t>
  </si>
  <si>
    <t>Nickel, [N,N',N'',N'''-tetrakis[4-(4,5-dihydro-3-methyl-5-oxo-1H-pyrazol-1-yl)phenyl]-29H,31H-phthalocyanine-C,C,C,C-tetrasulfonamidato(2-)-N29,N30,N31,N32]-</t>
  </si>
  <si>
    <t>72986-45-9</t>
  </si>
  <si>
    <t>Nickel, [N,N',N''-tris[4-(4,5-dihydro-3-methyl-5-oxo-1H-pyrazol-1-yl)phenyl]-29H,31H-phthalocyanine-C,C,C-trisulfonamidato(2-)-N29,N30,N31,N32]-</t>
  </si>
  <si>
    <t>72252-57-4</t>
  </si>
  <si>
    <t>Nickel, 2,2'-thiobis[4-nonylphenol] complexes</t>
  </si>
  <si>
    <t>85480-75-7</t>
  </si>
  <si>
    <t>Nickel, acetate carbonate C8-10-branched fatty acids C9-11-neofatty acids complexes</t>
  </si>
  <si>
    <t>90459-30-6</t>
  </si>
  <si>
    <t>Nickel, acetylacetone 6-methyl-2,4-heptanedione complexes</t>
  </si>
  <si>
    <t>90459-34-0</t>
  </si>
  <si>
    <t>Nickel, aqua[2-[(4,5-dihydro-3-methyl-5-oxo-1H-pyrazol-4-yl)azo]benzoato(2-)]-</t>
  </si>
  <si>
    <t>106316-55-6</t>
  </si>
  <si>
    <t>Nickel, bis(2,4-pentanedionato-O,O')-, (SP-4-1)-</t>
  </si>
  <si>
    <t>3264-82-2</t>
  </si>
  <si>
    <t>Nickel, bis(2-heptadecyl-1H-imidazole-N3)bis(octanoato-O)-</t>
  </si>
  <si>
    <t>68912-08-3</t>
  </si>
  <si>
    <t>Nickel, bis(3-amino-4,5,6,7-tetrachloro-1H-isoindol-1-one oximato-N2,O1)-</t>
  </si>
  <si>
    <t>70833-37-3</t>
  </si>
  <si>
    <t>Nickel, bis(dibutylcarbamodithioato-S,S')-, (SP-4-1)-</t>
  </si>
  <si>
    <t>13927-77-0</t>
  </si>
  <si>
    <t>Nickel, bis(diethylcarbamodithioato-S,S')-, (SP-4-1)-</t>
  </si>
  <si>
    <t>14267-17-5</t>
  </si>
  <si>
    <t>Nickel, bis(diisononylcarbamodithioato-,')-</t>
  </si>
  <si>
    <t>85298-61-9</t>
  </si>
  <si>
    <t>Nickel, bis(dipentylcarbamodithioato-S,S')-, (SP-4-1)-</t>
  </si>
  <si>
    <t>36259-37-7</t>
  </si>
  <si>
    <t>Nickel, bis(phenyldiazenecarbothioic acid 2-phenylhydrazidato)-</t>
  </si>
  <si>
    <t>36545-21-8</t>
  </si>
  <si>
    <t>Nickel, bis[(2-hydroxy-4-octylphenyl)phenylmethanonato-O,O']-</t>
  </si>
  <si>
    <t>68189-15-1</t>
  </si>
  <si>
    <t>Nickel, bis[(cyano-C)triphenylborato(1-)-N]bis(hexanedinitrile-N,N')-</t>
  </si>
  <si>
    <t>83864-02-2</t>
  </si>
  <si>
    <t>Nickel, bis[[didecyl (1,2-dicyano-1,2-ethenediyl)bis[carbamato]](2-)]-</t>
  </si>
  <si>
    <t>77245-35-3</t>
  </si>
  <si>
    <t>Nickel, bis[1,2-bis(4-methoxyphenyl)-1,2-ethenedithiolato(2-)-S,S']-, (SP-4-1)-</t>
  </si>
  <si>
    <t>38951-97-2</t>
  </si>
  <si>
    <t>Nickel, bis[1,2-diphenyl-1,2-ethenedithiolato(2-)-S,S']-, (SP-4-1)-</t>
  </si>
  <si>
    <t>28984-20-5</t>
  </si>
  <si>
    <t>Nickel, bis[1-[4-(diethylamino)phenyl]-2-phenyl-1,2-ethenedithiolato(2-)-S,S']-</t>
  </si>
  <si>
    <t>51449-18-4</t>
  </si>
  <si>
    <t>Nickel, bis[1-[4-(dimethylamino)phenyl]-2-phenyl-1,2-ethenedithiolato(2-)-S,S']-</t>
  </si>
  <si>
    <t>38465-55-3</t>
  </si>
  <si>
    <t>Nickel, bis[2,3-bis(hydroxyimino)-N-(2-methoxyphenyl)butanamidato]-</t>
  </si>
  <si>
    <t>42739-61-7</t>
  </si>
  <si>
    <t>Nickel, bis[2,3-bis(hydroxyimino)-N-phenylbutanamidato-N2,N3]-</t>
  </si>
  <si>
    <t>29204-84-0</t>
  </si>
  <si>
    <t>Nickel, bis[2,4-dihydro-5-methyl-4-(1-oxodecyl)-2-phenyl-3H-pyrazol-3-onato-O,O']-</t>
  </si>
  <si>
    <t>56557-00-7</t>
  </si>
  <si>
    <t>Nickel, bis[2-butene-2,3-dithiolato(2-)-S,S']-, (SP-4-1)-</t>
  </si>
  <si>
    <t>38951-94-9</t>
  </si>
  <si>
    <t>Nickel, bis[3-[(4-chlorophenyl)azo]-2,4(1H,3H)-quinolinedionato]-</t>
  </si>
  <si>
    <t>51931-46-5</t>
  </si>
  <si>
    <t>Nickel, bis[bis(2-methylpropyl)carbamodithioato-S,S']-, (SP-4-1)-</t>
  </si>
  <si>
    <t>15317-78-9</t>
  </si>
  <si>
    <t>Nickel, bis[N-hydroxy-3-(hydroxyimino)-N'-(2-methoxyphenyl)butanimidamidato-N',N3]-</t>
  </si>
  <si>
    <t>71605-83-9</t>
  </si>
  <si>
    <t>Nickel, borate C8-10-branched carboxylate complexes</t>
  </si>
  <si>
    <t>90459-31-7</t>
  </si>
  <si>
    <t>Nickel, borate neodecanoate complexes</t>
  </si>
  <si>
    <t>92502-55-1</t>
  </si>
  <si>
    <t>Nickel, C4-10 fatty acids naphthenate complexes</t>
  </si>
  <si>
    <t>93573-15-0</t>
  </si>
  <si>
    <t>Nickel, C4-10 fatty acids octanoate complexes</t>
  </si>
  <si>
    <t>93573-16-1</t>
  </si>
  <si>
    <t>Nickel, C5-23-branched carboxylate C4-10 fatty acids complexes</t>
  </si>
  <si>
    <t>93762-59-5</t>
  </si>
  <si>
    <t>Nickel, C5-23-branched carboxylate C4-10-fatty acids naphthenate complexes</t>
  </si>
  <si>
    <t>93573-14-9</t>
  </si>
  <si>
    <t>Nickel, C5-23-branched carboxylate naphthenate complexes</t>
  </si>
  <si>
    <t>92200-98-1</t>
  </si>
  <si>
    <t>Nickel, C5-25-branched carboxylate naphthenate octanoate complexes</t>
  </si>
  <si>
    <t>92200-99-2</t>
  </si>
  <si>
    <t>Nickel, C5-C23-branched carboxylate octanoate complexes</t>
  </si>
  <si>
    <t>90459-32-8</t>
  </si>
  <si>
    <t>Nickel, compound with niobium (1:1)</t>
  </si>
  <si>
    <t>12034-55-8</t>
  </si>
  <si>
    <t>Nickel, compound with tin (3:1)</t>
  </si>
  <si>
    <t>12059-23-3</t>
  </si>
  <si>
    <t>Nickel, compound with zirconium (1:2)</t>
  </si>
  <si>
    <t>12142-92-6</t>
  </si>
  <si>
    <t>Nickel, isodecanoate naphthenate complexes</t>
  </si>
  <si>
    <t>85585-97-3</t>
  </si>
  <si>
    <t>Nickel, isononanoate naphthenate complexes</t>
  </si>
  <si>
    <t>85585-98-4</t>
  </si>
  <si>
    <t>Nickel, isooctanoate naphthenate complexes</t>
  </si>
  <si>
    <t>90459-33-9</t>
  </si>
  <si>
    <t>Nickel, naphthenate neodecanoate complexes</t>
  </si>
  <si>
    <t>85585-99-5</t>
  </si>
  <si>
    <t>Nickel, tetrakis(triphenyl phosphite-P)-, (T-4)-</t>
  </si>
  <si>
    <t>14221-00-2</t>
  </si>
  <si>
    <t>Nickel,[6,8,16,18-tetrachloro-1,11-bis(2-furanylmethyl)-1,10,11, 20-tetrahydrodibenzo[c,j]dipyrazolo[3,4-f:3',4'-m][1,2,5,8,9,12] hexaazacyclotetradecinato(2-)-N5,N10,N15,N20]-</t>
  </si>
  <si>
    <t>79745-01-0</t>
  </si>
  <si>
    <t>Nickelate(1-), [[N,N'-1,2-ethanediylbis[N-(carboxymethyl)glycinato]](4-)-N,N',O,O',ON,ON']-, potassium, (OC-6-21)-</t>
  </si>
  <si>
    <t>67906-12-1</t>
  </si>
  <si>
    <t>Nickelate(1-), [3,4-bis[[(2-hydroxy-1-naphthalenyl)methylene]amino]benzoato(3-)-N3,N4,O3,O4]-, hydrogen</t>
  </si>
  <si>
    <t>61300-98-9</t>
  </si>
  <si>
    <t>Nickelate(1-), [N,N-bis(carboxymethyl)glycinato(3-)-N,O,O',O'']-, hydrogen, (T-4)-</t>
  </si>
  <si>
    <t>34831-03-3</t>
  </si>
  <si>
    <t>Nickelate(1-), trichloro-, ammonium</t>
  </si>
  <si>
    <t>24640-21-9</t>
  </si>
  <si>
    <t>Nickelate(2-), [[N,N'-1,2-ethanediylbis[N-(carboxymethyl)glycinato]](4-)-N,N',O,O',ON,ON']-, dihydrogen, (OC-6-21)-</t>
  </si>
  <si>
    <t>25481-21-4</t>
  </si>
  <si>
    <t>Nickelate(3-), [22-[[[3-[(5-chloro-2,6-difluoro-4-pyrimidinyl)amino]phenyl]amino]sulfonyl]-29H,31H-phthalocyanine-1,8,15-trisulfonato(5-)-N29,N30,N31,N32]-, trisodium, (SP-4-2)-</t>
  </si>
  <si>
    <t>71243-96-4</t>
  </si>
  <si>
    <t>Nickelate(3-), [5-[(4,5-dihydro-3-methyl-5-oxo-1-phenyl-1H-pyrazol-4-yl)azo]-4-hydroxy-3-[( 2-hydroxy-3-nitro-5-sulfophenyl)azo]-2,7-naphthalenedisulfonato(5-)]-, trisodium</t>
  </si>
  <si>
    <t>79817-91-7</t>
  </si>
  <si>
    <t>Nickelate(3-), [C-[[[3-[(4-amino-6-chloro-1,3,5-triazin-2-yl)amino]phenyl]amino]sulfonyl]-C,C,C-tris(aminosulfonyl)-29H,31H-phthalocyanine-C,C,C-trisulfonato(5-)-N29,N30,N31,N32]-, trisodium</t>
  </si>
  <si>
    <t>72229-81-3</t>
  </si>
  <si>
    <t>Nickelate(3-), [N,N-bis(phosphonomethyl)glycinato(5-)]-, triammonium, (T-4)-</t>
  </si>
  <si>
    <t>68025-40-1</t>
  </si>
  <si>
    <t>Nickelate(3-), [N,N-bis(phosphonomethyl)glycinato(5-)]-, tripotassium, (T-4)-</t>
  </si>
  <si>
    <t>63597-34-2</t>
  </si>
  <si>
    <t>Nickelate(3-), [N,N-bis(phosphonomethyl)glycinato(5-)]-, trisodium,(T-4)-</t>
  </si>
  <si>
    <t>68025-41-2</t>
  </si>
  <si>
    <t>Nickelate(4-), [[[nitrilotris(methylene)]tris[phosphonato]](6-)-N,OP,OP',OP'']-, tetrapotassium, (T-4)-</t>
  </si>
  <si>
    <t>63588-33-0</t>
  </si>
  <si>
    <t>Nickelate(4-), [[[nitrilotris(methylene)]tris[phosphonato]](6-)-N,OP,OP',OP'']-, tetrasodium, (T-4)-</t>
  </si>
  <si>
    <t>68052-00-6</t>
  </si>
  <si>
    <t>Nickelate(4-), [[[nitrilotris(methylene)]tris[phosphonato]](6-)-N,OP,OP',OP'']-, triammonium hydrogen, (T-4)-</t>
  </si>
  <si>
    <t>67968-22-3</t>
  </si>
  <si>
    <t>Nickelate(4-), [22-[[(4-sulfophenyl)amino]sulfonyl]-29H,31H-phthalocyanine-1,8,15-trisulfonato(6-)-N29,N30,N31,N32]-, tetrahydrogen, (SP-4-2)-</t>
  </si>
  <si>
    <t>70729-79-2</t>
  </si>
  <si>
    <t>Nickelate(4-), [bis[[[3-[[4,5-dihydro-3-methyl-5-oxo-1-[4-[[2-(sulfooxy)ethyl]sulfonyl]phenyl]-1H-pyrazol-4-yl]azo]phenyl]amino]sulfonyl]-29H,31H-phthalocyaninedisulfonato(6-)-N29,N30,N31,N32]-, sodium</t>
  </si>
  <si>
    <t>90459-36-2</t>
  </si>
  <si>
    <t>Nickelate(6-), [4-[[5-[[(3,6-dichloro-4-pyridazinyl)carbonyl]amino]-2-sulfophenyl]azo]-4,5-dihydro-5-oxo-1-[2-sulfo-5-[[(trisulfo-29H,31H-phthalocyaninyl)sulfonyl]amino]phenyl]-1H-pyrazole-3-carboxylato(8-)-N29,N30,N31,N32]-, hexasodium</t>
  </si>
  <si>
    <t>93891-86-2</t>
  </si>
  <si>
    <t>Nickelate(6-), [4-[[5-[[(3,6-dichloro-4-pyridazinyl)carbonyl]amino]-2-sulfophenyl]azo]-4,5-dihydro-5-oxo-1-[5-[[(trisulfo-29H,31H-phthalocyaninyl)sulfonyl]amino]-2-sulfophenyl]-1H-pyrazole-3-carboxylato(8-)-N29,N30,N31,N32]-,hexahydrogen</t>
  </si>
  <si>
    <t>68698-80-6</t>
  </si>
  <si>
    <t>Nickelate(6-), [C-[[[3-[[4,5-dihydro-3-methyl-5-oxo-1-[3-sulfo-4-[2-[2-sulfo-4-[(2,5,6-trichloro-4-pyrimidinyl)amino]phenyl]ethenyl]phenyl]-1H-pyrazol-4-yl]azo]-4-sulfophenyl]amino]sulfonyl]-29H,31H-phthalocyanine-C,C,C-trisulfonato(8-)-N29,N30,N31,N32]-,</t>
  </si>
  <si>
    <t>72453-55-5</t>
  </si>
  <si>
    <t>Nickelate(6-),[[[1,2-ethanediylbis[nitrilobis(methylene)]]tetrakis[phosphonato]](8-)], pentaammonium hydrogen,(OC-6-21)-</t>
  </si>
  <si>
    <t>68958-86-1</t>
  </si>
  <si>
    <t>Nickelate(6-),[[[1,2-ethanediylbis[nitrilobis(methylene)]]tetrakis[phosphonato]](8-)], pentapotassium hydrogen,(OC-6-21)-</t>
  </si>
  <si>
    <t>68958-87-2</t>
  </si>
  <si>
    <t>Nickelate(6-),[[[1,2-ethanediylbis[nitrilobis(methylene)]]tetrakis[phosphonato]](8-)], pentasodium hydrogen,(OC-6-21)-</t>
  </si>
  <si>
    <t>68958-88-3</t>
  </si>
  <si>
    <t>Nickelate(8-), bis[3-[(2-amino-8-hydroxy-6-sulfo-1-naphthalenyl)azo]-2-hydroxy-5-sulfobenzoato(5-)]-, hexasodium dihydrogen</t>
  </si>
  <si>
    <t>72139-08-3</t>
  </si>
  <si>
    <t>Nickelocene</t>
  </si>
  <si>
    <t>1271-28-9</t>
  </si>
  <si>
    <t>Octadecanoic acid, nickel(2+) salt</t>
  </si>
  <si>
    <t>2223-95-2</t>
  </si>
  <si>
    <t>Octanoic acid, nickel(2+) salt</t>
  </si>
  <si>
    <t>4995-91-9</t>
  </si>
  <si>
    <t>Oxalic acid, nickel salt</t>
  </si>
  <si>
    <t>20543-06-0</t>
  </si>
  <si>
    <t>Perchloric acid, nickel(2+) salt, hexahydrate</t>
  </si>
  <si>
    <t>13520-61-1</t>
  </si>
  <si>
    <t>Phosphonic acid, [[3,5-bis(1,1-dimethylethyl)-4-hydroxyphenyl]methyl]-, monoethyl ester, nickel(2+) salt (2:1)</t>
  </si>
  <si>
    <t>30947-30-9</t>
  </si>
  <si>
    <t>Phosphoric acid, calcium nickel salt</t>
  </si>
  <si>
    <t>17169-61-8</t>
  </si>
  <si>
    <t>Phosphoric acid, nickel(2+) salt (2:3)</t>
  </si>
  <si>
    <t>10381-36-9</t>
  </si>
  <si>
    <t>Potassium [N,N-bis(carboxymethyl)glycinato(3-)-N,O,O',O'']nickelate(1-)</t>
  </si>
  <si>
    <t>63640-18-6</t>
  </si>
  <si>
    <t>Silicic acid (H2SiO3), nickel(2+) salt (4:3)</t>
  </si>
  <si>
    <t>31748-25-1</t>
  </si>
  <si>
    <t>Sulfamic acid, nickel(2+) salt (2:1)</t>
  </si>
  <si>
    <t>13770-89-3</t>
  </si>
  <si>
    <t>Sulfuric acid, ammonium nickel(2+) salt</t>
  </si>
  <si>
    <t>7785-20-8</t>
  </si>
  <si>
    <t>Sulfuric acid, nickel salt, reaction products with sulfurized calcium phenolate</t>
  </si>
  <si>
    <t>72162-32-4</t>
  </si>
  <si>
    <t>Sulfuric acid, nickel(2+) salt (1:1), heptahydrate</t>
  </si>
  <si>
    <t>10101-98-1</t>
  </si>
  <si>
    <t>Sulfuric acid, nickel(2+) salt (1:1), reaction products with nickel and nickel oxide (NiO)</t>
  </si>
  <si>
    <t>68585-48-8</t>
  </si>
  <si>
    <t>Telluric acid (H2TeO3), nickel(2+) salt (1:1)</t>
  </si>
  <si>
    <t>15851-52-2</t>
  </si>
  <si>
    <t>Telluric acid (H2TeO4), nickel(2+) salt (1:1)</t>
  </si>
  <si>
    <t>15852-21-8</t>
  </si>
  <si>
    <t>Tetrahydrogen [[[(3-amino-4-sulphophenyl)amino]sulphonyl]-29H,31H-phthalocyaninetrisulphonato(6-)-N29,N30,N31,N32]nickelate(4-)</t>
  </si>
  <si>
    <t>79102-62-8</t>
  </si>
  <si>
    <t>Tetrasodium [[[(3-amino-4-sulphophenyl)amino]sulphonyl]-29H,31H-phthalocyaninetrisulphonato(6-)-N29,N30,N31,N32]nickelate(4-)</t>
  </si>
  <si>
    <t>93939-76-5</t>
  </si>
  <si>
    <t>Tetrasodium [bis[[[4-[[2-(sulphooxy)ethyl]sulphonyl]phenyl]amino]sulphonyl]-29H,31H-phthalocyaninedisulphonato(6)-N29,N30,N31,N32]nickelate(4-)</t>
  </si>
  <si>
    <t>97280-68-7</t>
  </si>
  <si>
    <t>Titanate(2-), hexafluoro-, nickel(2+), (1:1), (OC-6-11)-</t>
  </si>
  <si>
    <t>34109-80-3</t>
  </si>
  <si>
    <t>Aluminiummagnesiumnickelsiliziumoxide</t>
  </si>
  <si>
    <t>198831-12-8</t>
  </si>
  <si>
    <t>Antimony nickel titanium oxide yellow</t>
  </si>
  <si>
    <t>8007-18-9</t>
  </si>
  <si>
    <t>Iron nickel zinc oxide</t>
  </si>
  <si>
    <t>12645-50-0</t>
  </si>
  <si>
    <t>14406-71-4</t>
  </si>
  <si>
    <t>5,5-Azobis(2,4,6-pyrimidinetriol), nickel complex</t>
  </si>
  <si>
    <t>68511-62-6</t>
  </si>
  <si>
    <t xml:space="preserve">Chrome iron nickel black spinel </t>
  </si>
  <si>
    <t>71631-15-7</t>
  </si>
  <si>
    <t>Nickel niobium titanium yellow rutile</t>
  </si>
  <si>
    <t>68611-43-8</t>
  </si>
  <si>
    <t>Nickel phosphate</t>
  </si>
  <si>
    <t>14396-43-1</t>
  </si>
  <si>
    <t>Nickel sulfide</t>
  </si>
  <si>
    <t>11113-75-0</t>
  </si>
  <si>
    <t xml:space="preserve">Phosphoric acid,compounds,nickel(2+) zinc salt (2:1:2) </t>
  </si>
  <si>
    <t>90053-13-7</t>
  </si>
  <si>
    <t>Phosphoric acid,compounds,nickel(2+) zinc salt (2:1:2) tetrahydrate</t>
  </si>
  <si>
    <t>501953-51-1</t>
  </si>
  <si>
    <t xml:space="preserve">Nitrites, all members                                                                               </t>
  </si>
  <si>
    <t>Additives in engine coolants, vulcanising agents in rubber products, anticorrosion surface additive.  Reaction product precursor for potentially carcinogenic N-nitroso- compounds</t>
  </si>
  <si>
    <t>Ammonium nitrite</t>
  </si>
  <si>
    <t>13446-48-5</t>
  </si>
  <si>
    <t>Amyl nitrite</t>
  </si>
  <si>
    <t>110-46-3</t>
  </si>
  <si>
    <t>Barium nitrite hydrate</t>
  </si>
  <si>
    <t>115216-77-8</t>
  </si>
  <si>
    <t>Butyl nitrite</t>
  </si>
  <si>
    <t>544-16-1</t>
  </si>
  <si>
    <t>Calcium  nitrite</t>
  </si>
  <si>
    <t>13780-06-8</t>
  </si>
  <si>
    <t>Calcium  nitrite hydrated</t>
  </si>
  <si>
    <t>10031-34-2</t>
  </si>
  <si>
    <t>Ethyl nitrite</t>
  </si>
  <si>
    <t>109-95-5</t>
  </si>
  <si>
    <t>Isobutyl nitrite</t>
  </si>
  <si>
    <t>542-56-3</t>
  </si>
  <si>
    <t>Magnesium nitrite</t>
  </si>
  <si>
    <t>15070-34-5</t>
  </si>
  <si>
    <t xml:space="preserve">Reg. (EC) No 1907/2006 </t>
  </si>
  <si>
    <t>Potassium nitrite</t>
  </si>
  <si>
    <t>7758-09-0</t>
  </si>
  <si>
    <t>Silver nitrite</t>
  </si>
  <si>
    <t>7783-99-5</t>
  </si>
  <si>
    <t>Sodium nitrite</t>
  </si>
  <si>
    <t>7632-00-0</t>
  </si>
  <si>
    <t>tert-Butyl nitrite</t>
  </si>
  <si>
    <t>540-80-7</t>
  </si>
  <si>
    <t>Dicyclohexylammonium nitrite</t>
  </si>
  <si>
    <t>3129-91-7</t>
  </si>
  <si>
    <t>Diethyldihexadecylammonium nitrite (6CI, 7CI)</t>
  </si>
  <si>
    <t>105841-28-9</t>
  </si>
  <si>
    <t>Diisopropylammonium nitrite</t>
  </si>
  <si>
    <t>34915-40-7</t>
  </si>
  <si>
    <t>Morpholin, Nitrite (9CI)</t>
  </si>
  <si>
    <t>62076-93-1</t>
  </si>
  <si>
    <t>Pentyl nitrite</t>
  </si>
  <si>
    <t>463-04-7</t>
  </si>
  <si>
    <t>Butan-2-yl nitrite</t>
  </si>
  <si>
    <t>924-43-6</t>
  </si>
  <si>
    <t>4-Nitrobiphenyl and its salts, all members</t>
  </si>
  <si>
    <t>4-Nitrobiphenyl (4-Nitrodiphenyl)</t>
  </si>
  <si>
    <t>92-93-3</t>
  </si>
  <si>
    <t>Nitrocellulose</t>
  </si>
  <si>
    <t>9004-70-0</t>
  </si>
  <si>
    <t>Reg. (EC) No 1272/2008
Dir. 2007/23/EC</t>
  </si>
  <si>
    <t>N-Nitrosamines, selected</t>
  </si>
  <si>
    <t>Legally regulated according to German TRGS 552 limit for workplace air (value 1 µg/m3), TRGS 615 limit for volatile corrosion inhibitors and TRGS 905 classified as carcinogenic class 1. Legally regulated for corrosion inhibition in papers, plastic films and oils via limiting the corresponding sec. amines to 0.5 %.</t>
  </si>
  <si>
    <t>Polyurethane foams and corrosion inhibitors</t>
  </si>
  <si>
    <t xml:space="preserve">N-Nitroso diethanol amine </t>
  </si>
  <si>
    <t>1116-54-7</t>
  </si>
  <si>
    <t>Rubbers (including synthetic rubbers); reaction and cleavage products from the polymerization system</t>
  </si>
  <si>
    <t>N-Nitroso diethyl amine
(Ethanamine, N-ethyl-N-nitroso- )</t>
  </si>
  <si>
    <t>55-18-5</t>
  </si>
  <si>
    <t xml:space="preserve">Dimethylnitrosoamine;  N-nitrosodimethylamine
Methanamine, N-methyl-N-nitroso- </t>
  </si>
  <si>
    <t>62-75-9</t>
  </si>
  <si>
    <t>Major releases of NDMA have been from the manufacture of pesticides, rubber tires, alkylamines, and dyes.</t>
  </si>
  <si>
    <t>Intentional additon prohibited</t>
  </si>
  <si>
    <t>N-Nitroso ethyl phenyl amine</t>
  </si>
  <si>
    <t>612-64-6</t>
  </si>
  <si>
    <t>N-Nitroso methyl ethyl amine</t>
  </si>
  <si>
    <t>10595-95-6</t>
  </si>
  <si>
    <t>N-Nitroso methyl phenyl amine</t>
  </si>
  <si>
    <t>614-00-6</t>
  </si>
  <si>
    <t xml:space="preserve">N-Nitroso morpholine
Morpholine, 4-nitroso- </t>
  </si>
  <si>
    <t>59-89-2</t>
  </si>
  <si>
    <t>N-Nitroso pyrrolidine</t>
  </si>
  <si>
    <t>930-55-2</t>
  </si>
  <si>
    <t>N-Nitrosodi-i-propyl amine</t>
  </si>
  <si>
    <t>601-77-4</t>
  </si>
  <si>
    <t>N-Nitrosodi-n-butylamine
(1-Butanamine, N-butyl-N-nitroso- )</t>
  </si>
  <si>
    <t>924-16-3</t>
  </si>
  <si>
    <t>N-Nitrosodi-n-propyl amine</t>
  </si>
  <si>
    <t>621-64-7</t>
  </si>
  <si>
    <t>N-Nitrosopiperidine</t>
  </si>
  <si>
    <t>100-75-4</t>
  </si>
  <si>
    <t>Residues on metals, leather and textiles from their processing.</t>
  </si>
  <si>
    <t>4-Nonylphenol</t>
  </si>
  <si>
    <t>104-40-5</t>
  </si>
  <si>
    <t>p-Isononylphenol</t>
  </si>
  <si>
    <t>26543-97-5</t>
  </si>
  <si>
    <t>p-(1-Methyloctyl)phenol</t>
  </si>
  <si>
    <t>17404-66-9</t>
  </si>
  <si>
    <t>p-(1,1-Dimethylheptyl)phenol</t>
  </si>
  <si>
    <t>30784-30-6</t>
  </si>
  <si>
    <t>4-(1-Ethyl-1-methylhexyl)phenol</t>
  </si>
  <si>
    <t>52427-13-1</t>
  </si>
  <si>
    <t>4-(1-Ethyl-1,3-dimethylpentyl)phenol</t>
  </si>
  <si>
    <t>186825-36-5</t>
  </si>
  <si>
    <t>4-(1-Ethyl-1,4-dimethylpentyl)phenol</t>
  </si>
  <si>
    <t>142731-63-3</t>
  </si>
  <si>
    <t>Branched 4-nonylphenol</t>
  </si>
  <si>
    <t>84852-15-3</t>
  </si>
  <si>
    <t>Surfactants, leather processing</t>
  </si>
  <si>
    <t>2-(2-(4-Nonylphenoxy)ethoxy)ethanol</t>
  </si>
  <si>
    <t>20427-84-3</t>
  </si>
  <si>
    <t>20-(4-Nonylphenoxy)-3,6,9,12,15,18-hexaoxaicosan-1-ol</t>
  </si>
  <si>
    <t>27942-27-4</t>
  </si>
  <si>
    <t>4-t-Nonylphenol-diethoxylate</t>
  </si>
  <si>
    <t>156609-10-8</t>
  </si>
  <si>
    <t>14-(Nonylphenoxy)-3,6,9,12-tetraoxatetradecan-1-ol</t>
  </si>
  <si>
    <t>26264-02-8</t>
  </si>
  <si>
    <t>3,6,9,12,15,18,21,24,27-Nonaoxanonacosan-1-ol, 29-(nonylphenoxy)-</t>
  </si>
  <si>
    <t>27177-08-8</t>
  </si>
  <si>
    <t>3,6,9,12,15,18,21,24-Octaoxahexacosan-1-ol, 26-(nonylphenoxy)-</t>
  </si>
  <si>
    <t>26571-11-9</t>
  </si>
  <si>
    <t>3,6,9,12,15,18,21-Heptaoxatricosan-1-ol, 23-(nonylphenoxy)-</t>
  </si>
  <si>
    <t>27177-05-5</t>
  </si>
  <si>
    <t>Decaethylene glycol, isononylphenyl ether</t>
  </si>
  <si>
    <t>65455-72-3</t>
  </si>
  <si>
    <t>Ethanol, 2-[2-(nonylphenoxy)ethoxy]-</t>
  </si>
  <si>
    <t>27176-93-8</t>
  </si>
  <si>
    <t>Ethanol, 2-[2-[2-[2-(4-nonylphenoxy)ethoxy]ethoxy]ethoxy]-</t>
  </si>
  <si>
    <t>7311-27-5</t>
  </si>
  <si>
    <t>Ethylene oxide-Nonylphenol polymer</t>
  </si>
  <si>
    <t>9016-45-9</t>
  </si>
  <si>
    <t>Nonylphenol polyethylene glycol ether</t>
  </si>
  <si>
    <t>20636-48-0</t>
  </si>
  <si>
    <t>27177-01-1</t>
  </si>
  <si>
    <t>Poly(oxy-1,2-ethanediyl), alpha-(4-nonylphenyl)-omega-hydroxy</t>
  </si>
  <si>
    <t>27942-26-3</t>
  </si>
  <si>
    <t>Poly  (oxy-1,2-ethanediyl), alpha –(4-nonylphenyl)-omega-hydroxy -</t>
  </si>
  <si>
    <t>26027-38-3</t>
  </si>
  <si>
    <t>Poly  (oxy-1,2-ethanediyl), alpha –(nonylphenyl)-omega-hydroxy-, branched</t>
  </si>
  <si>
    <t>68412-54-4</t>
  </si>
  <si>
    <t>Poly  (oxy-1,2-ethanediyl), alpha-(4-nonylphenyl)-omega-hydroxy-, branched</t>
  </si>
  <si>
    <t>127087-87-0</t>
  </si>
  <si>
    <t>Poly(oxy-1,2-ethanediyl), .alpha.-(2-nonylphenyl)-.omega.-hydroxy-</t>
  </si>
  <si>
    <t>51938-25-1</t>
  </si>
  <si>
    <t>Poly(oxy-1,2-ethanediyl), .alpha.-(isononylphenyl)-.omega.-hydroxy-</t>
  </si>
  <si>
    <t>37205-87-1</t>
  </si>
  <si>
    <t>Ethanol, 2-(4-nonylphenoxy)-</t>
  </si>
  <si>
    <t>104-35-8</t>
  </si>
  <si>
    <t>p-Nonylphenol hexaethoxylate</t>
  </si>
  <si>
    <t>34166-38-6</t>
  </si>
  <si>
    <t>Octadecanamine</t>
  </si>
  <si>
    <t>124-30-1</t>
  </si>
  <si>
    <t>Octamethyltrisiloxane</t>
  </si>
  <si>
    <t>107-51-7</t>
  </si>
  <si>
    <t>Adhesives, sealants, Lacquers</t>
  </si>
  <si>
    <t>Ozone depleting halogenated Hydrocarbons and Carbons, all members</t>
  </si>
  <si>
    <t>Reg. (EEC) No 594/91; Reg. (EC) No 1005/2009; Montreal Protocol; US EPA Class 1 ODS</t>
  </si>
  <si>
    <t>1,1,1,2-Tetrachlor-2,2-difluoroethane</t>
  </si>
  <si>
    <t>76-11-9</t>
  </si>
  <si>
    <t>1,1,1,3,3,3-Hexachlor-2,2-difluoropropane</t>
  </si>
  <si>
    <t>3182-26-1</t>
  </si>
  <si>
    <t>1,1,1,3,3-Pentachlor-2,2,3-trifluoropropane</t>
  </si>
  <si>
    <t>2354-06-5</t>
  </si>
  <si>
    <t>1,1,1,3-Tetrachlorotetrafluoropropane</t>
  </si>
  <si>
    <t>2268-46-4</t>
  </si>
  <si>
    <t>1,1,1-Tribromo-2,2,2-trifluoroethane</t>
  </si>
  <si>
    <t>354-48-3</t>
  </si>
  <si>
    <t>1,1,1-Trichloropentafluoropropane</t>
  </si>
  <si>
    <t>4259-43-2</t>
  </si>
  <si>
    <t>1,1,2-trichloro-1,2,2-trifluoroethane</t>
  </si>
  <si>
    <t>76-13-1</t>
  </si>
  <si>
    <t>1,1-Dibromo-1,2,2,2-tetrafluoroethane</t>
  </si>
  <si>
    <t>27336-23-8</t>
  </si>
  <si>
    <t>1,1-Dibromo-2,2-difluoroethylene</t>
  </si>
  <si>
    <t>430-85-3</t>
  </si>
  <si>
    <t>1,1-Dichlor-1,2,2,2-tetrafluoroethane</t>
  </si>
  <si>
    <t>374-07-2</t>
  </si>
  <si>
    <t>1,2,2-Trichloropentafluoropropane</t>
  </si>
  <si>
    <t>1599-41-3</t>
  </si>
  <si>
    <t>1,2,3-Trichloropentafluoropropane</t>
  </si>
  <si>
    <t>76-17-5</t>
  </si>
  <si>
    <t>1,2-Dibromo-1,1,2-trichloroethane</t>
  </si>
  <si>
    <t>13749-38-7</t>
  </si>
  <si>
    <t>1,2-Dibromo-1-chloro-1,2,2-trifluoroethane</t>
  </si>
  <si>
    <t>354-51-8</t>
  </si>
  <si>
    <t>1,2-Dibromotetrachloroethane</t>
  </si>
  <si>
    <t>630-25-1</t>
  </si>
  <si>
    <t>1,2-Dichloro-1,1,2,3,3,3-hexafluoropropane</t>
  </si>
  <si>
    <t>661-97-2</t>
  </si>
  <si>
    <t>1,2-Difluorotetrachloroethane</t>
  </si>
  <si>
    <t>76-12-0</t>
  </si>
  <si>
    <t>1-Bromo-1-chloro-2,2-difluoroethylene</t>
  </si>
  <si>
    <t>758-24-7</t>
  </si>
  <si>
    <t>2-Bromo-1,1-dichloroethylene</t>
  </si>
  <si>
    <t>5870-61-1</t>
  </si>
  <si>
    <t>Bromochlorodifluoromethane</t>
  </si>
  <si>
    <t>353-59-3</t>
  </si>
  <si>
    <t>Bromodichlorofluoromethane</t>
  </si>
  <si>
    <t>353-58-2</t>
  </si>
  <si>
    <t>Bromofluoromethane</t>
  </si>
  <si>
    <t>373-52-4</t>
  </si>
  <si>
    <t>Bromopentafluoroethane</t>
  </si>
  <si>
    <t>354-55-2</t>
  </si>
  <si>
    <t>Bromotrifluoroethylene</t>
  </si>
  <si>
    <t>598-73-2</t>
  </si>
  <si>
    <t>Bromotrifluoromethane</t>
  </si>
  <si>
    <t>75-63-8</t>
  </si>
  <si>
    <t>Carbon tetrabromide</t>
  </si>
  <si>
    <t>558-13-4</t>
  </si>
  <si>
    <t>Carbon tetrachloride</t>
  </si>
  <si>
    <t>56-23-5</t>
  </si>
  <si>
    <t>Chlorobromomethane</t>
  </si>
  <si>
    <t>74-97-5</t>
  </si>
  <si>
    <t>Chlorobromotrifluoroethane</t>
  </si>
  <si>
    <t>74925-63-6</t>
  </si>
  <si>
    <t>Chlorodibromomethane</t>
  </si>
  <si>
    <t>124-48-1</t>
  </si>
  <si>
    <t>chlorotrifluoroethylene</t>
  </si>
  <si>
    <t>79-38-9</t>
  </si>
  <si>
    <t>Chlorotrifluoromethane</t>
  </si>
  <si>
    <t>75-72-9</t>
  </si>
  <si>
    <t>Cryofluorane</t>
  </si>
  <si>
    <t>76-14-2</t>
  </si>
  <si>
    <t>Dibromodichloromethane</t>
  </si>
  <si>
    <t>594-18-3</t>
  </si>
  <si>
    <t>Dibromodifluoromethane</t>
  </si>
  <si>
    <t>75-61-6</t>
  </si>
  <si>
    <t>Dibromotetrafluoroethane</t>
  </si>
  <si>
    <t>25497-30-7</t>
  </si>
  <si>
    <t xml:space="preserve">Dibromotetrafluoroethane (Halon 2402) </t>
  </si>
  <si>
    <t>124-73-2</t>
  </si>
  <si>
    <t>Dichlorodifluoromethane</t>
  </si>
  <si>
    <t>75-71-8</t>
  </si>
  <si>
    <t>dichlorotetrafluoroethane</t>
  </si>
  <si>
    <t>1320-37-2</t>
  </si>
  <si>
    <t>Ethane, 1-bromo-2-chloro-1,1,2-trifluoro-</t>
  </si>
  <si>
    <t>354-06-3</t>
  </si>
  <si>
    <t>Ethane, 2-bromo-1-chloro-1,1,2-trifluoro-</t>
  </si>
  <si>
    <t>354-20-1</t>
  </si>
  <si>
    <t>Ethane, 2-bromo-2-chloro-1,1,1-trifluoro-, (R)-</t>
  </si>
  <si>
    <t>51230-17-2</t>
  </si>
  <si>
    <t>Ethane, 2-bromo-2-chloro-1,1,1-trifluoro-, (S)-</t>
  </si>
  <si>
    <t>51230-18-3</t>
  </si>
  <si>
    <t>Ethane, tribromo-</t>
  </si>
  <si>
    <t>598-16-3</t>
  </si>
  <si>
    <t>Ethene, tetrabromo-</t>
  </si>
  <si>
    <t>79-28-7</t>
  </si>
  <si>
    <t>Heptachlorofluoropropane</t>
  </si>
  <si>
    <t>135401-87-5</t>
  </si>
  <si>
    <t>422-78-6</t>
  </si>
  <si>
    <t>Heptafluoropropyl chloride</t>
  </si>
  <si>
    <t>422-86-6</t>
  </si>
  <si>
    <t>Hexachlorodifluoropropane</t>
  </si>
  <si>
    <t>134452-44-1</t>
  </si>
  <si>
    <t>Hexachloroethane</t>
  </si>
  <si>
    <t>67-72-1</t>
  </si>
  <si>
    <t>Methane, bromotrichloro-</t>
  </si>
  <si>
    <t>75-62-7</t>
  </si>
  <si>
    <t>Methane, tribromofluoro-</t>
  </si>
  <si>
    <t>353-54-8</t>
  </si>
  <si>
    <t>Methyl bromide (Bromomethane)</t>
  </si>
  <si>
    <t>74-83-9</t>
  </si>
  <si>
    <t>Monochloropentafluoroethane</t>
  </si>
  <si>
    <t>76-15-3</t>
  </si>
  <si>
    <t>Pentabromoethane</t>
  </si>
  <si>
    <t>75-95-6</t>
  </si>
  <si>
    <t>Pentachlorofluoroethane</t>
  </si>
  <si>
    <t>354-56-3</t>
  </si>
  <si>
    <t>Pentachlorotrifluoropropane</t>
  </si>
  <si>
    <t>134237-31-3</t>
  </si>
  <si>
    <t>Tetrachlorotetrafluoropropane</t>
  </si>
  <si>
    <t>29255-31-0</t>
  </si>
  <si>
    <t>Tribromochloromethane</t>
  </si>
  <si>
    <t>594-15-0</t>
  </si>
  <si>
    <t>Trichlorofluoromethane</t>
  </si>
  <si>
    <t>75-69-4</t>
  </si>
  <si>
    <t>Trichlorotrifluoroethane</t>
  </si>
  <si>
    <t>26523-64-8</t>
  </si>
  <si>
    <t>354-58-5</t>
  </si>
  <si>
    <t>Pentachlorobenzene</t>
  </si>
  <si>
    <t>608-93-5</t>
  </si>
  <si>
    <t>Pentachlorophenol (PCP) and its salts and esters, all members</t>
  </si>
  <si>
    <t>Reg. (EC) No 1272/2008
Reg. (EC) No 552/2009
Japan Chemical Substance Control Law [Class I]</t>
  </si>
  <si>
    <t>Wood preservative, salts used in leather treatment, stabilizer for latex</t>
  </si>
  <si>
    <t xml:space="preserve">5ppm                                                                                                                       </t>
  </si>
  <si>
    <t>Pentachlorophenol</t>
  </si>
  <si>
    <t>87-86-5</t>
  </si>
  <si>
    <t>Potassium pentachlorophenate
(Phenol, 2,3,4,5,6-pentachloro-, potassium salt (1:1))</t>
  </si>
  <si>
    <t>7778-73-6</t>
  </si>
  <si>
    <t xml:space="preserve">Sodium Pentachlorophenate
Phenol, 2,3,4,5,6-pentachloro-, sodium salt (1:1) </t>
  </si>
  <si>
    <t>Zinc bis(pentachlorophenolate)</t>
  </si>
  <si>
    <t>2917-32-0</t>
  </si>
  <si>
    <t>Perchlorates, all members</t>
  </si>
  <si>
    <t xml:space="preserve">California Assembly Bill No. 826 - Perchlorate Contamination Prevention Act; implemented July 1, 2006. http://www.dtsc.ca.gov/HazardousWaste/Perchlorate/ </t>
  </si>
  <si>
    <t xml:space="preserve">Ammonium perchlorate   </t>
  </si>
  <si>
    <t>Barium perchlorate</t>
  </si>
  <si>
    <t>Lithium Perchlorate</t>
  </si>
  <si>
    <t>7791-03-9</t>
  </si>
  <si>
    <t>Magnesium Perchlorate</t>
  </si>
  <si>
    <t>10034-81-8</t>
  </si>
  <si>
    <t>Perchloric acid, cobalt (2+) salt</t>
  </si>
  <si>
    <t>Potassium Perchlorate</t>
  </si>
  <si>
    <t>7778-74-7</t>
  </si>
  <si>
    <t>Sodium Perchlorate</t>
  </si>
  <si>
    <t>7601-89-0</t>
  </si>
  <si>
    <t>Thallium(3+) perchlorate</t>
  </si>
  <si>
    <t>15596-83-5</t>
  </si>
  <si>
    <t>Perfluorooctane sulfonates C8F17SO2X (X = OH, Metal salt, halide, amide, and other derivatives including polymers) (PFOS), all members</t>
  </si>
  <si>
    <t>Surface coatings, Surfactants, Ingredient in the textile protective treatment. May not be placed on the market or used as a substance or
constituent of preparations or  in products or parts.</t>
  </si>
  <si>
    <t>Perfluoroctane sulfonate acid</t>
  </si>
  <si>
    <t>1763-23-1</t>
  </si>
  <si>
    <t>Japan Chemical Substances Control Law [Class I]</t>
  </si>
  <si>
    <t>Perfluoroctane sulfonate anion</t>
  </si>
  <si>
    <t>45298-90-6</t>
  </si>
  <si>
    <t>Perfluoro-1-octanesulfonyl fluoride</t>
  </si>
  <si>
    <t>307-35-7</t>
  </si>
  <si>
    <t>2-Propenoic acid, 2-methyl-, dodecyl ester, polymers with 2-[methyl[(perfluoro-C4-8-alkyl)- sulfonyl]amino]ethyl acrylate and vinylidene chloride</t>
  </si>
  <si>
    <t>306975-62-2</t>
  </si>
  <si>
    <t>Glycine, N-ethyl-N-[(heptadecafluorooctyl)sulfonyl]-, potassium salt</t>
  </si>
  <si>
    <t>2991-51-7</t>
  </si>
  <si>
    <t>Perfluorooctane sulfonate potasium salt</t>
  </si>
  <si>
    <t>2795-39-3</t>
  </si>
  <si>
    <t>Perfluorooctane sulfonate ammonium salt</t>
  </si>
  <si>
    <t>29081-56-9</t>
  </si>
  <si>
    <t>Perfluorooctane sulfonate lithium salt</t>
  </si>
  <si>
    <t>29457-72-5</t>
  </si>
  <si>
    <t>Tetraethylammoniumheptadecafluoroctansulfonate</t>
  </si>
  <si>
    <t>56773-42-3</t>
  </si>
  <si>
    <t>PFNA, Perfluorononan-1-oic-acid and its sodium and ammonium salts</t>
  </si>
  <si>
    <t>Substance group was added to REACH Candidate List in December 2015 --&gt; immediate duty for reporting
Reg. (EC) No 1907/2006 (REACH Candidate List)</t>
  </si>
  <si>
    <t xml:space="preserve">Ammonium salts of perfluorononan-1-oic-acid 
</t>
  </si>
  <si>
    <t>4149-60-4</t>
  </si>
  <si>
    <t xml:space="preserve">Perfluorononan-1-oic-acid
</t>
  </si>
  <si>
    <t>375-95-1</t>
  </si>
  <si>
    <t xml:space="preserve">Sodium salts of perfluorononan-1-oic-acid </t>
  </si>
  <si>
    <t>21049-39-8</t>
  </si>
  <si>
    <t xml:space="preserve">PFOA, Perfluorooctanoic acids C8F15O2H, its salts, esters, higher homologues and precursors, all members </t>
  </si>
  <si>
    <t>Fluoropolymers are used to make automotive components, including fuel hoses, gaskets, wire insulations, bearings. PFOA is used as a polymerization aid and it is not expected to be present at greater than trace levels in the components made from fluoropolymers</t>
  </si>
  <si>
    <t xml:space="preserve">Ammonium salt of PFOA </t>
  </si>
  <si>
    <t>Ethylperfluorooctanoate</t>
  </si>
  <si>
    <t>3108-24-5</t>
  </si>
  <si>
    <t>Methylperfluorooctanoate</t>
  </si>
  <si>
    <t>376-27-2</t>
  </si>
  <si>
    <t>Pentadecafluorooctyl fluoride</t>
  </si>
  <si>
    <t>335-66-0</t>
  </si>
  <si>
    <t xml:space="preserve">Potassium salt of PFOA </t>
  </si>
  <si>
    <t>2395-00-8</t>
  </si>
  <si>
    <t xml:space="preserve">Silver salt of PFOA </t>
  </si>
  <si>
    <t>335-93-3</t>
  </si>
  <si>
    <t xml:space="preserve">Sodium salt of PFOA </t>
  </si>
  <si>
    <t>335-95-5</t>
  </si>
  <si>
    <t xml:space="preserve">PFOA - perfluorooctanoic acid </t>
  </si>
  <si>
    <t>Phenol</t>
  </si>
  <si>
    <t>108-95-2</t>
  </si>
  <si>
    <t>Residual monomer in phenolic resins, epoxy resins, anti-oxidant in phenol derivatives, decomposition product in polymeric materials, wooden materials and textiles</t>
  </si>
  <si>
    <t>Phenol, 2,4-bis(1,1-dimethylethyl)-</t>
  </si>
  <si>
    <t>96-76-4</t>
  </si>
  <si>
    <t>Phenol, 2,6-bis(1,1-dimethylethyl)-</t>
  </si>
  <si>
    <t>128-39-2</t>
  </si>
  <si>
    <t>Phenol, 2-(2H-benzotriazol-2-yl)-4,6-bis(1,1-dimethlethyl)- (UV 320)</t>
  </si>
  <si>
    <t>UV Stabilizer in plastics for trim parts, etc.</t>
  </si>
  <si>
    <t>Phenol, 2-(2H-Benzotriazol-2-yl)-4,6-bis(1-methyl-1-phenylethyl)- (UV-234)</t>
  </si>
  <si>
    <t>70321-86-7</t>
  </si>
  <si>
    <t>ABS, thermoplastics, duromers, dashboard, bumper,</t>
  </si>
  <si>
    <t>Phenol, 2-(2H-benzotriazol-2-yl)-4-(1,1,3,3-tetramethylbutyl)- (UV 329)</t>
  </si>
  <si>
    <t>3147-75-9</t>
  </si>
  <si>
    <t>Included in list of substances under REACH PACT assessment.
Included in list of substances under assessment in phase 3 of Canadian Chemical Management Plan (CMP3) (2016-2020).</t>
  </si>
  <si>
    <t>UV stabilizer for Polycarbonate, PMMA, molding, light lenses, lining</t>
  </si>
  <si>
    <t>Phenol, 2-(2H-benzotriazol-2-yl)-4-(1,1-dimethylethyl)-6-(1-methylpropyl)-  (UV 350)</t>
  </si>
  <si>
    <t xml:space="preserve"> Reg. (EC) No 1907/2006 (REACH Candidate List)</t>
  </si>
  <si>
    <t>UV-protection agents in coatings, plastics, rubber</t>
  </si>
  <si>
    <t>Phenol, 2-(5-chloro-2H-benzotriazol-2-yl)-4,6-bis(1,1'-dimethylethyl)- (UV 327)</t>
  </si>
  <si>
    <t xml:space="preserve">UV absorber used in moldings, doorside and roof etc.         </t>
  </si>
  <si>
    <t>Phenol, 4-methyl-, reaction products with dicyclopentadiene and isobutylene</t>
  </si>
  <si>
    <t>68610-51-5</t>
  </si>
  <si>
    <t>rubber, adhesives, sealants, elastomers, duromers</t>
  </si>
  <si>
    <t>Phenol, 4,4',4''-(1-methyl-1-propanyl-3-ylidene)tris[2-(1,1-dimethylethyl)-5-methyl-</t>
  </si>
  <si>
    <t>1843-03-4</t>
  </si>
  <si>
    <t>Phenol, 4,4'-methylenebis[2,6-bis(1,1-dimethylethyl)-</t>
  </si>
  <si>
    <t>118-82-1</t>
  </si>
  <si>
    <t>Phenol, styrenated</t>
  </si>
  <si>
    <t>61788-44-1</t>
  </si>
  <si>
    <t>Elastomers / elastomeric compounds, Adhesives, sealants</t>
  </si>
  <si>
    <t>Phenol, 4-(1,1,3,3-tetramethylbutyl)-</t>
  </si>
  <si>
    <t>Phenol, 2-(1-methylpropyl)-4,6-dinitro-</t>
  </si>
  <si>
    <t>Phenol, 2,4,6-tris(1,1-dimethylethyl)-</t>
  </si>
  <si>
    <t>732-26-3</t>
  </si>
  <si>
    <t>Petrochemical products</t>
  </si>
  <si>
    <t>Phenylendiamines and its salts, selected</t>
  </si>
  <si>
    <t>Reg. (EC) No 1272/2008
Reg. (EC) No 552/2009</t>
  </si>
  <si>
    <t>Dyes, chemical intermediate, Petrochemical additive</t>
  </si>
  <si>
    <t>2,6-Dichloro-p-phenylenediamine</t>
  </si>
  <si>
    <t>609-20-1</t>
  </si>
  <si>
    <t>2-Ethoxy-N4,N4-diethyl-p-phenylenediamine</t>
  </si>
  <si>
    <t>2359-46-8</t>
  </si>
  <si>
    <t>2-Methoxy-5-methyl-p-phenylenediamine</t>
  </si>
  <si>
    <t>5307-00-6</t>
  </si>
  <si>
    <t>2-Nitro-p-phenylenediamine</t>
  </si>
  <si>
    <t>5307-14-2</t>
  </si>
  <si>
    <t>4-Chloro-o-phenylenediamine</t>
  </si>
  <si>
    <t>95-83-0</t>
  </si>
  <si>
    <t>Dimethyl-p-phenylenediamine</t>
  </si>
  <si>
    <t>99-98-9</t>
  </si>
  <si>
    <t>m-phenylenediamine</t>
  </si>
  <si>
    <t>108-45-2</t>
  </si>
  <si>
    <t>m-phenylenediamine dihydrochloride</t>
  </si>
  <si>
    <t>541-69-5</t>
  </si>
  <si>
    <t>N,N'-Diphenyl-p-phenylenediamine</t>
  </si>
  <si>
    <t>74-31-7</t>
  </si>
  <si>
    <t>o-Phenylenediamine</t>
  </si>
  <si>
    <t>95-54-5</t>
  </si>
  <si>
    <t>o-phenylenediamine dihydrochloride</t>
  </si>
  <si>
    <t>615-28-1</t>
  </si>
  <si>
    <t>Phenylenediamines</t>
  </si>
  <si>
    <t>25265-76-3</t>
  </si>
  <si>
    <t>p-Phenylenediamine</t>
  </si>
  <si>
    <t>106-50-3</t>
  </si>
  <si>
    <t>p-Phenylenediamine dihydrochloride</t>
  </si>
  <si>
    <t>624-18-0</t>
  </si>
  <si>
    <t>p-Phenylenediamine hydrochloride</t>
  </si>
  <si>
    <t>55972-71-9</t>
  </si>
  <si>
    <t>Phosphoric acid, bis[(1,1-dimethylethyl)phenyl] phenyl ester</t>
  </si>
  <si>
    <t>65652-41-7</t>
  </si>
  <si>
    <t>Phosphoric acid,(1,1-dimethylethyl)phenyl diphenyl ester</t>
  </si>
  <si>
    <t>56803-37-3</t>
  </si>
  <si>
    <t>78-30-8</t>
  </si>
  <si>
    <t>Reg. (EC) No 1272/2008, toxic and dangerous for the environment</t>
  </si>
  <si>
    <t>component in lubricants for hydraulics, engines, gears, pumps</t>
  </si>
  <si>
    <t xml:space="preserve">Phosphorodithioic acid, mixed O,O-bis(1,3-dimethylbutyl and iso-propyl) esters, zinc salts </t>
  </si>
  <si>
    <t>84605-29-8</t>
  </si>
  <si>
    <t>Phosphorodithioic acid,mixed O,O-bis(2-ethylhexyl and iso-butyl and iso-propyl) esters, zinc salts</t>
  </si>
  <si>
    <t>85940-28-9</t>
  </si>
  <si>
    <t>Phosphorodithioic acid,mixed O,O-bis(iso-butyl and pentyl) esters, zinc salts</t>
  </si>
  <si>
    <t>68457-79-4</t>
  </si>
  <si>
    <t>Phosphorodithioic acid, mixed O,O-bis(sec-butyl and isooctyl) esters, zinc salts</t>
  </si>
  <si>
    <t>113706-15-3</t>
  </si>
  <si>
    <t xml:space="preserve">Phosphorodithioic acid, O,O-di-C1-14-alkyl esters, zinc salts </t>
  </si>
  <si>
    <t>68649-42-3</t>
  </si>
  <si>
    <t>Phthalates, selected</t>
  </si>
  <si>
    <t>selected, see list below</t>
  </si>
  <si>
    <t>REACH Authorisation Sunset Date (selected, see list below)</t>
  </si>
  <si>
    <t>Plasticizer</t>
  </si>
  <si>
    <t xml:space="preserve"> (1,2-Benzenedicarboxylic acid, diheptyl ester, branched and linear)</t>
  </si>
  <si>
    <t>68515-44-6</t>
  </si>
  <si>
    <t xml:space="preserve"> (1,2-Benzenedicarboxylic acid, dinonyl ester, branched and linear) </t>
  </si>
  <si>
    <t>68515-45-7</t>
  </si>
  <si>
    <t xml:space="preserve"> (1,2-Benzenedicarboxylic acid, diundecyl ester)</t>
  </si>
  <si>
    <t>3648-20-2</t>
  </si>
  <si>
    <t>Canadian Chemical Challenge, Batch 8.  Fits category C7 to C11 esters</t>
  </si>
  <si>
    <t xml:space="preserve"> (1,2-Benzenedicarboxylic acid, heptyl nonyl ester, branched and linear)</t>
  </si>
  <si>
    <t>111381-89-6</t>
  </si>
  <si>
    <t xml:space="preserve"> (1,2-Benzenedicarboxylic acid, heptyl undecyl ester, branched and linear) </t>
  </si>
  <si>
    <t>111381-90-9</t>
  </si>
  <si>
    <t xml:space="preserve"> (1,2-Benzenedicarboxylic acid, nonyl undecyl ester, branched and linear)</t>
  </si>
  <si>
    <t>111381-91-0</t>
  </si>
  <si>
    <t>1,2-Benzenedicarboxylic acid; di-C6-8-branched alkylesters, C7-rich</t>
  </si>
  <si>
    <t>1,2-benzenedicarboxylic acid, di-C6-10-alkyl esters</t>
  </si>
  <si>
    <t>68515-51-5</t>
  </si>
  <si>
    <t xml:space="preserve">1,2-benzenedicarboxylic acid, mixed decyl and hexyl and octyl diesters with ≥ 0.3% of dihexyl phthalate </t>
  </si>
  <si>
    <t>68648-93-1</t>
  </si>
  <si>
    <t>Benzyl butyl phthalate (BBP)
(1,2-Benzenedicarboxylic acid, 1-butyl 2-(phenylmethyl) ester)</t>
  </si>
  <si>
    <t>Bis(2-methoxyethyl) phthalate
(1,2-Benzenedicarboxylic acid, 1,2-bis(2-methoxyethyl) ester)</t>
  </si>
  <si>
    <t>Di(2-ethylhexyl)phthalate (DEHP)
(1,2-Benzenedicarboxylic acid, 1,2-bis(2-ethylhexyl) ester)</t>
  </si>
  <si>
    <t xml:space="preserve">Dibutylphthalate  (DBP) 
(1,2-Benzenedicarboxylic acid, 1,2-dibutyl ester) </t>
  </si>
  <si>
    <t>Diisobutylphthatlate (DiBP)
(1,2-Benzenedicarboxylic acid, 1,2-bis(2-methylpropyl) ester )</t>
  </si>
  <si>
    <t>Reg. (EC) No 790/2009  Reg. (EC) No 1907/2006 (REACH Annex XIV)</t>
  </si>
  <si>
    <t>Diisopentylphthalate  (DIPP)
(1,2- Benzenedicarboxylicacid, 1,2-bis(3-methylbutyl) ester)</t>
  </si>
  <si>
    <t>Dipentylphthalate
(1,2-Benzenedicarboxylic acid, 1,2-dipentyl ester)</t>
  </si>
  <si>
    <t>Heptyl undecyl phthalate
(1,2-Benzenedicarboxylic acid di-C7-11-branched and linear alkyl-esters)</t>
  </si>
  <si>
    <t>Di-isononyl phthalate</t>
  </si>
  <si>
    <t>28553-12-0</t>
  </si>
  <si>
    <t xml:space="preserve">US EPA Chemical Action Plan. http://www.epa.gov/oppt/existingchemicals/pubs/actionplans/phthalates.html </t>
  </si>
  <si>
    <t>additive in plastics, wheel assy, switch assy, seat assy, wiring harness, door assy, IP, cables, seat assy, fuel line assy, etc.</t>
  </si>
  <si>
    <t>Di-isodecyl phthalate</t>
  </si>
  <si>
    <t>26761-40-0</t>
  </si>
  <si>
    <t>Di-n-octylphthalate</t>
  </si>
  <si>
    <t>117-84-0</t>
  </si>
  <si>
    <t xml:space="preserve">Di-(C9-rich branched C8-C10­alkyl) phthalate </t>
  </si>
  <si>
    <t>68515-48-0</t>
  </si>
  <si>
    <t>85-44-9</t>
  </si>
  <si>
    <t>Piperidine, 1,1'-(tetrathiodicarbonothioyl)bis-</t>
  </si>
  <si>
    <t>120-54-7</t>
  </si>
  <si>
    <t>Polyamine Curing Agents, selected</t>
  </si>
  <si>
    <t>Not currently regulated but releasable hexamines are relevant to vehicle interior air quality</t>
  </si>
  <si>
    <t>bis-Hexamethylenetriamine</t>
  </si>
  <si>
    <t>143-23-7</t>
  </si>
  <si>
    <t>Resin systems used in interior applications (resin impregnated felts, sound insulators and other parts).  The affected resin systems include phenol-formaldehyde (the more important) and urea-formaldehyde.</t>
  </si>
  <si>
    <t>Triethyleneglycoldiamine</t>
  </si>
  <si>
    <t>929-59-9</t>
  </si>
  <si>
    <t>Poly(propyleneglycol)triamine</t>
  </si>
  <si>
    <t>64852-22-8</t>
  </si>
  <si>
    <t>Poly(propyleneglycol)diamine</t>
  </si>
  <si>
    <t>9046-10-0</t>
  </si>
  <si>
    <t>Pentaethylenehexamine</t>
  </si>
  <si>
    <t>4067-16-7</t>
  </si>
  <si>
    <t>Hexamethylenetetramine</t>
  </si>
  <si>
    <t>100-97-0</t>
  </si>
  <si>
    <t>Polybrominated biphenyls (PBB), all members</t>
  </si>
  <si>
    <t>Reg. (EC) No 552/2009
GB/T 30512 (ELV China)</t>
  </si>
  <si>
    <t>1,1'-Biphenyl, 2,2',3,4',5'-pentabromo-</t>
  </si>
  <si>
    <t>73141-48-7</t>
  </si>
  <si>
    <t>1,1'-Biphenyl, 2,2',3,4,6-pentabromo-</t>
  </si>
  <si>
    <t>77910-04-4</t>
  </si>
  <si>
    <t>1,1'-Biphenyl, 2,2',3,5',6-pentabromo-</t>
  </si>
  <si>
    <t>88700-05-4</t>
  </si>
  <si>
    <t>1,1'-Biphenyl, 2,2',4,4',5-pentabromo-</t>
  </si>
  <si>
    <t>81397-99-1</t>
  </si>
  <si>
    <t>1,1'-Biphenyl, 2,2',4,4',6-pentabromo-</t>
  </si>
  <si>
    <t>97038-97-6</t>
  </si>
  <si>
    <t>1,1'-Biphenyl, 2,2',4,4'-tetrabromo-</t>
  </si>
  <si>
    <t>66115-57-9</t>
  </si>
  <si>
    <t xml:space="preserve">1,1'-Biphenyl, 2,2',4,4',5,5'-hexabromo- </t>
  </si>
  <si>
    <t>59080-40-9</t>
  </si>
  <si>
    <t>1,1'-Biphenyl, 2,2',4,5,5'-pentabromo-</t>
  </si>
  <si>
    <t>67888-96-4</t>
  </si>
  <si>
    <t>1,1'-Biphenyl, 2,2',4,5',6-pentabromo-</t>
  </si>
  <si>
    <t>59080-39-6</t>
  </si>
  <si>
    <t>1,1'-Biphenyl, 2,2',4,5,6'-pentabromo-</t>
  </si>
  <si>
    <t>80274-92-6</t>
  </si>
  <si>
    <t>1,1'-Biphenyl, 2,2',4,5'-tetrabromo-</t>
  </si>
  <si>
    <t>60044-24-8</t>
  </si>
  <si>
    <t>1,1'-Biphenyl, 2,2',4,6,6'-pentabromo-</t>
  </si>
  <si>
    <t>97063-75-7</t>
  </si>
  <si>
    <t>1,1'-Biphenyl, 2,2',4,6'-tetrabromo-</t>
  </si>
  <si>
    <t>97038-95-4</t>
  </si>
  <si>
    <t>1,1'-Biphenyl, 2,2',5,5'-tetrabromo-</t>
  </si>
  <si>
    <t>59080-37-4</t>
  </si>
  <si>
    <t>1,1'-Biphenyl, 2,2',5,6'-tetrabromo-</t>
  </si>
  <si>
    <t>60044-25-9</t>
  </si>
  <si>
    <t>1,1'-Biphenyl, 2,2',5-tribromo-</t>
  </si>
  <si>
    <t>59080-34-1</t>
  </si>
  <si>
    <t>1,1'-Biphenyl, 2,2',6,6'-tetrabromo-</t>
  </si>
  <si>
    <t>97038-96-5</t>
  </si>
  <si>
    <t>1,1'-Biphenyl, 2,2'-dibromo-</t>
  </si>
  <si>
    <t>13029-09-9</t>
  </si>
  <si>
    <t>1,1'-Biphenyl, 2,3,4,4',5-pentabromo-</t>
  </si>
  <si>
    <t>96551-70-1</t>
  </si>
  <si>
    <t>1,1'-Biphenyl, 2',3,4,4',5-pentabromo-</t>
  </si>
  <si>
    <t>74114-77-5</t>
  </si>
  <si>
    <t>1,1'-Biphenyl, 2,3',4,4'-tetrabromo-</t>
  </si>
  <si>
    <t>84303-45-7</t>
  </si>
  <si>
    <t>1,1'-Biphenyl, 2,3,4,5,6-pentabromo-</t>
  </si>
  <si>
    <t>38421-62-4</t>
  </si>
  <si>
    <t>1,1'-Biphenyl, 2,3',4',5-tetrabromo-</t>
  </si>
  <si>
    <t>59080-38-5</t>
  </si>
  <si>
    <t>1,1'-Biphenyl, 2,3',5-tribromo-</t>
  </si>
  <si>
    <t>59080-35-2</t>
  </si>
  <si>
    <t>1,1'-Biphenyl, 2,3'-dibromo-</t>
  </si>
  <si>
    <t>49602-90-6</t>
  </si>
  <si>
    <t>1,1'-Biphenyl, 2,3,3',4'-tetrabromo-</t>
  </si>
  <si>
    <t>40088-45-7</t>
  </si>
  <si>
    <t>1,1'-Biphenyl, 2,4,4',6-tetrabromo-</t>
  </si>
  <si>
    <t>64258-02-2</t>
  </si>
  <si>
    <t>1,1'-Biphenyl, 2,4',5-tribromo-</t>
  </si>
  <si>
    <t>59080-36-3</t>
  </si>
  <si>
    <t>1,1'-Biphenyl, 2,4,6-tribromo-</t>
  </si>
  <si>
    <t>59080-33-0</t>
  </si>
  <si>
    <t>1,1'-Biphenyl, 2,4',6-tribromo-</t>
  </si>
  <si>
    <t>64258-03-3</t>
  </si>
  <si>
    <t>1,1'-Biphenyl, 2,4'-dibromo-</t>
  </si>
  <si>
    <t>49602-91-7</t>
  </si>
  <si>
    <t>1,1'-Biphenyl, 2,4-dibromo-</t>
  </si>
  <si>
    <t>53592-10-2</t>
  </si>
  <si>
    <t>1,1'-Biphenyl, 2,5-dibromo-</t>
  </si>
  <si>
    <t>57422-77-2</t>
  </si>
  <si>
    <t>1,1'-Biphenyl, 2,6-dibromo-</t>
  </si>
  <si>
    <t>59080-32-9</t>
  </si>
  <si>
    <t>1,1'-Biphenyl, 3,3',4,4'-tetrabromo-</t>
  </si>
  <si>
    <t>77102-82-0</t>
  </si>
  <si>
    <t>1,1'-Biphenyl, 3,3',4,5'-tetrabromo-</t>
  </si>
  <si>
    <t>97038-98-7</t>
  </si>
  <si>
    <t>1,1'-Biphenyl, 3,3',5,5'-tetrabromo-</t>
  </si>
  <si>
    <t>16400-50-3</t>
  </si>
  <si>
    <t>1,1'-Biphenyl, 3,3'-dibromo-</t>
  </si>
  <si>
    <t>16400-51-4</t>
  </si>
  <si>
    <t>1,1'-Biphenyl, 3,4,4',5-tetrabromo-</t>
  </si>
  <si>
    <t>59589-92-3</t>
  </si>
  <si>
    <t>1,1'-Biphenyl, 3,4'-dibromo-</t>
  </si>
  <si>
    <t>57186-90-0</t>
  </si>
  <si>
    <t>1,1'-Biphenyl, 3,4-dibromo-</t>
  </si>
  <si>
    <t>60108-72-7</t>
  </si>
  <si>
    <t>1,1'-Biphenyl, 4,4'-dibromo-</t>
  </si>
  <si>
    <t>92-86-4</t>
  </si>
  <si>
    <t>Decabromobiphenyl</t>
  </si>
  <si>
    <t>13654-09-6</t>
  </si>
  <si>
    <t>Firemaster BP-6</t>
  </si>
  <si>
    <t>59536-65-1</t>
  </si>
  <si>
    <t>Firemaster FF-1</t>
  </si>
  <si>
    <t>67774-32-7</t>
  </si>
  <si>
    <t>Hexabromobiphenyl</t>
  </si>
  <si>
    <t>36355-01-8</t>
  </si>
  <si>
    <t>Octabromobiphenyl</t>
  </si>
  <si>
    <t>27858-07-7</t>
  </si>
  <si>
    <t>Bromkal 80</t>
  </si>
  <si>
    <t>61288-13-9</t>
  </si>
  <si>
    <t>Polybrominated diphenyl ethers (PBDE),all members</t>
  </si>
  <si>
    <t>Decabromodiphenyl ether ('Deca'; Decabromodiphenyl oxide)
(Benzene, 1,1'-oxybis[2,3,4,5,6-pentabromo- )</t>
  </si>
  <si>
    <t>Dibromodiphenyl ether</t>
  </si>
  <si>
    <t>2050-47-7</t>
  </si>
  <si>
    <t>Monobromodiphenyl ether</t>
  </si>
  <si>
    <t>101-55-3</t>
  </si>
  <si>
    <t>Nonabromodiphenyl ether</t>
  </si>
  <si>
    <t>63936-56-1</t>
  </si>
  <si>
    <t>Octabromodiphenyl ether ('Octa')
(Benzene, 1,1'-oxybis-, octabromo deriv. )</t>
  </si>
  <si>
    <t>32536-52-0</t>
  </si>
  <si>
    <t>Flame retardants in polymers, textiles etc.</t>
  </si>
  <si>
    <t>Pentabromodiphenyl ether ('Penta')
(Benzene, 1,1'-oxybis-, pentabromo deriv. )</t>
  </si>
  <si>
    <t>32534-81-9</t>
  </si>
  <si>
    <t>Hexabromodiphenyl ether</t>
  </si>
  <si>
    <t>36483-60-0</t>
  </si>
  <si>
    <t>Heptabromodiphenyl ether</t>
  </si>
  <si>
    <t>68928-80-3</t>
  </si>
  <si>
    <t>Tetrabromodiphenyl ether</t>
  </si>
  <si>
    <t>40088-47-9</t>
  </si>
  <si>
    <t>Tribromodiphenyl ether</t>
  </si>
  <si>
    <t>49690-94-0</t>
  </si>
  <si>
    <t>Polybrominated terphenyls ( PBT ), all members</t>
  </si>
  <si>
    <t>Flame retardants in plastics and textiles.</t>
  </si>
  <si>
    <t xml:space="preserve">Dodecabromoterphenyl </t>
  </si>
  <si>
    <t>79596-31-9</t>
  </si>
  <si>
    <t xml:space="preserve">Undecabromoterphenyl </t>
  </si>
  <si>
    <t>83929-80-0</t>
  </si>
  <si>
    <t>4-Bromo-p-terphenyl
(1,1':4',1''-Terphenyl, 4-bromo-)</t>
  </si>
  <si>
    <t>1762-84-1</t>
  </si>
  <si>
    <t>2''-Bromo-[1,1';4',1'']terphenyl</t>
  </si>
  <si>
    <t>3282-24-4</t>
  </si>
  <si>
    <t xml:space="preserve">2"-Bromo-[1,1';2',1"]terphenyl </t>
  </si>
  <si>
    <t>75295-57-7</t>
  </si>
  <si>
    <t xml:space="preserve">4,4'-Dibromo-p-terphenyl </t>
  </si>
  <si>
    <t>17788-94-2</t>
  </si>
  <si>
    <t xml:space="preserve">3-bromo-p-terphenyl </t>
  </si>
  <si>
    <t>1762-87-4</t>
  </si>
  <si>
    <t>Polychlorinated biphenyls ( PCB ), all members</t>
  </si>
  <si>
    <t>Insulation fluid in electrical systems, switch boards transformers and condensers, in wood and paper impregnation, as a softening agent</t>
  </si>
  <si>
    <t>1,1'-Biphenyl, 2,4',5-trichloro-</t>
  </si>
  <si>
    <t>16606-02-3</t>
  </si>
  <si>
    <t>2,2',4,4'-Tetrachlorobiphenyl</t>
  </si>
  <si>
    <t>2437-79-8</t>
  </si>
  <si>
    <t>2,3',4,4',5,5'-HEXACHLOROBIPHENYL</t>
  </si>
  <si>
    <t>52663-72-6</t>
  </si>
  <si>
    <t>2,4,5,2',4',5'-Hexachlorobiphenyl</t>
  </si>
  <si>
    <t>35065-27-1</t>
  </si>
  <si>
    <t>3,3',4,4'-TETRACHLOROBIPHENYL</t>
  </si>
  <si>
    <t>32598-13-3</t>
  </si>
  <si>
    <t>3,4,5,3',4',5'-Hexachlorobiphenyl</t>
  </si>
  <si>
    <t>32774-16-6</t>
  </si>
  <si>
    <t>Aroclor 1016</t>
  </si>
  <si>
    <t>12674-11-2</t>
  </si>
  <si>
    <t>Aroclor 1221</t>
  </si>
  <si>
    <t>11104-28-2</t>
  </si>
  <si>
    <t>Aroclor 1232</t>
  </si>
  <si>
    <t>11141-16-5</t>
  </si>
  <si>
    <t>Aroclor 1242</t>
  </si>
  <si>
    <t>53469-21-9</t>
  </si>
  <si>
    <t>Aroclor 1248</t>
  </si>
  <si>
    <t>12672-29-6</t>
  </si>
  <si>
    <t>AROCLOR 1254</t>
  </si>
  <si>
    <t>11097-69-1</t>
  </si>
  <si>
    <t>Aroclor 1260</t>
  </si>
  <si>
    <t>11096-82-5</t>
  </si>
  <si>
    <t>Heptachloro-1,1'-biphenyl</t>
  </si>
  <si>
    <t>28655-71-2</t>
  </si>
  <si>
    <t>Nonachloro-1,1'-biphenyl</t>
  </si>
  <si>
    <t>53742-07-7</t>
  </si>
  <si>
    <t>pentachloro[1,1'-biphenyl]</t>
  </si>
  <si>
    <t>25429-29-2</t>
  </si>
  <si>
    <t>Polychlorinated biphenyls</t>
  </si>
  <si>
    <t>1336-36-3</t>
  </si>
  <si>
    <t>Tetrachloro(tetrachlorophenyl)benzene</t>
  </si>
  <si>
    <t>31472-83-0</t>
  </si>
  <si>
    <t>Polychlorinated naphthalenes, all members</t>
  </si>
  <si>
    <t xml:space="preserve">Canadian Prohibition of Certain Toxic Substances Regulations, 2012 amended to prohibit the use, manufacture, import, sale and offer for sale any PCN effective January 1, 2013.
Japan Chemical Substance Control Law [Class I] </t>
  </si>
  <si>
    <t>switch boards transformers and condensers, in wood and paper impregnation, as a softening agent</t>
  </si>
  <si>
    <t>Report any intentionally added content</t>
  </si>
  <si>
    <t>Naphthalene, chloro derivatives</t>
  </si>
  <si>
    <t>70776-03-3</t>
  </si>
  <si>
    <t>Petrochemical additive</t>
  </si>
  <si>
    <t xml:space="preserve">Naphthalene, trichloro- </t>
  </si>
  <si>
    <t>1321-65-9</t>
  </si>
  <si>
    <t>Pentachloronaphthalene</t>
  </si>
  <si>
    <t>1321-64-8</t>
  </si>
  <si>
    <t xml:space="preserve">Polychlorinated terphenyls ( PCT ), all members  </t>
  </si>
  <si>
    <t>Terphenyl, chlorinated</t>
  </si>
  <si>
    <t>61788-33-8</t>
  </si>
  <si>
    <t xml:space="preserve">Benz[a]anthracene </t>
  </si>
  <si>
    <t>56-55-3</t>
  </si>
  <si>
    <t>Benz[e]acephenanthrylene</t>
  </si>
  <si>
    <t>205-99-2</t>
  </si>
  <si>
    <t xml:space="preserve">Benzo[a]pyrene   </t>
  </si>
  <si>
    <t>Benzo[e]pyrene</t>
  </si>
  <si>
    <t>192-97-2</t>
  </si>
  <si>
    <t xml:space="preserve">Benzo[j]fluoranthene  </t>
  </si>
  <si>
    <t>205-82-3</t>
  </si>
  <si>
    <t xml:space="preserve">Benzo[k]fluoranthene   </t>
  </si>
  <si>
    <t>207-08-9</t>
  </si>
  <si>
    <t xml:space="preserve">Chrysene    </t>
  </si>
  <si>
    <t>218-01-9</t>
  </si>
  <si>
    <t>Dibenz[a,h]anthracene</t>
  </si>
  <si>
    <t>53-70-3</t>
  </si>
  <si>
    <t>Naphthalene</t>
  </si>
  <si>
    <t>91-20-3</t>
  </si>
  <si>
    <t>1,3-Propanesultone</t>
  </si>
  <si>
    <t>Electrolite fluid in Lithium batteries</t>
  </si>
  <si>
    <t>2-Propanone, reaction products with diphenylamine (PREPOD)</t>
  </si>
  <si>
    <t>68412-48-6</t>
  </si>
  <si>
    <t>October 15, 2011 the Canadian government declared PREPOD as Toxic.  They are proposing to ban the use of this substance.</t>
  </si>
  <si>
    <t xml:space="preserve">additive in rubber parts, paint additive, plasticizer </t>
  </si>
  <si>
    <t>any intentionally addied content</t>
  </si>
  <si>
    <t>Pyrrolidones, selected</t>
  </si>
  <si>
    <t>1-Methylpyrrolidin-2-one
(2-Pyrrolidinone, 1-methyl ) (NMP)</t>
  </si>
  <si>
    <t>Solvent for paint and found in leather and ink</t>
  </si>
  <si>
    <t>N-Ethyl-2-pyrrolidone (NEP)</t>
  </si>
  <si>
    <t>2687-91-4</t>
  </si>
  <si>
    <t>http://echa.europa.eu/documents/10162/13626/opinion_for_nep_adopted_final_en.pdf</t>
  </si>
  <si>
    <t xml:space="preserve">Quaternary ammonium compounds, benzyl-C12-16-alkyldimethyl, chlorides; Alkyl (C12-16) dimethylbenzyl ammonium chloride; C12-16-ADBAC; </t>
  </si>
  <si>
    <t>Quaternary ammonium compounds, benzyl(hydrogenated tallow alkyl)dimethyl, chlorides, compds. with bentonite</t>
  </si>
  <si>
    <t>71011-24-0</t>
  </si>
  <si>
    <t>Quaternary ammonium compounds, benzyl(hydrogenated tallow alkyl)dimethyl, chlorides, compds. with hectorite</t>
  </si>
  <si>
    <t>71011-26-2</t>
  </si>
  <si>
    <t>Quaternary ammonium compounds, bis(hydrogenated tallow alkyl)dimethyl, chlorides;</t>
  </si>
  <si>
    <t>Quaternary ammonium compounds, bis(hydrogenated tallow alkyl)dimethyl, salts with bentonite</t>
  </si>
  <si>
    <t>68953-58-2</t>
  </si>
  <si>
    <t>Resin acids and Rosin acids, calcium salts</t>
  </si>
  <si>
    <t>9007-13-0</t>
  </si>
  <si>
    <t>Resin acids and Rosin acids, sodium salts</t>
  </si>
  <si>
    <t>61790-51-0</t>
  </si>
  <si>
    <t>Resin acids and Rosin acids, hydrogenated, esters with pentaerythritol</t>
  </si>
  <si>
    <t>64365-17-9</t>
  </si>
  <si>
    <t>adhesive, sealant, elastormers, solder flux, textiles, thermoplastics</t>
  </si>
  <si>
    <t>Resin acids and Rosin acids, hydrogenated, esters with glycerol</t>
  </si>
  <si>
    <t>65997-13-9</t>
  </si>
  <si>
    <t>adhesives, copper alloys, elastomers, electronics, modified organic natural materials, rayon</t>
  </si>
  <si>
    <t>Resin acids and Rosin acids, hydrogenated, methyl esters</t>
  </si>
  <si>
    <t>8050-15-5</t>
  </si>
  <si>
    <t>Radioactive substances (including scrap metal contaminants), all members</t>
  </si>
  <si>
    <t>2013/59/EURATOM</t>
  </si>
  <si>
    <t xml:space="preserve">High intensity discharge lamps </t>
  </si>
  <si>
    <t>Above background radiation</t>
  </si>
  <si>
    <t>Plutonium</t>
  </si>
  <si>
    <t>7440-07-5</t>
  </si>
  <si>
    <t>Radium</t>
  </si>
  <si>
    <t>7440-14-4</t>
  </si>
  <si>
    <t>Thorium</t>
  </si>
  <si>
    <t>7440-29-1</t>
  </si>
  <si>
    <t>Thorium Dioxide</t>
  </si>
  <si>
    <t>1314-20-1</t>
  </si>
  <si>
    <t xml:space="preserve">Uranium </t>
  </si>
  <si>
    <t>7440-61-1</t>
  </si>
  <si>
    <t>Selenium and its compounds, all members</t>
  </si>
  <si>
    <t>Japan Waste Management and Public Cleansing Law</t>
  </si>
  <si>
    <t xml:space="preserve">Photorelectronic device, Glass colorant and decolorant, Free-cutting steel, Semiconductor  </t>
  </si>
  <si>
    <t>Barium selenite</t>
  </si>
  <si>
    <t>13718-59-7</t>
  </si>
  <si>
    <t>Bis(ethylselenyl)diiron tetranitrosyl (6CI)</t>
  </si>
  <si>
    <t>15025-89-5</t>
  </si>
  <si>
    <t>C.I. Pigment Orange 20 (Cadmium sulfoselenide orange)</t>
  </si>
  <si>
    <t xml:space="preserve">Cadmium selenide sulfide (Cd(Se,S)) </t>
  </si>
  <si>
    <t>Dimethylselenide</t>
  </si>
  <si>
    <t>593-79-3</t>
  </si>
  <si>
    <t>Hydrogen selenide</t>
  </si>
  <si>
    <t>7783-07-5</t>
  </si>
  <si>
    <t>Iron selenide</t>
  </si>
  <si>
    <t>1310-32-3</t>
  </si>
  <si>
    <t xml:space="preserve"> Nickel selenide</t>
  </si>
  <si>
    <t>Selenic acid</t>
  </si>
  <si>
    <t>7783-08-6</t>
  </si>
  <si>
    <t>Selenious acid</t>
  </si>
  <si>
    <t>7783-00-8</t>
  </si>
  <si>
    <t>Selenium</t>
  </si>
  <si>
    <t>7782-49-2</t>
  </si>
  <si>
    <t>Selenium dioxide</t>
  </si>
  <si>
    <t>7446-08-4</t>
  </si>
  <si>
    <t>Selenium hexafluoride</t>
  </si>
  <si>
    <t>7783-79-1</t>
  </si>
  <si>
    <t>Selenium oxide</t>
  </si>
  <si>
    <t>12640-89-0</t>
  </si>
  <si>
    <t>Selenium sulfide</t>
  </si>
  <si>
    <t>7446-34-6</t>
  </si>
  <si>
    <t>Sodium-selenite</t>
  </si>
  <si>
    <t>10102-18-8</t>
  </si>
  <si>
    <t>Thallium selenide (Tl2Se)</t>
  </si>
  <si>
    <t>15572-25-5</t>
  </si>
  <si>
    <t>Thallium(I) selenide</t>
  </si>
  <si>
    <t>12039-52-0</t>
  </si>
  <si>
    <t>Zinc selenide</t>
  </si>
  <si>
    <t>1315-09-9</t>
  </si>
  <si>
    <t>Silica, crystalline</t>
  </si>
  <si>
    <t>14808-60-7</t>
  </si>
  <si>
    <t>IARC Group 1 Carcinogen, US National Toxicology Program Probable Human carcinogen</t>
  </si>
  <si>
    <t>Friction applications only</t>
  </si>
  <si>
    <t>any intentionally added content</t>
  </si>
  <si>
    <t>Sodium azide</t>
  </si>
  <si>
    <t>26628-22-8</t>
  </si>
  <si>
    <t>Styrene ( Vinyl benzene )</t>
  </si>
  <si>
    <t>100-42-5</t>
  </si>
  <si>
    <t>EU Risk Assessment</t>
  </si>
  <si>
    <t xml:space="preserve">Residual monomer in ABS-, Polystyrene-, SMC-, UPE-resin  </t>
  </si>
  <si>
    <t>Styrene oxide (Epoxy styrene)</t>
  </si>
  <si>
    <t>96-09-3</t>
  </si>
  <si>
    <t xml:space="preserve">Residual monomer </t>
  </si>
  <si>
    <t>Sulfonic acids, C10-18-alkane, phenyl esters</t>
  </si>
  <si>
    <t>70775-94-9</t>
  </si>
  <si>
    <t>Sulfonic acids, petroleum, calcium salts, overbased</t>
  </si>
  <si>
    <t>68783-96-0</t>
  </si>
  <si>
    <t>Sulfonic acids, petroleum, barium salts</t>
  </si>
  <si>
    <t>61790-48-5</t>
  </si>
  <si>
    <t>Sulfonic acids, petroleum, calcium salts</t>
  </si>
  <si>
    <t>61789-86-4</t>
  </si>
  <si>
    <t xml:space="preserve">Sulfonic acids, petroleum, magnesium salts </t>
  </si>
  <si>
    <t>61789-87-5</t>
  </si>
  <si>
    <t>Sulfonic acids, petroleum, sodium salts</t>
  </si>
  <si>
    <t>68608-26-4</t>
  </si>
  <si>
    <t>Sulfur hexafluoride</t>
  </si>
  <si>
    <t>2551-62-4</t>
  </si>
  <si>
    <t>EC No. 842/2006</t>
  </si>
  <si>
    <t>Vehicle applications (e.g. tire inflator systems)</t>
  </si>
  <si>
    <t>Tall Oil</t>
  </si>
  <si>
    <t>8002-26-4</t>
  </si>
  <si>
    <t>Tall oil pitch</t>
  </si>
  <si>
    <t>8016-81-7</t>
  </si>
  <si>
    <t>Tetrabromobisphenol A   (TBBPA)</t>
  </si>
  <si>
    <t>79-94-7</t>
  </si>
  <si>
    <t>EU risk assessment</t>
  </si>
  <si>
    <t>Tetrachlorobenzene, all members</t>
  </si>
  <si>
    <t xml:space="preserve">1,2,3,4-tetrachlorobenzene </t>
  </si>
  <si>
    <t>634-66-2</t>
  </si>
  <si>
    <t>1,2,3,5-Tetrachlorobenzene
(Benzene, 1,2,3,5-tetrachloro- )</t>
  </si>
  <si>
    <t>634-90-2</t>
  </si>
  <si>
    <t xml:space="preserve">Benzene, tetrachloro- </t>
  </si>
  <si>
    <t>12408-10-5</t>
  </si>
  <si>
    <t>1,2,4,5- tetrachlorobenzene</t>
  </si>
  <si>
    <t>95-94-3</t>
  </si>
  <si>
    <t>75-73-0</t>
  </si>
  <si>
    <t>Reg. (EC) No. 842/2006</t>
  </si>
  <si>
    <t>pressure accumulator</t>
  </si>
  <si>
    <t xml:space="preserve">Thallium </t>
  </si>
  <si>
    <t>7440-28-0</t>
  </si>
  <si>
    <t>Toluene</t>
  </si>
  <si>
    <t>108-88-3</t>
  </si>
  <si>
    <t>Reg. (EC) No 1272/2008, Toxic for reproduction-Category 3. Possible risk of harm to the unborn child.
Reg. (EC) No 552/2009</t>
  </si>
  <si>
    <t xml:space="preserve">Residues in adhesives and paints.  </t>
  </si>
  <si>
    <t>o-Toluidine generating substances, selected</t>
  </si>
  <si>
    <t>1,2-Di-o-tolylguanidine, DOTG</t>
  </si>
  <si>
    <t>97-39-2</t>
  </si>
  <si>
    <t>Accelerator in vulcanization processes. Found in many different automobile parts like tubes, o-rings and other kind of rubber parts. Used in natural and synthetic rubber, SBR and Chloroprene rubber.</t>
  </si>
  <si>
    <t>2,4,6-Triallyloxy-1,3,5-triazine</t>
  </si>
  <si>
    <t>101-37-1</t>
  </si>
  <si>
    <t>elastomers, thermoplastic elastomers, polarizer, primer</t>
  </si>
  <si>
    <t>Trichlorophenol and its salts, all members</t>
  </si>
  <si>
    <t>Biocide (e.g. preservative for leather and textiles)</t>
  </si>
  <si>
    <t>2,4,5 -Trichlorophenol</t>
  </si>
  <si>
    <t>95-95-4</t>
  </si>
  <si>
    <t>2,4,6 -Trichlorophenol</t>
  </si>
  <si>
    <t>88-06-2</t>
  </si>
  <si>
    <t>Trichloropropane 
( 1,2,3 - Trichloropropane )</t>
  </si>
  <si>
    <t>As solvent and as trifunctional cross-linking agent e.g. for polysulphide elastomers</t>
  </si>
  <si>
    <t>Trimethylphosphate</t>
  </si>
  <si>
    <t>512-56-1</t>
  </si>
  <si>
    <t>Triorganotin compounds, all members</t>
  </si>
  <si>
    <t>Reg. (EC) No 552/2009, Reg. (EC) No 1272/2008, Reg. (EC) No 1907/2006 (REACH)
Japan Chemical Substances Control Law [Class I].  
Canadian Prohibition of Certain Toxic Substances Regulations, 2012 amended to prohibit the use, manufacture, import, sale and offer for sale of any TBT effective January 1, 2013 except TBTs with the grouping (C4H9)4Sn which are permitted up to a max concentration of 30% (w/w).</t>
  </si>
  <si>
    <t>Biocides</t>
  </si>
  <si>
    <t>(2-BIPHENYLOXY)TRIBUTYLTIN</t>
  </si>
  <si>
    <t>3644-37-9</t>
  </si>
  <si>
    <t>(Chloroacetoxy)triphenylstannane</t>
  </si>
  <si>
    <t>7094-94-2</t>
  </si>
  <si>
    <t>[1R-(1.alpha.,4a.beta.,4b.alpha.,10a.alpha.)]-Tributyl[[[1,2,3,4,4a,4b,5,6,10,10a-decahydro-7-isopropyl-1,4a-dimethyl-1-phenanthryl]carbonyl]oxy]stannane</t>
  </si>
  <si>
    <t>26239-64-5</t>
  </si>
  <si>
    <t>1,3,5-TRIS(TRIBUTYLTIN)-S-TRIAZINE-2,4,6-TRIONE</t>
  </si>
  <si>
    <t>752-58-9</t>
  </si>
  <si>
    <t>2-BUTENOIC ACID, 4-OXO-4-[ (TRIBUTYLSTANNYL)OXY]-</t>
  </si>
  <si>
    <t>4027-18-3</t>
  </si>
  <si>
    <t>BIS(TRIBUTYLTIN) ITACONATE</t>
  </si>
  <si>
    <t>25711-26-6</t>
  </si>
  <si>
    <t>Bis(tributyltin)oxide</t>
  </si>
  <si>
    <t>Reg. (EC) No 1907/2006 (REACH Candidate List)
Japan Chemical Substances Control Law [Class I]</t>
  </si>
  <si>
    <t>Bis(tris(2-methyl-2-phenylpropyl)tin) oxide</t>
  </si>
  <si>
    <t>13356-08-6</t>
  </si>
  <si>
    <t>Bis(tributyltin) maleate</t>
  </si>
  <si>
    <t>14275-57-1</t>
  </si>
  <si>
    <t>Bis(tributyltin)phthalate</t>
  </si>
  <si>
    <t>4782-29-0</t>
  </si>
  <si>
    <t>Bis(tributylstannyl)Fumarate</t>
  </si>
  <si>
    <t>6454-35-9</t>
  </si>
  <si>
    <t>Bromotrimethylstannane</t>
  </si>
  <si>
    <t>1066-44-0</t>
  </si>
  <si>
    <t>P-NITROPHENOXYTRIBUTYLTIN</t>
  </si>
  <si>
    <t>3644-32-4</t>
  </si>
  <si>
    <t>Stannane, acetoxytriphenyl-</t>
  </si>
  <si>
    <t>900-95-8</t>
  </si>
  <si>
    <t>Stannane, bromotriethyl-</t>
  </si>
  <si>
    <t>2767-54-6</t>
  </si>
  <si>
    <t>Stannane, fluorotriphenyl-</t>
  </si>
  <si>
    <t>379-52-2</t>
  </si>
  <si>
    <t>Stannane, tributylfluoro-</t>
  </si>
  <si>
    <t>1983-10-4</t>
  </si>
  <si>
    <t>Tributyl(lauroyloxy)stannane</t>
  </si>
  <si>
    <t>3090-36-6</t>
  </si>
  <si>
    <t>Tributyl(neodecanoyloxy)stannane</t>
  </si>
  <si>
    <t>28801-69-6</t>
  </si>
  <si>
    <t>Tributyl(oleoyloxy)stannane</t>
  </si>
  <si>
    <t>3090-35-5</t>
  </si>
  <si>
    <t>Tributyltin</t>
  </si>
  <si>
    <t>56573-85-4</t>
  </si>
  <si>
    <t>Tributyltin (and salts and esters)</t>
  </si>
  <si>
    <t>688-73-3</t>
  </si>
  <si>
    <t>Tributyltin .alpha.-(2,4,5-trichlorophenoxy) propionate</t>
  </si>
  <si>
    <t>73940-89-3</t>
  </si>
  <si>
    <t>Tributyltin .beta.-iodopropionate</t>
  </si>
  <si>
    <t>73927-95-4</t>
  </si>
  <si>
    <t>TRIBUTYLTIN 2-ETHYLHEXANOATE</t>
  </si>
  <si>
    <t>5035-67-6</t>
  </si>
  <si>
    <t>Tributyltin acetate</t>
  </si>
  <si>
    <t>56-36-0</t>
  </si>
  <si>
    <t>Tributyltin Acrylate</t>
  </si>
  <si>
    <t>13331-52-7</t>
  </si>
  <si>
    <t>Tributyltin benzoate</t>
  </si>
  <si>
    <t>4342-36-3</t>
  </si>
  <si>
    <t>Tributyltin bromide</t>
  </si>
  <si>
    <t>1461-23-0</t>
  </si>
  <si>
    <t>Tributyltin chloride</t>
  </si>
  <si>
    <t>1461-22-9</t>
  </si>
  <si>
    <t>TRIBUTYLTIN CHLOROACETATE</t>
  </si>
  <si>
    <t>5847-52-9</t>
  </si>
  <si>
    <t>Tributyltin cinnamate</t>
  </si>
  <si>
    <t>27147-18-8</t>
  </si>
  <si>
    <t>TRIBUTYLTIN CYANATE</t>
  </si>
  <si>
    <t>4027-17-2</t>
  </si>
  <si>
    <t>TRIBUTYLTIN CYANIDE</t>
  </si>
  <si>
    <t>2179-92-2</t>
  </si>
  <si>
    <t>Tributyltin dimethyldithiocarbamate</t>
  </si>
  <si>
    <t>20369-63-5</t>
  </si>
  <si>
    <t>TRIBUTYLTIN GAMMA-CHLOROBUTYRATE</t>
  </si>
  <si>
    <t>33550-22-0</t>
  </si>
  <si>
    <t>Tributyltin hydroxide</t>
  </si>
  <si>
    <t>1067-97-6</t>
  </si>
  <si>
    <t>Tributyltin iodide</t>
  </si>
  <si>
    <t>7342-47-4</t>
  </si>
  <si>
    <t>Tributyltin iodoacetate</t>
  </si>
  <si>
    <t>73927-91-0</t>
  </si>
  <si>
    <t>Tributyltin isooctylthioacetate</t>
  </si>
  <si>
    <t>73927-97-6</t>
  </si>
  <si>
    <t>TRIBUTYLTIN ISOPROPYLSUCCINATE</t>
  </si>
  <si>
    <t>53404-82-3</t>
  </si>
  <si>
    <t>Tributyltin isothiocyanate</t>
  </si>
  <si>
    <t>681-99-2</t>
  </si>
  <si>
    <t>Tributyltin linoleate</t>
  </si>
  <si>
    <t>24124-25-2</t>
  </si>
  <si>
    <t>Tributyltin methacrylate</t>
  </si>
  <si>
    <t>2155-70-6</t>
  </si>
  <si>
    <t>TRIBUTYLTIN METHANESULPHONATE</t>
  </si>
  <si>
    <t>13302-06-2</t>
  </si>
  <si>
    <t>Tributyltin methoxide</t>
  </si>
  <si>
    <t>1067-52-3</t>
  </si>
  <si>
    <t>Tributyltin monopropylene glycol maleate</t>
  </si>
  <si>
    <t>53466-85-6</t>
  </si>
  <si>
    <t>TRIBUTYLTIN NAPHTHENATE</t>
  </si>
  <si>
    <t>36631-23-9</t>
  </si>
  <si>
    <t>Tributyltin naphthenate</t>
  </si>
  <si>
    <t>Tributyltin nonanoate</t>
  </si>
  <si>
    <t>4027-14-9</t>
  </si>
  <si>
    <t>TRIBUTYLTIN O-IODOBENZOATE</t>
  </si>
  <si>
    <t>73927-93-2</t>
  </si>
  <si>
    <t>TRIBUTYLTIN P-IODOBEMZOATE</t>
  </si>
  <si>
    <t>73940-88-2</t>
  </si>
  <si>
    <t>Tributyltin sulfamate</t>
  </si>
  <si>
    <t>6517-25-5</t>
  </si>
  <si>
    <t>TRIBUTYLTIN UNDECYLENATE</t>
  </si>
  <si>
    <t>69226-47-7</t>
  </si>
  <si>
    <t>1-(Tricyclohexylstannyl)-1H-1,2,4-triazole</t>
  </si>
  <si>
    <t>41083-11-8</t>
  </si>
  <si>
    <t>Triethyltin acetate</t>
  </si>
  <si>
    <t>1907-13-7</t>
  </si>
  <si>
    <t>Triethyltin chloride</t>
  </si>
  <si>
    <t>994-31-0</t>
  </si>
  <si>
    <t>Triethyltin hydroxide</t>
  </si>
  <si>
    <t>994-32-1</t>
  </si>
  <si>
    <t>Triethyltin iodide</t>
  </si>
  <si>
    <t>2943-86-4</t>
  </si>
  <si>
    <t>Triethyltin phenoxide</t>
  </si>
  <si>
    <t>1529-30-2</t>
  </si>
  <si>
    <t>Trimethyltin acetate</t>
  </si>
  <si>
    <t>1118-14-5</t>
  </si>
  <si>
    <t>Trimethyltin azide</t>
  </si>
  <si>
    <t>1118-03-2</t>
  </si>
  <si>
    <t>Trimethyltin chloride</t>
  </si>
  <si>
    <t>1066-45-1</t>
  </si>
  <si>
    <t>Trimethyltin hydroxide</t>
  </si>
  <si>
    <t>56-24-6</t>
  </si>
  <si>
    <t>Trimethyltin iodide</t>
  </si>
  <si>
    <t>811-73-4</t>
  </si>
  <si>
    <t>Trimethyltin sulphate</t>
  </si>
  <si>
    <t>63869-87-4</t>
  </si>
  <si>
    <t>Trimethyltin thiocyanate</t>
  </si>
  <si>
    <t>4638-25-9</t>
  </si>
  <si>
    <t>Tri-n-butyl tin salicylate</t>
  </si>
  <si>
    <t>4342-30-7</t>
  </si>
  <si>
    <t>Triphenylstannyl decanoate</t>
  </si>
  <si>
    <t>47672-31-1</t>
  </si>
  <si>
    <t>Triphenyl tin chloride</t>
  </si>
  <si>
    <t>639-58-7</t>
  </si>
  <si>
    <t>Triphenyltin dimethyldithiocarbamate</t>
  </si>
  <si>
    <t>1803-12-9</t>
  </si>
  <si>
    <t>Triphenyltin hydride</t>
  </si>
  <si>
    <t>892-20-6</t>
  </si>
  <si>
    <t>Triphenyltin hydroxide</t>
  </si>
  <si>
    <t>76-87-9</t>
  </si>
  <si>
    <t>Triphenyltin iodide</t>
  </si>
  <si>
    <t>894-09-7</t>
  </si>
  <si>
    <t>Tripropyltin acetate</t>
  </si>
  <si>
    <t>3267-78-5</t>
  </si>
  <si>
    <t>Tripropyltin bromide</t>
  </si>
  <si>
    <t>2767-61-5</t>
  </si>
  <si>
    <t>Tripropyltin chloride</t>
  </si>
  <si>
    <t>2279-76-7</t>
  </si>
  <si>
    <t>Tripropyltin iodide</t>
  </si>
  <si>
    <t>7342-45-2</t>
  </si>
  <si>
    <t>Tripropyltin iodoacetate</t>
  </si>
  <si>
    <t>73927-92-1</t>
  </si>
  <si>
    <t>Tripropyltin laurate</t>
  </si>
  <si>
    <t>57808-37-4</t>
  </si>
  <si>
    <t>Tripropyltin methacrylate</t>
  </si>
  <si>
    <t>4154-35-2</t>
  </si>
  <si>
    <t>Tricyclohexyl Tin Compounds</t>
  </si>
  <si>
    <t>EU Index Number 050-012-00-5</t>
  </si>
  <si>
    <t>Triethyl Tin Compounds</t>
  </si>
  <si>
    <t>EU Index Number 050-006-00-2</t>
  </si>
  <si>
    <t>Trihexyl Tin Compounds</t>
  </si>
  <si>
    <t>EU Index Number 050-010-00-4</t>
  </si>
  <si>
    <t>Trimethyl Tin Compounds</t>
  </si>
  <si>
    <t>EU Index Number 050-005-00-7</t>
  </si>
  <si>
    <t>Trioctyl Tin Compounds</t>
  </si>
  <si>
    <t>EU Index Number 050-013-00-0</t>
  </si>
  <si>
    <t>Tripentyl Tin Compounds</t>
  </si>
  <si>
    <t>EU Index Number 050-009-00-9</t>
  </si>
  <si>
    <t>Triphenyl Tin Compounds</t>
  </si>
  <si>
    <t>EU Index Number 050-011-00-X</t>
  </si>
  <si>
    <t>Tripropyl Tin Compounds</t>
  </si>
  <si>
    <t>EU Index Number 050-007-00-8</t>
  </si>
  <si>
    <t>Triphenylphosphate</t>
  </si>
  <si>
    <t>115-86-6</t>
  </si>
  <si>
    <t>Flame retardant under review</t>
  </si>
  <si>
    <t xml:space="preserve">Flame retardant </t>
  </si>
  <si>
    <t>Tris(1,3-dichloro-2-propyl)phosphate</t>
  </si>
  <si>
    <t>13674-87-8</t>
  </si>
  <si>
    <t xml:space="preserve">US California Prop 65 notify/labelling will be required, but not eliminated at this time http://oehha.ca.gov/prop65/background/p65plain.html, 
</t>
  </si>
  <si>
    <t>Tris-(1-aziridinyl) phosphine oxide</t>
  </si>
  <si>
    <t>545-55-1</t>
  </si>
  <si>
    <t>Tris(2,3-dibromopropyl)phosphate (TRIS)</t>
  </si>
  <si>
    <t>126-72-7</t>
  </si>
  <si>
    <t>Tris(2-chloroethyl)phosphate</t>
  </si>
  <si>
    <t>Reg. (EC) No 1272/2008 Reg. (EC) No 1907/2006 (REACH Annex XIV)</t>
  </si>
  <si>
    <t>3319-31-1</t>
  </si>
  <si>
    <t>Elastomers / elastomeric compounds, unfilled Thermoplastics, Plastics (in polymeric compounds), Textiles (in polymeric compounds)</t>
  </si>
  <si>
    <t>Tris(methylphenyl) phosphate</t>
  </si>
  <si>
    <t>1330-78-5</t>
  </si>
  <si>
    <t>Adhesives, sealants; Lubricants; Unfilled Thermoplastics; Elastomers / elastomeric compounds</t>
  </si>
  <si>
    <t>Tris(nonylphenyl) phosphite (TNPP)</t>
  </si>
  <si>
    <t>26523-78-4</t>
  </si>
  <si>
    <t>Adhesives, sealants; Elastomers / elastomeric compounds</t>
  </si>
  <si>
    <t>flame retardant in polymer systems, phosphatizing  agent, oil additive</t>
  </si>
  <si>
    <t>4259-15-8</t>
  </si>
  <si>
    <t xml:space="preserve">grease, lubricant, Elastomers / elastomeric compounds </t>
  </si>
  <si>
    <t>ID</t>
  </si>
  <si>
    <t>SubstanceGroup</t>
  </si>
  <si>
    <t>SpecificSubstance</t>
  </si>
  <si>
    <t>CASnumber</t>
  </si>
  <si>
    <t>CommonSynonyms</t>
  </si>
  <si>
    <t>TypicalApplications</t>
  </si>
  <si>
    <t>Basis</t>
  </si>
  <si>
    <t>BasisDescription</t>
  </si>
  <si>
    <t>ReportableApplications</t>
  </si>
  <si>
    <t>ReportingThreshold</t>
  </si>
  <si>
    <t>ReportingLevel</t>
  </si>
  <si>
    <t>ReportingRequirement</t>
  </si>
  <si>
    <t>FirstAdded</t>
  </si>
  <si>
    <t>LastRevised</t>
  </si>
  <si>
    <t>Comments</t>
  </si>
  <si>
    <t>00001</t>
  </si>
  <si>
    <t>Diarsenic pentoxide</t>
  </si>
  <si>
    <t>Additive in wood, metal, glass and plastics</t>
  </si>
  <si>
    <t>Criteria 1: Currently Regulated</t>
  </si>
  <si>
    <t>All</t>
  </si>
  <si>
    <t>0.1 mass% of article</t>
  </si>
  <si>
    <t>Article</t>
  </si>
  <si>
    <t>Mandatory</t>
  </si>
  <si>
    <t>2010-04-02</t>
  </si>
  <si>
    <t>2016-03-28</t>
  </si>
  <si>
    <t>00002</t>
  </si>
  <si>
    <t>00003</t>
  </si>
  <si>
    <t>See Reference Substance worksheet for more details</t>
  </si>
  <si>
    <t>Insulator, filler, pigment, paint, talc</t>
  </si>
  <si>
    <t>Intentionally added</t>
  </si>
  <si>
    <t>Product</t>
  </si>
  <si>
    <t>00004</t>
  </si>
  <si>
    <t>Pigment, dyes, colorants</t>
  </si>
  <si>
    <t>Textiles and Leather</t>
  </si>
  <si>
    <t>0.003% by weight of the finished textile/leather product</t>
  </si>
  <si>
    <t>Material</t>
  </si>
  <si>
    <t>00005</t>
  </si>
  <si>
    <t>Beryllium Oxide</t>
  </si>
  <si>
    <t>Ceramics</t>
  </si>
  <si>
    <t>Criteria 3: For Information Only</t>
  </si>
  <si>
    <t>0.1 mass%</t>
  </si>
  <si>
    <t>Optional</t>
  </si>
  <si>
    <t>D11.00: ReportingLevel added.</t>
  </si>
  <si>
    <t>00007</t>
  </si>
  <si>
    <t>In wood veneers/ pressed wooden panels as starch additive, flame retardant and stabilizer in aminoplastic resin, wood preservative, as flame retardant in wood, cotton and other plant derived material</t>
  </si>
  <si>
    <t>2011-10-14</t>
  </si>
  <si>
    <t>00008</t>
  </si>
  <si>
    <t>Brominated flame retardants (other than PBBs, PBDEs, or HBCDD)</t>
  </si>
  <si>
    <t>Flame retardant in printed wiring board laminate</t>
  </si>
  <si>
    <t>Printed wiring board laminate</t>
  </si>
  <si>
    <t>0.09 mass% total bromine content in laminate</t>
  </si>
  <si>
    <t>00009</t>
  </si>
  <si>
    <t>Flame retardant for housing, connectors, package molding sealing</t>
  </si>
  <si>
    <t>Plastic materials except printed wiring board laminates</t>
  </si>
  <si>
    <t>0.1 mass% of bromine in plastic materials</t>
  </si>
  <si>
    <t>00010</t>
  </si>
  <si>
    <t>Cadmium/Cadmium compounds</t>
  </si>
  <si>
    <t>Pigments, anti-corrosion surface treatments, optical glass, heat stabilizers, plating, fluorescent materials, electrodes, low melting solders, electric contacts, zinc plating, photoelectric applications, phosphor coatings, bearing alloys</t>
  </si>
  <si>
    <t>All, except batteries</t>
  </si>
  <si>
    <t>0.01 mass% of total Cd in homogenous material</t>
  </si>
  <si>
    <t>00011</t>
  </si>
  <si>
    <t>Relay contact; photodiode voltaic cell, Ni/Cd battery</t>
  </si>
  <si>
    <t>Batteries</t>
  </si>
  <si>
    <t>0.001% by weight of battery</t>
  </si>
  <si>
    <t>Product Part</t>
  </si>
  <si>
    <t>00012</t>
  </si>
  <si>
    <t>Chromium (VI) Compounds</t>
  </si>
  <si>
    <t>Pigment, paint, ink, catalyst, plating, anticorrosion surface treatment, dye, paint dryer, surface treatment</t>
  </si>
  <si>
    <t>0.1 mass% of total Cr+6 in homogenous material</t>
  </si>
  <si>
    <t>00013</t>
  </si>
  <si>
    <t>Pneumatic panels to indicate water contamination</t>
  </si>
  <si>
    <t>00014</t>
  </si>
  <si>
    <t>Dibutyltin (DBT) compounds</t>
  </si>
  <si>
    <t>DBT</t>
  </si>
  <si>
    <t>Stabilizer for PVC, curing catalyst for silicone resin and urethane resin</t>
  </si>
  <si>
    <t>0.1 mass% of tin in the part</t>
  </si>
  <si>
    <t>00015</t>
  </si>
  <si>
    <t>Dioctyltin (DOT) compounds</t>
  </si>
  <si>
    <t>DOT</t>
  </si>
  <si>
    <t>00016</t>
  </si>
  <si>
    <t>Biocide, mold prevention treatment of electronic leather seats,  including recliners, massage chairs</t>
  </si>
  <si>
    <t>0.00001 mass%  of the part</t>
  </si>
  <si>
    <t>00017</t>
  </si>
  <si>
    <t>00018</t>
  </si>
  <si>
    <t>Fluorinated Greenhouse Gases (PFC, SF6, HFC)</t>
  </si>
  <si>
    <t>Refrigerants, blowing agents, extinguishing agents, cleaning agents, insulating media, caustic gas</t>
  </si>
  <si>
    <t>Intentionally Added</t>
  </si>
  <si>
    <t>00019</t>
  </si>
  <si>
    <t>Textiles</t>
  </si>
  <si>
    <t>0.0075 mass % of textile</t>
  </si>
  <si>
    <t>00020</t>
  </si>
  <si>
    <t>Flame retardant; mainly used for expanded polystyrene and some types of fiber</t>
  </si>
  <si>
    <t>Intentionally added or 0.1 mass% of article</t>
  </si>
  <si>
    <t>00021</t>
  </si>
  <si>
    <t>Lead/Lead Compounds</t>
  </si>
  <si>
    <t>Rubber hardener, pigment, paint, lubricant, plastic stabilizer, materials for battery, free-machining alloy, free-cutting steels, optical materials, X-ray shielding in CRT glass, electrical solder material, mechanical solder materials, curing agent, vulcanizing agent, ferroelectrics, resin stabilizer, plating, metal alloy, resin additives</t>
  </si>
  <si>
    <t>0.1 mass% of total Pb in homogenous material</t>
  </si>
  <si>
    <t>2017-01-12</t>
  </si>
  <si>
    <t>00022</t>
  </si>
  <si>
    <t>Pigment, paint, stabilizer, colorant</t>
  </si>
  <si>
    <t>Consumer products designed or intended primarily for children 12 years of age or younger</t>
  </si>
  <si>
    <t>0.01 mass%</t>
  </si>
  <si>
    <t>00023</t>
  </si>
  <si>
    <t>Paint and similar surface coatings of toys and other articles intended for use by children</t>
  </si>
  <si>
    <t>0.009 mass% of surface coating material</t>
  </si>
  <si>
    <t>00024</t>
  </si>
  <si>
    <t>Cables/cords</t>
  </si>
  <si>
    <t>Cables/cords with thermoset or thermoplastic coatings</t>
  </si>
  <si>
    <t>0.03 mass% of surface coating material</t>
  </si>
  <si>
    <t>00025</t>
  </si>
  <si>
    <t>Zinc carbon batteries, alkaline button cells</t>
  </si>
  <si>
    <t>0.004 mass% of battery</t>
  </si>
  <si>
    <t>00026</t>
  </si>
  <si>
    <t>Lead (II) chromate</t>
  </si>
  <si>
    <t>Colorant in plastics; Colorant in paint</t>
  </si>
  <si>
    <t>00027</t>
  </si>
  <si>
    <t>Lead chromate molybdate sulphate red</t>
  </si>
  <si>
    <t>Colorant in plastics; Colorant in red paint</t>
  </si>
  <si>
    <t>00028</t>
  </si>
  <si>
    <t>Lead sulfochromate yellow</t>
  </si>
  <si>
    <t>Colorant in plastics; Colorant in yellow paint</t>
  </si>
  <si>
    <t>00029</t>
  </si>
  <si>
    <t>Mercury/Mercury Compounds</t>
  </si>
  <si>
    <t>Fluorescent bulb, contact point material, pigment, anti-corrosion, switches, antibacterial treatment</t>
  </si>
  <si>
    <t>Intentionally Added or 0.1 mass% of total Hg in homogenous material</t>
  </si>
  <si>
    <t>00030</t>
  </si>
  <si>
    <t>Silver-oxide button cells, alkaline batteries, zinc carbon batteries</t>
  </si>
  <si>
    <t>Intentionally added or 0.0001 mass% of battery</t>
  </si>
  <si>
    <t>00132</t>
  </si>
  <si>
    <t>0.0005 mass% of total Hg in homogenous material</t>
  </si>
  <si>
    <t>2015-07-15</t>
  </si>
  <si>
    <t>00031</t>
  </si>
  <si>
    <t>Stainless steel, plating; Example application for prolonged skin contact is an ear bud (headphone); mobile phone</t>
  </si>
  <si>
    <t>All, where prolonged skin contact is expected</t>
  </si>
  <si>
    <t>00032</t>
  </si>
  <si>
    <t>Ozone Depleting Substances (CFC, Halon, HBFC, HCFC &amp; others)</t>
  </si>
  <si>
    <t>Refrigerant, foaming agent, extinguishant, solvent cleaner</t>
  </si>
  <si>
    <t>00033</t>
  </si>
  <si>
    <t>Perchlorates</t>
  </si>
  <si>
    <t>Lithium batteries; coin cell batteries</t>
  </si>
  <si>
    <t>6 x 10 ^-7 mass% of battery or product part</t>
  </si>
  <si>
    <t>00035</t>
  </si>
  <si>
    <t>UV-stabilizer in adhesives, paints, printing inks, plastics, inked ribbons, putty, caulking or sealing fillers</t>
  </si>
  <si>
    <t>00036</t>
  </si>
  <si>
    <t>Plasticizer, dye, pigment, paint, ink, adhesive, lubricant</t>
  </si>
  <si>
    <t>Children's toy or child care article</t>
  </si>
  <si>
    <t>00037</t>
  </si>
  <si>
    <t>Phthalates, Selected Group 2 (DIDP, DINP, DNOP)</t>
  </si>
  <si>
    <t>Children's toy or child care article that can be placed in a child's mouth</t>
  </si>
  <si>
    <t>0.1 mass% as the sum of the phthalate concentrations in plasticized material</t>
  </si>
  <si>
    <t>00038</t>
  </si>
  <si>
    <t>0.1 mass% in homogenous material</t>
  </si>
  <si>
    <t>00039</t>
  </si>
  <si>
    <t>00040</t>
  </si>
  <si>
    <t>00041</t>
  </si>
  <si>
    <t>Diisobutyl phthalate (DIBP)</t>
  </si>
  <si>
    <t>00042</t>
  </si>
  <si>
    <t>00043</t>
  </si>
  <si>
    <t>00044</t>
  </si>
  <si>
    <t>00045</t>
  </si>
  <si>
    <t>00046</t>
  </si>
  <si>
    <t>Polychlorinated Biphenyls (PCBs) and specific substitutes</t>
  </si>
  <si>
    <t>Insulation oil, lubricant oil, electrical insulation medium, solvent, electrolytic solution, plasticizers, fire retardants, dielectric sealants</t>
  </si>
  <si>
    <t>00047</t>
  </si>
  <si>
    <t>Polychlorinated Terphenyls (PCTs)</t>
  </si>
  <si>
    <t>Insulation oil, lubricant oil, electrical insulation medium, solvent, electrolytic solution, plasticizers, fire retardants, coatings for electrical wire and cable, dielectric sealants</t>
  </si>
  <si>
    <t>0.005 mass% in material</t>
  </si>
  <si>
    <t>00048</t>
  </si>
  <si>
    <t>00049</t>
  </si>
  <si>
    <t>Radioactive substances</t>
  </si>
  <si>
    <t>Optical properties (thorium), measuring devices, gauges, detectors</t>
  </si>
  <si>
    <t>00050</t>
  </si>
  <si>
    <t>Thermal insulation for high temperature test equipment</t>
  </si>
  <si>
    <t>00051</t>
  </si>
  <si>
    <t>00052</t>
  </si>
  <si>
    <t>Plasticizer for PVC, flame retardant</t>
  </si>
  <si>
    <t>00053</t>
  </si>
  <si>
    <t>Pigment; corrosion resistant coating</t>
  </si>
  <si>
    <t>00054</t>
  </si>
  <si>
    <t>Antiseptic, antifungal agent, paint, pigment, antistaining, refrigerant, foaming agent, extinguishant, solvent cleaner</t>
  </si>
  <si>
    <t>00055</t>
  </si>
  <si>
    <t>Tri-substituted organostannic compounds</t>
  </si>
  <si>
    <t>Stabilizer, antioxidant, antibacterial and antifungal agents, antifoulant, antiseptic, anti-fungal agent, paint, pigment, antistaining</t>
  </si>
  <si>
    <t>Intentionally added or 0.1 mass% of tin in the part</t>
  </si>
  <si>
    <t>2010-04-22</t>
  </si>
  <si>
    <t>00056</t>
  </si>
  <si>
    <t>00057</t>
  </si>
  <si>
    <t>Unreacted process chemical</t>
  </si>
  <si>
    <t>2013-01-30</t>
  </si>
  <si>
    <t>00058</t>
  </si>
  <si>
    <t>Electrolyte in lithium batteries</t>
  </si>
  <si>
    <t>00059</t>
  </si>
  <si>
    <t>00060</t>
  </si>
  <si>
    <t>Colorant</t>
  </si>
  <si>
    <t>00061</t>
  </si>
  <si>
    <t>Paint, anti-corrosion</t>
  </si>
  <si>
    <t>00062</t>
  </si>
  <si>
    <t>Chlorinated Flame Retardants (CFR)</t>
  </si>
  <si>
    <t>flame retardant for housing, connectors, package molding sealing</t>
  </si>
  <si>
    <t>0.1 mass% chlorine in plastic materials</t>
  </si>
  <si>
    <t>00063</t>
  </si>
  <si>
    <t>flame retardant</t>
  </si>
  <si>
    <t>Printed Wiring Board (PWB) Laminates</t>
  </si>
  <si>
    <t>0.09 mass% total chlorine content in laminate</t>
  </si>
  <si>
    <t>00064</t>
  </si>
  <si>
    <t>2013-06-10</t>
  </si>
  <si>
    <t>00065</t>
  </si>
  <si>
    <t>Heat stabilizer for PVC, for example for wiring and cabling insulation</t>
  </si>
  <si>
    <t>00066</t>
  </si>
  <si>
    <t>1,2-bis(2-methoxyethoxy)ethane (TEGDME; triglyme)</t>
  </si>
  <si>
    <t>Solvent may be used in battery electrolytes for lithium batteries. May be in found in printing inks.</t>
  </si>
  <si>
    <t>00067</t>
  </si>
  <si>
    <t>00068</t>
  </si>
  <si>
    <t>1,2-dimethoxyethane; ethylene glycol dimethyl ether (EGDME)</t>
  </si>
  <si>
    <t>Solvent used in battery electrolytes for lithium batteries. May be in found in printing inks and paint strippers</t>
  </si>
  <si>
    <t>00069</t>
  </si>
  <si>
    <t>4-Aminoazobenzene</t>
  </si>
  <si>
    <t>Used as yellow pigment and in inks, including inks for inkjet printers. It is also used as a dye for lacquer, varnish, wax products, oil stains and styrene resins.</t>
  </si>
  <si>
    <t>00070</t>
  </si>
  <si>
    <t>00071</t>
  </si>
  <si>
    <t>Used in rust-proof primer paints</t>
  </si>
  <si>
    <t>00072</t>
  </si>
  <si>
    <t>Used as yellow pigment for coloring plastics and paint</t>
  </si>
  <si>
    <t>00073</t>
  </si>
  <si>
    <t>Heat stabilizer for plastics; for example, non-transparent PVC</t>
  </si>
  <si>
    <t>00074</t>
  </si>
  <si>
    <t>1,2-Diethoxyethane</t>
  </si>
  <si>
    <t>Solvent used in electrolytes for lithium batteries.</t>
  </si>
  <si>
    <t>00075</t>
  </si>
  <si>
    <t>00076</t>
  </si>
  <si>
    <t>Ingredient in some paint thinner and as heat stabilizer for PVC</t>
  </si>
  <si>
    <t>00077</t>
  </si>
  <si>
    <t>Used in anticorrosion coatings e.g. steel articles</t>
  </si>
  <si>
    <t>00078</t>
  </si>
  <si>
    <t>Used as electrolyte in electrolytic capacitors rated for low temperature use to -55C.</t>
  </si>
  <si>
    <t>00079</t>
  </si>
  <si>
    <t>Used in UV emitting light bulbs and lamps</t>
  </si>
  <si>
    <t>00080</t>
  </si>
  <si>
    <t>1,2-Benzenedicarboxylic acid, dipentylester, branched and linear</t>
  </si>
  <si>
    <t>bis-C5-alkyl-(linear and branched)phthalate</t>
  </si>
  <si>
    <t>Plasticizer in plastic materials in specialist applications, for example where high solvating plasticizers and stain resistance are required</t>
  </si>
  <si>
    <t>00081</t>
  </si>
  <si>
    <t>Diisopentylphthalate</t>
  </si>
  <si>
    <t>00082</t>
  </si>
  <si>
    <t>00083</t>
  </si>
  <si>
    <t>In piezoelectric components, ultrasound transducers, gas igniters, ultrasonic motors, ceramic capacitors and other electronic components that use piezoelectric materials</t>
  </si>
  <si>
    <t>00084</t>
  </si>
  <si>
    <t>00085</t>
  </si>
  <si>
    <t>Heat stabilizer for PVC used for wiring and cabling insulation.</t>
  </si>
  <si>
    <t>00086</t>
  </si>
  <si>
    <t>Heat stabilizer for plastics, for example for wiring and cabling insulation.</t>
  </si>
  <si>
    <t>00087</t>
  </si>
  <si>
    <t>00088</t>
  </si>
  <si>
    <t>00089</t>
  </si>
  <si>
    <t>Heat stabilizer in nylon and polyesters, also used as a coating on paper for photo thermography.</t>
  </si>
  <si>
    <t>00090</t>
  </si>
  <si>
    <t>Di-isodecyl phthalate (DIDP)</t>
  </si>
  <si>
    <t>00091</t>
  </si>
  <si>
    <t>00092</t>
  </si>
  <si>
    <t>Primary use is as a hardener for epoxy resins.</t>
  </si>
  <si>
    <t>2013-09-25</t>
  </si>
  <si>
    <t>00093</t>
  </si>
  <si>
    <t>00094</t>
  </si>
  <si>
    <t>00095</t>
  </si>
  <si>
    <t>Plasticizer in PVC and nitrocellulose resin and rubber; in gunpowder, toys, cosmetics, medical devices</t>
  </si>
  <si>
    <t>00096</t>
  </si>
  <si>
    <t>00097</t>
  </si>
  <si>
    <t>00098</t>
  </si>
  <si>
    <t>Nonylphenol ethoxylates are used in paints, lacquers and varnishes in concentrations up to 10% w/w of the mixture.</t>
  </si>
  <si>
    <t>00099</t>
  </si>
  <si>
    <t>Used in photo-resistors, solar cells and piezoelectric tranducers</t>
  </si>
  <si>
    <t>2014-04-09</t>
  </si>
  <si>
    <t>00100</t>
  </si>
  <si>
    <t>Used as a plasticizer for vinyl resin, cellulose resin, natural and synthetic rubber.  Also, used as a flame retardant.</t>
  </si>
  <si>
    <t>00102</t>
  </si>
  <si>
    <t>Dye for textiles and paper</t>
  </si>
  <si>
    <t>00103</t>
  </si>
  <si>
    <t>Perfluorooctanoic acid (PFOA) and individual salts and esters of PFOA</t>
  </si>
  <si>
    <t>Textiles, photographic coatings applied to films, paper or printing plates and other coated consumer products.</t>
  </si>
  <si>
    <t>1 microgram/m2 (as the sum of PFOA)</t>
  </si>
  <si>
    <t>00104</t>
  </si>
  <si>
    <t>All except textiles, photographic coatings applied to films, paper or printing plates and other coated consumer products.</t>
  </si>
  <si>
    <t>0.1 mass% of the part (as the sum of PFOA)</t>
  </si>
  <si>
    <t>00105</t>
  </si>
  <si>
    <t>used as a catalyst in some acrylic adhesive glues which may be used in adhesive tapes (for example, double sided adhesive tapes which may be used to hold the back-light in place in mobile phones)</t>
  </si>
  <si>
    <t>00106</t>
  </si>
  <si>
    <t>Used as a plasticizer for certain plastics and rubbers</t>
  </si>
  <si>
    <t>2014-09-24</t>
  </si>
  <si>
    <t>00107</t>
  </si>
  <si>
    <t>Diisononyl phthalate (DINP)</t>
  </si>
  <si>
    <t>Used as a plasticizer for PVC</t>
  </si>
  <si>
    <t>00108</t>
  </si>
  <si>
    <t>Impurities in carbon black, which is used as coloring agent in plastics and softener in rubbers</t>
  </si>
  <si>
    <t>Rubber or plastic parts that come into direct, prolonged or repetitive skin or oral cavity contact except those for toys or childcare articles</t>
  </si>
  <si>
    <t>0.0001 mass% of the plastic or rubber part</t>
  </si>
  <si>
    <t>00109</t>
  </si>
  <si>
    <t>00110</t>
  </si>
  <si>
    <t>Benzo[a]anthracene</t>
  </si>
  <si>
    <t>00111</t>
  </si>
  <si>
    <t>00112</t>
  </si>
  <si>
    <t>00113</t>
  </si>
  <si>
    <t>Benzo[j]fluoranthene</t>
  </si>
  <si>
    <t>00114</t>
  </si>
  <si>
    <t>Benzo[k]fluoranthene</t>
  </si>
  <si>
    <t>00115</t>
  </si>
  <si>
    <t>00116</t>
  </si>
  <si>
    <t>Rubber or plastic parts of toys and childcare articles that come into direct, prolonged or repetitive skin or oral cavity contact</t>
  </si>
  <si>
    <t>0.00005 mass% of the plastic or rubber part</t>
  </si>
  <si>
    <t>00117</t>
  </si>
  <si>
    <t>00118</t>
  </si>
  <si>
    <t>00119</t>
  </si>
  <si>
    <t>00120</t>
  </si>
  <si>
    <t>00121</t>
  </si>
  <si>
    <t>00122</t>
  </si>
  <si>
    <t>00123</t>
  </si>
  <si>
    <t>00124</t>
  </si>
  <si>
    <t>Perfluorooctane sulfonates (PFOS)</t>
  </si>
  <si>
    <t>Antistatic agent for films and plastics</t>
  </si>
  <si>
    <t>Textiles or other coated materials.</t>
  </si>
  <si>
    <t>Intentionally added or 1 microgram/m2 of coated material</t>
  </si>
  <si>
    <t>00125</t>
  </si>
  <si>
    <t>All except textiles or other coated materials.</t>
  </si>
  <si>
    <t>Intentionally added or 0.1 mass% of the part (as the sum of PFOS)</t>
  </si>
  <si>
    <t>00126</t>
  </si>
  <si>
    <t>Disodium 4-amino-3-[[4'-[(2,4-diaminophenyl)azo][1,1'-biphenyl]-4-yl]azo]-5-hydroxy-6-(phenylazo)naphthalene-2,7-disulphonate (C.I. Direct Black 38)</t>
  </si>
  <si>
    <t>Used in ink for printers</t>
  </si>
  <si>
    <t>2015-04-08</t>
  </si>
  <si>
    <t>00128</t>
  </si>
  <si>
    <t>PVC stabilizer</t>
  </si>
  <si>
    <t>00129</t>
  </si>
  <si>
    <t>00130</t>
  </si>
  <si>
    <t>00131</t>
  </si>
  <si>
    <t>Plasticisers, lubricants, adhesives, coatings, cable compounding, polymer foils, PVC compound coatings, paints, thinners, paint removers, fillers, putties, plasters, ink and toners, greases, release products, polymer preparations and compounds, and semiconductors</t>
  </si>
  <si>
    <t>00133</t>
  </si>
  <si>
    <t>Electrolyte fluid of rechargeable lithium ion batteries</t>
  </si>
  <si>
    <t>2015-12-17</t>
  </si>
  <si>
    <t>00134</t>
  </si>
  <si>
    <t>00135</t>
  </si>
  <si>
    <t>00140</t>
  </si>
  <si>
    <t>Surfactant in the production of the fluoropolymer polyvinylidene fluoride (PVDF)</t>
  </si>
  <si>
    <t>2016-06-23</t>
  </si>
  <si>
    <t>00138</t>
  </si>
  <si>
    <t>00141</t>
  </si>
  <si>
    <t>Antioxidant for plasticizer and PVC, ink, paint and adhesive; used as monomer in epoxy resins and  plastics</t>
  </si>
  <si>
    <t>00142</t>
  </si>
  <si>
    <t>Plasticizer, lubricant, corrosion inhibitor</t>
  </si>
  <si>
    <t>R00001</t>
  </si>
  <si>
    <t>Reference</t>
  </si>
  <si>
    <t>This reference substance is part of a complete list as specified in the regulation or standard indicated in the BasisDescription field of the DSL entry</t>
  </si>
  <si>
    <t>R00002</t>
  </si>
  <si>
    <t>R00003</t>
  </si>
  <si>
    <t>Amosite (Grunerite)</t>
  </si>
  <si>
    <t>R00004</t>
  </si>
  <si>
    <t>R00005</t>
  </si>
  <si>
    <t>R00006</t>
  </si>
  <si>
    <t>R00007</t>
  </si>
  <si>
    <t>R00008</t>
  </si>
  <si>
    <t>R00009</t>
  </si>
  <si>
    <t>Benzidine</t>
  </si>
  <si>
    <t>R00010</t>
  </si>
  <si>
    <t>4-chloro-o-toluidine</t>
  </si>
  <si>
    <t>95-69-2</t>
  </si>
  <si>
    <t>R00011</t>
  </si>
  <si>
    <t>2-naphthylamine</t>
  </si>
  <si>
    <t>R00012</t>
  </si>
  <si>
    <t>R00013</t>
  </si>
  <si>
    <t>5-nitro-o-toluidine</t>
  </si>
  <si>
    <t>99-55-8</t>
  </si>
  <si>
    <t>R00014</t>
  </si>
  <si>
    <t>4-chloroaniline</t>
  </si>
  <si>
    <t>106-47-8</t>
  </si>
  <si>
    <t>R00015</t>
  </si>
  <si>
    <t>4-methoxy-m-phenylenediamine</t>
  </si>
  <si>
    <t>615-05-4</t>
  </si>
  <si>
    <t>R00016</t>
  </si>
  <si>
    <t>4,4'-methylenedianiline</t>
  </si>
  <si>
    <t>R00017</t>
  </si>
  <si>
    <t>3,3'-dichlorobenzidine</t>
  </si>
  <si>
    <t>R00018</t>
  </si>
  <si>
    <t>3,3'-dimethoxybenzidine</t>
  </si>
  <si>
    <t>R00019</t>
  </si>
  <si>
    <t>3,3'-dimethylbenzidine</t>
  </si>
  <si>
    <t>R00020</t>
  </si>
  <si>
    <t>R00021</t>
  </si>
  <si>
    <t>6-methoxy-m-toluidine</t>
  </si>
  <si>
    <t>R00022</t>
  </si>
  <si>
    <t>4,4'-methylene-bis(2-chloroaniline)</t>
  </si>
  <si>
    <t>R00023</t>
  </si>
  <si>
    <t>4,4'-oxydianiline</t>
  </si>
  <si>
    <t>101-80-4</t>
  </si>
  <si>
    <t>R00024</t>
  </si>
  <si>
    <t>4,4'-thiodianiline</t>
  </si>
  <si>
    <t>139-65-1</t>
  </si>
  <si>
    <t>R00025</t>
  </si>
  <si>
    <t>R00026</t>
  </si>
  <si>
    <t>4-methyl-m-phenylenediamine</t>
  </si>
  <si>
    <t>R00027</t>
  </si>
  <si>
    <t>2,4,5-trimethylaniline</t>
  </si>
  <si>
    <t>137-17-7</t>
  </si>
  <si>
    <t>R00028</t>
  </si>
  <si>
    <t>o-anisidine</t>
  </si>
  <si>
    <t>R00029</t>
  </si>
  <si>
    <t>4-amino azobenzene</t>
  </si>
  <si>
    <t>60-09- 3</t>
  </si>
  <si>
    <t>R00032</t>
  </si>
  <si>
    <t>Brominated flame retardant which comes under notation of ISO 1043-4 code number FR(14)  [Aliphatic/alicyclic brominated compounds]</t>
  </si>
  <si>
    <t>R00033</t>
  </si>
  <si>
    <t>Brominated flame retardant which comes under notation of ISO 1043-4 code number FR(15)  [Aliphatic/alicyclic brominated compounds in combination with antimony compounds]</t>
  </si>
  <si>
    <t>R00034</t>
  </si>
  <si>
    <t>Brominated flame retardant which comes under notation of ISO 1043-4 code number FR(16)  [Aromatic brominated compounds excluding brominated diphenyl ether and biphenyls)]</t>
  </si>
  <si>
    <t>R00035</t>
  </si>
  <si>
    <t>Brominated flame retardant which comes under notation of ISO 1043-4 code number FR(17)  [Aromatic brominated compounds excluding brominated diphenyl ether and biphenyls) in combination with antimony compounds]</t>
  </si>
  <si>
    <t>R00036</t>
  </si>
  <si>
    <t>Brominated flame retardant which comes under notation of ISO 1043-4 code number FR(22)  [Aliphatic/alicyclic chlorinated and brominated compounds]</t>
  </si>
  <si>
    <t>R00037</t>
  </si>
  <si>
    <t>Brominated flame retardant which comes under notation of ISO 1043-4 code number FR(42)  [Brominated organic phosphorus compounds]</t>
  </si>
  <si>
    <t>R00038</t>
  </si>
  <si>
    <t>Poly(2,6-dibromo-phenylene oxide)</t>
  </si>
  <si>
    <t>69882-11-7</t>
  </si>
  <si>
    <t>R00039</t>
  </si>
  <si>
    <t>Tetra-decabromo-diphenoxy-benzene</t>
  </si>
  <si>
    <t>58965-66-5</t>
  </si>
  <si>
    <t>R00040</t>
  </si>
  <si>
    <t>1,2-Bis(2,4,6-tribromo-phenoxy) ethane</t>
  </si>
  <si>
    <t>37853-59-1</t>
  </si>
  <si>
    <t>R00041</t>
  </si>
  <si>
    <t>3,5,3’,5’-Tetrabromo-bisphenol A (TBBPA)</t>
  </si>
  <si>
    <t>R00042</t>
  </si>
  <si>
    <t>TBBA, unspecified</t>
  </si>
  <si>
    <t>30496-13-0</t>
  </si>
  <si>
    <t>R00043</t>
  </si>
  <si>
    <t>TBBA-epichlorhydrin oligomer</t>
  </si>
  <si>
    <t>40039-93-8</t>
  </si>
  <si>
    <t>R00044</t>
  </si>
  <si>
    <t>TBBA-TBBA-diglycidyl-ether oligomer</t>
  </si>
  <si>
    <t>70682-74-5</t>
  </si>
  <si>
    <t>R00045</t>
  </si>
  <si>
    <t>TBBA carbonate oligomer</t>
  </si>
  <si>
    <t>28906-13-0</t>
  </si>
  <si>
    <t>R00046</t>
  </si>
  <si>
    <t>TBBA carbonate oligomer, phenoxy end capped</t>
  </si>
  <si>
    <t>94334-64-2</t>
  </si>
  <si>
    <t>R00047</t>
  </si>
  <si>
    <t>TBBA carbonate oligomer, 2,4,6-tribromo-phenol terminated</t>
  </si>
  <si>
    <t>71342-77-3</t>
  </si>
  <si>
    <t>R00048</t>
  </si>
  <si>
    <t>TBBA-bisphenol A-phosgene polymer</t>
  </si>
  <si>
    <t>32844-27-2</t>
  </si>
  <si>
    <t>R00049</t>
  </si>
  <si>
    <t>Brominated epoxy resin end-capped with tribromophenol</t>
  </si>
  <si>
    <t>139638-58-7</t>
  </si>
  <si>
    <t>R00050</t>
  </si>
  <si>
    <t>135229-48-0</t>
  </si>
  <si>
    <t>R00051</t>
  </si>
  <si>
    <t>TBBA-(2,3-dibromo-propyl-ether)</t>
  </si>
  <si>
    <t>21850-44-2</t>
  </si>
  <si>
    <t>R00052</t>
  </si>
  <si>
    <t>TBBA bis-(2-hydroxy-ethyl-ether)</t>
  </si>
  <si>
    <t>4162-45-2</t>
  </si>
  <si>
    <t>R00053</t>
  </si>
  <si>
    <t>TBBA-bis-(allyl-ether)</t>
  </si>
  <si>
    <t>25327-89-3</t>
  </si>
  <si>
    <t>R00054</t>
  </si>
  <si>
    <t>TBBA-dimethyl-ether</t>
  </si>
  <si>
    <t>37853-61-5</t>
  </si>
  <si>
    <t>R00055</t>
  </si>
  <si>
    <t>Tetrabromo-bisphenol S</t>
  </si>
  <si>
    <t>39635-79-5</t>
  </si>
  <si>
    <t>R00056</t>
  </si>
  <si>
    <t>TBBS-bis-(2,3-dibromo-propyl-ether)</t>
  </si>
  <si>
    <t>42757-55-1</t>
  </si>
  <si>
    <t>R00057</t>
  </si>
  <si>
    <t>2,4-Dibromo-phenol</t>
  </si>
  <si>
    <t>615-58-7</t>
  </si>
  <si>
    <t>R00058</t>
  </si>
  <si>
    <t>2,4,6-tribromo-phenol</t>
  </si>
  <si>
    <t>118-79-6</t>
  </si>
  <si>
    <t>R00059</t>
  </si>
  <si>
    <t>Pentabromo-phenol</t>
  </si>
  <si>
    <t>608-71-9</t>
  </si>
  <si>
    <t>R00060</t>
  </si>
  <si>
    <t>2,4,6-Tribromo-phenyl-allyl-ether</t>
  </si>
  <si>
    <t>3278-89-5</t>
  </si>
  <si>
    <t>R00061</t>
  </si>
  <si>
    <t>Tribromo-phenyl-allyl-ether, unspecified</t>
  </si>
  <si>
    <t>26762-91-4</t>
  </si>
  <si>
    <t>R00062</t>
  </si>
  <si>
    <t>Bis(methyl)tetrabromo-phthalate</t>
  </si>
  <si>
    <t>55481-60-2</t>
  </si>
  <si>
    <t>R00063</t>
  </si>
  <si>
    <t>Bis(2-ethylhexyl)tetrabromo-phthalate</t>
  </si>
  <si>
    <t>26040-51-7</t>
  </si>
  <si>
    <t>R00064</t>
  </si>
  <si>
    <t>2-Hydroxy-propyl-2-(2-hydroxy-ethoxy)-ethyl-TBP</t>
  </si>
  <si>
    <t>20566-35-2</t>
  </si>
  <si>
    <t>R00065</t>
  </si>
  <si>
    <t>TBPA, glycol-and propylene-oxide esters</t>
  </si>
  <si>
    <t>75790-69-1</t>
  </si>
  <si>
    <t>R00066</t>
  </si>
  <si>
    <t>N,N’-Ethylene –bis-(tetrabromo-phthalimide)</t>
  </si>
  <si>
    <t>32588-76-4</t>
  </si>
  <si>
    <t>R00067</t>
  </si>
  <si>
    <t>Ethylene-bis(5,6-dibromo-norbornane-2,3-dicarboximide)</t>
  </si>
  <si>
    <t>52907-07-0</t>
  </si>
  <si>
    <t>R00068</t>
  </si>
  <si>
    <t>2,3-Dibromo-2-butene-1,4-diol</t>
  </si>
  <si>
    <t>3234-02-4</t>
  </si>
  <si>
    <t>R00069</t>
  </si>
  <si>
    <t>Dibromo-neopentyl-glycol</t>
  </si>
  <si>
    <t>3296-90-0</t>
  </si>
  <si>
    <t>R00070</t>
  </si>
  <si>
    <t>Dibromo-propanol</t>
  </si>
  <si>
    <t>96-13-9</t>
  </si>
  <si>
    <t>R00071</t>
  </si>
  <si>
    <t>Tribromo-neopentyl-alcohol</t>
  </si>
  <si>
    <t>36483-57-5</t>
  </si>
  <si>
    <t>R00072</t>
  </si>
  <si>
    <t>Poly tribromo-styrene</t>
  </si>
  <si>
    <t>57137-10-7</t>
  </si>
  <si>
    <t>R00073</t>
  </si>
  <si>
    <t>Tribromo-styrene</t>
  </si>
  <si>
    <t>61368-34-1</t>
  </si>
  <si>
    <t>R00074</t>
  </si>
  <si>
    <t>Dibromo-styrene grafted PP</t>
  </si>
  <si>
    <t>171091-06-8</t>
  </si>
  <si>
    <t>R00075</t>
  </si>
  <si>
    <t>Poly-dibromo-styrene</t>
  </si>
  <si>
    <t>31780-26-4</t>
  </si>
  <si>
    <t>R00076</t>
  </si>
  <si>
    <t>Bromo-/Chloro-paraffins</t>
  </si>
  <si>
    <t>68955-41-9</t>
  </si>
  <si>
    <t>R00077</t>
  </si>
  <si>
    <t>Bromo-/Chloro-alpha-olefin</t>
  </si>
  <si>
    <t>82600-56-4</t>
  </si>
  <si>
    <t>R00078</t>
  </si>
  <si>
    <t>Vinylbromide</t>
  </si>
  <si>
    <t>593-60-2</t>
  </si>
  <si>
    <t>R00079</t>
  </si>
  <si>
    <t>Tris-(2,3-dibromo-propyl)-isocyanurate</t>
  </si>
  <si>
    <t>52434-90-9</t>
  </si>
  <si>
    <t>R00080</t>
  </si>
  <si>
    <t>Tris(2,4-Dibromo-phenyl) phosphate</t>
  </si>
  <si>
    <t>49690-63-3</t>
  </si>
  <si>
    <t>R00081</t>
  </si>
  <si>
    <t>Tris(tribromo-neopentyl) phosphate</t>
  </si>
  <si>
    <t>19186-97-1</t>
  </si>
  <si>
    <t>R00082</t>
  </si>
  <si>
    <t>Chlorinated and brominated phosphate ester</t>
  </si>
  <si>
    <t>125997-20-8</t>
  </si>
  <si>
    <t>R00083</t>
  </si>
  <si>
    <t>Pentabromo-toluene</t>
  </si>
  <si>
    <t>87-83-2</t>
  </si>
  <si>
    <t>R00084</t>
  </si>
  <si>
    <t>Pentabromo-benzyl bromide</t>
  </si>
  <si>
    <t>38521-51-6</t>
  </si>
  <si>
    <t>R00085</t>
  </si>
  <si>
    <t>1,3-Butadiene homopolymer,brominated</t>
  </si>
  <si>
    <t>68441-46-3</t>
  </si>
  <si>
    <t>R00086</t>
  </si>
  <si>
    <t>Pentabromo-benzyl-acrylate, monomer</t>
  </si>
  <si>
    <t>59447-55-1</t>
  </si>
  <si>
    <t>R00087</t>
  </si>
  <si>
    <t>Pentabromo-benzyl-acrylate, polymer</t>
  </si>
  <si>
    <t>59447-57-3</t>
  </si>
  <si>
    <t>R00088</t>
  </si>
  <si>
    <t>Decabromo-diphenyl-ethane</t>
  </si>
  <si>
    <t>R00089</t>
  </si>
  <si>
    <t>Tribromo-bisphenyl-maleinimide</t>
  </si>
  <si>
    <t>59789-51-4</t>
  </si>
  <si>
    <t>R00090</t>
  </si>
  <si>
    <t>Octabromo-1,1,3-trimethyl-1-phenylindane (FR-1808)</t>
  </si>
  <si>
    <t>155613-93-7</t>
  </si>
  <si>
    <t>R00091</t>
  </si>
  <si>
    <t>Other Brominated Flame Retardants</t>
  </si>
  <si>
    <t>R00092</t>
  </si>
  <si>
    <t>Tetrabromo-cyclo-octane</t>
  </si>
  <si>
    <t>31454-48-5</t>
  </si>
  <si>
    <t>R00093</t>
  </si>
  <si>
    <t>1,2-Dibromo-4-(1,2 dibromo-ethyl)-cyclo-hexane</t>
  </si>
  <si>
    <t>3322-93-8</t>
  </si>
  <si>
    <t>D4.00: substance name corrected</t>
  </si>
  <si>
    <t>R00094</t>
  </si>
  <si>
    <t>Tetrabromophthalic acid Na salt</t>
  </si>
  <si>
    <t>25357-79-3</t>
  </si>
  <si>
    <t>R00095</t>
  </si>
  <si>
    <t>Tetrabromo phthalic anhydride</t>
  </si>
  <si>
    <t>632-79-1</t>
  </si>
  <si>
    <t>R00096</t>
  </si>
  <si>
    <t>R00097</t>
  </si>
  <si>
    <t>R00098</t>
  </si>
  <si>
    <t>R00101</t>
  </si>
  <si>
    <t>R00102</t>
  </si>
  <si>
    <t>R00106</t>
  </si>
  <si>
    <t>R00109</t>
  </si>
  <si>
    <t>R00110</t>
  </si>
  <si>
    <t>R00111</t>
  </si>
  <si>
    <t>R00112</t>
  </si>
  <si>
    <t>R00113</t>
  </si>
  <si>
    <t>R00114</t>
  </si>
  <si>
    <t>Other dibutyltin compounds</t>
  </si>
  <si>
    <t>R00115</t>
  </si>
  <si>
    <t>Dioctyl Tin Oxide</t>
  </si>
  <si>
    <t>R00116</t>
  </si>
  <si>
    <t>R00117</t>
  </si>
  <si>
    <t>Other Dioctyltin compounds</t>
  </si>
  <si>
    <t>R00118</t>
  </si>
  <si>
    <t>R00119</t>
  </si>
  <si>
    <t>R00120</t>
  </si>
  <si>
    <t>R00122</t>
  </si>
  <si>
    <t>Tetrafluoromethane</t>
  </si>
  <si>
    <t>Carbon tetrafluoride, (PFC-14)</t>
  </si>
  <si>
    <t>R00123</t>
  </si>
  <si>
    <t>Hexafluoroethane</t>
  </si>
  <si>
    <t>76-16-4</t>
  </si>
  <si>
    <t>(PFC-116)</t>
  </si>
  <si>
    <t>R00124</t>
  </si>
  <si>
    <t>Octafluoropropane</t>
  </si>
  <si>
    <t>76-19-7</t>
  </si>
  <si>
    <t>(PFC-218)</t>
  </si>
  <si>
    <t>R00125</t>
  </si>
  <si>
    <t>Decafluorobutane</t>
  </si>
  <si>
    <t>355-25-9</t>
  </si>
  <si>
    <t>(PFC-31-10)</t>
  </si>
  <si>
    <t>R00126</t>
  </si>
  <si>
    <t>Dodecafluoropentane</t>
  </si>
  <si>
    <t>678-26-2</t>
  </si>
  <si>
    <t>(PFC-41-12)</t>
  </si>
  <si>
    <t>R00127</t>
  </si>
  <si>
    <t>Tetradecafluorohexane</t>
  </si>
  <si>
    <t>355-42-0</t>
  </si>
  <si>
    <t>(PFC-51-14)</t>
  </si>
  <si>
    <t>R00128</t>
  </si>
  <si>
    <t>Octafluorocyclobutane</t>
  </si>
  <si>
    <t>115-25-3</t>
  </si>
  <si>
    <t>(PFC-c318)</t>
  </si>
  <si>
    <t>R00129</t>
  </si>
  <si>
    <t>Sulfur Hexafluoride</t>
  </si>
  <si>
    <t>(SF6)</t>
  </si>
  <si>
    <t>R00130</t>
  </si>
  <si>
    <t>(HFC-23)</t>
  </si>
  <si>
    <t>R00131</t>
  </si>
  <si>
    <t>(HFC-32)</t>
  </si>
  <si>
    <t>R00132</t>
  </si>
  <si>
    <t>(HFC-41)</t>
  </si>
  <si>
    <t>R00133</t>
  </si>
  <si>
    <t>2H,3H-Decafluoropentane</t>
  </si>
  <si>
    <t>(HFC-43-10mee)</t>
  </si>
  <si>
    <t>R00134</t>
  </si>
  <si>
    <t>Pentafluoroethane</t>
  </si>
  <si>
    <t>(HFC-125)</t>
  </si>
  <si>
    <t>R00135</t>
  </si>
  <si>
    <t>(HFC-134)</t>
  </si>
  <si>
    <t>R00136</t>
  </si>
  <si>
    <t>(HFC-134a</t>
  </si>
  <si>
    <t>R00137</t>
  </si>
  <si>
    <t>(HFC-152a)</t>
  </si>
  <si>
    <t>R00138</t>
  </si>
  <si>
    <t>(HFC-143 )</t>
  </si>
  <si>
    <t>R00139</t>
  </si>
  <si>
    <t>1,1,1-Trifluoroethane</t>
  </si>
  <si>
    <t>(HFC-143a)</t>
  </si>
  <si>
    <t>R00140</t>
  </si>
  <si>
    <t>2H-Heptafluoropropane</t>
  </si>
  <si>
    <t>(HFC-227ea)</t>
  </si>
  <si>
    <t>R00141</t>
  </si>
  <si>
    <t>1,1,1,2,2,3-Hexafluoro-propane</t>
  </si>
  <si>
    <t>677-56-5</t>
  </si>
  <si>
    <t>(HFC-236cb)</t>
  </si>
  <si>
    <t>R00142</t>
  </si>
  <si>
    <t>(HFC-236ea)</t>
  </si>
  <si>
    <t>R00143</t>
  </si>
  <si>
    <t>1,1,1,3,3,3-Hexafluoropropane</t>
  </si>
  <si>
    <t>(HFC-236fa)</t>
  </si>
  <si>
    <t>R00144</t>
  </si>
  <si>
    <t>1,1,2,2,3-Pentafluoropropane</t>
  </si>
  <si>
    <t>679-86-7</t>
  </si>
  <si>
    <t>(HFC-245ca)</t>
  </si>
  <si>
    <t>R00145</t>
  </si>
  <si>
    <t>(HFC-245fa)</t>
  </si>
  <si>
    <t>R00146</t>
  </si>
  <si>
    <t>(HFC-365mfc)</t>
  </si>
  <si>
    <t>R00147</t>
  </si>
  <si>
    <t>R00148</t>
  </si>
  <si>
    <t>alpha-hexabromocyclododecane</t>
  </si>
  <si>
    <t>134237-51-7</t>
  </si>
  <si>
    <t>R00149</t>
  </si>
  <si>
    <t>beta-hexabromocyclododecane</t>
  </si>
  <si>
    <t>134237-50-6</t>
  </si>
  <si>
    <t>R00150</t>
  </si>
  <si>
    <t>gamma-hexabromocyclododecane</t>
  </si>
  <si>
    <t>134237-52-8</t>
  </si>
  <si>
    <t>R00151</t>
  </si>
  <si>
    <t>R00152</t>
  </si>
  <si>
    <t>Lead (II) sulfate</t>
  </si>
  <si>
    <t>R00153</t>
  </si>
  <si>
    <t>Lead (II) carbonate</t>
  </si>
  <si>
    <t>R00154</t>
  </si>
  <si>
    <t>R00156</t>
  </si>
  <si>
    <t>R00158</t>
  </si>
  <si>
    <t>Lead selenide</t>
  </si>
  <si>
    <t>R00159</t>
  </si>
  <si>
    <t>Lead (IV) oxide</t>
  </si>
  <si>
    <t>R00160</t>
  </si>
  <si>
    <t>Lead (II,IV) oxide</t>
  </si>
  <si>
    <t>R00161</t>
  </si>
  <si>
    <t>Lead (II) sulfide</t>
  </si>
  <si>
    <t>R00165</t>
  </si>
  <si>
    <t>Lead (II) phosphate</t>
  </si>
  <si>
    <t>R00166</t>
  </si>
  <si>
    <t>Lead (II) titanate</t>
  </si>
  <si>
    <t>R00167</t>
  </si>
  <si>
    <t>Lead sulfate, sulphuric acid, lead salt</t>
  </si>
  <si>
    <t>R00168</t>
  </si>
  <si>
    <t>Lead sulphate, tribasic</t>
  </si>
  <si>
    <t>R00169</t>
  </si>
  <si>
    <t>R00170</t>
  </si>
  <si>
    <t>This substance is also on REACH SVHC list, which is subject to reporting requirements under Article 33 which should be a less stringent reporting threshold than EU RoHS.  However, manufacturers should evaluate this substance against both reporting thresholds.</t>
  </si>
  <si>
    <t>R00171</t>
  </si>
  <si>
    <t>R00172</t>
  </si>
  <si>
    <t>R00173</t>
  </si>
  <si>
    <t>R00174</t>
  </si>
  <si>
    <t>33631-63-9</t>
  </si>
  <si>
    <t>R00175</t>
  </si>
  <si>
    <t>Mercury (II) chloride</t>
  </si>
  <si>
    <t>R00176</t>
  </si>
  <si>
    <t>R00177</t>
  </si>
  <si>
    <t>R00178</t>
  </si>
  <si>
    <t>Mercuric (II) oxide</t>
  </si>
  <si>
    <t>R00179</t>
  </si>
  <si>
    <t>Mercuric sulfide</t>
  </si>
  <si>
    <t>R00180</t>
  </si>
  <si>
    <t>(CFC-11)</t>
  </si>
  <si>
    <t>These substances may contain further isomers that are not listed here. Isomers with CAS_x000D_
numbers have been included when available.</t>
  </si>
  <si>
    <t>R00181</t>
  </si>
  <si>
    <t>(CFC-12)</t>
  </si>
  <si>
    <t>R00182</t>
  </si>
  <si>
    <t>(CFC-13)</t>
  </si>
  <si>
    <t>R00183</t>
  </si>
  <si>
    <t>(CFC-111)</t>
  </si>
  <si>
    <t>R00184</t>
  </si>
  <si>
    <t>Tetrachlorodifluoroethane_x000D_
1,1,2,2-Tetrachloro-1,2-difluoroethane _x000D_
1,1,1,2-Tetrachloro-2,2-difluoroethane</t>
  </si>
  <si>
    <t>76-12-0_x000D_
76-12-0_x000D_
76-11-9</t>
  </si>
  <si>
    <t>(CFC-112)_x000D_
(CFC-112)_x000D_
(CFC-112a)</t>
  </si>
  <si>
    <t>R00185</t>
  </si>
  <si>
    <t>Trichlorotrifluoroethane _x000D_
1,1,2-Trichloro-1,2,2 trifluoroethane _x000D_
1,1,1-Trichloro-2,2,2 trifluoroethane</t>
  </si>
  <si>
    <t>76-13-1_x000D_
76-13-1_x000D_
354-58-5</t>
  </si>
  <si>
    <t>(CFC-113)_x000D_
(CFC-113)_x000D_
(CFC-113a)</t>
  </si>
  <si>
    <t>R00186</t>
  </si>
  <si>
    <t>Dichlorotetrafluoroethane</t>
  </si>
  <si>
    <t>(CFC-114)</t>
  </si>
  <si>
    <t>R00187</t>
  </si>
  <si>
    <t>(CFC-115)</t>
  </si>
  <si>
    <t>R00188</t>
  </si>
  <si>
    <t>Heptachlorofluoropropane _x000D_
1,1,1,2,2,3,3-Heptachloro-3-fluoropropane_x000D_
1,1,1,2,3,3,3-Heptachloro-2-fluoropropane</t>
  </si>
  <si>
    <t>422-78-6_x000D_
135401-87-5_x000D_
422-78-6_x000D_
422-81-1</t>
  </si>
  <si>
    <t>(CFC-211)_x000D_
 (CFC-211aa)_x000D_
(CFC-211ba)</t>
  </si>
  <si>
    <t>R00189</t>
  </si>
  <si>
    <t>(CFC-212)</t>
  </si>
  <si>
    <t>R00190</t>
  </si>
  <si>
    <t>2354-06-5_x000D_
134237-31-3</t>
  </si>
  <si>
    <t>(CFC-213)</t>
  </si>
  <si>
    <t>R00191</t>
  </si>
  <si>
    <t>Tetrachlorotetrafluoropropane _x000D_
1,2,2,3-Tetrachloro-1,1,3,3-tetrafluoropropane _x000D_
1,1,1,3-Tetrachloro-2,2,3,3-tetrafluoropropane</t>
  </si>
  <si>
    <t>29255-31-0_x000D_
2268-46-4_x000D_
-</t>
  </si>
  <si>
    <t>(CFC-214)_x000D_
(CFC-214aa)_x000D_
(CFC-214cb)</t>
  </si>
  <si>
    <t>R00192</t>
  </si>
  <si>
    <t>Trichloropentafluoropropane _x000D_
1,2,2-Trichloropentafluoropropane _x000D_
1,2,3-Trichloropentafluoropropane _x000D_
1,1,2-Trichloropentafluoropropane _x000D_
1,1,3-Trichloropentafluoropropane _x000D_
1,1,1-Trichloropentafluoropropane</t>
  </si>
  <si>
    <t>1599-41-3_x000D_
1599-41-3_x000D_
76-17-5_x000D_
-_x000D_
-_x000D_
4259-43-2</t>
  </si>
  <si>
    <t>(CFC-215)_x000D_
(CFC-215aa)_x000D_
(CFC-215ba)_x000D_
(CFC-215bb)_x000D_
(CFC-215cb)_x000D_
(CFC-215ca)</t>
  </si>
  <si>
    <t>R00193</t>
  </si>
  <si>
    <t>Dichlorohexafluoropropane</t>
  </si>
  <si>
    <t>(CFC-216)</t>
  </si>
  <si>
    <t>R00194</t>
  </si>
  <si>
    <t>Chloroheptafluoropropane</t>
  </si>
  <si>
    <t>(CFC-217)</t>
  </si>
  <si>
    <t>R00195</t>
  </si>
  <si>
    <t>Bromochloromethane</t>
  </si>
  <si>
    <t>(Halon-1011)</t>
  </si>
  <si>
    <t>R00196</t>
  </si>
  <si>
    <t>(Halon-1202)</t>
  </si>
  <si>
    <t>R00197</t>
  </si>
  <si>
    <t>(Halon-1211)</t>
  </si>
  <si>
    <t>R00198</t>
  </si>
  <si>
    <t>(Halon-1301)</t>
  </si>
  <si>
    <t>R00199</t>
  </si>
  <si>
    <t>(Halon-2402)</t>
  </si>
  <si>
    <t>R00200</t>
  </si>
  <si>
    <t>Tetrachloromethane</t>
  </si>
  <si>
    <t>(carbon tetrachloride)</t>
  </si>
  <si>
    <t>R00201</t>
  </si>
  <si>
    <t>1,1,1-Trichloroethane</t>
  </si>
  <si>
    <t>(methylchloroform)</t>
  </si>
  <si>
    <t>R00202</t>
  </si>
  <si>
    <t>Bromomethane</t>
  </si>
  <si>
    <t>(methyl bromide)</t>
  </si>
  <si>
    <t>R00203</t>
  </si>
  <si>
    <t>Bromoethane</t>
  </si>
  <si>
    <t>74-96-4</t>
  </si>
  <si>
    <t>(ethyl bromide)</t>
  </si>
  <si>
    <t>1-Bromopropane</t>
  </si>
  <si>
    <t>R00205</t>
  </si>
  <si>
    <t>Trifluoroiodomethane</t>
  </si>
  <si>
    <t>2314-97-8</t>
  </si>
  <si>
    <t>(trifluoromethyl iodide)</t>
  </si>
  <si>
    <t>R00206</t>
  </si>
  <si>
    <t>Chloromethane</t>
  </si>
  <si>
    <t>74-87-3</t>
  </si>
  <si>
    <t>(methyl chloride)</t>
  </si>
  <si>
    <t>R00207</t>
  </si>
  <si>
    <t>(HBFC-21 B2)</t>
  </si>
  <si>
    <t>R00208</t>
  </si>
  <si>
    <t>(HBFC-22 B1)</t>
  </si>
  <si>
    <t>R00209</t>
  </si>
  <si>
    <t>(HBFC-31 B1)</t>
  </si>
  <si>
    <t>R00210</t>
  </si>
  <si>
    <t>Tetrabromofluoroethane</t>
  </si>
  <si>
    <t>(HBFC-121 B4)</t>
  </si>
  <si>
    <t>R00211</t>
  </si>
  <si>
    <t>Tribromodifluoroethane</t>
  </si>
  <si>
    <t>(HBFC-122 B3)</t>
  </si>
  <si>
    <t>R00212</t>
  </si>
  <si>
    <t>Dibromotrifluoroethane</t>
  </si>
  <si>
    <t>(HBFC-123 B2)</t>
  </si>
  <si>
    <t>R00213</t>
  </si>
  <si>
    <t>Bromotetrafluoroethane</t>
  </si>
  <si>
    <t>124-72-1</t>
  </si>
  <si>
    <t>(HBFC-124 B1)</t>
  </si>
  <si>
    <t>R00214</t>
  </si>
  <si>
    <t>Tribromofluoroethane</t>
  </si>
  <si>
    <t>(HBFC-131 B3)</t>
  </si>
  <si>
    <t>R00215</t>
  </si>
  <si>
    <t>Dibromodifluoroethane</t>
  </si>
  <si>
    <t>(HBFC-132 B2)</t>
  </si>
  <si>
    <t>R00216</t>
  </si>
  <si>
    <t>Bromotrifluoroethane</t>
  </si>
  <si>
    <t>(HBFC-133 B1)</t>
  </si>
  <si>
    <t>R00217</t>
  </si>
  <si>
    <t>Dibromofluoroethane</t>
  </si>
  <si>
    <t>(HBFC-141 B2)</t>
  </si>
  <si>
    <t>R00218</t>
  </si>
  <si>
    <t>Bromodifluoroethane</t>
  </si>
  <si>
    <t>(HBFC-142 B1)</t>
  </si>
  <si>
    <t>R00219</t>
  </si>
  <si>
    <t>Bromofluoroethane</t>
  </si>
  <si>
    <t>(HBFC-151 B1)</t>
  </si>
  <si>
    <t>R00220</t>
  </si>
  <si>
    <t>Hexabromofluoropropane</t>
  </si>
  <si>
    <t>(HBFC-221 B6)</t>
  </si>
  <si>
    <t>R00221</t>
  </si>
  <si>
    <t>Pentabromodifluoropropane</t>
  </si>
  <si>
    <t>(HBFC-222 B5)</t>
  </si>
  <si>
    <t>R00222</t>
  </si>
  <si>
    <t>Tetrabromotrifluoropropane</t>
  </si>
  <si>
    <t>(HBFC-223 B4)</t>
  </si>
  <si>
    <t>R00223</t>
  </si>
  <si>
    <t>Tribromotetrafluoropropane</t>
  </si>
  <si>
    <t>(HBFC-224 B3)</t>
  </si>
  <si>
    <t>R00224</t>
  </si>
  <si>
    <t>Dibromopentafluoropropane</t>
  </si>
  <si>
    <t>431-78-7</t>
  </si>
  <si>
    <t>(HBFC-225 B2)</t>
  </si>
  <si>
    <t>R00225</t>
  </si>
  <si>
    <t>Bromohexafluoropropane</t>
  </si>
  <si>
    <t>(HBFC-226 B1)</t>
  </si>
  <si>
    <t>R00226</t>
  </si>
  <si>
    <t>Pentabromofluoropropane</t>
  </si>
  <si>
    <t>(HBFC-231 B5)</t>
  </si>
  <si>
    <t>R00227</t>
  </si>
  <si>
    <t>Tetrabromodifluoropropane</t>
  </si>
  <si>
    <t>(HBFC-232 B4)</t>
  </si>
  <si>
    <t>R00228</t>
  </si>
  <si>
    <t>Tribromotrifluoropropane</t>
  </si>
  <si>
    <t>(HBFC-233 B3)</t>
  </si>
  <si>
    <t>R00229</t>
  </si>
  <si>
    <t>Dibromotetrafluoropropane</t>
  </si>
  <si>
    <t>(HBFC-234 B2)</t>
  </si>
  <si>
    <t>R00230</t>
  </si>
  <si>
    <t>Bromopentafluoropropane</t>
  </si>
  <si>
    <t>(HBFC-235 B1)</t>
  </si>
  <si>
    <t>R00231</t>
  </si>
  <si>
    <t>Tetrabromofluoropropane</t>
  </si>
  <si>
    <t>(HBFC-241 B4)</t>
  </si>
  <si>
    <t>R00232</t>
  </si>
  <si>
    <t>Tribromodifluoropropane</t>
  </si>
  <si>
    <t>70192-80-2</t>
  </si>
  <si>
    <t>(HBFC-242 B3)</t>
  </si>
  <si>
    <t>R00233</t>
  </si>
  <si>
    <t>Dibromotrifluoropropane</t>
  </si>
  <si>
    <t>(HBFC-243 B2)</t>
  </si>
  <si>
    <t>R00234</t>
  </si>
  <si>
    <t>Bromotetrafluoropropane</t>
  </si>
  <si>
    <t>(HBFC-244 B1)</t>
  </si>
  <si>
    <t>R00235</t>
  </si>
  <si>
    <t>Tribromofluoropropane</t>
  </si>
  <si>
    <t>(HBFC-251 B3)</t>
  </si>
  <si>
    <t>R00236</t>
  </si>
  <si>
    <t>Dibromodifluoropropane</t>
  </si>
  <si>
    <t>(HBFC-252 B2)</t>
  </si>
  <si>
    <t>R00237</t>
  </si>
  <si>
    <t>Bromotrifluoropropane</t>
  </si>
  <si>
    <t>421-46-5</t>
  </si>
  <si>
    <t>(HBFC-253 B1)</t>
  </si>
  <si>
    <t>R00238</t>
  </si>
  <si>
    <t>Dibromofluoropropane</t>
  </si>
  <si>
    <t>(HBFC-261 B2)</t>
  </si>
  <si>
    <t>R00239</t>
  </si>
  <si>
    <t>Bromodifluoropropane</t>
  </si>
  <si>
    <t>(HBFC-262 B1)</t>
  </si>
  <si>
    <t>R00240</t>
  </si>
  <si>
    <t>Bromofluoropropane</t>
  </si>
  <si>
    <t>(HBFC-271 B1)</t>
  </si>
  <si>
    <t>R00241</t>
  </si>
  <si>
    <t>(HCFC-21)</t>
  </si>
  <si>
    <t>R00242</t>
  </si>
  <si>
    <t>(HCFC-22)</t>
  </si>
  <si>
    <t>R00243</t>
  </si>
  <si>
    <t>(HCFC-31)</t>
  </si>
  <si>
    <t>R00244</t>
  </si>
  <si>
    <t>Tetrachlorofluoroethane _x000D_
1,1,2,2-Tetrachloro-1-fluoroethane _x000D_
1,1,1,2-Tetrachloro-2-fluoroethane</t>
  </si>
  <si>
    <t>134237-32-4_x000D_
354-14-3_x000D_
354-11-0</t>
  </si>
  <si>
    <t>(HCFC-121)_x000D_
(HCFC-121)_x000D_
(HCFC-121a)</t>
  </si>
  <si>
    <t>R00245</t>
  </si>
  <si>
    <t>Trichlorodifluoroethane_x000D_
1,2,2-Trichloro-1,1-difluoroethane _x000D_
1,1,2-Trichloro-1,2-difluoroethane _x000D_
1,1,1-Trichloro-2,2-difluoroethane</t>
  </si>
  <si>
    <t>41834-16-6_x000D_
354-21-2_x000D_
354-15-4_x000D_
354-12-1</t>
  </si>
  <si>
    <t>(HCFC-122)_x000D_
(HCFC-122)_x000D_
(HCFC-122a)_x000D_
(HCFC-122b)</t>
  </si>
  <si>
    <t>R00246</t>
  </si>
  <si>
    <t>Dichlorotrifluoroethane_x000D_
1,1-Dichloro-2,2,2-trifluoroethane _x000D_
1,2-Dichloro-1,1,2-trifluoroethane _x000D_
1,1-Dichloro-1,2,2-trifluoroethane</t>
  </si>
  <si>
    <t>34077-87-7_x000D_
306-83-2_x000D_
354-23-4_x000D_
90454-18-5_x000D_
812-04-4</t>
  </si>
  <si>
    <t>(HCFC-123)_x000D_
(HCFC-123)_x000D_
(HCFC-123a)_x000D_
 (HCFC-123b)</t>
  </si>
  <si>
    <t>R00247</t>
  </si>
  <si>
    <t>Chlorotetrafluoroethane _x000D_
2-chloro-1,1,1,2-tetrafluoroethane _x000D_
1-chloro-1,1,2,2-tetrafluoroethane</t>
  </si>
  <si>
    <t>63938-10-3_x000D_
2837-89-0_x000D_
354-25-6</t>
  </si>
  <si>
    <t>(HCFC-124)_x000D_
(HCFC-124)_x000D_
(HCFC-124a)</t>
  </si>
  <si>
    <t>R00248</t>
  </si>
  <si>
    <t>Trichlorofluoroethane _x000D_
1,1,2-Trichloro-2-fluoroethane _x000D_
1,1,2-Trichloro-1-fluoroethane_x000D_
1,1,1-Trichloro-2-fluoroethane</t>
  </si>
  <si>
    <t>27154-33-2;_x000D_
(134237-34-6)_x000D_
359-28-4_x000D_
811-95-0_x000D_
2366-36-1</t>
  </si>
  <si>
    <t>(HCFC-131)_x000D_
(HCFC-131)_x000D_
 (HCFC131a)_x000D_
(HCFC-131b)</t>
  </si>
  <si>
    <t>R00249</t>
  </si>
  <si>
    <t>Dichlorodifluoroethane _x000D_
1,2-Dichloro-1,2-difluoroethane_x000D_
1,1-Dichloro-2,2-difluoroethane_x000D_
1,2-Dichloro-1,1-difluoroethane _x000D_
1,1-Dichloro-1,2-difluoroethane</t>
  </si>
  <si>
    <t>25915-78-0_x000D_
431-06-1_x000D_
471-43-2_x000D_
1649-08-7_x000D_
1842-05-3</t>
  </si>
  <si>
    <t>(HCFC-132)_x000D_
 (HCFC-132)_x000D_
 (HCFC-132a)_x000D_
(HCFC-132b)_x000D_
(HFCF-132c)</t>
  </si>
  <si>
    <t>R00250</t>
  </si>
  <si>
    <t>Chlorotrifluoroethane_x000D_
1-Chloro-1,2,2-trifluoroethane _x000D_
2-Chloro-1,1,1-trifluoroethane _x000D_
1-Chloro-1,1,2-trifluoroethane</t>
  </si>
  <si>
    <t>1330-45-6_x000D_
431-07-2_x000D_
1330-45-6_x000D_
75-88-7_x000D_
421-04-5</t>
  </si>
  <si>
    <t>(HCFC-133)_x000D_
(HCFC-133)_x000D_
(HCFC-133a)_x000D_
(HCFC-133b)</t>
  </si>
  <si>
    <t>R00251</t>
  </si>
  <si>
    <t>Dichlorofluoroethane_x000D_
1,2-Dichloro-1-fluoroethane _x000D_
1,1-Dichloro-2-fluoroethane _x000D_
1,1-Dichloro-1-fluoroethane</t>
  </si>
  <si>
    <t>1717-00-6;_x000D_
(25167-88-8)_x000D_
430-57-9_x000D_
430-53-5_x000D_
1717-00-6</t>
  </si>
  <si>
    <t>(HCFC-141)_x000D_
(HCFC-141)_x000D_
(HCFC-141a)_x000D_
(HCFC-141b)</t>
  </si>
  <si>
    <t>R00252</t>
  </si>
  <si>
    <t>Chlorodifluoroethane_x000D_
2-Chloro-1,1-Difluoroethane _x000D_
1-Chloro-1,1-difluoroethane_x000D_
1-Chloro-1,2-difluoroethane</t>
  </si>
  <si>
    <t>25497-29-4_x000D_
338-65-8_x000D_
75-68-3_x000D_
338-64-7</t>
  </si>
  <si>
    <t>(HCFC-142)_x000D_
(HCFC-142)_x000D_
 (HCFC-142b)_x000D_
(HCFC-142a)</t>
  </si>
  <si>
    <t>R00253</t>
  </si>
  <si>
    <t>Chlorofluoroethane _x000D_
1-Chloro-2-fluoroethane _x000D_
1-Chloro-1-fluoroethane</t>
  </si>
  <si>
    <t>110587-14-9_x000D_
762-50-5_x000D_
1615-75-4</t>
  </si>
  <si>
    <t>(HCFC-151)_x000D_
(HCFC-151)_x000D_
(HCFC-151a)</t>
  </si>
  <si>
    <t>R00254</t>
  </si>
  <si>
    <t>Hexachlorofluoropropane _x000D_
1,1,1,2,2,3-Hexachloro-3-fluoropropane</t>
  </si>
  <si>
    <t>134237-35-7_x000D_
29470-94-8_x000D_
422-26-4</t>
  </si>
  <si>
    <t>(HCFC-221)_x000D_
(HCFC-221ab)</t>
  </si>
  <si>
    <t>R00255</t>
  </si>
  <si>
    <t>Pentachlorodifluoropropane _x000D_
1,1,1,3,3-pentachloro-2,2-difluoropropane _x000D_
1,2,2,3,3-pentachloro-1,1-difluoropropane</t>
  </si>
  <si>
    <t>134237-36-8_x000D_
422-49-1_x000D_
422-30-0</t>
  </si>
  <si>
    <t>(HCFC-222)_x000D_
(HCFC-222ca)_x000D_
(HCFC-222aa)</t>
  </si>
  <si>
    <t>R00256</t>
  </si>
  <si>
    <t>Tetrachlorotrifluoropropane _x000D_
1,1,3,3-Tetrachloro-1,2,2-trifluoropropane _x000D_
1,1,1,3-Tetrachloro-2,2,3-trifluoropropane</t>
  </si>
  <si>
    <t>134237-37-9_x000D_
422-52-6_x000D_
422-50-4</t>
  </si>
  <si>
    <t>(HCFC-223)_x000D_
(HCFC-223ca)_x000D_
(HCFC-223cb)</t>
  </si>
  <si>
    <t>R00257</t>
  </si>
  <si>
    <t>Trichlorotetrafluoropropane _x000D_
1,3,3-Trichloro-1,1,2,2-tetrafluoropropane _x000D_
1,1,3-Trichloro-1,2,2,3-tetrafluoropropane _x000D_
1,1,1-Trichloro-2,2,3,3-tetrafluoropropane</t>
  </si>
  <si>
    <t>(HCFC-224)_x000D_
(HCFC-224ca)_x000D_
(HCFC-224cb)_x000D_
(HCFC-224cc)</t>
  </si>
  <si>
    <t>R00258</t>
  </si>
  <si>
    <t>Dichloropentafluoropropane _x000D_
2,2-Dichloro-1,1,1,3,3-pentafluoropropane_x000D_
2,3-Dichloro-1,1,1,2,3-pentafluoropropane _x000D_
1,2-Dichloro-1,1,2,3,3-pentafluoropropane _x000D_
3,3-Dichloro-1,1,1,2,2-pentafluoropropane _x000D_
1,3-Dichloro-1,1,2,2,3-pentafluoropropane _x000D_
1,1-Dichloro-1,2,2,3,3-pentafluoropropane_x000D_
1,2-Dichloro-1,1,3,3,3-pentafluoropropane _x000D_
1,3-Dichloro-1,1,2,3,3-pentafluoropropane _x000D_
1,1-Dichloro-1,2,3,3,3-pentafluoropropane</t>
  </si>
  <si>
    <t>127564-92-5_x000D_
128903-21-9_x000D_
422-48-0_x000D_
422-44-6_x000D_
422-56-0_x000D_
507-55-1_x000D_
13474-88-9_x000D_
431-86-7_x000D_
136013-79-1_x000D_
111512-56-2</t>
  </si>
  <si>
    <t>(HCFC-225)_x000D_
(HCFC-225aa)_x000D_
(HCFC-225ba)_x000D_
(HCFC-225bb)_x000D_
(HCFC-225ca)_x000D_
(HCFC-225cb)_x000D_
(HCFC-225cc)_x000D_
(HCFC-225da)_x000D_
(HCFC-225ea)_x000D_
(HCFC-225eb)</t>
  </si>
  <si>
    <t>R00259</t>
  </si>
  <si>
    <t>Chlorohexafluoropropane _x000D_
2-Chloro-1,1,1,3,3,3-hexafluoro-propane</t>
  </si>
  <si>
    <t>134308-72-8_x000D_
431-87-8</t>
  </si>
  <si>
    <t>(HCFC-226)_x000D_
(HCFC-226da)</t>
  </si>
  <si>
    <t>R00260</t>
  </si>
  <si>
    <t>Pentachlorofluoropropane _x000D_
1,1,1,2,3-pentachloro-2-fluoro-propane</t>
  </si>
  <si>
    <t>134190-48-0_x000D_
421-94-3</t>
  </si>
  <si>
    <t>(HCFC-231)_x000D_
(HCFC-231bb)</t>
  </si>
  <si>
    <t>R00261</t>
  </si>
  <si>
    <t>Tetrachlorodifluoropropane _x000D_
1,1,1,3-Tetrachloro-3,3-difluoropropane</t>
  </si>
  <si>
    <t>134237-39-1_x000D_
460-89-9</t>
  </si>
  <si>
    <t>(HCFC-232)_x000D_
(HCFC-232fc)</t>
  </si>
  <si>
    <t>R00262</t>
  </si>
  <si>
    <t>Trichlorotrifluoropropane_x000D_
1,1,1-Trichloro-3,3,3-trifluoropropane</t>
  </si>
  <si>
    <t>134237-40-4_x000D_
7125-83-9</t>
  </si>
  <si>
    <t>(HCFC-233) (HCFC-233fb)</t>
  </si>
  <si>
    <t>R00263</t>
  </si>
  <si>
    <t>Dichlorotetrafluoropropane _x000D_
1,2-Dichloro-1,2,3,3-tetrafluoropropane</t>
  </si>
  <si>
    <t>127564-83-4_x000D_
425-94-5</t>
  </si>
  <si>
    <t>(HCFC-234)_x000D_
(HCFC-234db)</t>
  </si>
  <si>
    <t>R00264</t>
  </si>
  <si>
    <t>Chloropentafluoropropane_x000D_
1-Chloro-1,1,3,3,3-pentafluoropropane</t>
  </si>
  <si>
    <t>134237-41-5_x000D_
460-92-4</t>
  </si>
  <si>
    <t>(HCFC-235)_x000D_
(HCFC-235fa)</t>
  </si>
  <si>
    <t>R00265</t>
  </si>
  <si>
    <t>Tetrachlorofluoropropane _x000D_
1,1,2,3-Tetrachloro-1-fluoropropane</t>
  </si>
  <si>
    <t>134190-49-1_x000D_
666-27-3</t>
  </si>
  <si>
    <t>(HCFC-241)_x000D_
(HCFC-241db)</t>
  </si>
  <si>
    <t>R00266</t>
  </si>
  <si>
    <t>Trichlorodifluoropropane _x000D_
1,3,3,Trichloro-1,1-difluoropropane</t>
  </si>
  <si>
    <t>134237-42-6_x000D_
460-63-9</t>
  </si>
  <si>
    <t>(HCFC-242)_x000D_
(HCFC-242fa)</t>
  </si>
  <si>
    <t>R00267</t>
  </si>
  <si>
    <t>Dichlorotrifluoropropane _x000D_
1,1-Dichloro-1,2,2-trifluoropropane _x000D_
2,3-Dichloro-1,1,1-trifluoropropane _x000D_
3,3-Dichloro-1,1,1-trifluoropropane</t>
  </si>
  <si>
    <t>134237-43-7_x000D_
7125-99-7_x000D_
338-75-0_x000D_
460-69-5</t>
  </si>
  <si>
    <t>(HCFC-243)_x000D_
(HCFC-243cc)_x000D_
(HCFC-243db)_x000D_
(HCFC-243fa)</t>
  </si>
  <si>
    <t>R00268</t>
  </si>
  <si>
    <t>Chlorotetrafluoropropane_x000D_
3-Chloro-1,1,2,2-tetrafluoropropane _x000D_
1-Chloro-1,1,2,2-tetrafluoropropane</t>
  </si>
  <si>
    <t>134190-50-4_x000D_
679-85-6_x000D_
421-75-0</t>
  </si>
  <si>
    <t>(HCFC-244)_x000D_
(HCFC-244ca)_x000D_
(HCFC-244cc)</t>
  </si>
  <si>
    <t>R00269</t>
  </si>
  <si>
    <t>Trichlorofluoropropane _x000D_
1,1,3-Trichloro-1-fluoropropane _x000D_
1,1,2-Trichloro-1-fluoropropane</t>
  </si>
  <si>
    <t>134190-51-5_x000D_
818-99-5_x000D_
421-41-0</t>
  </si>
  <si>
    <t>(HCFC-251)_x000D_
(HCFC-251fb)_x000D_
(HCFC-251dc)</t>
  </si>
  <si>
    <t>R00270</t>
  </si>
  <si>
    <t>Dichlorodifluoropropane_x000D_
1,3-Dicloro-1,1-difluoropropane</t>
  </si>
  <si>
    <t>134190-52-6_x000D_
819-00-1</t>
  </si>
  <si>
    <t>(HCFC-252)_x000D_
(HCFC-252fb)</t>
  </si>
  <si>
    <t>R00271</t>
  </si>
  <si>
    <t>Chlorotrifluoropropane _x000D_
3-Chloro-1,1,1-trifluoropropane</t>
  </si>
  <si>
    <t>134237-44-8_x000D_
460-35-5</t>
  </si>
  <si>
    <t>(HCFC-253)_x000D_
(HCFC-253fb)</t>
  </si>
  <si>
    <t>R00272</t>
  </si>
  <si>
    <t>Dichlorofluoropropane _x000D_
1,1-Dichloro-1-fluoropropane_x000D_
1,2-Dichloro-2-fluoro-propane</t>
  </si>
  <si>
    <t>134237-45-9_x000D_
7799-56-6_x000D_
420-97-3</t>
  </si>
  <si>
    <t>(HCFC-261)_x000D_
 (HCFC-261fc)_x000D_
 (HCFC-261ba)</t>
  </si>
  <si>
    <t>R00273</t>
  </si>
  <si>
    <t>R00274</t>
  </si>
  <si>
    <t>Chlorofluoropropane_x000D_
2-Chloro-2-fluoropropane_x000D_
1-Chloro-1-fluoropropane</t>
  </si>
  <si>
    <t>134190-54-8_x000D_
420-44-0_x000D_
430-55-7</t>
  </si>
  <si>
    <t>(HCFC-271)_x000D_
 (HCFC-271ba)_x000D_
(HCFC-271fb)</t>
  </si>
  <si>
    <t>R00275</t>
  </si>
  <si>
    <t>R00276</t>
  </si>
  <si>
    <t>R00277</t>
  </si>
  <si>
    <t>R00278</t>
  </si>
  <si>
    <t>R00279</t>
  </si>
  <si>
    <t>R00280</t>
  </si>
  <si>
    <t>R00281</t>
  </si>
  <si>
    <t>R00282</t>
  </si>
  <si>
    <t>R00283</t>
  </si>
  <si>
    <t>R00284</t>
  </si>
  <si>
    <t>R00285</t>
  </si>
  <si>
    <t>R00286</t>
  </si>
  <si>
    <t>R00287</t>
  </si>
  <si>
    <t>R00288</t>
  </si>
  <si>
    <t>R00290</t>
  </si>
  <si>
    <t>R00291</t>
  </si>
  <si>
    <t>R00292</t>
  </si>
  <si>
    <t>R00293</t>
  </si>
  <si>
    <t>Diisodecycl phthalate (DIDP)</t>
  </si>
  <si>
    <t>26761-40-0_x000D_
68515-49-1</t>
  </si>
  <si>
    <t>R00294</t>
  </si>
  <si>
    <t>28553-12-0_x000D_
68515-48-0</t>
  </si>
  <si>
    <t>R00295</t>
  </si>
  <si>
    <t>Di-n-octyl phthalate (DNOP)</t>
  </si>
  <si>
    <t>R00296</t>
  </si>
  <si>
    <t>Polybrominated Biphenyls</t>
  </si>
  <si>
    <t>R00297</t>
  </si>
  <si>
    <t>Dibromobiphenyl</t>
  </si>
  <si>
    <t>R00298</t>
  </si>
  <si>
    <t>2-Bromobiphenyl</t>
  </si>
  <si>
    <t>2052-07-5</t>
  </si>
  <si>
    <t>R00299</t>
  </si>
  <si>
    <t>3-Bromobiphenyl</t>
  </si>
  <si>
    <t>2113-57-7</t>
  </si>
  <si>
    <t>R00300</t>
  </si>
  <si>
    <t>4-Bromobiphenyl</t>
  </si>
  <si>
    <t>92-66-0</t>
  </si>
  <si>
    <t>R00301</t>
  </si>
  <si>
    <t>Tribromobiphenyl</t>
  </si>
  <si>
    <t>R00302</t>
  </si>
  <si>
    <t>Tetrabromobiphenyl</t>
  </si>
  <si>
    <t>R00303</t>
  </si>
  <si>
    <t>Pentabrphenyl</t>
  </si>
  <si>
    <t>56307-79-0</t>
  </si>
  <si>
    <t>R00304</t>
  </si>
  <si>
    <t>R00305</t>
  </si>
  <si>
    <t>hexabromo-1,1-biphenyl</t>
  </si>
  <si>
    <t>R00306</t>
  </si>
  <si>
    <t>R00307</t>
  </si>
  <si>
    <t>Heptabromobiphenyl</t>
  </si>
  <si>
    <t>35194-78-6</t>
  </si>
  <si>
    <t>R00308</t>
  </si>
  <si>
    <t>R00309</t>
  </si>
  <si>
    <t>27753-52-2</t>
  </si>
  <si>
    <t>R00310</t>
  </si>
  <si>
    <t>R00311</t>
  </si>
  <si>
    <t>Bromodiphenyl  ether</t>
  </si>
  <si>
    <t>Substance group name modified in D4.00 to exactly match with naming of declarable substance group</t>
  </si>
  <si>
    <t>R00312</t>
  </si>
  <si>
    <t>Dibromodiphenyl ethers</t>
  </si>
  <si>
    <t>R00313</t>
  </si>
  <si>
    <t>R00314</t>
  </si>
  <si>
    <t>Tetrabromodiphenyl ethers</t>
  </si>
  <si>
    <t>R00315</t>
  </si>
  <si>
    <t>R00316</t>
  </si>
  <si>
    <t>Heptabromodiphenylether</t>
  </si>
  <si>
    <t>R00317</t>
  </si>
  <si>
    <t>Nonabromodiphenylether</t>
  </si>
  <si>
    <t>R00318</t>
  </si>
  <si>
    <t>Decabromodiphenyl  ether</t>
  </si>
  <si>
    <t>R00319</t>
  </si>
  <si>
    <t>Pentabromodiphenyl ether</t>
  </si>
  <si>
    <t>R00320</t>
  </si>
  <si>
    <t>Octabromodiphenyl ether</t>
  </si>
  <si>
    <t>R00321</t>
  </si>
  <si>
    <t>Polychlorinated Biphenyls (all isomers and congeners)</t>
  </si>
  <si>
    <t>R00322</t>
  </si>
  <si>
    <t>Monomethyl-tetrachloro-diphenyl methane</t>
  </si>
  <si>
    <t>Ugilec 141</t>
  </si>
  <si>
    <t>R00323</t>
  </si>
  <si>
    <t>Monomethyl-dichloro-diphenyl methane</t>
  </si>
  <si>
    <t>Ugilec 121, Ugilec 21</t>
  </si>
  <si>
    <t>R00324</t>
  </si>
  <si>
    <t>Monomethyl-dibromo-diphenyl methane (DBBT)</t>
  </si>
  <si>
    <t>R00325</t>
  </si>
  <si>
    <t>Polychlorinated Terphenyls (PCT) (all isomers and congeners)</t>
  </si>
  <si>
    <t>R00326</t>
  </si>
  <si>
    <t>R00328</t>
  </si>
  <si>
    <t>Uranium-238</t>
  </si>
  <si>
    <t>R00329</t>
  </si>
  <si>
    <t>Radon</t>
  </si>
  <si>
    <t>10043-92-2</t>
  </si>
  <si>
    <t>R00330</t>
  </si>
  <si>
    <t>Americium-241</t>
  </si>
  <si>
    <t>14596-10-2</t>
  </si>
  <si>
    <t>R00331</t>
  </si>
  <si>
    <t>Thorium-232</t>
  </si>
  <si>
    <t>R00332</t>
  </si>
  <si>
    <t>Cesium-137</t>
  </si>
  <si>
    <t>10045-97-3</t>
  </si>
  <si>
    <t>R00333</t>
  </si>
  <si>
    <t>Strontium-90</t>
  </si>
  <si>
    <t>10098-97-2</t>
  </si>
  <si>
    <t>R00334</t>
  </si>
  <si>
    <t>Other radioactive substances</t>
  </si>
  <si>
    <t>R00337</t>
  </si>
  <si>
    <t>Alkanes, C10-13, chloro</t>
  </si>
  <si>
    <t>2015-04-01</t>
  </si>
  <si>
    <t>D8.00: Substance group name modified to match with Candidate list for European REACH Regulation No. 1907/2006/EC; Commerical grade of chemical, other alkanes might also contain short-chain chlorinated paraffins</t>
  </si>
  <si>
    <t>R00338</t>
  </si>
  <si>
    <t>Alkanes, C10-12, chloro</t>
  </si>
  <si>
    <t>108171-26-2</t>
  </si>
  <si>
    <t>D8.00: Substance group name modified to match with Candidate list for European REACH Regulation No. 1907/2006/EC; From ECHA REACH dossier on SCCP</t>
  </si>
  <si>
    <t>R00339</t>
  </si>
  <si>
    <t>Alkanes, C12-13, chloro</t>
  </si>
  <si>
    <t>R00340</t>
  </si>
  <si>
    <t>Alkanes, chloro</t>
  </si>
  <si>
    <t>R00341</t>
  </si>
  <si>
    <t>Other Short Chain Chlorinated Paraffins</t>
  </si>
  <si>
    <t>R00342</t>
  </si>
  <si>
    <t>Triphenyltin-N, N-dimethyldithiocarbamate</t>
  </si>
  <si>
    <t>When two reporting thresholds are listed, the manufacturer needs to evaluate their products against both thresholds.  Reporting is required if one or both thresholds are exceeded.</t>
  </si>
  <si>
    <t>R00343</t>
  </si>
  <si>
    <t>Triphenyltinfluoride</t>
  </si>
  <si>
    <t>R00344</t>
  </si>
  <si>
    <t>Triphenyltinacetate</t>
  </si>
  <si>
    <t>R00345</t>
  </si>
  <si>
    <t>Triphenyltinchloride</t>
  </si>
  <si>
    <t>R00346</t>
  </si>
  <si>
    <t>Triphenyltinhydroxide</t>
  </si>
  <si>
    <t>R00347</t>
  </si>
  <si>
    <t>Triphenyltin fattyacid((9-11)salt)</t>
  </si>
  <si>
    <t>18380-71-7_x000D_
18380-72-8_x000D_
47672-31-1_x000D_
94850-90-5</t>
  </si>
  <si>
    <t>R00348</t>
  </si>
  <si>
    <t>Triphenyltinchloroacetate</t>
  </si>
  <si>
    <t>R00349</t>
  </si>
  <si>
    <t>Tributyltinmethacrylate</t>
  </si>
  <si>
    <t>R00350</t>
  </si>
  <si>
    <t>Bis(tributyltin)fumalate</t>
  </si>
  <si>
    <t>R00351</t>
  </si>
  <si>
    <t>Tributyltinfluoride</t>
  </si>
  <si>
    <t>R00352</t>
  </si>
  <si>
    <t>Bis(tributyltin)2,3-dibromosuccinate</t>
  </si>
  <si>
    <t>31732-71-5</t>
  </si>
  <si>
    <t>R00353</t>
  </si>
  <si>
    <t>Tributyltinacetate</t>
  </si>
  <si>
    <t>R00354</t>
  </si>
  <si>
    <t>Tributyltinlaurate</t>
  </si>
  <si>
    <t>R00355</t>
  </si>
  <si>
    <t>R00356</t>
  </si>
  <si>
    <t>67772-01-4</t>
  </si>
  <si>
    <t>R00357</t>
  </si>
  <si>
    <t>Tributyltinsulfamate</t>
  </si>
  <si>
    <t>R00358</t>
  </si>
  <si>
    <t>Bis(tributyltin)maleate</t>
  </si>
  <si>
    <t>R00359</t>
  </si>
  <si>
    <t>Tributyltinchloride</t>
  </si>
  <si>
    <t>1461-22-9_x000D_
7342-38-3</t>
  </si>
  <si>
    <t>R00360</t>
  </si>
  <si>
    <t>Tributyltin cyclopentane carbonate=mixture</t>
  </si>
  <si>
    <t>R00361</t>
  </si>
  <si>
    <t>Tributyltin-1, 2,3,4,4a, 4b, 5,6,10,10a-decahydro-7-isoplopyl-1, 4a-dimethyl-1-phenanthrencarboxylatemix</t>
  </si>
  <si>
    <t>R00362</t>
  </si>
  <si>
    <t>Other tri-substituted organostannic compounds</t>
  </si>
  <si>
    <t>R00363</t>
  </si>
  <si>
    <t>Tetrakis(2-chloroethyl)dichloroisopentyldiphosphate</t>
  </si>
  <si>
    <t>38051-10-4</t>
  </si>
  <si>
    <t>R00364</t>
  </si>
  <si>
    <t>Tris(1-chloro-2-propyl)phosphate</t>
  </si>
  <si>
    <t>13674-84-5</t>
  </si>
  <si>
    <t>R00365</t>
  </si>
  <si>
    <t>Tris(2,3-dichloro-1-propyl)phosphate</t>
  </si>
  <si>
    <t>66108-37-0</t>
  </si>
  <si>
    <t>R00366</t>
  </si>
  <si>
    <t>Other Chlorinated Flame Retardants</t>
  </si>
  <si>
    <t>R00367</t>
  </si>
  <si>
    <t>Poly(oxy-1,2-ethanediyl), α-(4-nonylphenyl)-ω-hydroxy-</t>
  </si>
  <si>
    <t>R00368</t>
  </si>
  <si>
    <t>R00369</t>
  </si>
  <si>
    <t>Ethanol, 2-[2-(4-nonylphenoxy)ethoxy]-</t>
  </si>
  <si>
    <t>R00370</t>
  </si>
  <si>
    <t>3,6,9,12,15-Pentaoxaheptadecan-1-ol,17-(4-nonylphenoxy)-</t>
  </si>
  <si>
    <t>R00371</t>
  </si>
  <si>
    <t>3,6,9,12,15,18-Hexaoxaeicosan-1-ol, 20-(4-nonylphenoxy)-</t>
  </si>
  <si>
    <t>R00372</t>
  </si>
  <si>
    <t>3,6,9,12,15,18,21,24-Octaoxahexacosan-1-ol,26-(4-nonylphenoxy)-</t>
  </si>
  <si>
    <t>14409-72-4</t>
  </si>
  <si>
    <t>R00373</t>
  </si>
  <si>
    <t>Pentadecafluorooctanoic acid</t>
  </si>
  <si>
    <t>Perfluorooctanoic acid</t>
  </si>
  <si>
    <t>R00374</t>
  </si>
  <si>
    <t>Ammonium pentadecafluorooctanoate</t>
  </si>
  <si>
    <t>Ammonium perfluorooctanoate</t>
  </si>
  <si>
    <t>R00375</t>
  </si>
  <si>
    <t>Sodium pentadecafluorooctanoate</t>
  </si>
  <si>
    <t>Sodium perfluorooctanoate</t>
  </si>
  <si>
    <t>R00376</t>
  </si>
  <si>
    <t>Potassium pentadecafluorooctanoate</t>
  </si>
  <si>
    <t>Potassium perfluorooctanoate</t>
  </si>
  <si>
    <t>R00377</t>
  </si>
  <si>
    <t>Silver pentadecafluorooctanoate</t>
  </si>
  <si>
    <t>Silver perfluorooctanoate</t>
  </si>
  <si>
    <t>R00378</t>
  </si>
  <si>
    <t>Pentadecafluoroctanoyl fluoride</t>
  </si>
  <si>
    <t>Perfluoroctanoyl fluoride</t>
  </si>
  <si>
    <t>R00379</t>
  </si>
  <si>
    <t>Methyl pentadecafluorooctanoate</t>
  </si>
  <si>
    <t>Methyl perfluorooctanoate</t>
  </si>
  <si>
    <t>R00380</t>
  </si>
  <si>
    <t>Ethyl pentadecafluorooctanoate</t>
  </si>
  <si>
    <t>Ethyl perfluorooctanoate</t>
  </si>
  <si>
    <t>R00381</t>
  </si>
  <si>
    <t>25550-51-0</t>
  </si>
  <si>
    <t>R00382</t>
  </si>
  <si>
    <t>Hexahydro-4-methylphthalic anhydride</t>
  </si>
  <si>
    <t>19438-60-9</t>
  </si>
  <si>
    <t>R00383</t>
  </si>
  <si>
    <t>Hexahydro-1-methylphthalic anhydride</t>
  </si>
  <si>
    <t>48122-14-1</t>
  </si>
  <si>
    <t>R00384</t>
  </si>
  <si>
    <t>Hexahydro-3-methylphthalic anhydride</t>
  </si>
  <si>
    <t>57110-29-9</t>
  </si>
  <si>
    <t>R00385</t>
  </si>
  <si>
    <t>D11.00: Added new reference substance</t>
  </si>
  <si>
    <t>R00386</t>
  </si>
  <si>
    <t>Isononylphenol ethoxylate</t>
  </si>
  <si>
    <t>R00387</t>
  </si>
  <si>
    <t>Poly(oxy-1,2-ethanediyl), alpha-(4-nonylphenyl)-omega-hydroxy-, branched</t>
  </si>
  <si>
    <t>R00388</t>
  </si>
  <si>
    <t>4-tert-Nonylphenol diethoxylate</t>
  </si>
  <si>
    <t>R00389</t>
  </si>
  <si>
    <t>1-Chloronaphthalene</t>
  </si>
  <si>
    <t>90-13-1</t>
  </si>
  <si>
    <t>R00390</t>
  </si>
  <si>
    <t>2-Chloronaphthalene</t>
  </si>
  <si>
    <t>91-58-7</t>
  </si>
  <si>
    <t>R00391</t>
  </si>
  <si>
    <t>1,5-Dichloronaphthalene</t>
  </si>
  <si>
    <t>1825-30-5</t>
  </si>
  <si>
    <t>R00392</t>
  </si>
  <si>
    <t>1,4-Dichloronaphthalene</t>
  </si>
  <si>
    <t>1825-31-6</t>
  </si>
  <si>
    <t>R00393</t>
  </si>
  <si>
    <t>1,2-Dichloronaphthalene</t>
  </si>
  <si>
    <t>2050-69-3</t>
  </si>
  <si>
    <t>R00394</t>
  </si>
  <si>
    <t>1,6-Dichloronaphthalene</t>
  </si>
  <si>
    <t>2050-72-8</t>
  </si>
  <si>
    <t>R00395</t>
  </si>
  <si>
    <t>1,7-Dichloronaphthalene</t>
  </si>
  <si>
    <t>2050-73-9</t>
  </si>
  <si>
    <t>R00396</t>
  </si>
  <si>
    <t>1,8-Dichloronaphthalene</t>
  </si>
  <si>
    <t>2050-74-0</t>
  </si>
  <si>
    <t>R00397</t>
  </si>
  <si>
    <t>2,3-Dichloronaphthalene</t>
  </si>
  <si>
    <t>2050-75-1</t>
  </si>
  <si>
    <t>R00398</t>
  </si>
  <si>
    <t>2,6-Dichloronaphthalene</t>
  </si>
  <si>
    <t>2065-70-5</t>
  </si>
  <si>
    <t>R00399</t>
  </si>
  <si>
    <t>1,3-Dichloronaphthalene</t>
  </si>
  <si>
    <t>2198-75-6</t>
  </si>
  <si>
    <t>R00400</t>
  </si>
  <si>
    <t>2,7-Dichloronaphthalene</t>
  </si>
  <si>
    <t>2198-77-8</t>
  </si>
  <si>
    <t>R00401</t>
  </si>
  <si>
    <t>Chloronaphthalene</t>
  </si>
  <si>
    <t>25586-43-0</t>
  </si>
  <si>
    <t>R00402</t>
  </si>
  <si>
    <t>Dichloronaphthalene</t>
  </si>
  <si>
    <t>28699-88-9</t>
  </si>
  <si>
    <t>R00403</t>
  </si>
  <si>
    <t>R00404</t>
  </si>
  <si>
    <t>Trichloronaphthalene</t>
  </si>
  <si>
    <t>R00405</t>
  </si>
  <si>
    <t>Hexachloronaphthalene</t>
  </si>
  <si>
    <t>1335-87-1</t>
  </si>
  <si>
    <t>R00406</t>
  </si>
  <si>
    <t>Tetrachloronaphthalene</t>
  </si>
  <si>
    <t>1335-88-2</t>
  </si>
  <si>
    <t>R00407</t>
  </si>
  <si>
    <t>Perchloronaphthalene</t>
  </si>
  <si>
    <t>2234-13-1</t>
  </si>
  <si>
    <t>1,2,3,4,5,6,7,8-Octachloronaphthalene</t>
  </si>
  <si>
    <t>R00408</t>
  </si>
  <si>
    <t>1,4,6-Trichloronaphthalene</t>
  </si>
  <si>
    <t>2437-54-9</t>
  </si>
  <si>
    <t>R00409</t>
  </si>
  <si>
    <t>1,4,5-Trichloronaphthalene</t>
  </si>
  <si>
    <t>2437-55-0</t>
  </si>
  <si>
    <t>R00410</t>
  </si>
  <si>
    <t>1,4,5,8-Tetrachloronaphthalene</t>
  </si>
  <si>
    <t>3432-57-3</t>
  </si>
  <si>
    <t>R00411</t>
  </si>
  <si>
    <t>1,2,4,8-Tetrachloronaphthalene</t>
  </si>
  <si>
    <t>6529-87-9</t>
  </si>
  <si>
    <t>R00412</t>
  </si>
  <si>
    <t>1,2,4,5-Tetrachloronaphthalene</t>
  </si>
  <si>
    <t>6733-54-6</t>
  </si>
  <si>
    <t>R00413</t>
  </si>
  <si>
    <t>1,2,3,6,7,8-Hexachloronaphthalene</t>
  </si>
  <si>
    <t>17062-87-2</t>
  </si>
  <si>
    <t>R00414</t>
  </si>
  <si>
    <t>1,2,3,4-Tetrachloronaphthalene</t>
  </si>
  <si>
    <t>20020-02-4</t>
  </si>
  <si>
    <t>R00415</t>
  </si>
  <si>
    <t>1,3,5,8-Tetrachloronaphthalene</t>
  </si>
  <si>
    <t>31604-28-1</t>
  </si>
  <si>
    <t>R00416</t>
  </si>
  <si>
    <t>Heptachloronaphthalene</t>
  </si>
  <si>
    <t>32241-08-0</t>
  </si>
  <si>
    <t>R00417</t>
  </si>
  <si>
    <t>2,3,6,7-Tetrachloronaphthalene</t>
  </si>
  <si>
    <t>34588-40-4</t>
  </si>
  <si>
    <t>R00418</t>
  </si>
  <si>
    <t>1,2,4-Trichloronaphthalene</t>
  </si>
  <si>
    <t>50402-51-2</t>
  </si>
  <si>
    <t>R00419</t>
  </si>
  <si>
    <t>1,2,3-Trichloronaphthalene</t>
  </si>
  <si>
    <t>50402-52-3</t>
  </si>
  <si>
    <t>R00420</t>
  </si>
  <si>
    <t>1,3,5-Trichloronaphthalene</t>
  </si>
  <si>
    <t>51570-43-5</t>
  </si>
  <si>
    <t>R00421</t>
  </si>
  <si>
    <t>1,2,6-Trichloronaphthalene</t>
  </si>
  <si>
    <t>51570-44-6</t>
  </si>
  <si>
    <t>R00422</t>
  </si>
  <si>
    <t>1,2,4,6-Tetrachloronaphthalene</t>
  </si>
  <si>
    <t>51570-45-7</t>
  </si>
  <si>
    <t>R00423</t>
  </si>
  <si>
    <t>1,2,3,5-Tetrachloronaphthalene</t>
  </si>
  <si>
    <t>53555-63-8</t>
  </si>
  <si>
    <t>R00424</t>
  </si>
  <si>
    <t>1,3,5,7-Tetrachloronaphthalene</t>
  </si>
  <si>
    <t>53555-64-9</t>
  </si>
  <si>
    <t>R00425</t>
  </si>
  <si>
    <t>1,2,3,5,7-Pentachloronaphthalene</t>
  </si>
  <si>
    <t>53555-65-0</t>
  </si>
  <si>
    <t>R00426</t>
  </si>
  <si>
    <t>1,2,5-Trichloronaphthalene</t>
  </si>
  <si>
    <t>55720-33-7</t>
  </si>
  <si>
    <t>R00427</t>
  </si>
  <si>
    <t>1,2,7-Trichloronaphthalene</t>
  </si>
  <si>
    <t>55720-34-8</t>
  </si>
  <si>
    <t>R00428</t>
  </si>
  <si>
    <t>1,2,8-Trichloronaphthalene</t>
  </si>
  <si>
    <t>55720-35-9</t>
  </si>
  <si>
    <t>R00429</t>
  </si>
  <si>
    <t>1,3,6-Trichloronaphthalene</t>
  </si>
  <si>
    <t>55720-36-0</t>
  </si>
  <si>
    <t>R00430</t>
  </si>
  <si>
    <t>1,3,7-Trichloronaphthalene</t>
  </si>
  <si>
    <t>55720-37-1</t>
  </si>
  <si>
    <t>R00431</t>
  </si>
  <si>
    <t>1,3,8-Trichloronaphthalene</t>
  </si>
  <si>
    <t>55720-38-2</t>
  </si>
  <si>
    <t>R00432</t>
  </si>
  <si>
    <t>1,6,7-Trichloronaphthalene</t>
  </si>
  <si>
    <t>55720-39-3</t>
  </si>
  <si>
    <t>R00433</t>
  </si>
  <si>
    <t>2,3,6-Trichloronaphthalene</t>
  </si>
  <si>
    <t>55720-40-6</t>
  </si>
  <si>
    <t>R00434</t>
  </si>
  <si>
    <t>1,2,3,7-Tetrachloronaphthalene</t>
  </si>
  <si>
    <t>55720-41-7</t>
  </si>
  <si>
    <t>R00435</t>
  </si>
  <si>
    <t>1,3,6,7-Tetrachloronaphthalene</t>
  </si>
  <si>
    <t>55720-42-8</t>
  </si>
  <si>
    <t>R00436</t>
  </si>
  <si>
    <t>1,4,6,7-Tetrachloronaphthalene</t>
  </si>
  <si>
    <t>55720-43-9</t>
  </si>
  <si>
    <t>R00437</t>
  </si>
  <si>
    <t>1,2,3,4,5,6,7-Heptachloronaphthalene</t>
  </si>
  <si>
    <t>58863-14-2</t>
  </si>
  <si>
    <t>R00438</t>
  </si>
  <si>
    <t>1,2,3,4,5,6,8-Heptachloronaphthalene</t>
  </si>
  <si>
    <t>58863-15-3</t>
  </si>
  <si>
    <t>R00439</t>
  </si>
  <si>
    <t>1,2,3,4,5,6-Hexachloronaphthalene</t>
  </si>
  <si>
    <t>58877-88-6</t>
  </si>
  <si>
    <t>R00440</t>
  </si>
  <si>
    <t>1,2,4,7-Tetrachloronaphthalene</t>
  </si>
  <si>
    <t>67922-21-8</t>
  </si>
  <si>
    <t>R00441</t>
  </si>
  <si>
    <t>1,2,5,6-Tetrachloronaphthalene</t>
  </si>
  <si>
    <t>67922-22-9</t>
  </si>
  <si>
    <t>R00442</t>
  </si>
  <si>
    <t>1,2,5,7-Tetrachloronaphthalene</t>
  </si>
  <si>
    <t>67922-23-0</t>
  </si>
  <si>
    <t>R00443</t>
  </si>
  <si>
    <t>1,2,6,8-Tetrachloronaphthalene</t>
  </si>
  <si>
    <t>67922-24-1</t>
  </si>
  <si>
    <t>R00444</t>
  </si>
  <si>
    <t>1,2,3,4,5-Pentachloronaphthalene</t>
  </si>
  <si>
    <t>67922-25-2</t>
  </si>
  <si>
    <t>R00445</t>
  </si>
  <si>
    <t>1,2,3,4,6-Pentachloronaphthalene</t>
  </si>
  <si>
    <t>67922-26-3</t>
  </si>
  <si>
    <t>R00446</t>
  </si>
  <si>
    <t>1,2,3,4,5,7-Hexachloronaphthalene</t>
  </si>
  <si>
    <t>67922-27-4</t>
  </si>
  <si>
    <t>R00447</t>
  </si>
  <si>
    <t>1,2,4,5,6,8-Hexachloronaphthalene</t>
  </si>
  <si>
    <t>90948-28-0</t>
  </si>
  <si>
    <t>R00448</t>
  </si>
  <si>
    <t>1,2,4,5,7,8-Hexachloronaphthalene</t>
  </si>
  <si>
    <t>103426-92-2</t>
  </si>
  <si>
    <t>R00449</t>
  </si>
  <si>
    <t>1,2,3,4,5,8-Hexachloronaphthalene</t>
  </si>
  <si>
    <t>103426-93-3</t>
  </si>
  <si>
    <t>R00450</t>
  </si>
  <si>
    <t>1,2,3,5,7,8-Hexachloronaphthalene</t>
  </si>
  <si>
    <t>103426-94-4</t>
  </si>
  <si>
    <t>R00451</t>
  </si>
  <si>
    <t>1,2,3,5,6,8-Hexachloronaphthalene</t>
  </si>
  <si>
    <t>103426-95-5</t>
  </si>
  <si>
    <t>R00452</t>
  </si>
  <si>
    <t>1,2,3,4,6,7-Hexachloronaphthalene</t>
  </si>
  <si>
    <t>103426-96-6</t>
  </si>
  <si>
    <t>R00453</t>
  </si>
  <si>
    <t>1,2,3,5,6,7-Hexachloronaphthalene</t>
  </si>
  <si>
    <t>103426-97-7</t>
  </si>
  <si>
    <t>R00454</t>
  </si>
  <si>
    <t>1,2,3,6-Tetrachloronaphthalene</t>
  </si>
  <si>
    <t>149864-78-8</t>
  </si>
  <si>
    <t>R00455</t>
  </si>
  <si>
    <t>1,2,6,7-Tetrachloronaphthalene</t>
  </si>
  <si>
    <t>149864-79-9</t>
  </si>
  <si>
    <t>R00456</t>
  </si>
  <si>
    <t>1,2,5,8-Tetrachloronaphthalene</t>
  </si>
  <si>
    <t>149864-80-2</t>
  </si>
  <si>
    <t>R00457</t>
  </si>
  <si>
    <t>1,2,3,8-Tetrachloronaphthalene</t>
  </si>
  <si>
    <t>149864-81-3</t>
  </si>
  <si>
    <t>R00458</t>
  </si>
  <si>
    <t>1,2,7,8-Tetrachloronaphthalene</t>
  </si>
  <si>
    <t>149864-82-4</t>
  </si>
  <si>
    <t>R00459</t>
  </si>
  <si>
    <t>1,2,3,7,8-Pentachloronaphthalene</t>
  </si>
  <si>
    <t>150205-21-3</t>
  </si>
  <si>
    <t>R00460</t>
  </si>
  <si>
    <t>1,3,6,8-Tetrachloronaphthalene</t>
  </si>
  <si>
    <t>150224-15-0</t>
  </si>
  <si>
    <t>R00461</t>
  </si>
  <si>
    <t>1,2,3,6,7-Pentachloronaphthalene</t>
  </si>
  <si>
    <t>150224-16-1</t>
  </si>
  <si>
    <t>R00462</t>
  </si>
  <si>
    <t>1,2,4,6,7-Pentachloronaphthalene</t>
  </si>
  <si>
    <t>150224-17-2</t>
  </si>
  <si>
    <t>R00463</t>
  </si>
  <si>
    <t>1,2,3,5,6-Pentachloronaphthalene</t>
  </si>
  <si>
    <t>150224-18-3</t>
  </si>
  <si>
    <t>R00464</t>
  </si>
  <si>
    <t>1,2,4,5,7-Pentachloronaphthalene</t>
  </si>
  <si>
    <t>150224-19-4</t>
  </si>
  <si>
    <t>R00465</t>
  </si>
  <si>
    <t>1,2,4,5,6-Pentachloronaphthalene</t>
  </si>
  <si>
    <t>150224-20-7</t>
  </si>
  <si>
    <t>R00466</t>
  </si>
  <si>
    <t>1,2,4,7,8-Pentachloronaphthalene</t>
  </si>
  <si>
    <t>150224-21-8</t>
  </si>
  <si>
    <t>R00467</t>
  </si>
  <si>
    <t>1,2,4,6,8-Pentachloronaphthalene</t>
  </si>
  <si>
    <t>150224-22-9</t>
  </si>
  <si>
    <t>R00468</t>
  </si>
  <si>
    <t>1,2,3,6,8-Pentachloronaphthalene</t>
  </si>
  <si>
    <t>150224-23-0</t>
  </si>
  <si>
    <t>R00469</t>
  </si>
  <si>
    <t>1,2,3,5,8-Pentachloronaphthalene</t>
  </si>
  <si>
    <t>150224-24-1</t>
  </si>
  <si>
    <t>R00470</t>
  </si>
  <si>
    <t>1,2,4,5,8-Pentachloronaphthalene</t>
  </si>
  <si>
    <t>150224-25-2</t>
  </si>
  <si>
    <t>R00471</t>
  </si>
  <si>
    <t>Perfluorononan-1-oic-acid</t>
  </si>
  <si>
    <t>PFNA, Heptadecafluorononanoic acid</t>
  </si>
  <si>
    <t>This substance list is complete and is based on the regulation cited in the declarable substance worksheet.</t>
  </si>
  <si>
    <t>R00472</t>
  </si>
  <si>
    <t>Ammonium salt of perfluorononan-1-oic-acid</t>
  </si>
  <si>
    <t>Ammonium heptadecafluoronononate</t>
  </si>
  <si>
    <t>R00473</t>
  </si>
  <si>
    <t>Sodium salt of perfluorononan-1-oic-acid</t>
  </si>
  <si>
    <t>Sodium heptadecafluoronononate</t>
  </si>
  <si>
    <t>R00474</t>
  </si>
  <si>
    <t>Nonadecafluorodecanoic acid</t>
  </si>
  <si>
    <t>335-76-2</t>
  </si>
  <si>
    <t>PFDA</t>
  </si>
  <si>
    <t>R00475</t>
  </si>
  <si>
    <t>Decanoic acid, nonadecafluoro-, sodium salt</t>
  </si>
  <si>
    <t>3830-45-3</t>
  </si>
  <si>
    <t>R00476</t>
  </si>
  <si>
    <t>Ammonium nonadecafluorodecanoate</t>
  </si>
  <si>
    <t>3108-42-7</t>
  </si>
  <si>
    <t>R00477</t>
  </si>
  <si>
    <t>TDCPP, TDCP</t>
  </si>
  <si>
    <t>D13.00: Added reference substance</t>
  </si>
  <si>
    <t>ANNEX I</t>
  </si>
  <si>
    <t>CAS No</t>
  </si>
  <si>
    <t>Specific exemption on intermediate use or other specification</t>
  </si>
  <si>
    <t>Perfluorooctane sulfonic acid and its derivatives (PFOS)</t>
  </si>
  <si>
    <t>(X = OH, Metal salt (O-M+), halide, amide, and other derivatives including polymers)</t>
  </si>
  <si>
    <t>DDT (1,1,1-trichloro-2,2-bis(4-chlorophenyl)ethane)</t>
  </si>
  <si>
    <t>50-29-3</t>
  </si>
  <si>
    <t>200-024-3</t>
  </si>
  <si>
    <t>—</t>
  </si>
  <si>
    <t>Chlordane</t>
  </si>
  <si>
    <t>57-74-9</t>
  </si>
  <si>
    <t>200-349-0</t>
  </si>
  <si>
    <t>Hexachlorocyclohexanes, including lindane</t>
  </si>
  <si>
    <t>200-401-2</t>
  </si>
  <si>
    <t>319-84-6</t>
  </si>
  <si>
    <t>206-270-8</t>
  </si>
  <si>
    <t>319-85-7</t>
  </si>
  <si>
    <t>206-271-3</t>
  </si>
  <si>
    <t>608-73-1</t>
  </si>
  <si>
    <t>210-168-9</t>
  </si>
  <si>
    <t>Dieldrin</t>
  </si>
  <si>
    <t>60-57-1</t>
  </si>
  <si>
    <t>200-484-5</t>
  </si>
  <si>
    <t>Endrin</t>
  </si>
  <si>
    <t>72-20-8</t>
  </si>
  <si>
    <t>200-775-7</t>
  </si>
  <si>
    <t>Heptachlor</t>
  </si>
  <si>
    <t>76-44-8</t>
  </si>
  <si>
    <t>200-962-3</t>
  </si>
  <si>
    <t>Endosulfan</t>
  </si>
  <si>
    <t>115-29-7</t>
  </si>
  <si>
    <t>959-98-8</t>
  </si>
  <si>
    <t>33213-65-9</t>
  </si>
  <si>
    <t>204-079-4</t>
  </si>
  <si>
    <t>Chlordecone</t>
  </si>
  <si>
    <t>143-50-0</t>
  </si>
  <si>
    <t>205-601-3</t>
  </si>
  <si>
    <t>Aldrin</t>
  </si>
  <si>
    <t>309-00-2</t>
  </si>
  <si>
    <t>206-215-8</t>
  </si>
  <si>
    <t>Polychlorinated Biphenyls (PCB)</t>
  </si>
  <si>
    <t>1336-36-3 and others</t>
  </si>
  <si>
    <t>215-648-1 and others</t>
  </si>
  <si>
    <t>Mirex</t>
  </si>
  <si>
    <t>219-196-6</t>
  </si>
  <si>
    <t>Toxaphene</t>
  </si>
  <si>
    <t>8001-35-2</t>
  </si>
  <si>
    <t>232-283-3</t>
  </si>
  <si>
    <t>252-994-2</t>
  </si>
  <si>
    <t>▼M11</t>
  </si>
  <si>
    <t>Hexabromocyclododecane</t>
  </si>
  <si>
    <t>25637-99-4,</t>
  </si>
  <si>
    <t>3194-55-6,</t>
  </si>
  <si>
    <t>134237-50-6,</t>
  </si>
  <si>
    <t>134237-51-7,</t>
  </si>
  <si>
    <t>247-148-4,</t>
  </si>
  <si>
    <t>221-695-9</t>
  </si>
  <si>
    <t>Hexachlorobutadiene</t>
  </si>
  <si>
    <t>201-765-5</t>
  </si>
  <si>
    <t>REGULATION (EC) No 1907/2006 OF THE EUROPEAN PARLIAMENT AND OF THE COUNCIL</t>
  </si>
  <si>
    <t>of 18 December 2006</t>
  </si>
  <si>
    <t>concerning the Registration, Evaluation, Authorisation and Restriction of Chemicals (REACH), establishing a European Chemicals Agency, amending Directive 1999/45/EC and repealing Council Regulation (EEC) No 793/93 and Commission Regulation (EC) No 1488/94 as well as Council Directive 76/769/EEC and Commission Directives 91/155/EEC, 93/67/EEC, 93/105/EC and 2000/21/EC</t>
  </si>
  <si>
    <t>(OJ L 396 30.12.2006, p. 1)</t>
  </si>
  <si>
    <t>ANNEX XIV</t>
  </si>
  <si>
    <t>LIST OF SUBSTANCES SUBJECT TO AUTHORISATION</t>
  </si>
  <si>
    <t>Entry Nr</t>
  </si>
  <si>
    <t>Intrinsic property(ies) referred to in Article 57</t>
  </si>
  <si>
    <t>Transitional arrangements</t>
  </si>
  <si>
    <t>Exempted (categories of) uses</t>
  </si>
  <si>
    <t>Review periods</t>
  </si>
  <si>
    <t>Latest application date (1)</t>
  </si>
  <si>
    <t>Sunset date (2)</t>
  </si>
  <si>
    <t>5-tert-butyl-2,4,6-trinitro-m-xylene</t>
  </si>
  <si>
    <t>EC No: 201-329-4</t>
  </si>
  <si>
    <t>CAS No: 81-15-2</t>
  </si>
  <si>
    <t>vPvB</t>
  </si>
  <si>
    <t>(MDA)</t>
  </si>
  <si>
    <t>EC No: 202-974-4</t>
  </si>
  <si>
    <t>CAS No: 101-77-9</t>
  </si>
  <si>
    <t>Carcinogenic</t>
  </si>
  <si>
    <t>(category 1B)</t>
  </si>
  <si>
    <t>EC No:</t>
  </si>
  <si>
    <t>CAS No:</t>
  </si>
  <si>
    <t>CAS No: 134237-51-7</t>
  </si>
  <si>
    <t>CAS No: 134237-52-8</t>
  </si>
  <si>
    <t>PBT</t>
  </si>
  <si>
    <t>Bis(2-ethylhexyl) phthalate</t>
  </si>
  <si>
    <t>EC No: 204-211-0</t>
  </si>
  <si>
    <t>CAS No: 117-81-7</t>
  </si>
  <si>
    <t>Toxic for reproduction</t>
  </si>
  <si>
    <t>Benzyl butyl phthalate</t>
  </si>
  <si>
    <t>EC No: 201-622-7</t>
  </si>
  <si>
    <t>CAS No: 85-68-7</t>
  </si>
  <si>
    <t>Dibutyl phthalate</t>
  </si>
  <si>
    <t>EC No: 201-557-4</t>
  </si>
  <si>
    <t>CAS No: 84-74-2</t>
  </si>
  <si>
    <t>▼M15</t>
  </si>
  <si>
    <t>EC No: 201-553-2</t>
  </si>
  <si>
    <t>CAS No: 84-69-5</t>
  </si>
  <si>
    <t>EC No: 215-481-4</t>
  </si>
  <si>
    <t>CAS No: 1327-53-3</t>
  </si>
  <si>
    <t>(category 1A)</t>
  </si>
  <si>
    <t>EC No: 215-116-9</t>
  </si>
  <si>
    <t>CAS No: 1303-28-2</t>
  </si>
  <si>
    <t>EC No: 231-846-0</t>
  </si>
  <si>
    <t>CAS No: 7758-97-6</t>
  </si>
  <si>
    <t>(C.I. Pigment Yellow 34)</t>
  </si>
  <si>
    <t>EC No: 215-693-7</t>
  </si>
  <si>
    <t>CAS No: 1344-37-2</t>
  </si>
  <si>
    <t>(C.I. Pigment Red 104)</t>
  </si>
  <si>
    <t>EC No: 235-759-9</t>
  </si>
  <si>
    <t>CAS No: 12656-85-8</t>
  </si>
  <si>
    <t>Tris (2-chloroethyl) phosphate</t>
  </si>
  <si>
    <t>(TCEP)</t>
  </si>
  <si>
    <t>EC No: 204-118-5</t>
  </si>
  <si>
    <t>CAS No: 115-96-8</t>
  </si>
  <si>
    <t>EC No: 204-450-0</t>
  </si>
  <si>
    <t>CAS No: 121-14-2</t>
  </si>
  <si>
    <t>EC No: 201-167-4</t>
  </si>
  <si>
    <t>CAS No: 79-01-6</t>
  </si>
  <si>
    <t>EC No: 215-607-8</t>
  </si>
  <si>
    <t>CAS No: 1333-82-0</t>
  </si>
  <si>
    <t>Mutagenic</t>
  </si>
  <si>
    <t>Group containing:</t>
  </si>
  <si>
    <t>EC No: 231-801-5</t>
  </si>
  <si>
    <t>CAS No: 7738-94-5</t>
  </si>
  <si>
    <t>Dichromic acid</t>
  </si>
  <si>
    <t>EC No: 236-881-5</t>
  </si>
  <si>
    <t>CAS No: 13530-68-2</t>
  </si>
  <si>
    <t>EC No: not yet assigned</t>
  </si>
  <si>
    <t>CAS No: not yet assigned</t>
  </si>
  <si>
    <t>EC No: 234-190-3</t>
  </si>
  <si>
    <t>CAS No: 7789-12-0</t>
  </si>
  <si>
    <t>EC No: 231-906-6</t>
  </si>
  <si>
    <t>CAS No: 7778-50-9</t>
  </si>
  <si>
    <t>EC No: 232-143-1</t>
  </si>
  <si>
    <t>CAS No: 7789-09-5</t>
  </si>
  <si>
    <t>EC No: 232-140-5</t>
  </si>
  <si>
    <t>CAS No: 7789-00-6</t>
  </si>
  <si>
    <t>EC No: 231-889-5</t>
  </si>
  <si>
    <t>CAS No: 7775-11-3</t>
  </si>
  <si>
    <t>EC No: 500-036-1</t>
  </si>
  <si>
    <t>CAS No: 25214-70-4</t>
  </si>
  <si>
    <t>EC No: 231-901-9</t>
  </si>
  <si>
    <t>CAS No: 7778-39-4</t>
  </si>
  <si>
    <t>Bis(2-methoxyethyl) ether (diglyme)</t>
  </si>
  <si>
    <t>EC No: 203-924-4</t>
  </si>
  <si>
    <t>CAS No: 111-96-6</t>
  </si>
  <si>
    <t>EC No: 203-458-1</t>
  </si>
  <si>
    <t>CAS No: 107-06-2</t>
  </si>
  <si>
    <t>EC No: 202-918-9</t>
  </si>
  <si>
    <t>CAS No: 101-14-4</t>
  </si>
  <si>
    <t>EC No: 246-356-2</t>
  </si>
  <si>
    <t>CAS No: 24613-89-6</t>
  </si>
  <si>
    <t>EC No: 232-142-6</t>
  </si>
  <si>
    <t>CAS No: 7789-06-2</t>
  </si>
  <si>
    <t>EC No: 234-329-8</t>
  </si>
  <si>
    <t>CAS No: 11103-86-9</t>
  </si>
  <si>
    <t>EC No: 256-418-0</t>
  </si>
  <si>
    <t>CAS No: 49663-84-5</t>
  </si>
  <si>
    <t>▼C1</t>
  </si>
  <si>
    <t>ANNEX XVII</t>
  </si>
  <si>
    <t>RESTRICTIONS ON THE MANUFACTURE, PLACING ON THE MARKET AND USE OF CERTAIN DANGEROUS SUBSTANCES, MIXTURES AND ARTICLES</t>
  </si>
  <si>
    <t>Column 1</t>
  </si>
  <si>
    <t>Designation of the substance, of the group of substances or of the mixture</t>
  </si>
  <si>
    <t>Column 2</t>
  </si>
  <si>
    <t>Conditions of restriction</t>
  </si>
  <si>
    <t>1.  Polychlorinated terphenyls (PCTs)</t>
  </si>
  <si>
    <t>Shall not be placed on the market, or used:</t>
  </si>
  <si>
    <t>— as substances,</t>
  </si>
  <si>
    <t>2.  Chloroethene (vinyl chloride)</t>
  </si>
  <si>
    <t>CAS No 75-01-4</t>
  </si>
  <si>
    <t>EC No 200-831-0</t>
  </si>
  <si>
    <t>Shall not be used as propellant in aerosols for any use.</t>
  </si>
  <si>
    <t>Aerosols dispensers containing the substance as propellant shall not be placed on the market.</t>
  </si>
  <si>
    <t>1.  Shall not be used in:</t>
  </si>
  <si>
    <t>— ornamental articles intended to produce light or colour effects by means of different phases, for example in ornamental lamps and ashtrays,</t>
  </si>
  <si>
    <t>— tricks and jokes,</t>
  </si>
  <si>
    <t>— games for one or more participants, or any article intended to be used as such, even with ornamental aspects,</t>
  </si>
  <si>
    <t>2.  Articles not complying with paragraph 1 shall not be placed on the market.</t>
  </si>
  <si>
    <t>3.  Shall not be placed on the market if they contain a colouring agent, unless required for fiscal reasons, or perfume, or both, if they:</t>
  </si>
  <si>
    <t>4.  Tris (2,3 dibromopropyl) phosphate</t>
  </si>
  <si>
    <t>CAS No 126-72-7</t>
  </si>
  <si>
    <t>1.  Shall not be used in textile articles, such as garments, undergarments and linen, intended to come into contact with the skin.</t>
  </si>
  <si>
    <t>5.  Benzene</t>
  </si>
  <si>
    <t>CAS No 71-43-2</t>
  </si>
  <si>
    <t>EC No 200-753-7</t>
  </si>
  <si>
    <t>2.  Toys and parts of toys not complying with paragraph 1 shall not be placed on the market.</t>
  </si>
  <si>
    <t>3.  Shall not be placed on the market, or used,</t>
  </si>
  <si>
    <t>— as a substance,</t>
  </si>
  <si>
    <t>4.  However, paragraph 3 shall not apply to:</t>
  </si>
  <si>
    <t>6.  Asbestos fibres</t>
  </si>
  <si>
    <t>(a)  Crocidolite</t>
  </si>
  <si>
    <t>CAS No 12001-28-4</t>
  </si>
  <si>
    <t>(b)  Amosite</t>
  </si>
  <si>
    <t>CAS No 12172-73-5</t>
  </si>
  <si>
    <t>(c)  Anthophyllite</t>
  </si>
  <si>
    <t>CAS No 77536-67-5</t>
  </si>
  <si>
    <t>(d)  Actinolite</t>
  </si>
  <si>
    <t>CAS No 77536-66-4</t>
  </si>
  <si>
    <t>(e)  Tremolite</t>
  </si>
  <si>
    <t>CAS No 77536-68-6</t>
  </si>
  <si>
    <t>(f)  Chrysotile</t>
  </si>
  <si>
    <t>CAS No 12001-29-5</t>
  </si>
  <si>
    <t>CAS No 132207-32-0</t>
  </si>
  <si>
    <t>3.  Without prejudice to the application of other Community provisions on the classification, packaging and labelling of substances and mixtures, the placing on the market and use of articles containing these fibres, as permitted according to the preceding derogations, shall be permitted only if suppliers ensure before the placing on the market that articles bear a label in accordance with Appendix 7 to this Annex.</t>
  </si>
  <si>
    <t>7.  Tris(aziridinyl)phosphinoxide</t>
  </si>
  <si>
    <t>CAS No 545-55-1</t>
  </si>
  <si>
    <t>EC No 208-892-5</t>
  </si>
  <si>
    <t>8.  Polybromobiphenyls; Polybrominatedbiphenyls (PBB)</t>
  </si>
  <si>
    <t>CAS No 59536-65-1</t>
  </si>
  <si>
    <t>9.  </t>
  </si>
  <si>
    <t>(a)  Soap bark powder</t>
  </si>
  <si>
    <t>CAS No 68990-67-0</t>
  </si>
  <si>
    <t>EC 273-620-4</t>
  </si>
  <si>
    <t>(d)  Benzidine and/or its derivatives</t>
  </si>
  <si>
    <t>CAS No 92-87-5</t>
  </si>
  <si>
    <t>EC No 202-199-1</t>
  </si>
  <si>
    <t>(e)  o-Nitrobenzaldehyde</t>
  </si>
  <si>
    <t>CAS No 552-89-6</t>
  </si>
  <si>
    <t>EC No 209-025-3</t>
  </si>
  <si>
    <t>(f)  Wood powder</t>
  </si>
  <si>
    <t>1.  Shall not be used, in jokes and hoaxes or in mixtures or articles intended to be used as such, for instance as a constituent of sneezing powder and stink bombs.</t>
  </si>
  <si>
    <t>2.  Jokes and hoaxes, or mixtures or articles intended to be used as such, not complying with paragraph 1 shall not be placed on the market.</t>
  </si>
  <si>
    <t>10.  </t>
  </si>
  <si>
    <t>(a)  Ammonium sulphide</t>
  </si>
  <si>
    <t>CAS No 12135-76-1</t>
  </si>
  <si>
    <t>EC No 235-223-4</t>
  </si>
  <si>
    <t>(b)  Ammonium hydrogen sulphide</t>
  </si>
  <si>
    <t>CAS No 12124-99-1</t>
  </si>
  <si>
    <t>EC No 235-184-3</t>
  </si>
  <si>
    <t>(c)  Ammonium polysulphide</t>
  </si>
  <si>
    <t>CAS No 9080-17-5</t>
  </si>
  <si>
    <t>EC No 232-989-1</t>
  </si>
  <si>
    <t>11.  Volatile esters of bromoacetic acids:</t>
  </si>
  <si>
    <t>(a)  Methyl bromoacetate</t>
  </si>
  <si>
    <t>CAS No 96-32-2</t>
  </si>
  <si>
    <t>EC No 202-499-2</t>
  </si>
  <si>
    <t>(b)  Ethyl bromoacetate</t>
  </si>
  <si>
    <t>CAS No 105-36-2</t>
  </si>
  <si>
    <t>EC No 203-290-9</t>
  </si>
  <si>
    <t>(c)  Propyl bromoacetate</t>
  </si>
  <si>
    <t>CAS No 35223-80-4</t>
  </si>
  <si>
    <t>(d)  Butyl bromoacetate</t>
  </si>
  <si>
    <t>CAS No 18991-98-5</t>
  </si>
  <si>
    <t>EC No 242-729-9</t>
  </si>
  <si>
    <t>12.  2-Naphthylamine</t>
  </si>
  <si>
    <t>CAS No 91-59-8</t>
  </si>
  <si>
    <t>EC No 202-080-4 and its salts</t>
  </si>
  <si>
    <t>13.  Benzidine</t>
  </si>
  <si>
    <t>EC No 202-199-1 and its salts</t>
  </si>
  <si>
    <t>14.  4-Nitrobiphenyl</t>
  </si>
  <si>
    <t>CAS No 92-93-3</t>
  </si>
  <si>
    <t>Einecs EC No 202-204-7</t>
  </si>
  <si>
    <t>15.  4-Aminobiphenyl xenylamine</t>
  </si>
  <si>
    <t>CAS No 92-67-1</t>
  </si>
  <si>
    <t>Einecs EC No 202-177-1 and its salts</t>
  </si>
  <si>
    <t>The following shall apply to entries 12 to 15:</t>
  </si>
  <si>
    <t>16.  Lead carbonates:</t>
  </si>
  <si>
    <t>CAS No 598-63-0</t>
  </si>
  <si>
    <t>EC No 209-943-4</t>
  </si>
  <si>
    <t>CAS No 1319-46-6</t>
  </si>
  <si>
    <t>EC No 215-290-6</t>
  </si>
  <si>
    <t>17.  Lead sulphates:</t>
  </si>
  <si>
    <t>CAS No 7446-14-2</t>
  </si>
  <si>
    <t>EC No 231-198-9</t>
  </si>
  <si>
    <t>CAS No 15739-80-7</t>
  </si>
  <si>
    <t>EC No 239-831-0</t>
  </si>
  <si>
    <t>18.  Mercury compounds</t>
  </si>
  <si>
    <t>Shall not be placed on the market, or used, as substances or in mixtures where the substance or mixture is intended for use:</t>
  </si>
  <si>
    <t>(a)  to prevent the fouling by micro-organisms, plants or animals of:</t>
  </si>
  <si>
    <t>— the hulls of boats,</t>
  </si>
  <si>
    <t>— cages, floats, nets and any other appliances or equipment used for fish or shellfish farming,</t>
  </si>
  <si>
    <t>— any totally or partly submerged appliances or equipment;</t>
  </si>
  <si>
    <t>(b)  in the preservation of wood;</t>
  </si>
  <si>
    <t>(c)  in the impregnation of heavy-duty industrial textiles and yarn intended for their manufacture;</t>
  </si>
  <si>
    <t>(d)  in the treatment of industrial waters, irrespective of their use.</t>
  </si>
  <si>
    <t>18a.  Mercury</t>
  </si>
  <si>
    <t>CAS No 7439-97-6</t>
  </si>
  <si>
    <t>EC No 231-106-7</t>
  </si>
  <si>
    <t>(c)  mercury triple point cells which are used for the calibration of platinum resistance thermometers.</t>
  </si>
  <si>
    <t>19.  Arsenic compounds</t>
  </si>
  <si>
    <t>1.  Shall not be placed on the market, or used, as substances or in mixtures where the substance or mixture is intended for use to prevent the fouling by micro-organisms, plants or animals of:</t>
  </si>
  <si>
    <t>— any totally or partly submerged appliances or equipment.</t>
  </si>
  <si>
    <t>2.  Shall not be placed on the market, or used, as substances or in mixtures where the substance or mixture is intended for use in the treatment of industrial waters, irrespective of their use.</t>
  </si>
  <si>
    <t>3.  Shall not be used in the preservation of wood. Furthermore, wood so treated shall not be placed on the market.</t>
  </si>
  <si>
    <t>4.  By way of derogation from paragraph 3:</t>
  </si>
  <si>
    <t>(a)  Relating to the substances and mixtures for the preservation of wood: these may only be used in industrial installations using vacuum or pressure to impregnate wood if they are solutions of inorganic compounds of the copper, chromium, arsenic (CCA) type C and if they are authorised in accordance with Article 5(1) of Directive 98/8/EC. Wood so treated shall not be placed on the market before fixation of the preservative is completed.</t>
  </si>
  <si>
    <t>(b)  Wood treated with CCA solution in accordance with point (a) may be placed on the market for professional and industrial use provided that the structural integrity of the wood is required for human or livestock safety and skin contact by the general public during its service life is unlikely:</t>
  </si>
  <si>
    <t>— as structural timber in public and agricultural buildings, office buildings, and industrial premises,</t>
  </si>
  <si>
    <t>— in bridges and bridgework,</t>
  </si>
  <si>
    <t>— as constructional timber in freshwater areas and brackish waters, for example jetties and bridges,</t>
  </si>
  <si>
    <t>— as noise barriers,</t>
  </si>
  <si>
    <t>— in avalanche control,</t>
  </si>
  <si>
    <t>— in highway safety fencing and barriers,</t>
  </si>
  <si>
    <t>— as debarked round conifer livestock fence posts,</t>
  </si>
  <si>
    <t>— in earth retaining structures,</t>
  </si>
  <si>
    <t>— as electric power transmission and telecommunications poles,</t>
  </si>
  <si>
    <t>— as underground railway sleepers.</t>
  </si>
  <si>
    <t>(c)  Without prejudice to the application of other Community provisions on the classification, packaging and labelling of substances and mixtures, suppliers shall ensure before the placing on the market that all treated wood placed on the market is individually labelled ‘For professional and industrial installation and use only, contains arsenic’. In addition, all wood placed on the market in packs shall also bear a label stating ‘Wear gloves when handling this wood. Wear a dust mask and eye protection when cutting or otherwise crafting this wood. Waste from this wood shall be treated as hazardous by an authorised undertaking’.</t>
  </si>
  <si>
    <t>(d)  Treated wood referred to under point (a) shall not be used:</t>
  </si>
  <si>
    <t>— in residential or domestic constructions, whatever the purpose,</t>
  </si>
  <si>
    <t>— in any application where there is a risk of repeated skin contact,</t>
  </si>
  <si>
    <t>— in marine waters,</t>
  </si>
  <si>
    <t>— for agricultural purposes other than for livestock fence posts and structural uses in accordance with point (b),</t>
  </si>
  <si>
    <t>— in any application where the treated wood may come into contact with intermediate or finished products intended for human and/or animal consumption.</t>
  </si>
  <si>
    <t>5.  Wood treated with arsenic compounds that was in use in the Community before 30 September 2007, or that was placed on the market in accordance with paragraph 4 may remain in place and continue to be used until it reaches the end of its service life.</t>
  </si>
  <si>
    <t>6.  Wood treated with CCA type C that was in use in the Community before 30 September 2007, or that was placed on the market in accordance with paragraph 4:</t>
  </si>
  <si>
    <t>— may be used or reused subject to the conditions pertaining to its use listed under points 4(b), (c) and (d),</t>
  </si>
  <si>
    <t>— may be placed on the market subject to the conditions pertaining to its use listed under points 4(b), (c) and (d).</t>
  </si>
  <si>
    <t>7.  Member States may allow wood treated with other types of CCA solutions that was in use in the Community before 30 September 2007:</t>
  </si>
  <si>
    <t>— to be used or reused subject to the conditions pertaining to its use listed under points 4 (b), (c) and (d),</t>
  </si>
  <si>
    <t>— to be placed on the market subject to the conditions pertaining to its use listed under points 4(b), (c) and (d).</t>
  </si>
  <si>
    <t>20.  Organostannic compounds</t>
  </si>
  <si>
    <t>(c)  By way of derogation, points (a) and (b) shall not apply until 1 January 2015 to the following articles and mixtures for supply to the general public:</t>
  </si>
  <si>
    <t>— one-component and two-component room temperature vulcanisation sealants (RTV-1 and RTV-2 sealants) and adhesives,</t>
  </si>
  <si>
    <t>— paints and coatings containing DBT compounds as catalysts when applied on articles,</t>
  </si>
  <si>
    <t>— soft polyvinyl chloride (PVC) profiles whether by themselves or coextruded with hard PVC,</t>
  </si>
  <si>
    <t>— fabrics coated with PVC containing DBT compounds as stabilisers when intended for outdoor applications,</t>
  </si>
  <si>
    <t>— outdoor rainwater pipes, gutters and fittings, as well as covering material for roofing and façades,</t>
  </si>
  <si>
    <t>— textile articles intended to come into contact with the skin,</t>
  </si>
  <si>
    <t>— gloves,</t>
  </si>
  <si>
    <t>— footwear or part of footwear intended to come into contact with the skin,</t>
  </si>
  <si>
    <t>— wall and floor coverings,</t>
  </si>
  <si>
    <t>— childcare articles,</t>
  </si>
  <si>
    <t>— female hygiene products,</t>
  </si>
  <si>
    <t>— nappies,</t>
  </si>
  <si>
    <t>— two-component room temperature vulcanisation moulding kits (RTV-2 moulding kits).</t>
  </si>
  <si>
    <t>CAS No 75113-37-0</t>
  </si>
  <si>
    <t>EC No 401-040-5</t>
  </si>
  <si>
    <t>23.  Cadmium</t>
  </si>
  <si>
    <t>CAS No 7440-43-9</t>
  </si>
  <si>
    <t>EC No 231-152-8 and its compounds</t>
  </si>
  <si>
    <t>1.  Shall not be used in mixtures and articles produced from the following synthetic organic polymers (hereafter referred to as plastic material):</t>
  </si>
  <si>
    <t>— polymers or copolymers of vinyl chloride (PVC) [3904 10] [3904 21]</t>
  </si>
  <si>
    <t>— polyurethane (PUR) [3909 50]</t>
  </si>
  <si>
    <t>— low-density polyethylene (LDPE), with the exception of low-density polyethylene used for the production of coloured masterbatch [3901 10]</t>
  </si>
  <si>
    <t>— cellulose acetate (CA) [3912 11]</t>
  </si>
  <si>
    <t>— cellulose acetate butyrate (CAB) [3912 11]</t>
  </si>
  <si>
    <t>— epoxy resins [3907 30]</t>
  </si>
  <si>
    <t>— melamine-formaldehyde (MF) resins [3909 20]</t>
  </si>
  <si>
    <t>— urea-formaldehyde (UF) resins [3909 10]</t>
  </si>
  <si>
    <t>— unsaturated polyesters (UP) [3907 91]</t>
  </si>
  <si>
    <t>— polyethylene terephthalate (PET) [3907 60]</t>
  </si>
  <si>
    <t>— polybutylene terephthalate (PBT)</t>
  </si>
  <si>
    <t>— transparent/general-purpose polystyrene [3903 11]</t>
  </si>
  <si>
    <t>— acrylonitrile methylmethacrylate (AMMA)</t>
  </si>
  <si>
    <t>— cross-linked polyethylene (VPE)</t>
  </si>
  <si>
    <t>— high-impact polystyrene</t>
  </si>
  <si>
    <t>— polypropylene (PP) [3902 10]</t>
  </si>
  <si>
    <t>4.  By way of derogation, paragraph 1, second subparagraph shall not apply to:</t>
  </si>
  <si>
    <t>— mixtures produced from PVC waste, hereinafter referred to as ‘recovered PVC’,</t>
  </si>
  <si>
    <t>— </t>
  </si>
  <si>
    <t>(a)  profiles and rigid sheets for building applications;</t>
  </si>
  <si>
    <t>(b)  doors, windows, shutters, walls, blinds, fences, and roof gutters;</t>
  </si>
  <si>
    <t>(c)  decks and terraces;</t>
  </si>
  <si>
    <t>(d)  cable ducts;</t>
  </si>
  <si>
    <t>(e)  pipes for non-drinking water if the recovered PVC is used in the middle layer of a multilayer pipe and is entirely covered with a layer of newly produced PVC in compliance with paragraph 1 above.</t>
  </si>
  <si>
    <t>(a)  equipment and machinery for:</t>
  </si>
  <si>
    <t>— food production [8210] [8417 20] [8419 81] [8421 11] [8421 22] [8422] [8435] [8437] [8438] [8476 11]</t>
  </si>
  <si>
    <t>— agriculture [8419 31] [8424 81] [8432] [8433] [8434] [8436]</t>
  </si>
  <si>
    <t>— cooling and freezing [8418]</t>
  </si>
  <si>
    <t>— printing and book-binding [8440] [8442] [8443]</t>
  </si>
  <si>
    <t>(b)  equipment and machinery for the production of:</t>
  </si>
  <si>
    <t>— household goods [7321] [8421 12] [8450] [8509] [8516]</t>
  </si>
  <si>
    <t>— furniture [8465] [8466] [9401] [9402] [9403] [9404]</t>
  </si>
  <si>
    <t>— sanitary ware [7324]</t>
  </si>
  <si>
    <t>— central heating and air conditioning plant [7322] [8403] [8404] [8415]</t>
  </si>
  <si>
    <t>(a)  equipment and machinery for the production of:</t>
  </si>
  <si>
    <t>— paper and board [8419 32] [8439] [8441] textiles and clothing [8444] [8445] [8447] [8448] [8449] [8451] [8452]</t>
  </si>
  <si>
    <t>— industrial handling equipment and machinery [8425] [8426] [8427] [8428] [8429] [8430] [8431]</t>
  </si>
  <si>
    <t>— road and agricultural vehicles [chapter 87]</t>
  </si>
  <si>
    <t>— rolling stock [chapter 86]</t>
  </si>
  <si>
    <t>— vessels [chapter 89]</t>
  </si>
  <si>
    <t>7.  However, the restrictions in paragraphs 5 and 6 shall not apply to:</t>
  </si>
  <si>
    <t>— articles and components of the articles used in the aeronautical, aerospace, mining, offshore and nuclear sectors whose applications require high safety standards and in safety devices in road and agricultural vehicles, rolling stock and vessels,</t>
  </si>
  <si>
    <t>— electrical contacts in any sector of use, where that is necessary to ensure the reliability required of the apparatus on which they are installed.</t>
  </si>
  <si>
    <t>(ii)  metal parts of jewellery and imitation jewellery articles and hair accessories, including:</t>
  </si>
  <si>
    <t>— bracelets, necklaces and rings,</t>
  </si>
  <si>
    <t>— piercing jewellery,</t>
  </si>
  <si>
    <t>— wrist-watches and wrist-wear,</t>
  </si>
  <si>
    <t>— brooches and cufflinks.</t>
  </si>
  <si>
    <t>24.  Monomethyl — tetrachlorodiphenyl methane</t>
  </si>
  <si>
    <t>Trade name: Ugilec 141</t>
  </si>
  <si>
    <t>CAS No 76253-60-6</t>
  </si>
  <si>
    <t>1.  Shall not be placed on the market, or used, as a substance or in mixtures.</t>
  </si>
  <si>
    <t>Articles containing the substance shall not be placed on the market.</t>
  </si>
  <si>
    <t>2.  By way of derogation, paragraph 1 shall not apply:</t>
  </si>
  <si>
    <t>(a)  in the case of plant and machinery already in service on 18 June 1994, until such plant and machinery is disposed of;</t>
  </si>
  <si>
    <t>(b)  in the case of the maintenance of plant and machinery already in service within a Member State on 18 June 1994.</t>
  </si>
  <si>
    <t>For the purposes of point (a) Member States may, on grounds of human health protection and environmental protection, prohibit within their territory the use of such plant or machinery before it is disposed of.</t>
  </si>
  <si>
    <t>25.  Monomethyl-dichloro-diphenyl methane</t>
  </si>
  <si>
    <t>Trade name: Ugilec 121</t>
  </si>
  <si>
    <t>Ugilec 21</t>
  </si>
  <si>
    <t>Shall not be placed on the market, or used, as a substance or in mixtures.</t>
  </si>
  <si>
    <t>26.  Monomethyl-dibromo-diphenyl methane bromobenzylbromotoluene, mixture of isomers</t>
  </si>
  <si>
    <t>Trade name: DBBT</t>
  </si>
  <si>
    <t>CAS No 99688-47-8</t>
  </si>
  <si>
    <t>27.  Nickel</t>
  </si>
  <si>
    <t>CAS No 7440-02-0</t>
  </si>
  <si>
    <t>EC No 231-111-4 and its compounds</t>
  </si>
  <si>
    <t>1.  Shall not be used:</t>
  </si>
  <si>
    <t>(b)  in articles intended to come into direct and prolonged contact with the skin such as:</t>
  </si>
  <si>
    <t>— earrings,</t>
  </si>
  <si>
    <t>— necklaces, bracelets and chains, anklets, finger rings,</t>
  </si>
  <si>
    <t>— wrist-watch cases, watch straps and tighteners,</t>
  </si>
  <si>
    <t>— rivet buttons, tighteners, rivets, zippers and metal marks, when these are used in garments,</t>
  </si>
  <si>
    <t>2.  Articles which are the subject of paragraph 1 shall not be placed on the market unless they conform to the requirements set out in that paragraph.</t>
  </si>
  <si>
    <t>3.  The standards adopted by the European Committee for Standardisation (CEN) shall be used as the test methods for demonstrating the conformity of articles to paragraphs 1 and 2.</t>
  </si>
  <si>
    <t>Without prejudice to the other parts of this Annex the following shall apply to entries 28 to 30:</t>
  </si>
  <si>
    <t>1.  Shall not be placed on the market, or used,</t>
  </si>
  <si>
    <t>— as constituents of other substances, or,</t>
  </si>
  <si>
    <t>— in mixtures,</t>
  </si>
  <si>
    <t>for supply to the general public when the individual concentration in the substance or mixture is equal to or greater than:</t>
  </si>
  <si>
    <t>— either the relevant specific concentration limit specified in Part 3 of Annex VI to Regulation (EC) No 1272/2008, or,</t>
  </si>
  <si>
    <t>— the relevant generic concentration limit specified in Part 3 of Annex I of Regulation (EC) No 1272/2008.</t>
  </si>
  <si>
    <t>Without prejudice to the implementation of other Community provisions relating to the classification, packaging and labelling of substances and mixtures, suppliers shall ensure before the placing on the market that the packaging of such substances and mixtures is marked visibly, legibly and indelibly as follows:</t>
  </si>
  <si>
    <t>‘Restricted to professional users’.</t>
  </si>
  <si>
    <t>2.  By way of derogation, paragraph 1 shall not apply to:</t>
  </si>
  <si>
    <t>(a)  medicinal or veterinary products as defined by Directive 2001/82/EC and Directive 2001/83/EC;</t>
  </si>
  <si>
    <t>(c)  the following fuels and oil products:</t>
  </si>
  <si>
    <t>— motor fuels which are covered by Directive 98/70/EC,</t>
  </si>
  <si>
    <t>— mineral oil products intended for use as fuel in mobile or fixed combustion plants,</t>
  </si>
  <si>
    <t>— fuels sold in closed systems (e.g. liquid gas bottles);</t>
  </si>
  <si>
    <t>31.  </t>
  </si>
  <si>
    <t>(a)  Creosote; wash oil</t>
  </si>
  <si>
    <t>CAS No 8001-58-9</t>
  </si>
  <si>
    <t>EC No 232-287-5</t>
  </si>
  <si>
    <t>(b)  Creosote oil; wash oil</t>
  </si>
  <si>
    <t>CAS No 61789-28-4</t>
  </si>
  <si>
    <t>EC No 263-047-8</t>
  </si>
  <si>
    <t>(c)  Distillates (coal tar), naphthalene oils; naphthalene oil</t>
  </si>
  <si>
    <t>CAS No 84650-04-4</t>
  </si>
  <si>
    <t>EC No 283-484-8</t>
  </si>
  <si>
    <t>(d)  Creosote oil, acenaphthene fraction; wash oil</t>
  </si>
  <si>
    <t>CAS No 90640-84-9</t>
  </si>
  <si>
    <t>EC No 283-484-8EC No 292-605-3</t>
  </si>
  <si>
    <t>(e)  Distillates (coal tar), upper; heavy anthracene oil</t>
  </si>
  <si>
    <t>CAS No 65996-91-0</t>
  </si>
  <si>
    <t>EC No 266-026-1</t>
  </si>
  <si>
    <t>(f)  Anthracene oil</t>
  </si>
  <si>
    <t>CAS No 90640-80-5</t>
  </si>
  <si>
    <t>EC No 292-602-7</t>
  </si>
  <si>
    <t>(g)  Tar acids, coal, crude; crude phenols</t>
  </si>
  <si>
    <t>CAS No 65996-85-2</t>
  </si>
  <si>
    <t>EC No 266-019-3</t>
  </si>
  <si>
    <t>(h)  Creosote, wood</t>
  </si>
  <si>
    <t>CAS No 8021-39-4</t>
  </si>
  <si>
    <t>EC No 232-419-1</t>
  </si>
  <si>
    <t>(i)  Low temperature tar oil, alkaline; extract residues (coal), low temperature coal tar alkaline</t>
  </si>
  <si>
    <t>CAS No 122384-78-5</t>
  </si>
  <si>
    <t>EC No 310-191-5</t>
  </si>
  <si>
    <t>1.  Shall not be placed on the market, or used, as substances or in mixtures where the substance or mixture is intended for the treatment of wood. Furthermore, wood so treated shall not be placed on the market.</t>
  </si>
  <si>
    <t>2.  By way of derogation from paragraph 1:</t>
  </si>
  <si>
    <t>(a)  The substances and mixtures may be used for wood treatment in industrial installations or by professionals covered by Community legislation on the protection of workers for in situ retreatment only if they contain:</t>
  </si>
  <si>
    <t>Such substances and mixtures for use in wood treatment in industrial installations or by professionals:</t>
  </si>
  <si>
    <t>— may be placed on the market only in packaging of a capacity equal to or greater than 20 litres,</t>
  </si>
  <si>
    <t>— shall not be sold to consumers.</t>
  </si>
  <si>
    <t>Without prejudice to the application of other Community provisions on the classification, packaging and labelling of substances and mixtures, suppliers shall ensure before the placing on the market that the packaging of such substances and mixtures is visibly, legibly and indelibly marked as follows:</t>
  </si>
  <si>
    <t>‘For use in industrial installations or professional treatment only’.</t>
  </si>
  <si>
    <t>(b)  Wood treated in industrial installations or by professionals according to subparagraph (a) which is placed on the market for the first time or retreated in situ may be used for professional and industrial use only, for example on railways, in electric power transmission and telecommunications, for fencing, for agricultural purposes (for example stakes for tree support) and in harbours and waterways.</t>
  </si>
  <si>
    <t>(c)  The prohibition in paragraph 1 on the placing on the market shall not apply to wood which has been treated with substances listed in entry 31 (a) to (i) before 31 December 2002 and is placed on the second-hand market for re-use.</t>
  </si>
  <si>
    <t>3.  Treated wood referred to under paragraph 2(b) and (c) shall not be used:</t>
  </si>
  <si>
    <t>— inside buildings, whatever their purpose,</t>
  </si>
  <si>
    <t>— in toys,</t>
  </si>
  <si>
    <t>— in playgrounds,</t>
  </si>
  <si>
    <t>— in parks, gardens, and outdoor recreational and leisure facilities where there is a risk of frequent skin contact,</t>
  </si>
  <si>
    <t>— in the manufacture of garden furniture such as picnic tables,</t>
  </si>
  <si>
    <t>— for the manufacture and use and any re-treatment of:</t>
  </si>
  <si>
    <t>— containers intended for growing purposes,</t>
  </si>
  <si>
    <t>— packaging that may come into contact with raw materials, intermediate or finished products destined for human and/or animal consumption,</t>
  </si>
  <si>
    <t>— other materials which may contaminate the articles mentioned above.</t>
  </si>
  <si>
    <t>32.  Chloroform</t>
  </si>
  <si>
    <t>CAS No 67-66-3</t>
  </si>
  <si>
    <t>EC No 200-663-8</t>
  </si>
  <si>
    <t>34.  1,1,2-Trichloroethane</t>
  </si>
  <si>
    <t>CAS No 79-00-5</t>
  </si>
  <si>
    <t>EC No 201-166-9</t>
  </si>
  <si>
    <t>35.  1,1,2,2-Tetrachloroethane</t>
  </si>
  <si>
    <t>CAS No 79-34-5</t>
  </si>
  <si>
    <t>EC No 201-197-8</t>
  </si>
  <si>
    <t>36.  1,1,1,2-Tetrachloroethane</t>
  </si>
  <si>
    <t>CAS No 630-20-6</t>
  </si>
  <si>
    <t>37.  Pentachloroethane</t>
  </si>
  <si>
    <t>CAS No 76-01-7</t>
  </si>
  <si>
    <t>EC No 200-925-1</t>
  </si>
  <si>
    <t>38.  1,1-Dichloroethene</t>
  </si>
  <si>
    <t>CAS No 75-35-4</t>
  </si>
  <si>
    <t>EC No 200-864-0</t>
  </si>
  <si>
    <t>Without prejudice to the other parts of this Annex, the following shall apply to entries 32 to 38.</t>
  </si>
  <si>
    <t>where the substance or mixture is intended for supply to the general public and/or is intended for diffusive applications such as in surface cleaning and cleaning of fabrics.</t>
  </si>
  <si>
    <t>‘For use in industrial installations only’.</t>
  </si>
  <si>
    <t>By way of derogation this provision shall not apply to:</t>
  </si>
  <si>
    <t>(b)  cosmetic products as defined by Directive 76/768/EEC.</t>
  </si>
  <si>
    <t>1.  Shall not be used, as substance or as mixtures in aerosol dispensers where these aerosol dispensers are intended for supply to the general public for entertainment and decorative purposes such as the following:</t>
  </si>
  <si>
    <t>— metallic glitter intended mainly for decoration,</t>
  </si>
  <si>
    <t>— artificial snow and frost,</t>
  </si>
  <si>
    <t>— ‘whoopee’ cushions,</t>
  </si>
  <si>
    <t>— silly string aerosols,</t>
  </si>
  <si>
    <t>— imitation excrement,</t>
  </si>
  <si>
    <t>— horns for parties,</t>
  </si>
  <si>
    <t>— decorative flakes and foams,</t>
  </si>
  <si>
    <t>— artificial cobwebs,</t>
  </si>
  <si>
    <t>— stink bombs.</t>
  </si>
  <si>
    <t>2.  Without prejudice to the application of other Community provisions on the classification, packaging and labelling of substances, suppliers shall ensure before the placing on the market that the packaging of aerosol dispensers referred to above is marked visibly, legibly and indelibly with:</t>
  </si>
  <si>
    <t>‘For professional users only’.</t>
  </si>
  <si>
    <t>4.  The aerosol dispensers referred to in paragraphs 1 and 2 shall not be placed on the market unless they conform to the requirements indicated.</t>
  </si>
  <si>
    <t>41.  Hexachloroethane</t>
  </si>
  <si>
    <t>CAS No 67-72-1</t>
  </si>
  <si>
    <t>EC No 200-666-4</t>
  </si>
  <si>
    <t>Shall not be placed on the market, or used, as substance or in mixtures, where the substance or mixture is intended for the manufacturing or processing of non-ferrous metals.</t>
  </si>
  <si>
    <t>43.  Azocolourants and Azodyes</t>
  </si>
  <si>
    <t>— clothing, bedding, towels, hairpieces, wigs, hats, nappies and other sanitary items, sleeping bags,</t>
  </si>
  <si>
    <t>— footwear, gloves, wristwatch straps, handbags, purses/wallets, briefcases, chair covers, purses worn round the neck,</t>
  </si>
  <si>
    <t>— textile or leather toys and toys which include textile or leather garments,</t>
  </si>
  <si>
    <t>— yarn and fabrics intended for use by the final consumer.</t>
  </si>
  <si>
    <t>2.  Furthermore, the textile and leather articles referred to in paragraph 1 shall not be placed on the market unless they conform to the requirements set out in that paragraph.</t>
  </si>
  <si>
    <t>45.  Diphenylether, octabromo derivative</t>
  </si>
  <si>
    <t>1.  Shall not be placed on the market, or used:</t>
  </si>
  <si>
    <t>3.  By way of derogation, paragraph 2 shall not apply:</t>
  </si>
  <si>
    <t>— to articles that were in use in the Community before 15 August 2004,</t>
  </si>
  <si>
    <t>— to electrical and electronic equipment within the scope of Directive 2002/95/EC.</t>
  </si>
  <si>
    <t>46.  </t>
  </si>
  <si>
    <t>(a)  Nonylphenol</t>
  </si>
  <si>
    <t>(b)  Nonylphenol ethoxylates</t>
  </si>
  <si>
    <t>(1)  industrial and institutional cleaning except:</t>
  </si>
  <si>
    <t>— controlled closed dry cleaning systems where the washing liquid is recycled or incinerated,</t>
  </si>
  <si>
    <t>— cleaning systems with special treatment where the washing liquid is recycled or incinerated.</t>
  </si>
  <si>
    <t>(2)  domestic cleaning;</t>
  </si>
  <si>
    <t>(3)  textiles and leather processing except:</t>
  </si>
  <si>
    <t>— processing with no release into waste water,</t>
  </si>
  <si>
    <t>— systems with special treatment where the process water is pre-treated to remove the organic fraction completely prior to biological waste water treatment (degreasing of sheepskin);</t>
  </si>
  <si>
    <t>(4)  emulsifier in agricultural teat dips;</t>
  </si>
  <si>
    <t>(5)  metal working except:</t>
  </si>
  <si>
    <t>uses in controlled closed systems where the washing liquid is recycled or incinerated;</t>
  </si>
  <si>
    <t>(6)  manufacturing of pulp and paper;</t>
  </si>
  <si>
    <t>(7)  cosmetic products;</t>
  </si>
  <si>
    <t>(8)  other personal care products except:</t>
  </si>
  <si>
    <t>spermicides;</t>
  </si>
  <si>
    <t>(9)  co-formulants in pesticides and biocides. However national authorisations for pesticides or biocidal products containing nonylphenol ethoxylates as co-formulant, granted before 17 July 2003, shall not be affected by this restriction until their date of expiry.</t>
  </si>
  <si>
    <t>46a.  Nonylphenol ethoxylates (NPE)</t>
  </si>
  <si>
    <t>2.  Paragraph 1 shall not apply to the placing on the market of second-hand textile articles or of new textile articles produced, without the use of NPE, exclusively from recycled textiles.</t>
  </si>
  <si>
    <t>47.  Chromium VI compounds</t>
  </si>
  <si>
    <t>48.  Toluene</t>
  </si>
  <si>
    <t>CAS No 108-88-3</t>
  </si>
  <si>
    <t>EC No 203-625-9</t>
  </si>
  <si>
    <t>49.  Trichlorobenzene</t>
  </si>
  <si>
    <t>CAS No 120-82-1</t>
  </si>
  <si>
    <t>EC No 204-428-0</t>
  </si>
  <si>
    <t>— as an intermediate of synthesis, or,</t>
  </si>
  <si>
    <t>— as a process solvent in closed chemical applications for chlorination reactions, or,</t>
  </si>
  <si>
    <t>— in the manufacture of 1,3,5-triamino — 2,4,6-trinitrobenzene (TATB).</t>
  </si>
  <si>
    <t>50.  Polycyclic-aromatic hydrocarbons (PAH)</t>
  </si>
  <si>
    <t>(a)  Benzo[a]pyrene (BaP)</t>
  </si>
  <si>
    <t>CAS No 50-32-8</t>
  </si>
  <si>
    <t>(b)  Benzo[e]pyrene (BeP)</t>
  </si>
  <si>
    <t>CAS No 192-97-2</t>
  </si>
  <si>
    <t>(c)  Benzo[a]anthracene (BaA)</t>
  </si>
  <si>
    <t>CAS No 56-55-3</t>
  </si>
  <si>
    <t>(d)  Chrysen (CHR)</t>
  </si>
  <si>
    <t>CAS No 218-01-9</t>
  </si>
  <si>
    <t>(e)  Benzo[b]fluoranthene (BbFA)</t>
  </si>
  <si>
    <t>CAS No 205-99-2</t>
  </si>
  <si>
    <t>(f)  Benzo[j]fluoranthene (BjFA)</t>
  </si>
  <si>
    <t>CAS No 205-82-3</t>
  </si>
  <si>
    <t>(g)  Benzo[k]fluoranthene (BkFA)</t>
  </si>
  <si>
    <t>CAS No 207-08-9</t>
  </si>
  <si>
    <t>(h)  Dibenzo[a,h]anthracene (DBAhA)</t>
  </si>
  <si>
    <t>CAS No 53-70-3</t>
  </si>
  <si>
    <t>1.  From 1 January 2010, extender oils shall not be placed on the market, or used for the production of tyres or parts of tyres if they contain:</t>
  </si>
  <si>
    <t>4.  For the purpose of this entry ‘tyres’ shall mean tyres for vehicles covered by:</t>
  </si>
  <si>
    <t>Such articles include amongst others:</t>
  </si>
  <si>
    <t>— sport equipment such as bicycles, golf clubs, racquets</t>
  </si>
  <si>
    <t>— household utensils, trolleys, walking frames</t>
  </si>
  <si>
    <t>— tools for domestic use</t>
  </si>
  <si>
    <t>— clothing, footwear, gloves and sportswear</t>
  </si>
  <si>
    <t>— watch-straps, wrist-bands, masks, head-bands</t>
  </si>
  <si>
    <t>4.  For the purpose of this entry ‘childcare article’ shall mean any product intended to facilitate sleep, relaxation, hygiene, the feeding of children or sucking on the part of children.</t>
  </si>
  <si>
    <t>52.  The following phthalates (or other CAS- and EC numbers covering the substance):</t>
  </si>
  <si>
    <t>(a)  Di-‘isononyl’ phthalate (DINP)</t>
  </si>
  <si>
    <t>CAS No 28553-12-0 and 68515-48-0</t>
  </si>
  <si>
    <t>EC No 249-079-5 and 271-090-9</t>
  </si>
  <si>
    <t>(b)  Di-‘isodecyl’ phthalate (DIDP)</t>
  </si>
  <si>
    <t>CAS No 26761-40-0 and 68515-49-1</t>
  </si>
  <si>
    <t>EC No 247-977-1 and 271-091-4</t>
  </si>
  <si>
    <t>(c)  Di-n-octyl phthalate (DNOP)</t>
  </si>
  <si>
    <t>CAS No 117-84-0</t>
  </si>
  <si>
    <t>EC No 204-214-7</t>
  </si>
  <si>
    <t>54.  2-(2-methoxyethoxy)ethanol (DEGME)</t>
  </si>
  <si>
    <t>CAS No 111-77-3</t>
  </si>
  <si>
    <t>EC No 203-906-6</t>
  </si>
  <si>
    <t>55.  2-(2-butoxyethoxy)ethanol (DEGBE)</t>
  </si>
  <si>
    <t>CAS No 112-34-5</t>
  </si>
  <si>
    <t>EC No 203-961-6</t>
  </si>
  <si>
    <t>2.  Spray paints and spray cleaners in aerosol dispensers containing DEGBE and not conforming to paragraph 1 shall not be placed on the market for supply to the general public after 27 December 2010.</t>
  </si>
  <si>
    <t>‘Do not use in paint spraying equipment’.</t>
  </si>
  <si>
    <t>(b)  is marked visibly, legibly and indelibly as follows, and without prejudice to other Community legislation concerning the classification, packaging and labelling of substances and mixtures:</t>
  </si>
  <si>
    <t>‘—  Persons already sensitised to diisocyanates may develop allergic reactions when using this product.</t>
  </si>
  <si>
    <t>—  Persons suffering from asthma, eczema or skin problems should avoid contact, including dermal contact, with this product.</t>
  </si>
  <si>
    <t>—  This product should not be used under conditions of poor ventilation unless a protective mask with an appropriate gas filter (i.e. type A1 according to standard EN 14387) is used.’</t>
  </si>
  <si>
    <t>2.  By way of derogation, paragraph 1(a) shall not apply to hot melt adhesives.</t>
  </si>
  <si>
    <t>57.  Cyclohexane</t>
  </si>
  <si>
    <t>CAS No 110-82-7</t>
  </si>
  <si>
    <t>EC No 203-806-2</t>
  </si>
  <si>
    <t>2.  Neoprene-based contact adhesives containing cyclohexane and not conforming to paragraph 1 shall not be placed on the market for supply to the general public after 27 December 2010.</t>
  </si>
  <si>
    <t>‘—  This product is not to be used under conditions of poor ventilation.</t>
  </si>
  <si>
    <t>—  This product is not to be used for carpet laying.’.</t>
  </si>
  <si>
    <t>58.  Ammonium nitrate (AN)</t>
  </si>
  <si>
    <t>CAS No 6484-52-2</t>
  </si>
  <si>
    <t>EC No 229-347-8</t>
  </si>
  <si>
    <t>59.  Dichloromethane</t>
  </si>
  <si>
    <t>CAS No 75-09-2</t>
  </si>
  <si>
    <t>EC No: 200-838-9</t>
  </si>
  <si>
    <t>(a)  placed on the market for the first time for supply to the general public or to professionals after 6 December 2010;</t>
  </si>
  <si>
    <t>(b)  placed on the market for supply to the general public or to professionals after 6 December 2011;</t>
  </si>
  <si>
    <t>(c)  used by professionals after 6 June 2012.</t>
  </si>
  <si>
    <t>For the purposes of this entry:</t>
  </si>
  <si>
    <t>(i)  ‘professional’ means any natural or legal person, including workers and self-employed workers undertaking paint stripping in the course of their professional activity outside an industrial installation;</t>
  </si>
  <si>
    <t>(ii)  ‘industrial installation’ means a facility used for paint stripping activities.</t>
  </si>
  <si>
    <t>2.  By way of derogation from paragraph 1, Member States may allow on their territories and for certain activities the use, by specifically trained professionals, of paint strippers containing dichloromethane and may allow the placing on the market of such paint strippers for supply to those professionals.</t>
  </si>
  <si>
    <t>Member States making use of this derogation shall define appropriate provisions for the protection of the health and safety of those professionals using paint strippers containing dichloromethane and shall inform the Commission thereof.</t>
  </si>
  <si>
    <t>Those provisions shall include a requirement that a professional shall hold a certificate that is accepted by the Member State in which that professional operates, or provide other documentary evidence to that effect, or be otherwise approved by that Member State, so as to demonstrate proper training and competence to safely use paint strippers containing dichloromethane.</t>
  </si>
  <si>
    <t>The Commission shall prepare a list of the Member States which have made use of the derogation in this paragraph and make it publicly available over the Internet.</t>
  </si>
  <si>
    <t>3.  A professional benefiting from the derogation referred to in paragraph 2 shall operate only in Member States which have made use of that derogation. The training referred to in paragraph 2 shall cover as a minimum:</t>
  </si>
  <si>
    <t>(a)  awareness, evaluation and management of risks to health, including information on existing substitutes or processes, which under their conditions of use are less hazardous to the health and safety of workers;</t>
  </si>
  <si>
    <t>(b)  use of adequate ventilation;</t>
  </si>
  <si>
    <t>(c)  use of appropriate personal protective equipment that complies with Directive 89/686/EEC.</t>
  </si>
  <si>
    <t>Employers and self-employed workers shall preferably replace dichloromethane with a chemical agent or process which, under its conditions of use, presents no risk, or a lower risk, to the health and safety of workers.</t>
  </si>
  <si>
    <t>Professional shall apply all relevant safety measures in practice, including the use of personal protective equipment.</t>
  </si>
  <si>
    <t>(a)  effective ventilation in all processing areas, in particular for the wet processing and the drying of stripped articles: local exhaust ventilation at strip tanks supplemented by forced ventilation in those areas, so as to minimise exposure and to ensure compliance, where technically feasible, with relevant occupational exposure limits;</t>
  </si>
  <si>
    <t>(b)  measures to minimise evaporation from strip tanks comprising: lids for covering strip tanks except during loading and unloading; suitable loading and unloading arrangements for strip tanks; and wash tanks with water or brine to remove excess solvent after unloading;</t>
  </si>
  <si>
    <t>(c)  measures for the safe handling of dichloromethane in strip tanks comprising: pumps and pipework for transferring paint stripper to and from strip tanks; and suitable arrangements for safe cleaning of tanks and removal of sludge;</t>
  </si>
  <si>
    <t>(d)  personal protective equipment that complies with Directive 89/686/EEC comprising: suitable protective gloves, safety goggles and protective clothing; and appropriate respiratory protective equipment where compliance with relevant occupational exposure limits cannot be otherwise achieved;</t>
  </si>
  <si>
    <t>(e)  adequate information, instruction and training for operators in the use of such equipment.</t>
  </si>
  <si>
    <t>‘Restricted to industrial use and to professionals approved in certain EU Member States — verify where use is allowed.’</t>
  </si>
  <si>
    <t>60.  Acrylamide</t>
  </si>
  <si>
    <t>CAS No 79-06-1</t>
  </si>
  <si>
    <t>61.  Dimethylfumarate (DMF)</t>
  </si>
  <si>
    <t>CAS No 624-49-7</t>
  </si>
  <si>
    <t>EC 210-849-0</t>
  </si>
  <si>
    <t>63.  Lead</t>
  </si>
  <si>
    <t>CAS No 7439-92-1</t>
  </si>
  <si>
    <t>EC No 231-100-4</t>
  </si>
  <si>
    <t>and its compounds</t>
  </si>
  <si>
    <t>64.  1,4-dichlorobenzene</t>
  </si>
  <si>
    <t>CAS No 106-46-7</t>
  </si>
  <si>
    <t>EC No 203-400-5</t>
  </si>
  <si>
    <t>65.  Inorganic ammonium salts</t>
  </si>
  <si>
    <t>A supplier of a cellulose insulation mixture containing inorganic ammonium salts shall inform the recipient or consumer of the maximum permissible loading rate of the cellulose insulation mixture, expressed in thickness and density.</t>
  </si>
  <si>
    <t>A downstream user of a cellulose insulation mixture containing inorganic ammonium salts shall ensure that the maximum permissible loading rate communicated by the supplier is not exceeded.</t>
  </si>
  <si>
    <t>2.  By way of derogation, paragraph 1 shall not apply to placing on the market of cellulose insulation mixtures intended to be used solely for the production of cellulose insulation articles, or to the use of those mixtures in the production of cellulose insulation articles.</t>
  </si>
  <si>
    <t>3.  In the case of a Member State that, on 14 July 2016, has national provisional measures in place that have been authorised by the Commission pursuant to Article 129(2)(a), the provisions of paragraphs 1 and 2 shall apply from that date.</t>
  </si>
  <si>
    <t>4.  Compliance with the emission limit specified in the first subparagraph of paragraph 1 shall be demonstrated in accordance with Technical Specification CEN/TS 16516, adapted as follows:</t>
  </si>
  <si>
    <t>(a)  the duration of the test shall be at least 14 days instead of 28 days;</t>
  </si>
  <si>
    <t>(b)  the ammonia gas emission shall be measured at least once per day throughout the test;</t>
  </si>
  <si>
    <t>(c)  the emission limit shall not be reached or exceeded in any measurement taken during the test;</t>
  </si>
  <si>
    <t>(e)  an appropriate method to measure the ammonia gas emission shall be used;</t>
  </si>
  <si>
    <t>(f)  the loading rate, expressed in thickness and density, shall be recorded during the sampling of the cellulose insulation mixtures or articles to be tested.</t>
  </si>
  <si>
    <t>EC No 201-245-8</t>
  </si>
  <si>
    <t>(b)  a military aircraft.</t>
  </si>
  <si>
    <t>Appendices 1 to 6</t>
  </si>
  <si>
    <t>FOREWORD</t>
  </si>
  <si>
    <t>Explanations of column headings</t>
  </si>
  <si>
    <t>Substances:</t>
  </si>
  <si>
    <t>Entries for groups of substances:</t>
  </si>
  <si>
    <t>A number of group entries are included in Part 3 of Annex VI to Regulation (EC) No 1272/2008. In these cases, the classification requirements will apply to all substances covered by the description.</t>
  </si>
  <si>
    <t>In some cases, there are classification requirements for specific substances that would be covered by the group entry. In such cases a specific entry is included in Part 3 of Annex VI to Regulation (EC) No 1272/2008 for the substance and the group entry will be annotated with the phrase ‘except those specified elsewhere in Annex VI to Regulation (EC) No 1272/2008’.</t>
  </si>
  <si>
    <t>In some cases, individual substances may be covered by more than one group entry. In these cases, the classification of the substance reflects the classification for each of the two group entries. In cases where different classifications for the same hazard are given, the most severe classification will be applied.</t>
  </si>
  <si>
    <t>Index number:</t>
  </si>
  <si>
    <t>The Index number is the identification code given to the substance in Part 3 of Annex VI to Regulation (EC) No 1272/2008. Substances are listed in the Appendix according to this index number.</t>
  </si>
  <si>
    <t>EC numbers:</t>
  </si>
  <si>
    <t>The EC number, i.e. Einecs, Elincs or NLP, is the official number of the substance within the European Union. The Einecs number can be obtained from the European Inventory of Existing Commercial Chemical Substance (Einecs). The Elincs number can be obtained from the European List of Notified Substances. The NLP number can be obtained from the list of ‘No-longer-polymers’. These lists are published by the Office for Official Publications of the European Communities.</t>
  </si>
  <si>
    <t>The EC number is a seven-digit system of the type XXX-XXX-X which starts at 200-001-8 (Einecs), at 400-010-9 (Elincs) and at 500-001-0 (NLP). This number is indicated in the column entitled ‘EC No’.</t>
  </si>
  <si>
    <t>CAS number:</t>
  </si>
  <si>
    <t>Chemical Abstracts Service (CAS) numbers have been defined for substances to help in their identification.</t>
  </si>
  <si>
    <t>The full text of the notes can be found in Part 1 of Annex VI to Regulation (EC) No 1272/2008.</t>
  </si>
  <si>
    <t>The notes to be taken into account for the purposes of this Regulation are the following:</t>
  </si>
  <si>
    <t>Note A:</t>
  </si>
  <si>
    <t>Without prejudice to Article 17(2) of Regulation (EC) No 1272/2008, the name of the substance must appear on the label in the form of one of the designations given in Part 3 of Annex VI to that Regulation.</t>
  </si>
  <si>
    <t>In that Part, use is sometimes made of a general description such as ‘… compounds’ or ‘… salts’. In this case, the supplier who places such a substance on the market is required to state on the label the correct name, due account being taken of Section 1.1.1.4 of Annex VI to Regulation (EC) No 1272/2008.</t>
  </si>
  <si>
    <t>Note B:</t>
  </si>
  <si>
    <t>Some substances (acids, bases, etc.) are placed on the market in aqueous solutions at various concentrations and, therefore, these solutions require different classification and labelling since the hazards vary at different concentrations.</t>
  </si>
  <si>
    <t>Note C:</t>
  </si>
  <si>
    <t>Some organic substances may be marketed either in a specific isomeric form or as a mixture of several isomers.</t>
  </si>
  <si>
    <t>Note D:</t>
  </si>
  <si>
    <t>Certain substances which are susceptible to spontaneous polymerisation or decomposition are generally placed on the market in a stabilised form. It is in this form that they are listed in Part 3 of Annex VI to Regulation (EC) No 1272/2008.</t>
  </si>
  <si>
    <t>However, such substances are sometimes placed on the market in a non-stabilised form. In this case, supplier who places such a substance on the market must state on the label the name of the substance followed by the words ‘non-stabilised’.</t>
  </si>
  <si>
    <t>Note J:</t>
  </si>
  <si>
    <t>Note K:</t>
  </si>
  <si>
    <t>Note L:</t>
  </si>
  <si>
    <t>Note M:</t>
  </si>
  <si>
    <t>Note N:</t>
  </si>
  <si>
    <t>The classification as a carcinogen need not apply if the full refining history is known and it can be shown that the substance from which it is produced is not a carcinogen.</t>
  </si>
  <si>
    <t>Note P:</t>
  </si>
  <si>
    <t>The classification as a carcinogen need not apply to fibres with a length weighted geometric mean diameter, less two standard errors, greater than 6μm.</t>
  </si>
  <si>
    <t>Appendix 1</t>
  </si>
  <si>
    <t>Substances</t>
  </si>
  <si>
    <t>Index No</t>
  </si>
  <si>
    <t>Notes</t>
  </si>
  <si>
    <t>Chromium (VI) trioxide</t>
  </si>
  <si>
    <t>024-001-00-0</t>
  </si>
  <si>
    <t>024-007-00-3</t>
  </si>
  <si>
    <t>Nickel monoxide; [1]</t>
  </si>
  <si>
    <t>028-003-00-2</t>
  </si>
  <si>
    <t>215-215-7 [1]</t>
  </si>
  <si>
    <t>1313-99-1 [1]</t>
  </si>
  <si>
    <t>Nickel oxide; [2]</t>
  </si>
  <si>
    <t>234-323-5 [2]</t>
  </si>
  <si>
    <t>11099-02-8 [2]</t>
  </si>
  <si>
    <t>Bunsenite; [3]</t>
  </si>
  <si>
    <t>- [3]</t>
  </si>
  <si>
    <t>34492-97-2 [3]</t>
  </si>
  <si>
    <t>Nickel dioxide</t>
  </si>
  <si>
    <t>028-004-00-8</t>
  </si>
  <si>
    <t>234-823-3</t>
  </si>
  <si>
    <t>Dinickel trioxide</t>
  </si>
  <si>
    <t>028-005-00-3</t>
  </si>
  <si>
    <t>215-217-8</t>
  </si>
  <si>
    <t>Nickel (II) sulfide; [1]</t>
  </si>
  <si>
    <t>028-006-00-9</t>
  </si>
  <si>
    <t>240-841-2 [1]</t>
  </si>
  <si>
    <t>16812-54-7 [1]</t>
  </si>
  <si>
    <t>Nickel sulfide; [2]</t>
  </si>
  <si>
    <t>234-349-7 [2]</t>
  </si>
  <si>
    <t>11113-75-0 [2]</t>
  </si>
  <si>
    <t>Millerite; [3]</t>
  </si>
  <si>
    <t>1314-04-1 [3]</t>
  </si>
  <si>
    <t>Trinickel disulfide;</t>
  </si>
  <si>
    <t>028-007-00-4</t>
  </si>
  <si>
    <t>Nickel subsulfide; [1]</t>
  </si>
  <si>
    <t>234-829-6 [1]</t>
  </si>
  <si>
    <t>12035-72-2 [1]</t>
  </si>
  <si>
    <t>Heazlewoodite; [2]</t>
  </si>
  <si>
    <t>- [2]</t>
  </si>
  <si>
    <t>12035-71-1 [2]</t>
  </si>
  <si>
    <t>Nickel dihydroxide; [1]</t>
  </si>
  <si>
    <t>028-008-00-X</t>
  </si>
  <si>
    <t>235-008-5 [1]</t>
  </si>
  <si>
    <t>12054-48-7 [1]</t>
  </si>
  <si>
    <t>Nickel hydroxide; [2]</t>
  </si>
  <si>
    <t>234-348-1 [2]</t>
  </si>
  <si>
    <t>11113-74-9 [2]</t>
  </si>
  <si>
    <t>028-009-00-5</t>
  </si>
  <si>
    <t>232-104-9</t>
  </si>
  <si>
    <t>Nickel carbonate;</t>
  </si>
  <si>
    <t>028-010-00-0</t>
  </si>
  <si>
    <t>Basic nickel carbonate;</t>
  </si>
  <si>
    <t>Carbonic acid, nickel (2+) salt; [1]</t>
  </si>
  <si>
    <t>222-068-2 [1]</t>
  </si>
  <si>
    <t>3333-67-3 [1]</t>
  </si>
  <si>
    <t>Carbonic acid, nickel salt; [2]</t>
  </si>
  <si>
    <t>240-408-8 [2]</t>
  </si>
  <si>
    <t>16337-84-1 [2]</t>
  </si>
  <si>
    <t>265-748-4 [3]</t>
  </si>
  <si>
    <t>65405-96-1 [3]</t>
  </si>
  <si>
    <t>[carbonato(2-)] tetrahydroxytrinickel; [4]</t>
  </si>
  <si>
    <t>235-715-9 [4]</t>
  </si>
  <si>
    <t>12607-70-4 [4]</t>
  </si>
  <si>
    <t>Nickel dichloride</t>
  </si>
  <si>
    <t>028-011-00-6</t>
  </si>
  <si>
    <t>231-743-0</t>
  </si>
  <si>
    <t>Nickel dinitrate; [1]</t>
  </si>
  <si>
    <t>028-012-00-1</t>
  </si>
  <si>
    <t>236-068-5 [1]</t>
  </si>
  <si>
    <t>13138-45-9 [1]</t>
  </si>
  <si>
    <t>Nitric acid, nickel salt; [2]</t>
  </si>
  <si>
    <t>238-076-4 [2]</t>
  </si>
  <si>
    <t>14216-75-2 [2]</t>
  </si>
  <si>
    <t>Nickel matte</t>
  </si>
  <si>
    <t>028-013-00-7</t>
  </si>
  <si>
    <t>273-749-6</t>
  </si>
  <si>
    <t>69012-50-6</t>
  </si>
  <si>
    <t>Slimes and sludges, copper electrolytic refining, decopperised, nickel sulphate</t>
  </si>
  <si>
    <t>028-014-00-2</t>
  </si>
  <si>
    <t>295-859-3</t>
  </si>
  <si>
    <t>92129-57-2</t>
  </si>
  <si>
    <t>Slimes and sludges, copper electrolyte refining, decopperised</t>
  </si>
  <si>
    <t>028-015-00-8</t>
  </si>
  <si>
    <t>305-433-1</t>
  </si>
  <si>
    <t>94551-87-8</t>
  </si>
  <si>
    <t>Nickel diperchlorate;</t>
  </si>
  <si>
    <t>Perchloric acid, nickel (II) salt</t>
  </si>
  <si>
    <t>028-016-00-3</t>
  </si>
  <si>
    <t>237-124-1</t>
  </si>
  <si>
    <t>Nickel dipotassium bis(sulfate); [1]</t>
  </si>
  <si>
    <t>028-017-00-9</t>
  </si>
  <si>
    <t>237-563-9 [1]</t>
  </si>
  <si>
    <t>13842-46-1 [1]</t>
  </si>
  <si>
    <t>Diammonium nickel bis(sulfate); [2]</t>
  </si>
  <si>
    <t>239-793-2 [2]</t>
  </si>
  <si>
    <t>15699-18-0 [2]</t>
  </si>
  <si>
    <t>Nickel bis(sulfamidate);</t>
  </si>
  <si>
    <t>Nickel sulfamate</t>
  </si>
  <si>
    <t>028-018-00-4</t>
  </si>
  <si>
    <t>237-396-1</t>
  </si>
  <si>
    <t>Nickel bis(tetrafluoroborate)</t>
  </si>
  <si>
    <t>028-019-00-X</t>
  </si>
  <si>
    <t>238-753-4</t>
  </si>
  <si>
    <t>Nickel diformate; [1]</t>
  </si>
  <si>
    <t>028-021-00-0</t>
  </si>
  <si>
    <t>222-101-0 [1]</t>
  </si>
  <si>
    <t>3349-06-2 [1]</t>
  </si>
  <si>
    <t>Formic acid, nickel salt; [2]</t>
  </si>
  <si>
    <t>239-946-6 [2]</t>
  </si>
  <si>
    <t>15843-02-4 [2]</t>
  </si>
  <si>
    <t>Formic acid, copper nickel salt; [3]</t>
  </si>
  <si>
    <t>268-755-0 [3]</t>
  </si>
  <si>
    <t>68134-59-8 [3]</t>
  </si>
  <si>
    <t>Nickel di(acetate); [1]</t>
  </si>
  <si>
    <t>028-022-00-6</t>
  </si>
  <si>
    <t>206-761-7 [1]</t>
  </si>
  <si>
    <t>373-02-4 [1]</t>
  </si>
  <si>
    <t>Nickel acetate; [2]</t>
  </si>
  <si>
    <t>239-086-1 [2]</t>
  </si>
  <si>
    <t>14998-37-9 [2]</t>
  </si>
  <si>
    <t>028-024-00-7</t>
  </si>
  <si>
    <t>209-046-8</t>
  </si>
  <si>
    <t>Nickel bis(4-cyclohexylbutyrate)</t>
  </si>
  <si>
    <t>028-025-00-2</t>
  </si>
  <si>
    <t>223-463-2</t>
  </si>
  <si>
    <t>Nickel (II) stearate;</t>
  </si>
  <si>
    <t>Nickel (II) octadecanoate</t>
  </si>
  <si>
    <t>028-026-00-8</t>
  </si>
  <si>
    <t>218-744-1</t>
  </si>
  <si>
    <t>Nickel dilactate</t>
  </si>
  <si>
    <t>028-027-00-3</t>
  </si>
  <si>
    <t>16039-61-5</t>
  </si>
  <si>
    <t>Nickel (II) octanoate</t>
  </si>
  <si>
    <t>028-028-00-9</t>
  </si>
  <si>
    <t>225-656-7</t>
  </si>
  <si>
    <t>Nickel difluoride; [1]</t>
  </si>
  <si>
    <t>028-029-00-4</t>
  </si>
  <si>
    <t>233-071-3 [1]</t>
  </si>
  <si>
    <t>10028-18-9 [1]</t>
  </si>
  <si>
    <t>Nickel dibromide; [2]</t>
  </si>
  <si>
    <t>236-665-0 [2]</t>
  </si>
  <si>
    <t>13462-88-9 [2]</t>
  </si>
  <si>
    <t>Nickel diiodide; [3]</t>
  </si>
  <si>
    <t>236-666-6 [3]</t>
  </si>
  <si>
    <t>13462-90-3 [3]</t>
  </si>
  <si>
    <t>Nickel potassium fluoride; [4]</t>
  </si>
  <si>
    <t>- [4]</t>
  </si>
  <si>
    <t>11132-10-8 [4]</t>
  </si>
  <si>
    <t>Nickel hexafluorosilicate</t>
  </si>
  <si>
    <t>028-030-00-X</t>
  </si>
  <si>
    <t>247-430-7</t>
  </si>
  <si>
    <t>26043-11-8</t>
  </si>
  <si>
    <t>028-031-00-5</t>
  </si>
  <si>
    <t>239-125-2</t>
  </si>
  <si>
    <t>Nickel hydrogen phosphate; [1]</t>
  </si>
  <si>
    <t>028-032-00-0</t>
  </si>
  <si>
    <t>238-278-2 [1]</t>
  </si>
  <si>
    <t>14332-34-4 [1]</t>
  </si>
  <si>
    <t>Nickel bis(dihydrogen phosphate); [2]</t>
  </si>
  <si>
    <t>242-522-3 [2]</t>
  </si>
  <si>
    <t>18718-11-1 [2]</t>
  </si>
  <si>
    <t>Trinickel bis(orthophosphate); [3]</t>
  </si>
  <si>
    <t>233-844-5 [3]</t>
  </si>
  <si>
    <t>10381-36-9 [3]</t>
  </si>
  <si>
    <t>Dinickel diphosphate; [4]</t>
  </si>
  <si>
    <t>238-426-6 [4]</t>
  </si>
  <si>
    <t>14448-18-1 [4]</t>
  </si>
  <si>
    <t>Nickel bis(phosphinate); [5]</t>
  </si>
  <si>
    <t>238-511-8 [5]</t>
  </si>
  <si>
    <t>14507-36-9 [5]</t>
  </si>
  <si>
    <t>Nickel phosphinate; [6]</t>
  </si>
  <si>
    <t>252-840-4 [6]</t>
  </si>
  <si>
    <t>36026-88-7 [6]</t>
  </si>
  <si>
    <t>Phosphoric acid, calcium nickel salt; [7]</t>
  </si>
  <si>
    <t>- [7]</t>
  </si>
  <si>
    <t>17169-61-8 [7]</t>
  </si>
  <si>
    <t>Diphosphoric acid, nickel (II) salt; [8]</t>
  </si>
  <si>
    <t>- [8]</t>
  </si>
  <si>
    <t>19372-20-4 [8]</t>
  </si>
  <si>
    <t>Diammonium nickel hexacyanoferrate</t>
  </si>
  <si>
    <t>028-033-00-6</t>
  </si>
  <si>
    <t>74195-78-1</t>
  </si>
  <si>
    <t>Nickel dicyanide</t>
  </si>
  <si>
    <t>028-034-00-1</t>
  </si>
  <si>
    <t>209-160-8</t>
  </si>
  <si>
    <t>028-035-00-7</t>
  </si>
  <si>
    <t>238-766-5</t>
  </si>
  <si>
    <t>Nickel (II) silicate; [1]</t>
  </si>
  <si>
    <t>028-036-00-2</t>
  </si>
  <si>
    <t>244-578-4 [1]</t>
  </si>
  <si>
    <t>21784-78-1 [1]</t>
  </si>
  <si>
    <t>Dinickel orthosilicate; [2]</t>
  </si>
  <si>
    <t>237-411-1 [2]</t>
  </si>
  <si>
    <t>13775-54-7 [2]</t>
  </si>
  <si>
    <t>Nickel silicate (3:4); [3]</t>
  </si>
  <si>
    <t>250-788-7 [3]</t>
  </si>
  <si>
    <t>31748-25-1 [3]</t>
  </si>
  <si>
    <t>Silicic acid, nickel salt; [4]</t>
  </si>
  <si>
    <t>253-461-7 [4]</t>
  </si>
  <si>
    <t>37321-15-6 [4]</t>
  </si>
  <si>
    <t>Trihydrogen hydroxybis[orthosilicato(4-)]trinickelate(3-); [5]</t>
  </si>
  <si>
    <t>235-688-3 [5]</t>
  </si>
  <si>
    <t>12519-85-6 [5]</t>
  </si>
  <si>
    <t>Dinickel hexacyanoferrate</t>
  </si>
  <si>
    <t>028-037-00-8</t>
  </si>
  <si>
    <t>238-946-3</t>
  </si>
  <si>
    <t>14874-78-3</t>
  </si>
  <si>
    <t>Trinickel bis(arsenate);</t>
  </si>
  <si>
    <t>Nickel (II) arsenate</t>
  </si>
  <si>
    <t>028-038-00-3</t>
  </si>
  <si>
    <t>236-771-7</t>
  </si>
  <si>
    <t>Nickel oxalate; [1]</t>
  </si>
  <si>
    <t>028-039-00-9</t>
  </si>
  <si>
    <t>208-933-7 [1]</t>
  </si>
  <si>
    <t>547-67-1 [1]</t>
  </si>
  <si>
    <t>Oxalic acid, nickel salt; [2]</t>
  </si>
  <si>
    <t>243-867-2 [2]</t>
  </si>
  <si>
    <t>20543-06-0 [2]</t>
  </si>
  <si>
    <t>028-040-00-4</t>
  </si>
  <si>
    <t>235-260-6</t>
  </si>
  <si>
    <t>Trinickel tetrasulfide</t>
  </si>
  <si>
    <t>028-041-00-X</t>
  </si>
  <si>
    <t>12137-12-1</t>
  </si>
  <si>
    <t>Trinickel bis(arsenite)</t>
  </si>
  <si>
    <t>028-042-00-5</t>
  </si>
  <si>
    <t>74646-29-0</t>
  </si>
  <si>
    <t>Cobalt nickel gray periclase;</t>
  </si>
  <si>
    <t>028-043-00-0</t>
  </si>
  <si>
    <t>C.I. Pigment Black 25;</t>
  </si>
  <si>
    <t>C.I. 77332; [1]</t>
  </si>
  <si>
    <t>269-051-6 [1]</t>
  </si>
  <si>
    <t>68186-89-0 [1]</t>
  </si>
  <si>
    <t>Cobalt nickel dioxide; [2]</t>
  </si>
  <si>
    <t>261-346-8 [2]</t>
  </si>
  <si>
    <t>58591-45-0 [2]</t>
  </si>
  <si>
    <t>Cobalt nickel oxide; [3]</t>
  </si>
  <si>
    <t>12737-30-3 [3]</t>
  </si>
  <si>
    <t>Nickel tin trioxide;</t>
  </si>
  <si>
    <t>Nickel stannate</t>
  </si>
  <si>
    <t>028-044-00-6</t>
  </si>
  <si>
    <t>234-824-9</t>
  </si>
  <si>
    <t>Nickel triuranium decaoxide</t>
  </si>
  <si>
    <t>028-045-00-1</t>
  </si>
  <si>
    <t>239-876-6</t>
  </si>
  <si>
    <t>15780-33-3</t>
  </si>
  <si>
    <t>028-046-00-7</t>
  </si>
  <si>
    <t>237-205-1</t>
  </si>
  <si>
    <t>Nickel dichromate</t>
  </si>
  <si>
    <t>028-047-00-2</t>
  </si>
  <si>
    <t>239-646-5</t>
  </si>
  <si>
    <t>Nickel (II) selenite</t>
  </si>
  <si>
    <t>028-048-00-8</t>
  </si>
  <si>
    <t>233-263-7</t>
  </si>
  <si>
    <t>028-049-00-3</t>
  </si>
  <si>
    <t>215-216-2</t>
  </si>
  <si>
    <t>028-050-00-9</t>
  </si>
  <si>
    <t>Nickel diarsenide; [1]</t>
  </si>
  <si>
    <t>028-051-00-4</t>
  </si>
  <si>
    <t>235-103-1 [1]</t>
  </si>
  <si>
    <t>12068-61-0 [1]</t>
  </si>
  <si>
    <t>Nickel arsenide; [2]</t>
  </si>
  <si>
    <t>248-169-1 [2]</t>
  </si>
  <si>
    <t>27016-75-7 [2]</t>
  </si>
  <si>
    <t>Nickel barium titanium primrose priderite;</t>
  </si>
  <si>
    <t>028-052-00-X</t>
  </si>
  <si>
    <t>271-853-6</t>
  </si>
  <si>
    <t>C.I. Pigment Yellow 157;</t>
  </si>
  <si>
    <t>C.I. 77900</t>
  </si>
  <si>
    <t>Nickel dichlorate; [1]</t>
  </si>
  <si>
    <t>028-053-00-5</t>
  </si>
  <si>
    <t>267-897-0 [1]</t>
  </si>
  <si>
    <t>67952-43-6 [1]</t>
  </si>
  <si>
    <t>Nickel dibromate; [2]</t>
  </si>
  <si>
    <t>238-596-1 [2]</t>
  </si>
  <si>
    <t>14550-87-9 [2]</t>
  </si>
  <si>
    <t>Ethyl hydrogen sulfate, nickel (II) salt; [3]</t>
  </si>
  <si>
    <t>275-897-7 [3]</t>
  </si>
  <si>
    <t>71720-48-4 [3]</t>
  </si>
  <si>
    <t>Nickel (II) trifluoroacetate; [1]</t>
  </si>
  <si>
    <t>028-054-00-0</t>
  </si>
  <si>
    <t>240-235-8 [1]</t>
  </si>
  <si>
    <t>16083-14-0 [1]</t>
  </si>
  <si>
    <t>Nickel (II) propionate; [2]</t>
  </si>
  <si>
    <t>222-102-6 [2]</t>
  </si>
  <si>
    <t>3349-08-4 [2]</t>
  </si>
  <si>
    <t>Nickel bis(benzenesulfonate); [3]</t>
  </si>
  <si>
    <t>254-642-3 [3]</t>
  </si>
  <si>
    <t>39819-65-3 [3]</t>
  </si>
  <si>
    <t>Nickel (II) hydrogen citrate; [4]</t>
  </si>
  <si>
    <t>242-533-3 [4]</t>
  </si>
  <si>
    <t>18721-51-2 [4]</t>
  </si>
  <si>
    <t>Citric acid, ammonium nickel salt; [5]</t>
  </si>
  <si>
    <t>242-161-1 [5]</t>
  </si>
  <si>
    <t>18283-82-4 [5]</t>
  </si>
  <si>
    <t>Citric acid, nickel salt; [6]</t>
  </si>
  <si>
    <t>245-119-0 [6]</t>
  </si>
  <si>
    <t>22605-92-1 [6]</t>
  </si>
  <si>
    <t>Nickel bis(2-ethylhexanoate); [7]</t>
  </si>
  <si>
    <t>224-699-9 [7]</t>
  </si>
  <si>
    <t>4454-16-4 [7]</t>
  </si>
  <si>
    <t>2-Ethylhexanoic acid, nickel salt; [8]</t>
  </si>
  <si>
    <t>231-480-1 [8]</t>
  </si>
  <si>
    <t>7580-31-6 [8]</t>
  </si>
  <si>
    <t>Dimethylhexanoic acid nickel salt; [9]</t>
  </si>
  <si>
    <t>301-323-2 [9]</t>
  </si>
  <si>
    <t>93983-68-7 [9]</t>
  </si>
  <si>
    <t>Nickel (II) isooctanoate; [10]</t>
  </si>
  <si>
    <t>249-555-2 [10]</t>
  </si>
  <si>
    <t>29317-63-3 [10]</t>
  </si>
  <si>
    <t>Nickel isooctanoate; [11]</t>
  </si>
  <si>
    <t>248-585-3 [11]</t>
  </si>
  <si>
    <t>27637-46-3 [11]</t>
  </si>
  <si>
    <t>Nickel bis(isononanoate); [12]</t>
  </si>
  <si>
    <t>284-349-6 [12]</t>
  </si>
  <si>
    <t>84852-37-9 [12]</t>
  </si>
  <si>
    <t>Nickel (II) neononanoate; [13]</t>
  </si>
  <si>
    <t>300-094-6 [13]</t>
  </si>
  <si>
    <t>93920-10-6 [13]</t>
  </si>
  <si>
    <t>Nickel (II) isodecanoate; [14]</t>
  </si>
  <si>
    <t>287-468-1 [14]</t>
  </si>
  <si>
    <t>85508-43-6 [14]</t>
  </si>
  <si>
    <t>Nickel (II) neodecanoate; [15]</t>
  </si>
  <si>
    <t>287-469-7 [15]</t>
  </si>
  <si>
    <t>85508-44-7 [15]</t>
  </si>
  <si>
    <t>Neodecanoic acid, nickel salt; [16]</t>
  </si>
  <si>
    <t>257-447-1 [16]</t>
  </si>
  <si>
    <t>51818-56-5 [16]</t>
  </si>
  <si>
    <t>Nickel (II) neoundecanoate; [17]</t>
  </si>
  <si>
    <t>300-093-0 [17]</t>
  </si>
  <si>
    <t>93920-09-3 [17]</t>
  </si>
  <si>
    <t>276-205-6 [18]</t>
  </si>
  <si>
    <t>71957-07-8 [18]</t>
  </si>
  <si>
    <t>Nickel 3,5-bis(tert-butyl)-4-hydroxybenzoate (1:2); [19]</t>
  </si>
  <si>
    <t>258-051-1 [19]</t>
  </si>
  <si>
    <t>52625-25-9 [19]</t>
  </si>
  <si>
    <t>Nickel (II) palmitate; [20]</t>
  </si>
  <si>
    <t>237-138-8 [20]</t>
  </si>
  <si>
    <t>13654-40-5 [20]</t>
  </si>
  <si>
    <t>(2-ethylhexanoato-O)(isononanoato-O)nickel; [21]</t>
  </si>
  <si>
    <t>287-470-2 [21]</t>
  </si>
  <si>
    <t>85508-45-8 [21]</t>
  </si>
  <si>
    <t>(isononanoato-O)(isooctanoato-O)nickel; [22]</t>
  </si>
  <si>
    <t>287-471-8 [22]</t>
  </si>
  <si>
    <t>85508-46-9 [22]</t>
  </si>
  <si>
    <t>(isooctanoato-O)(neodecanoato-O)nickel; [23]</t>
  </si>
  <si>
    <t>284-347-5 [23]</t>
  </si>
  <si>
    <t>84852-35-7 [23]</t>
  </si>
  <si>
    <t>(2ethylhexanoato-O)(isodecanoato-O)nickel; [24]</t>
  </si>
  <si>
    <t>284-351-7 [24]</t>
  </si>
  <si>
    <t>84852-39-1 [24]</t>
  </si>
  <si>
    <t>(2-ethylhexanoato-O)(neodecanoato-O)nickel; [25]</t>
  </si>
  <si>
    <t>285-698-7 [25]</t>
  </si>
  <si>
    <t>85135-77-9 [25]</t>
  </si>
  <si>
    <t>(isodecanoato-O)(isooctanoato-O)nickel; [26]</t>
  </si>
  <si>
    <t>285-909-2 [26]</t>
  </si>
  <si>
    <t>85166-19-4 [26]</t>
  </si>
  <si>
    <t>(isodecanoato-O)(isononanoato-O)nickel; [27]</t>
  </si>
  <si>
    <t>284-348-0 [27]</t>
  </si>
  <si>
    <t>84852-36-8 [27]</t>
  </si>
  <si>
    <t>(isononanoato-O)(neodecanoato-O)nickel; [28]</t>
  </si>
  <si>
    <t>287-592-6 [28]</t>
  </si>
  <si>
    <t>85551-28-6 [28]</t>
  </si>
  <si>
    <t>294-302-1 [29]</t>
  </si>
  <si>
    <t>91697-41-5 [29]</t>
  </si>
  <si>
    <t>283-972-0 [30]</t>
  </si>
  <si>
    <t>84776-45-4 [30]</t>
  </si>
  <si>
    <t>2,7-Naphthalenedisulfonic acid, nickel (II) salt; [31]</t>
  </si>
  <si>
    <t>- [31]</t>
  </si>
  <si>
    <t>72319-19-8 [31]</t>
  </si>
  <si>
    <t>Nickel (II) sulfite; [1]</t>
  </si>
  <si>
    <t>028-055-00-6</t>
  </si>
  <si>
    <t>231-827-7 [1]</t>
  </si>
  <si>
    <t>7757-95-1 [1]</t>
  </si>
  <si>
    <t>Nickel tellurium trioxide; [2]</t>
  </si>
  <si>
    <t>239-967-0 [2]</t>
  </si>
  <si>
    <t>15851-52-2 [2]</t>
  </si>
  <si>
    <t>Nickel tellurium tetraoxide; [3]</t>
  </si>
  <si>
    <t>239-974-9 [3]</t>
  </si>
  <si>
    <t>15852-21-8 [3]</t>
  </si>
  <si>
    <t>Molybdenum nickel hydroxide oxide phosphate; [4]</t>
  </si>
  <si>
    <t>268-585-7 [4]</t>
  </si>
  <si>
    <t>68130-36-9 [4]</t>
  </si>
  <si>
    <t>Nickel boride (NiB); [1]</t>
  </si>
  <si>
    <t>028-056-00-1</t>
  </si>
  <si>
    <t>234-493-0 [1]</t>
  </si>
  <si>
    <t>12007-00-0 [1]</t>
  </si>
  <si>
    <t>Dinickel boride; [2]</t>
  </si>
  <si>
    <t>234-494-6 [2]</t>
  </si>
  <si>
    <t>12007-01-1 [2]</t>
  </si>
  <si>
    <t>Trinickel boride; [3]</t>
  </si>
  <si>
    <t>234-495-1 [3]</t>
  </si>
  <si>
    <t>12007-02-2 [3]</t>
  </si>
  <si>
    <t>Nickel boride; [4]</t>
  </si>
  <si>
    <t>235-723-2 [4]</t>
  </si>
  <si>
    <t>12619-90-8 [4]</t>
  </si>
  <si>
    <t>Dinickel silicide; [5]</t>
  </si>
  <si>
    <t>235-033-1 [5]</t>
  </si>
  <si>
    <t>12059-14-2 [5]</t>
  </si>
  <si>
    <t>Nickel disilicide; [6]</t>
  </si>
  <si>
    <t>235-379-3 [6]</t>
  </si>
  <si>
    <t>12201-89-7 [6]</t>
  </si>
  <si>
    <t>Dinickel phosphide; [7]</t>
  </si>
  <si>
    <t>234-828-0 [7]</t>
  </si>
  <si>
    <t>12035-64-2 [7]</t>
  </si>
  <si>
    <t>Nickel boron phosphide; [8]</t>
  </si>
  <si>
    <t>65229-23-4 [8]</t>
  </si>
  <si>
    <t>Dialuminium nickel tetraoxide; [1]</t>
  </si>
  <si>
    <t>028-057-00-7</t>
  </si>
  <si>
    <t>234-454-8 [1]</t>
  </si>
  <si>
    <t>12004-35-2 [1]</t>
  </si>
  <si>
    <t>Nickel titanium trioxide; [2]</t>
  </si>
  <si>
    <t>234-825-4 [2]</t>
  </si>
  <si>
    <t>12035-39-1 [2]</t>
  </si>
  <si>
    <t>Nickel titanium oxide; [3]</t>
  </si>
  <si>
    <t>235-752-0 [3]</t>
  </si>
  <si>
    <t>12653-76-8 [3]</t>
  </si>
  <si>
    <t>Nickel divanadium hexaoxide; [4]</t>
  </si>
  <si>
    <t>257-970-5 [4]</t>
  </si>
  <si>
    <t>52502-12-2 [4]</t>
  </si>
  <si>
    <t>Cobalt dimolybdenum nickel octaoxide; [5]</t>
  </si>
  <si>
    <t>268-169-5 [5]</t>
  </si>
  <si>
    <t>68016-03-5 [5]</t>
  </si>
  <si>
    <t>Nickel zirkonium trioxide; [6]</t>
  </si>
  <si>
    <t>274-755-1 [6]</t>
  </si>
  <si>
    <t>70692-93-2 [6]</t>
  </si>
  <si>
    <t>Molybdenum nickel tetraoxide; [7]</t>
  </si>
  <si>
    <t>238-034-5 [7]</t>
  </si>
  <si>
    <t>14177-55-0 [7]</t>
  </si>
  <si>
    <t>Nickel tungsten tetraoxide; [8]</t>
  </si>
  <si>
    <t>238-032-4 [8]</t>
  </si>
  <si>
    <t>14177-51-6 [8]</t>
  </si>
  <si>
    <t>Olivine, nickel green; [9]</t>
  </si>
  <si>
    <t>271-112-7 [9]</t>
  </si>
  <si>
    <t>68515-84-4 [9]</t>
  </si>
  <si>
    <t>Lithium nickel dioxide; [10]</t>
  </si>
  <si>
    <t>- [10]</t>
  </si>
  <si>
    <t>12031-65-1 [10]</t>
  </si>
  <si>
    <t>Molybdenum nickel oxide; [11]</t>
  </si>
  <si>
    <t>- [11]</t>
  </si>
  <si>
    <t>12673-58-4 [11]</t>
  </si>
  <si>
    <t>Cobalt lithium nickel oxide</t>
  </si>
  <si>
    <t>028-058-00-2</t>
  </si>
  <si>
    <t>Diarsenic trioxide; arsenic trioxide</t>
  </si>
  <si>
    <t>033-003-00-0</t>
  </si>
  <si>
    <t>Arsenic pentoxide; arsenic oxide</t>
  </si>
  <si>
    <t>033-004-00-6</t>
  </si>
  <si>
    <t>Arsenic acid and its salts with the exception of those specified elsewhere in this Annex</t>
  </si>
  <si>
    <t>033-005-00-1</t>
  </si>
  <si>
    <t>A</t>
  </si>
  <si>
    <t>082-011-00-0</t>
  </si>
  <si>
    <t>601-004-01-8</t>
  </si>
  <si>
    <t>203-448-7 [1]</t>
  </si>
  <si>
    <t>106-97-8 [1]</t>
  </si>
  <si>
    <t>200-857-2 [2]</t>
  </si>
  <si>
    <t>75-28-5 [2]</t>
  </si>
  <si>
    <t>1,3-Butadiene; buta-1,3-diene</t>
  </si>
  <si>
    <t>601-013-00-X</t>
  </si>
  <si>
    <t>203-450-8</t>
  </si>
  <si>
    <t>601-020-00-8</t>
  </si>
  <si>
    <t>200-753-7</t>
  </si>
  <si>
    <t>601-067-00-4</t>
  </si>
  <si>
    <t>Vinyl chloride; chloroethylene</t>
  </si>
  <si>
    <t>602-023-00-7</t>
  </si>
  <si>
    <t>200-831-0</t>
  </si>
  <si>
    <t>Bis(chloromethyl)ether;</t>
  </si>
  <si>
    <t>Oxybis(chloromethane)</t>
  </si>
  <si>
    <t>603-046-00-5</t>
  </si>
  <si>
    <t>208-832-8</t>
  </si>
  <si>
    <t>Chloromethyl methyl ether; chlorodimethyl ether</t>
  </si>
  <si>
    <t>603-075-00-3</t>
  </si>
  <si>
    <t>203-480-1</t>
  </si>
  <si>
    <t>107-30-2</t>
  </si>
  <si>
    <t>2-Naphthylamine; beta-naphthylamine</t>
  </si>
  <si>
    <t>612-022-00-3</t>
  </si>
  <si>
    <t>202-080-4</t>
  </si>
  <si>
    <t>612-042-00-2</t>
  </si>
  <si>
    <t>202-199-1</t>
  </si>
  <si>
    <t>Salts of benzidine</t>
  </si>
  <si>
    <t>612-070-00-5</t>
  </si>
  <si>
    <t>Salts of 2-naphthylamine</t>
  </si>
  <si>
    <t>612-071-00-0</t>
  </si>
  <si>
    <t>209-030-0[1]</t>
  </si>
  <si>
    <t>210-313-6[2]</t>
  </si>
  <si>
    <t>553-00-4[1]</t>
  </si>
  <si>
    <t>612-52-2[2]</t>
  </si>
  <si>
    <t>Biphenyl-4-ylamine; xenylamine; 4-aminobiphenyl</t>
  </si>
  <si>
    <t>612-072-00-6</t>
  </si>
  <si>
    <t>Salts of biphenyl-4-ylamine; salts of xenylamine; salts of 4-aminobiphenyl</t>
  </si>
  <si>
    <t>612-073-00-1</t>
  </si>
  <si>
    <t>Pitch, coal tar, high-temp.;</t>
  </si>
  <si>
    <t>648-055-00-5</t>
  </si>
  <si>
    <t>Tar, coal; Coal tar</t>
  </si>
  <si>
    <t>(The by-product from the destructive distillation of coal. Almost black semisolid. A complex combination of aromatic hydro-carbons, phenolic compounds, nitrogen bases and thiophene.)</t>
  </si>
  <si>
    <t>648-081-00-7</t>
  </si>
  <si>
    <t>232-361-7</t>
  </si>
  <si>
    <t>8007-45-2</t>
  </si>
  <si>
    <t>Tar, coal, high-temperature; Coal tar</t>
  </si>
  <si>
    <t>648-082-00-2</t>
  </si>
  <si>
    <t>266-024-0</t>
  </si>
  <si>
    <t>65996-89-6</t>
  </si>
  <si>
    <t>Tar, coal, low-temperature; Coal oil</t>
  </si>
  <si>
    <t>648-083-00-8</t>
  </si>
  <si>
    <t>266-025-6</t>
  </si>
  <si>
    <t>65996-90-9</t>
  </si>
  <si>
    <t>Tar brown-coal;</t>
  </si>
  <si>
    <t>648-145-00-4</t>
  </si>
  <si>
    <t>309-885-0</t>
  </si>
  <si>
    <t>101316-83-0</t>
  </si>
  <si>
    <t>Tar, brown-coal, low temperature;</t>
  </si>
  <si>
    <t>(A tar obtained from low temperature carbonisation and low temperature gasification of brown coal. Composed primarily of aliphatic, naphthenic and cyclic aromatic hydrocarbons, heteroaromatic hydrocarbons and cyclic phenols.)</t>
  </si>
  <si>
    <t>648-146-00-X</t>
  </si>
  <si>
    <t>309-886-6</t>
  </si>
  <si>
    <t>101316-84-1</t>
  </si>
  <si>
    <t>Distillates (petroleum), light paraffinic; Unrefined or mildly refined base oil</t>
  </si>
  <si>
    <t>649-050-00-0</t>
  </si>
  <si>
    <t>265-051-5</t>
  </si>
  <si>
    <t>64741-50-0</t>
  </si>
  <si>
    <t>Distillates (petroleum), heavy paraffinic; Unrefined or mildly refined base oil</t>
  </si>
  <si>
    <t>649-051-00-6</t>
  </si>
  <si>
    <t>265-052-0</t>
  </si>
  <si>
    <t>64741-51-1</t>
  </si>
  <si>
    <t>Distillates (petroleum), light naphthenic; Unrefined or mildly refined base oil</t>
  </si>
  <si>
    <t>649-052-00-1</t>
  </si>
  <si>
    <t>265-053-6</t>
  </si>
  <si>
    <t>64741-52-2</t>
  </si>
  <si>
    <t>Distillates (petroleum), heavy naphthenic; Unrefined or mildly refined base oil</t>
  </si>
  <si>
    <t>649-053-00-7</t>
  </si>
  <si>
    <t>265-054-1</t>
  </si>
  <si>
    <t>64741-53-3</t>
  </si>
  <si>
    <t>Distillates (petroleum), acid-treated heavy naphthenic; Unrefined or mildly refined base oil</t>
  </si>
  <si>
    <t>649-054-00-2</t>
  </si>
  <si>
    <t>265-117-3</t>
  </si>
  <si>
    <t>64742-18-3</t>
  </si>
  <si>
    <t>Distillates (petroleum), acid-treated light naphthenic; Unrefined or mildly refined base oil</t>
  </si>
  <si>
    <t>649-055-00-8</t>
  </si>
  <si>
    <t>265-118-9</t>
  </si>
  <si>
    <t>64742-19-4</t>
  </si>
  <si>
    <t>Distillates (petroleum), acid-treated heavy paraffinic; Unrefined or mildly refined base oil</t>
  </si>
  <si>
    <t>649-056-00-3</t>
  </si>
  <si>
    <t>265-119-4</t>
  </si>
  <si>
    <t>64742-20-7</t>
  </si>
  <si>
    <t>Distillates (petroleum), acid-treated light paraffinic; Unrefined or mildly refined base oil</t>
  </si>
  <si>
    <t>649-057-00-9</t>
  </si>
  <si>
    <t>265-121-5</t>
  </si>
  <si>
    <t>64742-21-8</t>
  </si>
  <si>
    <t>Distillates (petroleum), chemically neutralised heavy paraffinic; Unrefined or mildly refined base oil</t>
  </si>
  <si>
    <t>649-058-00-4</t>
  </si>
  <si>
    <t>265-127-8</t>
  </si>
  <si>
    <t>64742-27-4</t>
  </si>
  <si>
    <t>Distillates (petroleum), chemically neutralised light paraffinic; Unrefined or mildly refined base oil</t>
  </si>
  <si>
    <t>649-059-00-X</t>
  </si>
  <si>
    <t>265-128-3</t>
  </si>
  <si>
    <t>64742-28-5</t>
  </si>
  <si>
    <t>Distillates (petroleum), chemically neutralised heavy naphthenic; Unrefined or mildly refined base oil</t>
  </si>
  <si>
    <t>649-060-00-5</t>
  </si>
  <si>
    <t>265-135-1</t>
  </si>
  <si>
    <t>64742-34-3</t>
  </si>
  <si>
    <t>Distillates (petroleum), chemically neutralised light naphthenic; Unrefined or mildly refined base oil</t>
  </si>
  <si>
    <t>649-061-00-0</t>
  </si>
  <si>
    <t>265-136-7</t>
  </si>
  <si>
    <t>64742-35-4</t>
  </si>
  <si>
    <t>649-062-00-6</t>
  </si>
  <si>
    <t>270-755-0</t>
  </si>
  <si>
    <t>68477-73-6</t>
  </si>
  <si>
    <t>Gases (petroleum), catalytic cracker; Petroleum gas</t>
  </si>
  <si>
    <t>649-063-00-1</t>
  </si>
  <si>
    <t>270-756-6</t>
  </si>
  <si>
    <t>68477-74-7</t>
  </si>
  <si>
    <t>649-064-00-7</t>
  </si>
  <si>
    <t>270-757-1</t>
  </si>
  <si>
    <t>68477-75-8</t>
  </si>
  <si>
    <t>649-065-00-2</t>
  </si>
  <si>
    <t>270-758-7</t>
  </si>
  <si>
    <t>68477-76-9</t>
  </si>
  <si>
    <t>649-066-00-8</t>
  </si>
  <si>
    <t>270-760-8</t>
  </si>
  <si>
    <t>68477-79-2</t>
  </si>
  <si>
    <t>649-067-00-3</t>
  </si>
  <si>
    <t>270-765-5</t>
  </si>
  <si>
    <t>68477-83-8</t>
  </si>
  <si>
    <t>649-068-00-9</t>
  </si>
  <si>
    <t>270-767-6</t>
  </si>
  <si>
    <t>68477-85-0</t>
  </si>
  <si>
    <t>Gases (petroleum), deethaniser overheads; Petroleum gas</t>
  </si>
  <si>
    <t>(A complex combination of hydrocarbons produced from distillation of the gas and gasoline fractions from the catalytic cracking process. It contains predominantly ethane and ethylene.)</t>
  </si>
  <si>
    <t>649-069-00-4</t>
  </si>
  <si>
    <t>270-768-1</t>
  </si>
  <si>
    <t>68477-86-1</t>
  </si>
  <si>
    <t>Gases (petroleum), deisobutaniser tower overheads; Petroleum gas</t>
  </si>
  <si>
    <t>649-070-00-X</t>
  </si>
  <si>
    <t>270-769-7</t>
  </si>
  <si>
    <t>68477-87-2</t>
  </si>
  <si>
    <t>Gases (petroleum), depropaniser dry, propene-rich; Petroleum gas</t>
  </si>
  <si>
    <t>(A complex combination of hydrocarbons produced by the distillation of products from the gas and gasoline fractions of a catalytic cracking process. It consists predominantly of propylene with some ethane and propane.)</t>
  </si>
  <si>
    <t>649-071-00-5</t>
  </si>
  <si>
    <t>270-772-3</t>
  </si>
  <si>
    <t>68477-90-7</t>
  </si>
  <si>
    <t>Gases (petroleum), depropaniser overheads; Petroleum gas</t>
  </si>
  <si>
    <t>649-072-00-0</t>
  </si>
  <si>
    <t>270-773-9</t>
  </si>
  <si>
    <t>68477-91-8</t>
  </si>
  <si>
    <t>Gases (petroleum), gas recovery plant depropaniser overheads; Petroleum gas</t>
  </si>
  <si>
    <t>649-073-00-6</t>
  </si>
  <si>
    <t>270-777-0</t>
  </si>
  <si>
    <t>68477-94-1</t>
  </si>
  <si>
    <t>Gases (petroleum), Girbatol unit feed; Petroleum gas</t>
  </si>
  <si>
    <t>649-074-00-1</t>
  </si>
  <si>
    <t>270-778-6</t>
  </si>
  <si>
    <t>68477-95-2</t>
  </si>
  <si>
    <t>649-075-00-7</t>
  </si>
  <si>
    <t>270-782-8</t>
  </si>
  <si>
    <t>68477-99-6</t>
  </si>
  <si>
    <t>Tail gas (petroleum), catalytic cracked clarified oil and thermal cracked vacuum residue fractionation reflux drum; Petroleum gas</t>
  </si>
  <si>
    <t>649-076-00-2</t>
  </si>
  <si>
    <t>270-802-5</t>
  </si>
  <si>
    <t>68478-21-7</t>
  </si>
  <si>
    <t>Tail gas (petroleum), catalytic cracked naphtha stabilisation absorber; Petroleum gas</t>
  </si>
  <si>
    <t>649-077-00-8</t>
  </si>
  <si>
    <t>270-803-0</t>
  </si>
  <si>
    <t>68478-22-8</t>
  </si>
  <si>
    <t>Tail gas (petroleum), catalytic cracker, catalytic reformer and hydrodesulphuriser combined fractionater; Petroleum gas</t>
  </si>
  <si>
    <t>649-078-00-3</t>
  </si>
  <si>
    <t>270-804-6</t>
  </si>
  <si>
    <t>68478-24-0</t>
  </si>
  <si>
    <t>Tail gas (petroleum), catalytic reformed naphtha fractionation stabiliser; Petroleum gas</t>
  </si>
  <si>
    <t>649-079-00-9</t>
  </si>
  <si>
    <t>270-806-7</t>
  </si>
  <si>
    <t>68478-26-2</t>
  </si>
  <si>
    <t>649-080-00-4</t>
  </si>
  <si>
    <t>270-813-5</t>
  </si>
  <si>
    <t>68478-32-0</t>
  </si>
  <si>
    <t>649-081-00-X</t>
  </si>
  <si>
    <t>270-814-0</t>
  </si>
  <si>
    <t>68478-33-1</t>
  </si>
  <si>
    <t>Tail gas (petroleum), vacuum residues thermal cracker; Petroleum gas</t>
  </si>
  <si>
    <t>649-082-00-5</t>
  </si>
  <si>
    <t>270-815-6</t>
  </si>
  <si>
    <t>68478-34-2</t>
  </si>
  <si>
    <t>649-083-00-0</t>
  </si>
  <si>
    <t>270-990-9</t>
  </si>
  <si>
    <t>68512-91-4</t>
  </si>
  <si>
    <t>Gases (petroleum), full-range straight-run naphtha dehexaniser off; Petroleum gas</t>
  </si>
  <si>
    <t>649-084-00-6</t>
  </si>
  <si>
    <t>271-000-8</t>
  </si>
  <si>
    <t>68513-15-5</t>
  </si>
  <si>
    <t>Gases (petroleum), hydrocracking depropaniser off, hydrocarbon-rich; Petroleum gas</t>
  </si>
  <si>
    <t>649-085-00-1</t>
  </si>
  <si>
    <t>271-001-3</t>
  </si>
  <si>
    <t>68513-16-6</t>
  </si>
  <si>
    <t>Gases (petroleum), light straight-run naphtha stabiliser off; Petroleum gas</t>
  </si>
  <si>
    <t>649-086-00-7</t>
  </si>
  <si>
    <t>271-002-9</t>
  </si>
  <si>
    <t>68513-17-7</t>
  </si>
  <si>
    <t>649-087-00-2</t>
  </si>
  <si>
    <t>271-010-2</t>
  </si>
  <si>
    <t>68513-66-6</t>
  </si>
  <si>
    <t>649-088-00-8</t>
  </si>
  <si>
    <t>271-032-2</t>
  </si>
  <si>
    <t>68514-31-8</t>
  </si>
  <si>
    <t>649-089-00-3</t>
  </si>
  <si>
    <t>271-038-5</t>
  </si>
  <si>
    <t>68514-36-3</t>
  </si>
  <si>
    <t>649-090-00-9</t>
  </si>
  <si>
    <t>271-259-7</t>
  </si>
  <si>
    <t>68527-16-2</t>
  </si>
  <si>
    <t>649-091-00-4</t>
  </si>
  <si>
    <t>271-261-8</t>
  </si>
  <si>
    <t>68527-19-5</t>
  </si>
  <si>
    <t>649-092-00-X</t>
  </si>
  <si>
    <t>271-624-0</t>
  </si>
  <si>
    <t>68602-83-5</t>
  </si>
  <si>
    <t>649-093-00-5</t>
  </si>
  <si>
    <t>271-734-9</t>
  </si>
  <si>
    <t>68606-25-7</t>
  </si>
  <si>
    <t>649-094-00-0</t>
  </si>
  <si>
    <t>271-735-4</t>
  </si>
  <si>
    <t>68606-26-8</t>
  </si>
  <si>
    <t>Gases (petroleum), alkylation feed; Petroleum gas</t>
  </si>
  <si>
    <t>649-095-00-6</t>
  </si>
  <si>
    <t>271-737-5</t>
  </si>
  <si>
    <t>68606-27-9</t>
  </si>
  <si>
    <t>Gases (petroleum), depropaniser bottoms fractionation off; Petroleum gas</t>
  </si>
  <si>
    <t>(A complex combination of hydrocarbons obtained from the fractionation of depropaniser bottoms. It consists predominantly of butane, isobutane and butadiene.)</t>
  </si>
  <si>
    <t>649-096-00-1</t>
  </si>
  <si>
    <t>271-742-2</t>
  </si>
  <si>
    <t>68606-34-8</t>
  </si>
  <si>
    <t>Gases (petroleum), refinery blend; Petroleum gas</t>
  </si>
  <si>
    <t>649-097-00-7</t>
  </si>
  <si>
    <t>272-183-7</t>
  </si>
  <si>
    <t>68783-07-3</t>
  </si>
  <si>
    <t>Gases (petroleum), catalytic cracking; Petroleum gas</t>
  </si>
  <si>
    <t>649-098-00-2</t>
  </si>
  <si>
    <t>272-203-4</t>
  </si>
  <si>
    <t>68783-64-2</t>
  </si>
  <si>
    <t>649-099-00-8</t>
  </si>
  <si>
    <t>272-205-5</t>
  </si>
  <si>
    <t>68783-65-3</t>
  </si>
  <si>
    <t>Gases (petroleum), crude oil fractionation off; Petroleum gas</t>
  </si>
  <si>
    <t>649-100-00-1</t>
  </si>
  <si>
    <t>272-871-7</t>
  </si>
  <si>
    <t>68918-99-0</t>
  </si>
  <si>
    <t>Gases (petroleum), dehexaniser off; Petroleum gas</t>
  </si>
  <si>
    <t>649-101-00-7</t>
  </si>
  <si>
    <t>272-872-2</t>
  </si>
  <si>
    <t>68919-00-6</t>
  </si>
  <si>
    <t>Gases (petroleum), light straight run gasoline fractionation stabiliser off; Petroleum gas</t>
  </si>
  <si>
    <t>649-102-00-2</t>
  </si>
  <si>
    <t>272-878-5</t>
  </si>
  <si>
    <t>68919-05-1</t>
  </si>
  <si>
    <t>Gases (petroleum), naphtha unifiner desulphurisation stripper off; Petroleum gas</t>
  </si>
  <si>
    <t>649-103-00-8</t>
  </si>
  <si>
    <t>272-879-0</t>
  </si>
  <si>
    <t>68919-06-2</t>
  </si>
  <si>
    <t>Gases (petroleum), straight-run naphtha catalytic reforming off; Petroleum gas</t>
  </si>
  <si>
    <t>(A complex combination of hydrocarbons obtained by the catalytic reforming of straight-run naphtha and fractionation of the total effluent. It consists of methane, ethane, and propane.)</t>
  </si>
  <si>
    <t>649-104-00-3</t>
  </si>
  <si>
    <t>272-882-7</t>
  </si>
  <si>
    <t>68919-09-5</t>
  </si>
  <si>
    <t>Gases (petroleum), fluidised catalytic cracker splitter overheads; Petroleum gas</t>
  </si>
  <si>
    <t>649-105-00-9</t>
  </si>
  <si>
    <t>272-893-7</t>
  </si>
  <si>
    <t>68919-20-0</t>
  </si>
  <si>
    <t>Gases (petroleum), straight-run stabiliser off; Petroleum gas</t>
  </si>
  <si>
    <t>649-106-00-4</t>
  </si>
  <si>
    <t>272-883-2</t>
  </si>
  <si>
    <t>68919-10-8</t>
  </si>
  <si>
    <t>Gases (petroleum), catalytic cracked naphtha debutaniser; Petroleum gas</t>
  </si>
  <si>
    <t>649-107-00-X</t>
  </si>
  <si>
    <t>273-169-3</t>
  </si>
  <si>
    <t>68952-76-1</t>
  </si>
  <si>
    <t>Tail gas (petroleum), catalytic cracked distillate and naphtha stabiliser; Petroleum gas</t>
  </si>
  <si>
    <t>649-108-00-5</t>
  </si>
  <si>
    <t>273-170-9</t>
  </si>
  <si>
    <t>68952-77-2</t>
  </si>
  <si>
    <t>Tail gas (petroleum), thermal-cracked distillate, gas oil and naphtha absorber; Petroleum gas</t>
  </si>
  <si>
    <t>649-109-00-0</t>
  </si>
  <si>
    <t>273-175-6</t>
  </si>
  <si>
    <t>68952-81-8</t>
  </si>
  <si>
    <t>Tail gas (petroleum), thermal cracked hydrocarbon fractionation stabiliser, petroleum coking; Petroleum gas</t>
  </si>
  <si>
    <t>649-110-00-6</t>
  </si>
  <si>
    <t>273-176-1</t>
  </si>
  <si>
    <t>68952-82-9</t>
  </si>
  <si>
    <t>Gases (petroleum, light steam-cracked, butadiene conc.; Petroleum gas</t>
  </si>
  <si>
    <t>649-111-00-1</t>
  </si>
  <si>
    <t>273-265-5</t>
  </si>
  <si>
    <t>68955-28-2</t>
  </si>
  <si>
    <t>Gases (petroleum), straight-run naphtha catalytic reformer stabiliser overhead; Petroleum gas</t>
  </si>
  <si>
    <t>649-112-00-7</t>
  </si>
  <si>
    <t>273-270-2</t>
  </si>
  <si>
    <t>68955-34-0</t>
  </si>
  <si>
    <t>649-113-00-2</t>
  </si>
  <si>
    <t>289-339-5</t>
  </si>
  <si>
    <t>27741-01-3</t>
  </si>
  <si>
    <t>649-114-00-8</t>
  </si>
  <si>
    <t>292-456-4</t>
  </si>
  <si>
    <t>90622-55-2</t>
  </si>
  <si>
    <t>649-115-00-3</t>
  </si>
  <si>
    <t>295-404-9</t>
  </si>
  <si>
    <t>92045-22-2</t>
  </si>
  <si>
    <t>649-116-00-9</t>
  </si>
  <si>
    <t>295-405-4</t>
  </si>
  <si>
    <t>92045-23-3</t>
  </si>
  <si>
    <t>649-117-00-4</t>
  </si>
  <si>
    <t>295-463-0</t>
  </si>
  <si>
    <t>92045-80-2</t>
  </si>
  <si>
    <t>Petroleum gas</t>
  </si>
  <si>
    <t>649-118-00-X</t>
  </si>
  <si>
    <t>306-004-1</t>
  </si>
  <si>
    <t>95465-89-7</t>
  </si>
  <si>
    <t>K</t>
  </si>
  <si>
    <t>649-119-00-5</t>
  </si>
  <si>
    <t>307-769-4</t>
  </si>
  <si>
    <t>97722-19-5</t>
  </si>
  <si>
    <t>Gases (petroleum), amine system feed; Refinery gas</t>
  </si>
  <si>
    <t>649-120-00-0</t>
  </si>
  <si>
    <t>270-746-1</t>
  </si>
  <si>
    <t>68477-65-6</t>
  </si>
  <si>
    <t>Gases (petroleum), benzene unit hydrodesulphuriser off; Refinery gas</t>
  </si>
  <si>
    <t>649-121-00-6</t>
  </si>
  <si>
    <t>270-747-7</t>
  </si>
  <si>
    <t>68477-66-7</t>
  </si>
  <si>
    <t>Gases (petroleum), benzene unit recycle, hydrogen-rich; Refinery gas</t>
  </si>
  <si>
    <t>649-122-00-1</t>
  </si>
  <si>
    <t>270-748-2</t>
  </si>
  <si>
    <t>68477-67-8</t>
  </si>
  <si>
    <t>Gases (petroleum), blend oil, hydrogen-nitrogen-rich; Refinery gas</t>
  </si>
  <si>
    <t>649-123-00-7</t>
  </si>
  <si>
    <t>270-749-8</t>
  </si>
  <si>
    <t>68477-68-9</t>
  </si>
  <si>
    <t>Gases (petroleum), catalytic reformed naphtha stripper overheads; Refinery gas</t>
  </si>
  <si>
    <t>649-124-00-2</t>
  </si>
  <si>
    <t>270-759-2</t>
  </si>
  <si>
    <t>68477-77-0</t>
  </si>
  <si>
    <t>649-125-00-8</t>
  </si>
  <si>
    <t>270-760-3</t>
  </si>
  <si>
    <t>68477-80-5</t>
  </si>
  <si>
    <t>649-126-00-3</t>
  </si>
  <si>
    <t>270-762-9</t>
  </si>
  <si>
    <t>68477-81-6</t>
  </si>
  <si>
    <t>649-127-00-9</t>
  </si>
  <si>
    <t>270-763-4</t>
  </si>
  <si>
    <t>68477-82-7</t>
  </si>
  <si>
    <t>(A complex combination of hydrocarbons obtained by the extraction of hydrogen from a gas stream which consists primarily of hydrogen with small amounts of nitrogen, carbon monoxide, methane, ethane, and ethylene. It contains predominantly hydrocarbons such as methane, ethane, and ethylene with small amounts of hydrogen, nitrogen and carbon monoxide.)</t>
  </si>
  <si>
    <t>649-128-00-4</t>
  </si>
  <si>
    <t>270-766-0</t>
  </si>
  <si>
    <t>68477-84-9</t>
  </si>
  <si>
    <t>Gases (petroleum), dry sour, gas-concentration-unit-off; Refinery gas</t>
  </si>
  <si>
    <t>649-129-00-X</t>
  </si>
  <si>
    <t>270-774-4</t>
  </si>
  <si>
    <t>68477-92-9</t>
  </si>
  <si>
    <t>Gases (petroleum), gas concentration reabsorber distillation; Refinery gas</t>
  </si>
  <si>
    <t>649-130-00-5</t>
  </si>
  <si>
    <t>270-776-5</t>
  </si>
  <si>
    <t>68477-93-0</t>
  </si>
  <si>
    <t>Gases (petroleum), hydrogen absorber off; Refinery gas</t>
  </si>
  <si>
    <t>649-131-00-0</t>
  </si>
  <si>
    <t>270-779-1</t>
  </si>
  <si>
    <t>68477-96-3</t>
  </si>
  <si>
    <t>Gases (petroleum), hydrogen-rich; Refinery gas</t>
  </si>
  <si>
    <t>649-132-00-6</t>
  </si>
  <si>
    <t>270-780-7</t>
  </si>
  <si>
    <t>68477-97-4</t>
  </si>
  <si>
    <t>Gases (petroleum), hydrotreater blend oil recycle, hydrogen-nitrogen-rich; Refinery gas</t>
  </si>
  <si>
    <t>649-133-00-1</t>
  </si>
  <si>
    <t>270-781-2</t>
  </si>
  <si>
    <t>68477-98-5</t>
  </si>
  <si>
    <t>Gases (petroleum), recycle, hydrogen-rich; Refinery gas</t>
  </si>
  <si>
    <t>649-134-00-7</t>
  </si>
  <si>
    <t>270-783-3</t>
  </si>
  <si>
    <t>68478-00-2</t>
  </si>
  <si>
    <t>Gases (petroleum), reformer make-up, hydrogen-rich; Refinery gas</t>
  </si>
  <si>
    <t>649-135-00-2</t>
  </si>
  <si>
    <t>270-784-9</t>
  </si>
  <si>
    <t>68478-01-3</t>
  </si>
  <si>
    <t>Gases (petroleum), reforming hydrotreater; Refinery gas</t>
  </si>
  <si>
    <t>649-136-00-8</t>
  </si>
  <si>
    <t>270-785-4</t>
  </si>
  <si>
    <t>68478-02-4</t>
  </si>
  <si>
    <t>Gases (petroleum), reforming hydrotreater, hydrogen-methane-rich; Refinery gas</t>
  </si>
  <si>
    <t>649-137-00-3</t>
  </si>
  <si>
    <t>270-787-5</t>
  </si>
  <si>
    <t>68478-03-5</t>
  </si>
  <si>
    <t>Gases (petroleum), reforming hydrotreater make-up, hydrogen-rich; Refinery gas</t>
  </si>
  <si>
    <t>649-138-00-9</t>
  </si>
  <si>
    <t>270-788-0</t>
  </si>
  <si>
    <t>68478-04-6</t>
  </si>
  <si>
    <t>Gases (petroleum), thermal cracking distillation; Refinery gas</t>
  </si>
  <si>
    <t>649-139-00-4</t>
  </si>
  <si>
    <t>270-789-6</t>
  </si>
  <si>
    <t>68478-05-7</t>
  </si>
  <si>
    <t>Tail gas (petroleum), catalytic cracker refractionation absorber; Refinery gas</t>
  </si>
  <si>
    <t>649-140-00-X</t>
  </si>
  <si>
    <t>270-805-1</t>
  </si>
  <si>
    <t>68478-25-1</t>
  </si>
  <si>
    <t>Tail gas (petroleum), catalytic reformed naphtha separator; Refinery gas</t>
  </si>
  <si>
    <t>649-141-00-5</t>
  </si>
  <si>
    <t>270-807-2</t>
  </si>
  <si>
    <t>68478-27-3</t>
  </si>
  <si>
    <t>Tail gas (petroleum), catalytic reformed naphtha stabiliser; Refinery gas</t>
  </si>
  <si>
    <t>649-142-00-0</t>
  </si>
  <si>
    <t>270-808-8</t>
  </si>
  <si>
    <t>68478-28-4</t>
  </si>
  <si>
    <t>Tail gas (petroleum), cracked distillate hydrotreater separator; Refinery gas</t>
  </si>
  <si>
    <t>649-143-00-6</t>
  </si>
  <si>
    <t>270-809-3</t>
  </si>
  <si>
    <t>68478-29-5</t>
  </si>
  <si>
    <t>Tail gas (petroleum), hydrodesulphurised straight-run naphtha separator; Refinery gas</t>
  </si>
  <si>
    <t>649-144-00-1</t>
  </si>
  <si>
    <t>270-810-9</t>
  </si>
  <si>
    <t>68478-30-8</t>
  </si>
  <si>
    <t>Gases (petroleum), catalytic reformed straight-run naphtha stabiliser overheads; Refinery gas</t>
  </si>
  <si>
    <t>(A complex combination of hydrocarbons obtained from the catalytic reforming of straight-run naphtha followed by fractionation of the total effluent. It consists of hydrogen, methane, ethane and propane.)</t>
  </si>
  <si>
    <t>649-145-00-7</t>
  </si>
  <si>
    <t>270-999-8</t>
  </si>
  <si>
    <t>68513-14-4</t>
  </si>
  <si>
    <t>Gases (petroleum), reformer effluent high-pressure flash drum off; Refinery gas</t>
  </si>
  <si>
    <t>(A complex combination produced by the high-pressure flashing of the effluent from the reforming reactor. It consists primarily of hydrogen with various small amounts of methane, ethane, and propane.)</t>
  </si>
  <si>
    <t>649-146-00-2</t>
  </si>
  <si>
    <t>271-003-4</t>
  </si>
  <si>
    <t>68513-18-8</t>
  </si>
  <si>
    <t>Gases (petroleum), reformer effluent low-pressure flash drum off; Refinery gas</t>
  </si>
  <si>
    <t>(A complex combination produced by low-pressure flashing of the effluent from the reforming reactor. It consists primarily of hydrogen with various small amounts of methane, ethane, and propane.)</t>
  </si>
  <si>
    <t>649-147-00-8</t>
  </si>
  <si>
    <t>271-005-5</t>
  </si>
  <si>
    <t>68513-19-9</t>
  </si>
  <si>
    <t>Gases (petroleum), oil refinery gas distillation off; Refinery gas</t>
  </si>
  <si>
    <t>649-148-00-3</t>
  </si>
  <si>
    <t>271-258-1</t>
  </si>
  <si>
    <t>68527-15-1</t>
  </si>
  <si>
    <t>Gases (petroleum), benzene unit hydrotreater depentaniser overheads; Refinery gas</t>
  </si>
  <si>
    <t>649-149-00-9</t>
  </si>
  <si>
    <t>271-623-5</t>
  </si>
  <si>
    <t>68602-82-4</t>
  </si>
  <si>
    <t>Gases (petroleum), secondary absorber off, fluidised catalytic cracker overheads fractionator; Refinery gas</t>
  </si>
  <si>
    <t>649-150-00-4</t>
  </si>
  <si>
    <t>271-625-6</t>
  </si>
  <si>
    <t>68602-84-6</t>
  </si>
  <si>
    <t>Petroleum products, refinery gases; Refinery gas</t>
  </si>
  <si>
    <t>(A complex combination which consists primarily of hydrogen with various small amounts of methane, ethane and propane.)</t>
  </si>
  <si>
    <t>649-151-00-X</t>
  </si>
  <si>
    <t>271-750-6</t>
  </si>
  <si>
    <t>68607-11-4</t>
  </si>
  <si>
    <t>Gases (petroleum), hydrocracking low-pressure separator; Refinery gas</t>
  </si>
  <si>
    <t>649-152-00-5</t>
  </si>
  <si>
    <t>272-182-1</t>
  </si>
  <si>
    <t>68783-06-2</t>
  </si>
  <si>
    <t>Gases (petroleum), refinery; Refinery gas</t>
  </si>
  <si>
    <t>649-153-00-0</t>
  </si>
  <si>
    <t>272-338-9</t>
  </si>
  <si>
    <t>68814-67-5</t>
  </si>
  <si>
    <t>Gases (petroleum), platformer products separator off; Refinery gas</t>
  </si>
  <si>
    <t>649-154-00-6</t>
  </si>
  <si>
    <t>272-343-6</t>
  </si>
  <si>
    <t>68814-90-4</t>
  </si>
  <si>
    <t>Gases (petroleum), hydrotreated sour kerosine depentaniser stabiliser off; Refinery gas</t>
  </si>
  <si>
    <t>649-155-00-1</t>
  </si>
  <si>
    <t>272-775-5</t>
  </si>
  <si>
    <t>68911-58-0</t>
  </si>
  <si>
    <t>Gases (petroleum), hydrotreated sour kerosine flash drum; Refinery gas</t>
  </si>
  <si>
    <t>649-156-00-7</t>
  </si>
  <si>
    <t>272-776-0</t>
  </si>
  <si>
    <t>68911-59-1</t>
  </si>
  <si>
    <t>Gases (petroleum), distillate unifiner desulphurisation stripper off; Refinery gas</t>
  </si>
  <si>
    <t>(A complex combination stripped from the liquid product of the unifiner desulphurisation process. It consists of hydrogen sulphide, methane, ethane, and propane.)</t>
  </si>
  <si>
    <t>649-157-00-2</t>
  </si>
  <si>
    <t>272-873-8</t>
  </si>
  <si>
    <t>68919-01-7</t>
  </si>
  <si>
    <t>Gases (petroleum), fluidised catalytic cracker fractionation off; Refinery gas</t>
  </si>
  <si>
    <t>649-158-00-8</t>
  </si>
  <si>
    <t>272-874-3</t>
  </si>
  <si>
    <t>68919-02-8</t>
  </si>
  <si>
    <t>Gases (petroleum), fluidised catalytic cracker scrubbing secondary absorber off; Refinery gas</t>
  </si>
  <si>
    <t>(A complex combination produced by scrubbing the overhead gas from the fluidised catalytic cracker. It consists of hydrogen, nitrogen, methane, ethane and propane.)</t>
  </si>
  <si>
    <t>649-159-00-3</t>
  </si>
  <si>
    <t>272-875-9</t>
  </si>
  <si>
    <t>68919-03-9</t>
  </si>
  <si>
    <t>Gases (petroleum), heavy distillate hydrotreater desulphurisation stripper off; Refinery gas</t>
  </si>
  <si>
    <t>649-160-00-9</t>
  </si>
  <si>
    <t>272-876-4</t>
  </si>
  <si>
    <t>68919-04-0</t>
  </si>
  <si>
    <t>Gases (petroleum), platformer stabiliser off, light ends fractionation; Refinery gas</t>
  </si>
  <si>
    <t>(A complex combination obtained by the fractionation of the light ends of the platinum reactors of the platformer unit. It consists of hydrogen, methane, ethane and propane.)</t>
  </si>
  <si>
    <t>649-161-00-4</t>
  </si>
  <si>
    <t>272-880-6</t>
  </si>
  <si>
    <t>68919-07-3</t>
  </si>
  <si>
    <t>Gases (petroleum), preflash tower off, crude distillation; Refinery gas</t>
  </si>
  <si>
    <t>649-162-00-X</t>
  </si>
  <si>
    <t>272-881-1</t>
  </si>
  <si>
    <t>68919-08-4</t>
  </si>
  <si>
    <t>Gases (petroleum), tar stripper off; Refinery gas</t>
  </si>
  <si>
    <t>649-163-00-5</t>
  </si>
  <si>
    <t>272-884-8</t>
  </si>
  <si>
    <t>68919-11-9</t>
  </si>
  <si>
    <t>Gases (petroleum), unifiner stripper off; Refinery gas</t>
  </si>
  <si>
    <t>(A combination of hydrogen and methane obtained by fractionation of the products from the unifiner unit.)</t>
  </si>
  <si>
    <t>649-164-00-0</t>
  </si>
  <si>
    <t>272-885-3</t>
  </si>
  <si>
    <t>68919-12-0</t>
  </si>
  <si>
    <t>Tail gas (petroleum), catalytic hydrodesulphurised naphtha separator; Refinery gas</t>
  </si>
  <si>
    <t>(A complex combination of hydrocarbons obtained from the hydrodesulphurisation of naphtha. It consists of hydrogen, methane, ethane, and propane.)</t>
  </si>
  <si>
    <t>649-165-00-6</t>
  </si>
  <si>
    <t>273-173-5</t>
  </si>
  <si>
    <t>68952-79-4</t>
  </si>
  <si>
    <t>Tail gas (petroleum), straight-run naphtha hydrodesulphuriser; Refinery gas</t>
  </si>
  <si>
    <t>649-166-00-1</t>
  </si>
  <si>
    <t>273-174-0</t>
  </si>
  <si>
    <t>68952-80-7</t>
  </si>
  <si>
    <t>Gases (petroleum), sponge absorber off, fluidised catalytic cracker and gas oil desulphuriser overhead fractionation; Refinery gas</t>
  </si>
  <si>
    <t>649-167-00-7</t>
  </si>
  <si>
    <t>273-269-7</t>
  </si>
  <si>
    <t>68955-33-9</t>
  </si>
  <si>
    <t>Gases (petroleum), crude distillation and catalytic cracking; Refinery gas</t>
  </si>
  <si>
    <t>649-168-00-2</t>
  </si>
  <si>
    <t>273-563-5</t>
  </si>
  <si>
    <t>68989-88-8</t>
  </si>
  <si>
    <t>Gases (petroleum), gas oil diethanolamine scrubber off; Refinery gas</t>
  </si>
  <si>
    <t>649-169-00-8</t>
  </si>
  <si>
    <t>295-397-2</t>
  </si>
  <si>
    <t>92045-15-3</t>
  </si>
  <si>
    <t>Gases (petroleum), gas oil hydrodesulphurisation effluent; Refinery gas</t>
  </si>
  <si>
    <t>649-170-00-3</t>
  </si>
  <si>
    <t>295-398-8</t>
  </si>
  <si>
    <t>92045-16-4</t>
  </si>
  <si>
    <t>Gases (petroleum), gas oil hydrodesulphurisation purge; Refinery gas</t>
  </si>
  <si>
    <t>649-171-00-9</t>
  </si>
  <si>
    <t>295-399-3</t>
  </si>
  <si>
    <t>92045-17-5</t>
  </si>
  <si>
    <t>Gases (petroleum), hydrogenator effluent flash drum off; Refinery gas</t>
  </si>
  <si>
    <t>649-172-00-4</t>
  </si>
  <si>
    <t>295-400-7</t>
  </si>
  <si>
    <t>92045-18-6</t>
  </si>
  <si>
    <t>Gases (petroleum), naphtha steam cracking high-pressure residual; Refinery gas</t>
  </si>
  <si>
    <t>649-173-00-X</t>
  </si>
  <si>
    <t>295-401-2</t>
  </si>
  <si>
    <t>92045-19-7</t>
  </si>
  <si>
    <t>Gases (petroleum), residue visbaking off; Refinery gas</t>
  </si>
  <si>
    <t>649-174-00-5</t>
  </si>
  <si>
    <t>295-402-8</t>
  </si>
  <si>
    <t>92045-20-0</t>
  </si>
  <si>
    <t>649-177-00-1</t>
  </si>
  <si>
    <t>268-629-5</t>
  </si>
  <si>
    <t>68131-75-9</t>
  </si>
  <si>
    <t>Tail gas (petroleum), catalytic cracked distillate and catalytic cracked naphtha fractionation absorber; Petroleum gas</t>
  </si>
  <si>
    <t>649-178-00-7</t>
  </si>
  <si>
    <t>269-617-2</t>
  </si>
  <si>
    <t>68307-98-2</t>
  </si>
  <si>
    <t>Tail gas (petroleum), catalytic polymerisation naphtha fractionation stabiliser; Petroleum gas</t>
  </si>
  <si>
    <t>649-179-00-2</t>
  </si>
  <si>
    <t>269-618-8</t>
  </si>
  <si>
    <t>68307-99-3</t>
  </si>
  <si>
    <t>Tail gas (petroleum), catalytic reformed naphtha fractionation stabiliser, hydrogen sulphide-free; Petroleum gas</t>
  </si>
  <si>
    <t>649-180-00-8</t>
  </si>
  <si>
    <t>269-619-3</t>
  </si>
  <si>
    <t>68308-00-9</t>
  </si>
  <si>
    <t>Tail gas (petroleum), cracked distillate hydrotreater stripper; Petroleum gas</t>
  </si>
  <si>
    <t>649-181-00-3</t>
  </si>
  <si>
    <t>269-620-9</t>
  </si>
  <si>
    <t>68308-01-0</t>
  </si>
  <si>
    <t>Tail gas (petroleum), straight-run distillate hydrodesulphuriser, hydrogen sulphide-free; Petroleum gas</t>
  </si>
  <si>
    <t>649-182-00-9</t>
  </si>
  <si>
    <t>269-630-3</t>
  </si>
  <si>
    <t>68308-10-1</t>
  </si>
  <si>
    <t>Tail gas (petroleum), gas oil catalytic cracking absorber; Petroleum gas</t>
  </si>
  <si>
    <t>649-183-00-4</t>
  </si>
  <si>
    <t>269-623-5</t>
  </si>
  <si>
    <t>68308-03-2</t>
  </si>
  <si>
    <t>Tail gas (petroleum), gas recovery plant; Petroleum gas</t>
  </si>
  <si>
    <t>649-184-00-X</t>
  </si>
  <si>
    <t>269-624-0</t>
  </si>
  <si>
    <t>68308-04-3</t>
  </si>
  <si>
    <t>Tail gas (petroleum), gas recovery plant deethaniser; Petroleum gas</t>
  </si>
  <si>
    <t>649-185-00-5</t>
  </si>
  <si>
    <t>269-625-6</t>
  </si>
  <si>
    <t>68308-05-4</t>
  </si>
  <si>
    <t>Tail gas (petroleum), hydrodesulphurised distillate and hydrodesulphurised naphtha fractionator, acid-free; Petroleum gas</t>
  </si>
  <si>
    <t>649-186-00-0</t>
  </si>
  <si>
    <t>269-626-1</t>
  </si>
  <si>
    <t>68308-06-5</t>
  </si>
  <si>
    <t>Tail gas (petroleum), hydrodesulphurised vacuum gas oil stripper, hydrogen sulphide-free; Petroleum gas</t>
  </si>
  <si>
    <t>649-187-00-6</t>
  </si>
  <si>
    <t>269-627-7</t>
  </si>
  <si>
    <t>68308-07-6</t>
  </si>
  <si>
    <t>Tail gas (petroleum), light straight-run naphtha stabiliser, hydrogen sulphide-free; Petroleum gas</t>
  </si>
  <si>
    <t>649-188-00-1</t>
  </si>
  <si>
    <t>269-629-8</t>
  </si>
  <si>
    <t>68308-09-8</t>
  </si>
  <si>
    <t>Tail gas (petroleum), propane-propylene alkylation feed prep deethaniser; Petroleum gas</t>
  </si>
  <si>
    <t>649-189-00-7</t>
  </si>
  <si>
    <t>269-631-9</t>
  </si>
  <si>
    <t>68308-11-2</t>
  </si>
  <si>
    <t>Tail gas (petroleum), vacuum gas oil hydrodesulphuriser, hydrogen sulphide-free; Petroleum gas</t>
  </si>
  <si>
    <t>649-190-00-2</t>
  </si>
  <si>
    <t>269-632-4</t>
  </si>
  <si>
    <t>68308-12-3</t>
  </si>
  <si>
    <t>Gases (petroleum), catalytic cracked overheads; Petroleum gas</t>
  </si>
  <si>
    <t>649-191-00-8</t>
  </si>
  <si>
    <t>270-071-2</t>
  </si>
  <si>
    <t>68409-99-4</t>
  </si>
  <si>
    <t>649-193-00-9</t>
  </si>
  <si>
    <t>270-651-5</t>
  </si>
  <si>
    <t>68475-57-0</t>
  </si>
  <si>
    <t>649-194-00-4</t>
  </si>
  <si>
    <t>270-652-0</t>
  </si>
  <si>
    <t>68475-58-1</t>
  </si>
  <si>
    <t>649-195-00-X</t>
  </si>
  <si>
    <t>270-653-6</t>
  </si>
  <si>
    <t>68475-59-2</t>
  </si>
  <si>
    <t>649-196-00-5</t>
  </si>
  <si>
    <t>270-654-1</t>
  </si>
  <si>
    <t>68475-60-5</t>
  </si>
  <si>
    <t>Fuel gases; Petroleum gas</t>
  </si>
  <si>
    <t>(A combination of light gases. It consists predominantly of hydrogen and/or low molecular weight hydrocarbons.)</t>
  </si>
  <si>
    <t>649-197-00-0</t>
  </si>
  <si>
    <t>270-667-2</t>
  </si>
  <si>
    <t>68476-26-6</t>
  </si>
  <si>
    <t>Fuel gases, crude oil of distillates; Petroleum gas</t>
  </si>
  <si>
    <t>649-198-00-6</t>
  </si>
  <si>
    <t>270-670-9</t>
  </si>
  <si>
    <t>68476-29-9</t>
  </si>
  <si>
    <t>649-199-00-1</t>
  </si>
  <si>
    <t>270-681-9</t>
  </si>
  <si>
    <t>68476-40-4</t>
  </si>
  <si>
    <t>649-200-00-5</t>
  </si>
  <si>
    <t>270-682-4</t>
  </si>
  <si>
    <t>68476-42-6</t>
  </si>
  <si>
    <t>649-201-00-0</t>
  </si>
  <si>
    <t>270-689-2</t>
  </si>
  <si>
    <t>68476-49-3</t>
  </si>
  <si>
    <t>Petroleum gases, liquefied; Petroleum gas</t>
  </si>
  <si>
    <t>649-202-00-6</t>
  </si>
  <si>
    <t>270-704-2</t>
  </si>
  <si>
    <t>68476-85-7</t>
  </si>
  <si>
    <t>Petroleum gases, liquefied, sweetened; Petroleum gas</t>
  </si>
  <si>
    <t>649-203-00-1</t>
  </si>
  <si>
    <t>270-705-8</t>
  </si>
  <si>
    <t>68476-86-8</t>
  </si>
  <si>
    <t>649-204-00-7</t>
  </si>
  <si>
    <t>270-724-1</t>
  </si>
  <si>
    <t>68477-33-8</t>
  </si>
  <si>
    <t>649-205-00-2</t>
  </si>
  <si>
    <t>270-726-2</t>
  </si>
  <si>
    <t>68477-35-0</t>
  </si>
  <si>
    <t>Gases (petroleum), butane splitter overheads; Petroleum gas</t>
  </si>
  <si>
    <t>649-206-00-8</t>
  </si>
  <si>
    <t>270-750-3</t>
  </si>
  <si>
    <t>68477-69-0</t>
  </si>
  <si>
    <t>(A complex combination of hydrocarbons produced by the distillation of products from a catalytic fractionation process. It contains predominantly ethane, ethylene, propane, and propylene.)</t>
  </si>
  <si>
    <t>649-207-00-3</t>
  </si>
  <si>
    <t>270-751-9</t>
  </si>
  <si>
    <t>68477-70-3</t>
  </si>
  <si>
    <t>649-208-00-9</t>
  </si>
  <si>
    <t>270-752-4</t>
  </si>
  <si>
    <t>68477-71-4</t>
  </si>
  <si>
    <t>649-209-00-4</t>
  </si>
  <si>
    <t>270-754-5</t>
  </si>
  <si>
    <t>68477-72-5</t>
  </si>
  <si>
    <t>Tail gas (petroleum), isomerised naphtha fractionation stabiliser; Petroleum gas</t>
  </si>
  <si>
    <t>649-210-00-X</t>
  </si>
  <si>
    <t>269-628-2</t>
  </si>
  <si>
    <t>68308-08-7</t>
  </si>
  <si>
    <t>Erionite</t>
  </si>
  <si>
    <t>650-012-00-0</t>
  </si>
  <si>
    <t>12510-42-8</t>
  </si>
  <si>
    <t>650-013-00-6</t>
  </si>
  <si>
    <t>004-001-00-7</t>
  </si>
  <si>
    <t>231-150-7</t>
  </si>
  <si>
    <t>Beryllium compounds with the exception of aluminium beryllium silicates</t>
  </si>
  <si>
    <t>004-002-00-2</t>
  </si>
  <si>
    <t>004-003-00-8</t>
  </si>
  <si>
    <t>215-133-1</t>
  </si>
  <si>
    <t>Sulfallate (ISO); 2-chlorallyl diethyldithiocarbamate</t>
  </si>
  <si>
    <t>006-038-00-4</t>
  </si>
  <si>
    <t>202-388-9</t>
  </si>
  <si>
    <t>Dimethylcarbamoyl chloride</t>
  </si>
  <si>
    <t>006-041-00-0</t>
  </si>
  <si>
    <t>201-208-6</t>
  </si>
  <si>
    <t>79-44-7</t>
  </si>
  <si>
    <t>Diazomethane</t>
  </si>
  <si>
    <t>006-068-00-8</t>
  </si>
  <si>
    <t>206-382-7</t>
  </si>
  <si>
    <t>334-88-3</t>
  </si>
  <si>
    <t>O-isobutyl-N-ethoxy carbonylthiocarbamate</t>
  </si>
  <si>
    <t>006-094-00-X</t>
  </si>
  <si>
    <t>434-350-4</t>
  </si>
  <si>
    <t>103122-66-3</t>
  </si>
  <si>
    <t>006-102-00-1</t>
  </si>
  <si>
    <t>007-008-00-3</t>
  </si>
  <si>
    <t>N,N-Dimethylhydrazine</t>
  </si>
  <si>
    <t>007-012-00-5</t>
  </si>
  <si>
    <t>200-316-0</t>
  </si>
  <si>
    <t>57-14-7</t>
  </si>
  <si>
    <t>1,2-Dimethylhydrazine</t>
  </si>
  <si>
    <t>007-013-00-0</t>
  </si>
  <si>
    <t>540-73-8</t>
  </si>
  <si>
    <t>Salts of hydrazine</t>
  </si>
  <si>
    <t>007-014-00-6</t>
  </si>
  <si>
    <t>007-017-00-2</t>
  </si>
  <si>
    <t>208-819-7</t>
  </si>
  <si>
    <t>Hydrazobenzene; 1,2-diphenylhydrazine</t>
  </si>
  <si>
    <t>007-021-00-4</t>
  </si>
  <si>
    <t>204-563-5</t>
  </si>
  <si>
    <t>122-66-7</t>
  </si>
  <si>
    <t>Hydrazine bis(3-carboxy-4-hydroxybenzensulfonate)</t>
  </si>
  <si>
    <t>007-022-00-X</t>
  </si>
  <si>
    <t>Hexamethylphosphoric triamide; hexamethylphosphoramide</t>
  </si>
  <si>
    <t>015-106-00-2</t>
  </si>
  <si>
    <t>211-653-8</t>
  </si>
  <si>
    <t>680-31-9</t>
  </si>
  <si>
    <t>Mixture of: dimethyl(2-(hydroxymethylcarbamoyl)ethyl)phosphonate;</t>
  </si>
  <si>
    <t>Diethyl(2-(hydroxymethylcarbamoyl)ethyl)phosphonate;</t>
  </si>
  <si>
    <t>Methyl ethyl(2-(hydroxymethylcarbamoyl)ethyl)phosphonate</t>
  </si>
  <si>
    <t>015-196-00-3</t>
  </si>
  <si>
    <t>Indium phosphide</t>
  </si>
  <si>
    <t>015-200-00-3</t>
  </si>
  <si>
    <t>244-959-5</t>
  </si>
  <si>
    <t>22398-80-7</t>
  </si>
  <si>
    <t>016-023-00-4</t>
  </si>
  <si>
    <t>016-027-00-6</t>
  </si>
  <si>
    <t>016-032-00-3</t>
  </si>
  <si>
    <t>Dimethylsulfamoylchloride</t>
  </si>
  <si>
    <t>016-033-00-9</t>
  </si>
  <si>
    <t>236-412-4</t>
  </si>
  <si>
    <t>13360-57-1</t>
  </si>
  <si>
    <t>024-002-00-6</t>
  </si>
  <si>
    <t>024-003-00-1</t>
  </si>
  <si>
    <t>024-004-00-7</t>
  </si>
  <si>
    <t>Chromyl dichloride; chromic oxychloride</t>
  </si>
  <si>
    <t>024-005-00-2</t>
  </si>
  <si>
    <t>239-056-8</t>
  </si>
  <si>
    <t>024-006-00-8</t>
  </si>
  <si>
    <t>024-008-00-9</t>
  </si>
  <si>
    <t>237-366-8</t>
  </si>
  <si>
    <t>024-009-00-4</t>
  </si>
  <si>
    <t>Chromium III chromate; chromic chromate</t>
  </si>
  <si>
    <t>024-010-00-X</t>
  </si>
  <si>
    <t>024-017-00-8</t>
  </si>
  <si>
    <t>024-018-00-3</t>
  </si>
  <si>
    <t>027-004-00-5</t>
  </si>
  <si>
    <t>Cobalt sulphate</t>
  </si>
  <si>
    <t>027-005-00-0</t>
  </si>
  <si>
    <t>Cobalt acetate</t>
  </si>
  <si>
    <t>027-006-00-6</t>
  </si>
  <si>
    <t>027-009-00-2</t>
  </si>
  <si>
    <t>027-010-00-8</t>
  </si>
  <si>
    <t>031-001-00-4</t>
  </si>
  <si>
    <t>215-114-8</t>
  </si>
  <si>
    <t>Potassium bromate</t>
  </si>
  <si>
    <t>035-003-00-6</t>
  </si>
  <si>
    <t>231-829-8</t>
  </si>
  <si>
    <t>048-002-00-0</t>
  </si>
  <si>
    <t>048-006-00-2</t>
  </si>
  <si>
    <t>048-008-00-3</t>
  </si>
  <si>
    <t>048-009-00-9</t>
  </si>
  <si>
    <t>048-010-00-4</t>
  </si>
  <si>
    <t>Cadmium (pyrophoric)</t>
  </si>
  <si>
    <t>048-011-00-X</t>
  </si>
  <si>
    <t>082-004-00-2</t>
  </si>
  <si>
    <t>Lead sulfochromate yellow;</t>
  </si>
  <si>
    <t>C.I. Pigment Yellow 34;</t>
  </si>
  <si>
    <t>[This substance is identified in the Colour Index by Colour Index Constitution Number, C.I. 77603.]</t>
  </si>
  <si>
    <t>082-009-00-X</t>
  </si>
  <si>
    <t>Lead chromate molybdate sulfate red;</t>
  </si>
  <si>
    <t>C.I. Pigment Red 104;</t>
  </si>
  <si>
    <t>[This substance is identified in the Colour Index by Colour Index Constitution Number, C.I. 77605.]</t>
  </si>
  <si>
    <t>082-010-00-5</t>
  </si>
  <si>
    <t>Isoprene (stabilised)</t>
  </si>
  <si>
    <t>2-Methyl-1,3-butadiene</t>
  </si>
  <si>
    <t>601-014-00-5</t>
  </si>
  <si>
    <t>201-143-3</t>
  </si>
  <si>
    <t>78-79-5</t>
  </si>
  <si>
    <t>Benzo[a]pyrene; benzo[d,e,f]chrysene</t>
  </si>
  <si>
    <t>601-032-00-3</t>
  </si>
  <si>
    <t>601-033-00-9</t>
  </si>
  <si>
    <t>200-280-6</t>
  </si>
  <si>
    <t>Benzo[b]fluoranthene; benzo[e]acephenanthrylene</t>
  </si>
  <si>
    <t>601-034-00-4</t>
  </si>
  <si>
    <t>205-911-9</t>
  </si>
  <si>
    <t>601-035-00-X</t>
  </si>
  <si>
    <t>205-910-3</t>
  </si>
  <si>
    <t>601-036-00-5</t>
  </si>
  <si>
    <t>205-916-6</t>
  </si>
  <si>
    <t>Dibenz[a, h]anthracene</t>
  </si>
  <si>
    <t>601-041-00-2</t>
  </si>
  <si>
    <t>200-181-8</t>
  </si>
  <si>
    <t>Chrysene</t>
  </si>
  <si>
    <t>601-048-00-0</t>
  </si>
  <si>
    <t>205-923-4</t>
  </si>
  <si>
    <t>601-049-00-6</t>
  </si>
  <si>
    <t>205-892-7</t>
  </si>
  <si>
    <t>1,2-Dibromoethane; ethylene dibromide</t>
  </si>
  <si>
    <t>602-010-00-6</t>
  </si>
  <si>
    <t>203-444-5</t>
  </si>
  <si>
    <t>106-93-4</t>
  </si>
  <si>
    <t>1,2-Dichloroethane; ethylene dichloride</t>
  </si>
  <si>
    <t>602-012-00-7</t>
  </si>
  <si>
    <t>1,2-Dibromo-3-chloropropane</t>
  </si>
  <si>
    <t>602-021-00-6</t>
  </si>
  <si>
    <t>202-479-3</t>
  </si>
  <si>
    <t>Bromoethylene</t>
  </si>
  <si>
    <t>602-024-00-2</t>
  </si>
  <si>
    <t>209-800-6</t>
  </si>
  <si>
    <t>Trichloroethylene; trichloroethene</t>
  </si>
  <si>
    <t>602-027-00-9</t>
  </si>
  <si>
    <t>Chloroprene (stabilised)</t>
  </si>
  <si>
    <t>2-Chlorobuta-1,3-diene</t>
  </si>
  <si>
    <t>602-036-00-8</t>
  </si>
  <si>
    <t>204-818-0</t>
  </si>
  <si>
    <t>126-99-8</t>
  </si>
  <si>
    <t>α-Chlorotoluene; benzyl chloride</t>
  </si>
  <si>
    <t>602-037-00-3</t>
  </si>
  <si>
    <t>202-853-6</t>
  </si>
  <si>
    <t>100-44-7</t>
  </si>
  <si>
    <t>α,α,α-Trichlorotoluene; benzotrichloride</t>
  </si>
  <si>
    <t>602-038-00-9</t>
  </si>
  <si>
    <t>202-634-5</t>
  </si>
  <si>
    <t>1,2,3-Trichloropropane</t>
  </si>
  <si>
    <t>602-062-00-X</t>
  </si>
  <si>
    <t>1,3-Dichloro-2-propanol</t>
  </si>
  <si>
    <t>602-064-00-0</t>
  </si>
  <si>
    <t>202-491-9</t>
  </si>
  <si>
    <t>96-23-1</t>
  </si>
  <si>
    <t>602-065-00-6</t>
  </si>
  <si>
    <t>204-273-9</t>
  </si>
  <si>
    <t>1,4-Dichlorobut-2-ene</t>
  </si>
  <si>
    <t>602-073-00-X</t>
  </si>
  <si>
    <t>212-121-8</t>
  </si>
  <si>
    <t>764-41-0</t>
  </si>
  <si>
    <t>2,3-dibromopropan-1-ol; 2,3-dibromo-1-propanol</t>
  </si>
  <si>
    <t>602-088-00-1</t>
  </si>
  <si>
    <t>202-480-9</t>
  </si>
  <si>
    <t>α,α,α,4-Tetrachlorotoluene</t>
  </si>
  <si>
    <t>p-Chlorobenzotrichloride</t>
  </si>
  <si>
    <t>602-093-00-9</t>
  </si>
  <si>
    <t>226-009-1</t>
  </si>
  <si>
    <t>5216-25-1</t>
  </si>
  <si>
    <t>Ethylene oxide; oxirane</t>
  </si>
  <si>
    <t>603-023-00-X</t>
  </si>
  <si>
    <t>200-849-9</t>
  </si>
  <si>
    <t>75-21-8</t>
  </si>
  <si>
    <t>1-Chloro-2,3-epoxypropane; epichlorhydrin</t>
  </si>
  <si>
    <t>603-026-00-6</t>
  </si>
  <si>
    <t>203-439-8</t>
  </si>
  <si>
    <t>Propylene oxide; 1,2-epoxypropane; methyloxirane</t>
  </si>
  <si>
    <t>603-055-00-4</t>
  </si>
  <si>
    <t>2,2'-Bioxirane; 1,2:3,4-diepoxybutane</t>
  </si>
  <si>
    <t>603-060-00-1</t>
  </si>
  <si>
    <t>215-979-1</t>
  </si>
  <si>
    <t>1464-53-5</t>
  </si>
  <si>
    <t>2,3-Epoxypropan-1-ol; glycidol oxiranemethanol</t>
  </si>
  <si>
    <t>603-063-00-8</t>
  </si>
  <si>
    <t>209-128-3</t>
  </si>
  <si>
    <t>556-52-5</t>
  </si>
  <si>
    <t>Phenyl glycidyl ether; 2,3-epoxypropyl phenyl ether; 1,2-epoxy-3-phenoxypropane</t>
  </si>
  <si>
    <t>603-067-00-X</t>
  </si>
  <si>
    <t>204-557-2</t>
  </si>
  <si>
    <t>122-60-1</t>
  </si>
  <si>
    <t>Styrene oxide; (epoxyethyl)benzene; phenyloxirane</t>
  </si>
  <si>
    <t>603-084-00-2</t>
  </si>
  <si>
    <t>202-476-7</t>
  </si>
  <si>
    <t>603-105-00-5</t>
  </si>
  <si>
    <t>R-2,3-epoxy-1-propanol</t>
  </si>
  <si>
    <t>603-143-00-2</t>
  </si>
  <si>
    <t>404-660-4</t>
  </si>
  <si>
    <t>57044-25-4</t>
  </si>
  <si>
    <t>(R)-1-chloro-2,3-epoxypropane</t>
  </si>
  <si>
    <t>603-166-00-8</t>
  </si>
  <si>
    <t>424-280-2</t>
  </si>
  <si>
    <t>51594-55-9</t>
  </si>
  <si>
    <t>2,3-Epoxypropyltrimethylammonium chloride …%;</t>
  </si>
  <si>
    <t>Glycidyl trimethylammonium chloride …%</t>
  </si>
  <si>
    <t>603-211-00-1</t>
  </si>
  <si>
    <t>221-221-0</t>
  </si>
  <si>
    <t>3033-77-0</t>
  </si>
  <si>
    <t>B</t>
  </si>
  <si>
    <t>1-(2-amino-5-chlorophenyl)-2,2,2-trifluoro-1,1-ethanediol, hydrochloride;</t>
  </si>
  <si>
    <t>603-221-01-3</t>
  </si>
  <si>
    <t>433-580-2</t>
  </si>
  <si>
    <t>214353-17-0</t>
  </si>
  <si>
    <t>4-Amino-3-fluorophenol</t>
  </si>
  <si>
    <t>604-028-00-X</t>
  </si>
  <si>
    <t>402-230-0</t>
  </si>
  <si>
    <t>399-95-1</t>
  </si>
  <si>
    <t>604-076-00-1</t>
  </si>
  <si>
    <t>5-Allyl-1,3-benzodioxole; safrole</t>
  </si>
  <si>
    <t>605-020-00-9</t>
  </si>
  <si>
    <t>202-345-4</t>
  </si>
  <si>
    <t>94-59-7</t>
  </si>
  <si>
    <t>3-Propanolide; 1,3-propiolactone</t>
  </si>
  <si>
    <t>606-031-00-1</t>
  </si>
  <si>
    <t>200-340-1</t>
  </si>
  <si>
    <t>57-57-8</t>
  </si>
  <si>
    <t>4,4'-Bis(dimethylamino)benzophenone</t>
  </si>
  <si>
    <t>Michler's ketone</t>
  </si>
  <si>
    <t>606-073-00-0</t>
  </si>
  <si>
    <t>Urethane(INN); ethyl carbamate</t>
  </si>
  <si>
    <t>607-149-00-6</t>
  </si>
  <si>
    <t>200-123-1</t>
  </si>
  <si>
    <t>51-79-6</t>
  </si>
  <si>
    <t>607-190-00-X</t>
  </si>
  <si>
    <t>401-890-7</t>
  </si>
  <si>
    <t>77402-03-0</t>
  </si>
  <si>
    <t>607-210-00-7</t>
  </si>
  <si>
    <t>403-230-3</t>
  </si>
  <si>
    <t>77402-05-2</t>
  </si>
  <si>
    <t>Oxiranemethanol, 4-methylbenzene-sulfonate, (S)-</t>
  </si>
  <si>
    <t>607-411-00-X</t>
  </si>
  <si>
    <t>417-210-7</t>
  </si>
  <si>
    <t>70987-78-9</t>
  </si>
  <si>
    <t>Ethyl 1-(2,4-dichlorophenyl)-5-(trichloromethyl)-1H-1,2,4-triazole-3-carboxylate</t>
  </si>
  <si>
    <t>607-626-00-9</t>
  </si>
  <si>
    <t>401-290-5</t>
  </si>
  <si>
    <t>103112-35-2</t>
  </si>
  <si>
    <t>608-003-00-4</t>
  </si>
  <si>
    <t>203-466-5</t>
  </si>
  <si>
    <t>2-Nitropropane</t>
  </si>
  <si>
    <t>609-002-00-1</t>
  </si>
  <si>
    <t>201-209-1</t>
  </si>
  <si>
    <t>79-46-9</t>
  </si>
  <si>
    <t>2,4-Dinitrotoluene; [1]</t>
  </si>
  <si>
    <t>609-007-00-9</t>
  </si>
  <si>
    <t>204-450-0 [1]</t>
  </si>
  <si>
    <t>121-14-2 [1]</t>
  </si>
  <si>
    <t>Dinitrotoluene; [2]</t>
  </si>
  <si>
    <t>246-836-1 [2]</t>
  </si>
  <si>
    <t>25321-14-6 [2]</t>
  </si>
  <si>
    <t>5-Nitroacenaphthene</t>
  </si>
  <si>
    <t>609-037-00-2</t>
  </si>
  <si>
    <t>210-025-0</t>
  </si>
  <si>
    <t>602-87-9</t>
  </si>
  <si>
    <t>2-Nitronaphthalene</t>
  </si>
  <si>
    <t>609-038-00-8</t>
  </si>
  <si>
    <t>209-474-5</t>
  </si>
  <si>
    <t>581-89-5</t>
  </si>
  <si>
    <t>4-Nitrobiphenyl</t>
  </si>
  <si>
    <t>609-039-00-3</t>
  </si>
  <si>
    <t>202-204-7</t>
  </si>
  <si>
    <t>Nitrofen (ISO); 2,4-dichlorophenyl4-nitrophenyl ether</t>
  </si>
  <si>
    <t>609-040-00-9</t>
  </si>
  <si>
    <t>217-406-0</t>
  </si>
  <si>
    <t>1836-75-5</t>
  </si>
  <si>
    <t>2-Nitroanisole</t>
  </si>
  <si>
    <t>609-047-00-7</t>
  </si>
  <si>
    <t>202-052-1</t>
  </si>
  <si>
    <t>91-23-6</t>
  </si>
  <si>
    <t>2,6-Dinitrotoluene</t>
  </si>
  <si>
    <t>609-049-00-8</t>
  </si>
  <si>
    <t>210-106-0</t>
  </si>
  <si>
    <t>606-20-2</t>
  </si>
  <si>
    <t>2,3-dinitrotoluene</t>
  </si>
  <si>
    <t>609-050-00-3</t>
  </si>
  <si>
    <t>210-013-5</t>
  </si>
  <si>
    <t>602-01-7</t>
  </si>
  <si>
    <t>3,4-dinitrotoluene</t>
  </si>
  <si>
    <t>609-051-00-9</t>
  </si>
  <si>
    <t>210-222-1</t>
  </si>
  <si>
    <t>610-39-9</t>
  </si>
  <si>
    <t>3,5-dinitrotoluene</t>
  </si>
  <si>
    <t>609-052-00-4</t>
  </si>
  <si>
    <t>210-566-2</t>
  </si>
  <si>
    <t>618-85-9</t>
  </si>
  <si>
    <t>Hydrazine-tri-nitromethane</t>
  </si>
  <si>
    <t>609-053-00-X</t>
  </si>
  <si>
    <t>2,5-dinitrotoluene</t>
  </si>
  <si>
    <t>609-055-00-0</t>
  </si>
  <si>
    <t>210-581-4</t>
  </si>
  <si>
    <t>619-15-8</t>
  </si>
  <si>
    <t>2-Nitrotoluene</t>
  </si>
  <si>
    <t>609-065-00-5</t>
  </si>
  <si>
    <t>201-853-3</t>
  </si>
  <si>
    <t>88-72-2</t>
  </si>
  <si>
    <t>Azobenzene</t>
  </si>
  <si>
    <t>611-001-00-6</t>
  </si>
  <si>
    <t>203-102-5</t>
  </si>
  <si>
    <t>103-33-3</t>
  </si>
  <si>
    <t>Methyl-ONN-azoxymethyl acetate; methyl azoxy methyl acetate</t>
  </si>
  <si>
    <t>611-004-00-2</t>
  </si>
  <si>
    <t>209-765-7</t>
  </si>
  <si>
    <t>592-62-1</t>
  </si>
  <si>
    <t>611-005-00-8</t>
  </si>
  <si>
    <t>240-221-1</t>
  </si>
  <si>
    <t>611-006-00-3</t>
  </si>
  <si>
    <t>611-008-00-4</t>
  </si>
  <si>
    <t>611-024-00-1</t>
  </si>
  <si>
    <t>611-025-00-7</t>
  </si>
  <si>
    <t>611-026-00-2</t>
  </si>
  <si>
    <t>220-012-1</t>
  </si>
  <si>
    <t>611-027-00-8</t>
  </si>
  <si>
    <t>611-029-00-9</t>
  </si>
  <si>
    <t>611-030-00-4</t>
  </si>
  <si>
    <t>1,4,5,8-Tetraaminoanthraquinone; C.I. Disperse Blue 1</t>
  </si>
  <si>
    <t>611-032-00-5</t>
  </si>
  <si>
    <t>219-603-7</t>
  </si>
  <si>
    <t>2475-45-8</t>
  </si>
  <si>
    <t>6-hydroxy-1-(3-isopropoxypropyl)-4-methyl-2-oxo-5-[4-(phenylazo)phenylazo]-1,2-dihydro-3-pyridinecarbonitrile</t>
  </si>
  <si>
    <t>611-057-00-1</t>
  </si>
  <si>
    <t>400-340-3</t>
  </si>
  <si>
    <t>85136-74-9</t>
  </si>
  <si>
    <t>(6-(4-hydroxy-3-(2-methoxyphenylazo)-2-sulfonato-7-naphthylamino)-1,3,5-triazin-2,4-diyl)bis[(amino-1-methylethyl)-ammonium] formate</t>
  </si>
  <si>
    <t>611-058-00-7</t>
  </si>
  <si>
    <t>402-060-7</t>
  </si>
  <si>
    <t>108225-03-2</t>
  </si>
  <si>
    <t>Trisodium-[4'-(8-acetylamino-3,6-disulfonato-2-naphthylazo)-4''-(6-benzoylamino-3-sulfonato-2-naphthylazo)biphenyl-1,3',3'',1'''-tetraolato-O, O', O'', O''']copper(II)</t>
  </si>
  <si>
    <t>611-063-00-4</t>
  </si>
  <si>
    <t>413-590-3</t>
  </si>
  <si>
    <t>164058-22-4</t>
  </si>
  <si>
    <t>(Methylenebis(4,1-phenylenazo(1-(3-(dimethylamino)propyl)-1,2-dihydro-6-hydroxy-4-methyl-2-oxopyridine-5,3-diyl)))-1,1'-dipyridinium dichloride dihydrochloride</t>
  </si>
  <si>
    <t>611-099-00-0</t>
  </si>
  <si>
    <t>401-500-5</t>
  </si>
  <si>
    <t>Phenylhydrazine [1]</t>
  </si>
  <si>
    <t>612-023-00-9</t>
  </si>
  <si>
    <t>202-873-5 [1]</t>
  </si>
  <si>
    <t>100-63-0 [1]</t>
  </si>
  <si>
    <t>Phenylhydrazinium chloride [2]</t>
  </si>
  <si>
    <t>200-444-7 [2]</t>
  </si>
  <si>
    <t>59-88-1 [2]</t>
  </si>
  <si>
    <t>Phenylhydrazine hydrochloride [3]</t>
  </si>
  <si>
    <t>248-259-0 [3]</t>
  </si>
  <si>
    <t>27140-08-5 [3]</t>
  </si>
  <si>
    <t>Phenylhydrazinium sulphate (2:1) [4]</t>
  </si>
  <si>
    <t>257-622-2 [4]</t>
  </si>
  <si>
    <t>52033-74-6 [4]</t>
  </si>
  <si>
    <t>2-Methoxyaniline; o-anisidine</t>
  </si>
  <si>
    <t>612-035-00-4</t>
  </si>
  <si>
    <t>612-036-00-X</t>
  </si>
  <si>
    <t>204-355-4</t>
  </si>
  <si>
    <t>612-037-00-5</t>
  </si>
  <si>
    <t>612-041-00-7</t>
  </si>
  <si>
    <t>204-358-0</t>
  </si>
  <si>
    <t>612-044-00-3</t>
  </si>
  <si>
    <t>210-338-2</t>
  </si>
  <si>
    <t>613-35-4</t>
  </si>
  <si>
    <t>612-051-00-1</t>
  </si>
  <si>
    <t>612-068-00-4</t>
  </si>
  <si>
    <t>202-109-0</t>
  </si>
  <si>
    <t>612-069-00-X</t>
  </si>
  <si>
    <t>210-323-0[1]</t>
  </si>
  <si>
    <t>265-293-1[2]</t>
  </si>
  <si>
    <t>277-822-3[3]</t>
  </si>
  <si>
    <t>612-83-9[1]</t>
  </si>
  <si>
    <t>64969-34-2[2]</t>
  </si>
  <si>
    <t>74332-73-3[3]</t>
  </si>
  <si>
    <t>N-nitrosodimethylamine; dimethylnitrosamine</t>
  </si>
  <si>
    <t>612-077-00-3</t>
  </si>
  <si>
    <t>200-549-8</t>
  </si>
  <si>
    <t>612-078-00-9</t>
  </si>
  <si>
    <t>612-079-00-4</t>
  </si>
  <si>
    <t>612-081-00-5</t>
  </si>
  <si>
    <t>210-322-5[1]</t>
  </si>
  <si>
    <t>265-294-7[2]</t>
  </si>
  <si>
    <t>277-985-0[3]</t>
  </si>
  <si>
    <t>612-82-8[1]</t>
  </si>
  <si>
    <t>64969-36-4[2]</t>
  </si>
  <si>
    <t>74753-18-7[3]</t>
  </si>
  <si>
    <t>1-Methyl-3-nitro-1-nitrosoguanidine</t>
  </si>
  <si>
    <t>612-083-00-6</t>
  </si>
  <si>
    <t>200-730-1</t>
  </si>
  <si>
    <t>70-25-7</t>
  </si>
  <si>
    <t>612-085-00-7</t>
  </si>
  <si>
    <t>612-090-00-4</t>
  </si>
  <si>
    <t>214-237-4</t>
  </si>
  <si>
    <t>o-Toluidine</t>
  </si>
  <si>
    <t>612-091-00-X</t>
  </si>
  <si>
    <t>Nitrosodipropylamine</t>
  </si>
  <si>
    <t>612-098-00-8</t>
  </si>
  <si>
    <t>210-698-0</t>
  </si>
  <si>
    <t>4-Methyl-m-phenylenediamine;</t>
  </si>
  <si>
    <t>2,4-Toluenediamine</t>
  </si>
  <si>
    <t>612-099-00-3</t>
  </si>
  <si>
    <t>Toluene-2,4-diammonium sulphate</t>
  </si>
  <si>
    <t>612-126-00-9</t>
  </si>
  <si>
    <t>265-697-8</t>
  </si>
  <si>
    <t>65321-67-7</t>
  </si>
  <si>
    <t>4-Chloraniline</t>
  </si>
  <si>
    <t>612-137-00-9</t>
  </si>
  <si>
    <t>203-401-0</t>
  </si>
  <si>
    <t>Methyl-phenylene diamine;</t>
  </si>
  <si>
    <t>Diaminotoluene;</t>
  </si>
  <si>
    <t>[technical product – reaction mass of 4-methyl-m-phenylene diamine (EC No 202-453-1) and 2-methyl-m-phenylene diamine (EC No 212-513-9)]</t>
  </si>
  <si>
    <t>612-151-00-5</t>
  </si>
  <si>
    <t>4-Chloro-o-toluidine [1]</t>
  </si>
  <si>
    <t>4-chloro-o-toluidine hydrochloride [2]</t>
  </si>
  <si>
    <t>612-196-00-0</t>
  </si>
  <si>
    <t>202-441-6 [1]</t>
  </si>
  <si>
    <t>221-627-8 [2]</t>
  </si>
  <si>
    <t>95-69-2 [1]</t>
  </si>
  <si>
    <t>3165-93-3 [2]</t>
  </si>
  <si>
    <t>2,4,5-Trimethylaniline [1]</t>
  </si>
  <si>
    <t>2,4,5-trimethylaniline hydrochloride [2]</t>
  </si>
  <si>
    <t>612-197-00-6</t>
  </si>
  <si>
    <t>205-282-0 [1] -[2]</t>
  </si>
  <si>
    <t>137-17-7 [1]</t>
  </si>
  <si>
    <t>21436-97-5 [2]</t>
  </si>
  <si>
    <t>4,4'-Thiodianiline [1] and its salts</t>
  </si>
  <si>
    <t>612-198-00-1</t>
  </si>
  <si>
    <t>205-370-9 [1]</t>
  </si>
  <si>
    <t>139-65-1 [1]</t>
  </si>
  <si>
    <t>4,4'-Oxydianiline [1] and its salts</t>
  </si>
  <si>
    <t>p-Aminophenyl ether [1]</t>
  </si>
  <si>
    <t>612-199-00-7</t>
  </si>
  <si>
    <t>202-977-0 [1]</t>
  </si>
  <si>
    <t>101-80-4 [1]</t>
  </si>
  <si>
    <t>2,4-Diaminoanisole [1]</t>
  </si>
  <si>
    <t>2,4-diaminoanisole sulphate [2]</t>
  </si>
  <si>
    <t>612-200-00-0</t>
  </si>
  <si>
    <t>210-406-1 [1]</t>
  </si>
  <si>
    <t>254-323-9 [2]</t>
  </si>
  <si>
    <t>615-05-4 [1]</t>
  </si>
  <si>
    <t>39156-41-7 [2]</t>
  </si>
  <si>
    <t>N, N,N',N'-tetramethyl-4,4'-methylendianiline</t>
  </si>
  <si>
    <t>612-201-00-6</t>
  </si>
  <si>
    <t>612-205-00-8</t>
  </si>
  <si>
    <t>6-Methoxy-m-toluidine</t>
  </si>
  <si>
    <t>p-cresidine</t>
  </si>
  <si>
    <t>612-209-00-X</t>
  </si>
  <si>
    <t>Diaminobenzidine</t>
  </si>
  <si>
    <t>612-239-00-3</t>
  </si>
  <si>
    <t>202-110-6</t>
  </si>
  <si>
    <t>91-95-2</t>
  </si>
  <si>
    <t>(2-chloroethyl)(3-hydroxypropyl)ammonium chloride</t>
  </si>
  <si>
    <t>612-246-00-1</t>
  </si>
  <si>
    <t>429-740-6</t>
  </si>
  <si>
    <t>40722-80-3</t>
  </si>
  <si>
    <t>3-Amino-9-ethyl carbazole;</t>
  </si>
  <si>
    <t>9-Ethylcarbazol-3-ylamine</t>
  </si>
  <si>
    <t>612-280-00-7</t>
  </si>
  <si>
    <t>205-057-7</t>
  </si>
  <si>
    <t>132-32-1</t>
  </si>
  <si>
    <t>Ethyleneimine; aziridine</t>
  </si>
  <si>
    <t>613-001-00-1</t>
  </si>
  <si>
    <t>205-793-9</t>
  </si>
  <si>
    <t>151-56-4</t>
  </si>
  <si>
    <t>2-Methylaziridine; propyleneimine</t>
  </si>
  <si>
    <t>613-033-00-6</t>
  </si>
  <si>
    <t>200-878-7</t>
  </si>
  <si>
    <t>75-55-8</t>
  </si>
  <si>
    <t>Captafol (ISO); 1,2,3,6-tetrahydro-N-(1,1,2,2-tetrachloroethylthio) phthalimide</t>
  </si>
  <si>
    <t>613-046-00-7</t>
  </si>
  <si>
    <t>219-363-3</t>
  </si>
  <si>
    <t>Carbadox (INN); methyl 3-(quinoxalin-2-ylmethylene)carbazate 1,4-dioxide; 2-(methoxycarbonylhydrazonomethyl) quinoxaline 1,4-dioxide</t>
  </si>
  <si>
    <t>613-050-00-9</t>
  </si>
  <si>
    <t>229-879-0</t>
  </si>
  <si>
    <t>A mixture of: 1,3,5-tris(3-aminomethylphenyl)-1,3,5-(1H,3H,5H)-triazine-2,4,6-trione;</t>
  </si>
  <si>
    <t>a mixture of oligomers of 3,5-bis(3-aminomethylphenyl)-1-poly[3,5-bis(3-aminomethylphenyl)-2,4,6-trioxo-1,3,5-(1H,3H,5H)-triazin-1-yl]-1,3,5-(1H,3H,5H)-triazine-2,4,6-trione</t>
  </si>
  <si>
    <t>613-199-00-X</t>
  </si>
  <si>
    <t>Quinoline</t>
  </si>
  <si>
    <t>613-281-00-5</t>
  </si>
  <si>
    <t>202-051-6</t>
  </si>
  <si>
    <t>91-22-5</t>
  </si>
  <si>
    <t>616-003-00-0</t>
  </si>
  <si>
    <t>Thioacetamide</t>
  </si>
  <si>
    <t>616-026-00-6</t>
  </si>
  <si>
    <t>200-541-4</t>
  </si>
  <si>
    <t>62-55-5</t>
  </si>
  <si>
    <t>A mixture of: N-[3-hydroxy-2-(2-methylacryloylamino-methoxy)propoxymethyl]-2-methylacrylamide; N-[2,3-Bis-(2-methylacryloylamino-methoxy)propoxymethyl]-2-methylacrylamide; methacrylamide; 2-methyl-N-(2-methyl-acryloylaminomethoxymethyl)-acrylamide; N-2,3-dihydroxypropoxymethyl)-2-methylacrylamide</t>
  </si>
  <si>
    <t>616-057-00-5</t>
  </si>
  <si>
    <t>N-[6,9-dihydro-9-[[2-hydroxy-1-(hydroxymethyl)ethoxy]methyl]-6-oxo-1H-purin-2-yl]acetamide</t>
  </si>
  <si>
    <t>616-148-00-X</t>
  </si>
  <si>
    <t>424-550-1</t>
  </si>
  <si>
    <t>84245-12-5</t>
  </si>
  <si>
    <t>Distillates (coal tar), benzole fraction; Light oil</t>
  </si>
  <si>
    <t>648-001-00-0</t>
  </si>
  <si>
    <t>283-482-7</t>
  </si>
  <si>
    <t>84650-02-2</t>
  </si>
  <si>
    <t>Tar oils, brown-coal; Light oil</t>
  </si>
  <si>
    <t>648-002-00-6</t>
  </si>
  <si>
    <t>302-674-4</t>
  </si>
  <si>
    <t>94114-40-6</t>
  </si>
  <si>
    <t>J</t>
  </si>
  <si>
    <t>Benzol forerunnings (coal); Light oil redistillate, low boiling</t>
  </si>
  <si>
    <t>648-003-00-1</t>
  </si>
  <si>
    <t>266-023-5</t>
  </si>
  <si>
    <t>65996-88-5</t>
  </si>
  <si>
    <t>Distillates (coal tar), benzole fraction, BTX-rich; Light oil redistillate, low boiling</t>
  </si>
  <si>
    <t>648-004-00-7</t>
  </si>
  <si>
    <t>309-984-9</t>
  </si>
  <si>
    <t>101896-26-8</t>
  </si>
  <si>
    <t>648-005-00-2</t>
  </si>
  <si>
    <t>292-697-5</t>
  </si>
  <si>
    <t>90989-41-6</t>
  </si>
  <si>
    <t>Solvent naphtha (coal), light; Light oil redistillate, low boiling</t>
  </si>
  <si>
    <t>648-006-00-8</t>
  </si>
  <si>
    <t>287-498-5</t>
  </si>
  <si>
    <t>85536-17-0</t>
  </si>
  <si>
    <t>Solvent naphtha (coal), xylene-styrene cut; Light oil redistillate, intermediate boiling</t>
  </si>
  <si>
    <t>648-007-00-3</t>
  </si>
  <si>
    <t>287-502-5</t>
  </si>
  <si>
    <t>85536-20-5</t>
  </si>
  <si>
    <t>Solvent naphtha (coal), coumarone-styrene contg.; Light oil redistillate, intermediate boiling</t>
  </si>
  <si>
    <t>648-008-00-9</t>
  </si>
  <si>
    <t>287-500-4</t>
  </si>
  <si>
    <t>85536-19-2</t>
  </si>
  <si>
    <t>Naphtha (coal), distillation residues; Light oil redistillate, high boiling</t>
  </si>
  <si>
    <t>(The residue remaining from the distillation of recovered naphtha. Composed primarily of naphthalene and condensation products of indene and styrene.)</t>
  </si>
  <si>
    <t>648-009-00-4</t>
  </si>
  <si>
    <t>292-636-2</t>
  </si>
  <si>
    <t>90641-12-6</t>
  </si>
  <si>
    <t>648-010-00-X</t>
  </si>
  <si>
    <t>292-694-9</t>
  </si>
  <si>
    <t>90989-38-1</t>
  </si>
  <si>
    <t>648-012-00-0</t>
  </si>
  <si>
    <t>295-281-1</t>
  </si>
  <si>
    <t>91995-20-9</t>
  </si>
  <si>
    <t>648-013-00-6</t>
  </si>
  <si>
    <t>295-551-9</t>
  </si>
  <si>
    <t>92062-36-7</t>
  </si>
  <si>
    <t>Extract residues (coal), benzole fraction alk., acid ext.; Light oil extract residues, low boiling</t>
  </si>
  <si>
    <t>648-014-00-1</t>
  </si>
  <si>
    <t>295-323-9</t>
  </si>
  <si>
    <t>91995-61-8</t>
  </si>
  <si>
    <t>Extract residues (coal tar), benzole fraction alk., acd ext.; Light oil extract residues, low boiling</t>
  </si>
  <si>
    <t>648-015-00-7</t>
  </si>
  <si>
    <t>309-868-8</t>
  </si>
  <si>
    <t>101316-63-6</t>
  </si>
  <si>
    <t>Extract residues (coal), benzole fraction acid; Light oil extract residues, low boiling</t>
  </si>
  <si>
    <t>(An acid sludge by-product of the sulphuric acid refining of crude high temperature coal. Composed primarily of sulfuric acid and organic compounds.)</t>
  </si>
  <si>
    <t>648-016-00-2</t>
  </si>
  <si>
    <t>298-725-2</t>
  </si>
  <si>
    <t>93821-38-6</t>
  </si>
  <si>
    <t>Extract residues (coal), light oil alk., distillation overheads; Light oil extract residues, low boiling</t>
  </si>
  <si>
    <t>648-017-00-8</t>
  </si>
  <si>
    <t>292-625-2</t>
  </si>
  <si>
    <t>90641-02-4</t>
  </si>
  <si>
    <t>Extract residues (coal), light oil alk., acid ext., indene fraction; Light oil extract residues, intermediate boiling</t>
  </si>
  <si>
    <t>648-018-00-3</t>
  </si>
  <si>
    <t>309-867-2</t>
  </si>
  <si>
    <t>101316-62-5</t>
  </si>
  <si>
    <t>Extract residues (coal), light oil alk., indene naphtha fraction; Light oil extract residues, high boiling</t>
  </si>
  <si>
    <t>648-019-00-9</t>
  </si>
  <si>
    <t>292-626-8</t>
  </si>
  <si>
    <t>90641-03-5</t>
  </si>
  <si>
    <t>Solvent naphtha (coal); Light oil extract residues, high boiling</t>
  </si>
  <si>
    <t>648-020-00-4</t>
  </si>
  <si>
    <t>266-013-0</t>
  </si>
  <si>
    <t>65996-79-4</t>
  </si>
  <si>
    <t>Distillates (coal tar), light oils, neutral fraction; Light oil extract residues, high boiling</t>
  </si>
  <si>
    <t>648-021-00-X</t>
  </si>
  <si>
    <t>309-971-8</t>
  </si>
  <si>
    <t>101794-90-5</t>
  </si>
  <si>
    <t>Distillates (coal tar), light oils, acid extracts; Light oil extract residues, high boiling</t>
  </si>
  <si>
    <t>648-022-00-5</t>
  </si>
  <si>
    <t>292-609-5</t>
  </si>
  <si>
    <t>90640-87-2</t>
  </si>
  <si>
    <t>Distillates (coal tar), light oils; Carbolic oil</t>
  </si>
  <si>
    <t>648-023-00-0</t>
  </si>
  <si>
    <t>283-483-2</t>
  </si>
  <si>
    <t>84650-03-3</t>
  </si>
  <si>
    <t>Tar oils, coal; Carbolic oil</t>
  </si>
  <si>
    <t>648-024-00-6</t>
  </si>
  <si>
    <t>266-016-7</t>
  </si>
  <si>
    <t>65996-82-9</t>
  </si>
  <si>
    <t>Extract residues (coal), light oil alk., acid extract; Carbolic oil extract residue</t>
  </si>
  <si>
    <t>(The oil resulting from the acid washing of alkali-washed carbolic oil to remove the minor amounts of basic compounds (tar bases). Composed primarily of indene, indan and alkylbenzenes.)</t>
  </si>
  <si>
    <t>648-026-00-7</t>
  </si>
  <si>
    <t>292-624-7</t>
  </si>
  <si>
    <t>90641-01-3</t>
  </si>
  <si>
    <t>Extract residues (coal), tar oil alkaline; Carbolic oil extract residue</t>
  </si>
  <si>
    <t>(The residue obtained from coal tar oil by an alkaline wash such as aqueous sodium hydroxide after the removal of crude coal tar acids. Composed primarily of naphthalenes and aromatic nitrogen bases.)</t>
  </si>
  <si>
    <t>648-027-00-2</t>
  </si>
  <si>
    <t>266-021-4</t>
  </si>
  <si>
    <t>65996-87-4</t>
  </si>
  <si>
    <t>Extract oils (coal), light oil; Acid Extract</t>
  </si>
  <si>
    <t>(The aqueous extract produced by an acidic wash of alkali-washed carbolic oil. Composed primarily of acid salts of various aromatic nitrogen bases including pyridine, quinoline and their alkyl derivatives.)</t>
  </si>
  <si>
    <t>648-028-00-8</t>
  </si>
  <si>
    <t>292-622-6</t>
  </si>
  <si>
    <t>90640-99-6</t>
  </si>
  <si>
    <t>Pyridine, alkyl derivs.; Crude tar bases</t>
  </si>
  <si>
    <t>648-029-00-3</t>
  </si>
  <si>
    <t>269-929-9</t>
  </si>
  <si>
    <t>68391-11-7</t>
  </si>
  <si>
    <t>Tar bases, coal, picoline fraction; Distillate bases</t>
  </si>
  <si>
    <t>648-030-00-9</t>
  </si>
  <si>
    <t>295-548-2</t>
  </si>
  <si>
    <t>92062-33-4</t>
  </si>
  <si>
    <t>Tar bases, coal, lutidine fraction; Distillate bases</t>
  </si>
  <si>
    <t>648-031-00-4</t>
  </si>
  <si>
    <t>293-766-2</t>
  </si>
  <si>
    <t>91082-52-9</t>
  </si>
  <si>
    <t>Extract oils (coal), tar base, collidine fraction; Distillate bases</t>
  </si>
  <si>
    <t>(The extract produced by the acid extraction of bases from crude coal tar aromatic oils, neutralisation, and distillation of the bases. Composed primarily of collidines, aniline, toluidines, lutidines, xylidines.)</t>
  </si>
  <si>
    <t>648-032-00-X</t>
  </si>
  <si>
    <t>273-077-3</t>
  </si>
  <si>
    <t>68937-63-3</t>
  </si>
  <si>
    <t>Tar bases, coal, collidine fraction; Distillate bases</t>
  </si>
  <si>
    <t>648-033-00-5</t>
  </si>
  <si>
    <t>295-543-5</t>
  </si>
  <si>
    <t>92062-28-7</t>
  </si>
  <si>
    <t>Tar Bases, coal, aniline fraction; Distillate bases</t>
  </si>
  <si>
    <t>648-034-00-0</t>
  </si>
  <si>
    <t>295-541-4</t>
  </si>
  <si>
    <t>92062-27-6</t>
  </si>
  <si>
    <t>Tar bases, coal, toluidine fraction; Distillate bases</t>
  </si>
  <si>
    <t>648-035-00-6</t>
  </si>
  <si>
    <t>293-767-8</t>
  </si>
  <si>
    <t>91082-53-0</t>
  </si>
  <si>
    <t>Distillates (petroleum), alkene-alkyene manuf. pyrolysis oil, mixed with high-temperature coal tar, indene fraction; Redistillates</t>
  </si>
  <si>
    <t>648-036-00-1</t>
  </si>
  <si>
    <t>295-292-1</t>
  </si>
  <si>
    <t>91995-31-2</t>
  </si>
  <si>
    <t>Distillates (coal), coal tar-residual pyrolysis oils, naphthalene oils; Redistillates</t>
  </si>
  <si>
    <t>648-037-00-7</t>
  </si>
  <si>
    <t>295-295-8</t>
  </si>
  <si>
    <t>91995-35-6</t>
  </si>
  <si>
    <t>Extract oils (coal), coal tar-residual pyrolysis oils, naphthalene oil, redistillate; Redistillates</t>
  </si>
  <si>
    <t>648-038-00-2</t>
  </si>
  <si>
    <t>295-329-1</t>
  </si>
  <si>
    <t>91995-66-3</t>
  </si>
  <si>
    <t>Extract oils (coal), coal tar-residual pyrolysis oils, naphthalene oils; Redistillates</t>
  </si>
  <si>
    <t>648-039-00-8</t>
  </si>
  <si>
    <t>310-170-0</t>
  </si>
  <si>
    <t>122070-79-5</t>
  </si>
  <si>
    <t>Extract oils (coal), coal tar residual pyrolysis oils, naphthalene oil, distillation residues; Redistillates</t>
  </si>
  <si>
    <t>648-040-00-3</t>
  </si>
  <si>
    <t>310-171-6</t>
  </si>
  <si>
    <t>122070-80-8</t>
  </si>
  <si>
    <t>Absorption oils, bicyclo arom. and heterocyclic hydrocarbon fraction; Wash oil redistillate</t>
  </si>
  <si>
    <t>648-041-00-9</t>
  </si>
  <si>
    <t>309-851-5</t>
  </si>
  <si>
    <t>101316-45-4</t>
  </si>
  <si>
    <t>M</t>
  </si>
  <si>
    <t>Distillates (coal tar), upper, fluorene-rich; Wash oil redistillate</t>
  </si>
  <si>
    <t>(A complex combination of hydrocarbons obtained by the crystallisation of tar oil. It consists of aromatic and polycyclic hydrocarbons primarily fluorene and some acenaphthene.)</t>
  </si>
  <si>
    <t>648-042-00-4</t>
  </si>
  <si>
    <t>284-900-0</t>
  </si>
  <si>
    <t>84989-11-7</t>
  </si>
  <si>
    <t>Creosote oil, acenaphthene fraction, acenaphthene-free;</t>
  </si>
  <si>
    <t>Wash Oil Redistillate;</t>
  </si>
  <si>
    <t>[The oil remaining after removal by a crystallization process of acenaphthene from acenaphthene oil from coal tar. Composed primarily of naphthalene and alkylnaphthalenes.]</t>
  </si>
  <si>
    <t>648-043-00-X</t>
  </si>
  <si>
    <t>292-606-9</t>
  </si>
  <si>
    <t>90640-85-0</t>
  </si>
  <si>
    <t>Distillates (coal tar), heavy oils; Heavy anthracene oil</t>
  </si>
  <si>
    <t>648-044-00-5</t>
  </si>
  <si>
    <t>292-607-4</t>
  </si>
  <si>
    <t>90640-86-1</t>
  </si>
  <si>
    <t>Anthracene oil, acid ext.; Anthracene oil extract residue</t>
  </si>
  <si>
    <t>648-046-00-6</t>
  </si>
  <si>
    <t>295-274-3</t>
  </si>
  <si>
    <t>91995-14-1</t>
  </si>
  <si>
    <t>Distillates (coal tar); Heavy anthracene oil</t>
  </si>
  <si>
    <t>648-047-00-1</t>
  </si>
  <si>
    <t>266-027-7</t>
  </si>
  <si>
    <t>65996-92-1</t>
  </si>
  <si>
    <t>Distillates (coal tar), pitch, heavy oils; Heavy anthracene oil</t>
  </si>
  <si>
    <t>648-048-00-7</t>
  </si>
  <si>
    <t>295-312-9</t>
  </si>
  <si>
    <t>91995-51-6</t>
  </si>
  <si>
    <t>Distillates (coal tar), pitch; Heavy anthracene oil</t>
  </si>
  <si>
    <t>648-049-00-2</t>
  </si>
  <si>
    <t>309-855-7</t>
  </si>
  <si>
    <t>101316-49-8</t>
  </si>
  <si>
    <t>Distillates (coal tar), heavy oils, pyrene fraction; Heavy anthracene oil redistillate</t>
  </si>
  <si>
    <t>648-050-00-8</t>
  </si>
  <si>
    <t>295-304-5</t>
  </si>
  <si>
    <t>91995-42-5</t>
  </si>
  <si>
    <t>Distillates (coal tar), pitch, pyrene fraction; Heavy anthracene oil redistillate</t>
  </si>
  <si>
    <t>648-051-00-3</t>
  </si>
  <si>
    <t>295-313-4</t>
  </si>
  <si>
    <t>91995-52-7</t>
  </si>
  <si>
    <t>Paraffin waxes (coal), brown-coal high-temperature tar, carbon-treated; Coal tar extract</t>
  </si>
  <si>
    <t>648-052-00-9</t>
  </si>
  <si>
    <t>308-296-6</t>
  </si>
  <si>
    <t>97926-76-6</t>
  </si>
  <si>
    <t>648-053-00-4</t>
  </si>
  <si>
    <t>308-297-1</t>
  </si>
  <si>
    <t>97926-77-7</t>
  </si>
  <si>
    <t>Pitch; Pitch</t>
  </si>
  <si>
    <t>648-054-00-X</t>
  </si>
  <si>
    <t>263-072-4</t>
  </si>
  <si>
    <t>61789-60-4</t>
  </si>
  <si>
    <t>Pitch, coal tar, high temperature, heat-treated; Pitch</t>
  </si>
  <si>
    <t>648-056-00-0</t>
  </si>
  <si>
    <t>310-162-7</t>
  </si>
  <si>
    <t>121575-60-8</t>
  </si>
  <si>
    <t>Pitch, coal tar, high temperature, secondary; Pitch redistillate</t>
  </si>
  <si>
    <t>648-057-00-6</t>
  </si>
  <si>
    <t>302-650-3</t>
  </si>
  <si>
    <t>94114-13-3</t>
  </si>
  <si>
    <t>Residues (coal tar), pitch distillation; Pitch redistillate</t>
  </si>
  <si>
    <t>648-058-00-1</t>
  </si>
  <si>
    <t>295-507-9</t>
  </si>
  <si>
    <t>92061-94-4</t>
  </si>
  <si>
    <t>Tar, coal, high-temperature, distillation and storage residues; Coal tar solids residue</t>
  </si>
  <si>
    <t>(Coke- and ash-containing solid residues that separate on distillation and thermal treatment of bituminous coal high temperature tar in distillation installations and storage vessels. Consists predominantly of carbon and contains a small quantity of hetero compounds as well as ash components.)</t>
  </si>
  <si>
    <t>648-059-00-7</t>
  </si>
  <si>
    <t>295-535-1</t>
  </si>
  <si>
    <t>92062-20-9</t>
  </si>
  <si>
    <t>Tar, coal, storage residues; Coal tar solids residue</t>
  </si>
  <si>
    <t>(The deposit removed from crude coal tar storages. Composed primarily of coal tar and carbonaceous particulate matter.)</t>
  </si>
  <si>
    <t>648-060-00-2</t>
  </si>
  <si>
    <t>293-764-1</t>
  </si>
  <si>
    <t>91082-50-7</t>
  </si>
  <si>
    <t>Tar, coal, high-temperature, residues; Coal tar solids residue</t>
  </si>
  <si>
    <t>(Solids formed during the coking of bituminous coal to produce crude bituminous coal high temperature tar. Composed primarily of coke and coal particles, highly aromatised compounds and mineral substances.)</t>
  </si>
  <si>
    <t>648-061-00-8</t>
  </si>
  <si>
    <t>309-726-5</t>
  </si>
  <si>
    <t>100684-51-3</t>
  </si>
  <si>
    <t>Tar, coal, high-temperature, high-solids; Coal tar solids residue</t>
  </si>
  <si>
    <t>648-062-00-3</t>
  </si>
  <si>
    <t>273-615-7</t>
  </si>
  <si>
    <t>68990-61-4</t>
  </si>
  <si>
    <t>Waste solids, coal-tar pitch coking; Coal tar solids residue</t>
  </si>
  <si>
    <t>(The combination of wastes formed by the coking of bituminous coal tar pitch. It consists predominantly of carbon.)</t>
  </si>
  <si>
    <t>648-063-00-9</t>
  </si>
  <si>
    <t>295-549-8</t>
  </si>
  <si>
    <t>92062-34-5</t>
  </si>
  <si>
    <t>Extract residues (coal), brown; Coal tar extract</t>
  </si>
  <si>
    <t>(The residue from extraction of dried coal.)</t>
  </si>
  <si>
    <t>648-064-00-4</t>
  </si>
  <si>
    <t>294-285-0</t>
  </si>
  <si>
    <t>91697-23-3</t>
  </si>
  <si>
    <t>Paraffin waxes (coal), brown-coal-high-temperature tar; Coal tar extract</t>
  </si>
  <si>
    <t>648-065-00-X</t>
  </si>
  <si>
    <t>295-454-1</t>
  </si>
  <si>
    <t>92045-71-1</t>
  </si>
  <si>
    <t>Paraffin waxes (coal), brown-coal-high-temperature tar, hydrotreated; Coal tar extract</t>
  </si>
  <si>
    <t>648-066-00-5</t>
  </si>
  <si>
    <t>295-455-7</t>
  </si>
  <si>
    <t>92045-72-2</t>
  </si>
  <si>
    <t>Paraffin waxes (coal), brown-coal high-temp tar, silicic acid-treated; Coal tar extract</t>
  </si>
  <si>
    <t>648-067-00-0</t>
  </si>
  <si>
    <t>308-298-7</t>
  </si>
  <si>
    <t>97926-78-8</t>
  </si>
  <si>
    <t>Tar, coal, low-temperature, distillation residues; Tar oil, intermediate boiling</t>
  </si>
  <si>
    <t>648-068-00-6</t>
  </si>
  <si>
    <t>309-887-1</t>
  </si>
  <si>
    <t>101316-85-2</t>
  </si>
  <si>
    <t>Pitch, coal tar, low-temp; Pitch residue</t>
  </si>
  <si>
    <t>648-069-00-1</t>
  </si>
  <si>
    <t>292-651-4</t>
  </si>
  <si>
    <t>90669-57-1</t>
  </si>
  <si>
    <t>Pitch, coal tar, low-temperature, oxidised; Pitch residue, oxidised</t>
  </si>
  <si>
    <t>648-070-00-7</t>
  </si>
  <si>
    <t>292-654-0</t>
  </si>
  <si>
    <t>90669-59-3</t>
  </si>
  <si>
    <t>Pitch, coal tar, low-temperature, heat-treated; Pitch residue, oxidised; Pitch residue, heat-treated</t>
  </si>
  <si>
    <t>648-071-00-2</t>
  </si>
  <si>
    <t>292-653-5</t>
  </si>
  <si>
    <t>90669-58-2</t>
  </si>
  <si>
    <t>Distillates (coal-petroleum), condensed ring arom.; Distillates</t>
  </si>
  <si>
    <t>648-072-00-8</t>
  </si>
  <si>
    <t>269-159-3</t>
  </si>
  <si>
    <t>68188-48-7</t>
  </si>
  <si>
    <t>648-073-00-3</t>
  </si>
  <si>
    <t>309-956-6</t>
  </si>
  <si>
    <t>101794-74-5</t>
  </si>
  <si>
    <t>648-074-00-9</t>
  </si>
  <si>
    <t>309-957-1</t>
  </si>
  <si>
    <t>101794-75-6</t>
  </si>
  <si>
    <t>648-075-00-4</t>
  </si>
  <si>
    <t>309-958-7</t>
  </si>
  <si>
    <t>101794-76-7</t>
  </si>
  <si>
    <t>Pitch, coal tar-petroleum; Pitch residues</t>
  </si>
  <si>
    <t>648-076-00-X</t>
  </si>
  <si>
    <t>269-109-0</t>
  </si>
  <si>
    <t>68187-57-5</t>
  </si>
  <si>
    <t>Phenanthrene, distillation residues; Heavy anthracene oil redistillate</t>
  </si>
  <si>
    <t>648-077-00-5</t>
  </si>
  <si>
    <t>310-169-5</t>
  </si>
  <si>
    <t>122070-78-4</t>
  </si>
  <si>
    <t>Distillates (coal tar), upper, fluorene-free; Wash oil redistillate</t>
  </si>
  <si>
    <t>(A complex combination of hydrocarbons obtained by the crystallisation of tar oil. It consists of aromatic polycyclic hydrocarbons, primarily diphenyl, dibenzofuran and acenaphthene.)</t>
  </si>
  <si>
    <t>648-078-00-0</t>
  </si>
  <si>
    <t>284-899-7</t>
  </si>
  <si>
    <t>84989-10-6</t>
  </si>
  <si>
    <t>Residues (coal tar), creosote oil distn.;</t>
  </si>
  <si>
    <t>648-080-00-1</t>
  </si>
  <si>
    <t>295-506-3</t>
  </si>
  <si>
    <t>92061-93-3</t>
  </si>
  <si>
    <t>Distillates (coal), coke-oven light oil, naphthalene cut; Naphthalene oil</t>
  </si>
  <si>
    <t>648-084-00-3</t>
  </si>
  <si>
    <t>285-076-5</t>
  </si>
  <si>
    <t>85029-51-2</t>
  </si>
  <si>
    <t>J, M</t>
  </si>
  <si>
    <t>Distillates (coal tar), naphthalene oils;</t>
  </si>
  <si>
    <t>Naphthalene Oil;</t>
  </si>
  <si>
    <t>648-085-00-9</t>
  </si>
  <si>
    <t>283-484-8</t>
  </si>
  <si>
    <t>84650-04-4</t>
  </si>
  <si>
    <t>Distillates (coal tar), naphthalene oils, naphthalene-low; Napththalene oil redistillate</t>
  </si>
  <si>
    <t>(A complex combination of hydrocarbons obtained by crystallisation of naphthalene oil. Composed primarily of naphthalene, alkyl naphthalenes and phenolic compounds.)</t>
  </si>
  <si>
    <t>648-086-00-4</t>
  </si>
  <si>
    <t>284-898-1</t>
  </si>
  <si>
    <t>84989-09-3</t>
  </si>
  <si>
    <t>Distillates (coal tar), naphthalene oil crystn. mother liquor; Naphthalene oil redistillate</t>
  </si>
  <si>
    <t>648-087-00-X</t>
  </si>
  <si>
    <t>295-310-8</t>
  </si>
  <si>
    <t>91995-49-2</t>
  </si>
  <si>
    <t>Extract residues (coal), naphthalene oil, alk.; Naphthalene oil extract residue</t>
  </si>
  <si>
    <t>(A complex combination of hydrocarbons obtained from the alkali washing of naphthalene oil to remove phenolic compounds (tar acids). It is composed of naphthalene and alkyl naphthalenes.)</t>
  </si>
  <si>
    <t>648-088-00-5</t>
  </si>
  <si>
    <t>310-166-9</t>
  </si>
  <si>
    <t>121620-47-1</t>
  </si>
  <si>
    <t>Extract residues (coal), naphthalene oil, alk., naphthalene-low; Naphthalene oil extract residue</t>
  </si>
  <si>
    <t>(A complex combination of hydrocarbons remaining after the removal of naphthalene from alkali-washed naphthalene oil by a crystallisation process. It is composed primarily of naphthalene and alkyl naphthalenes.)</t>
  </si>
  <si>
    <t>648-089-00-0</t>
  </si>
  <si>
    <t>310-167-4</t>
  </si>
  <si>
    <t>121620-48-2</t>
  </si>
  <si>
    <t>Distillates (coal tar), naphthalene oils, naphthalene-free, alk. extracts; Naphthalene oil extract residue</t>
  </si>
  <si>
    <t>(The oil remaining after the removal of phenolic compounds (tar acids) from drained naphthalene oil by an alkali wash. Composed primarily of naphthalene and alkyl naphthalenes.)</t>
  </si>
  <si>
    <t>648-090-00-6</t>
  </si>
  <si>
    <t>292-612-1</t>
  </si>
  <si>
    <t>90640-90-7</t>
  </si>
  <si>
    <t>Extract residues (coal), naphthalene oil alk., distillation overheads; Naphthalene oil extract residue</t>
  </si>
  <si>
    <t>648-091-00-1</t>
  </si>
  <si>
    <t>292-627-3</t>
  </si>
  <si>
    <t>90641-04-6</t>
  </si>
  <si>
    <t>Distillates (coal tar), naphthalene oils, methylnaphthalene fraction; Methylnaphthalene oil</t>
  </si>
  <si>
    <t>648-092-00-7</t>
  </si>
  <si>
    <t>309-985-4</t>
  </si>
  <si>
    <t>101896-27-9</t>
  </si>
  <si>
    <t>Distillates (coal tar), naphthalene oils, indole-methylnaphthalene fraction; Methylnaphthalene oil</t>
  </si>
  <si>
    <t>648-093-00-2</t>
  </si>
  <si>
    <t>309-972-3</t>
  </si>
  <si>
    <t>101794-91-6</t>
  </si>
  <si>
    <t>Distillates (coal tar), naphthalene oils, acid extracts; Methylnaphtalene oil extract residue</t>
  </si>
  <si>
    <t>648-094-00-8</t>
  </si>
  <si>
    <t>295-309-2</t>
  </si>
  <si>
    <t>91995-48-1</t>
  </si>
  <si>
    <t>Extract residues (coal), naphthalene oil alk., distillation residues; Methylnaphthalene oil extract residue</t>
  </si>
  <si>
    <t>648-095-00-3</t>
  </si>
  <si>
    <t>292-628-9</t>
  </si>
  <si>
    <t>90641-05-7</t>
  </si>
  <si>
    <t>Extract oils (coal), acidic, tar-base free; Methylnaphthalene oil extract residue</t>
  </si>
  <si>
    <t>648-096-00-9</t>
  </si>
  <si>
    <t>284-901-6</t>
  </si>
  <si>
    <t>84989-12-8</t>
  </si>
  <si>
    <t>Distillates (coal tar), benzole fraction, distillation residues; Wash oil</t>
  </si>
  <si>
    <t>648-097-00-4</t>
  </si>
  <si>
    <t>310-165-3</t>
  </si>
  <si>
    <t>121620-46-0</t>
  </si>
  <si>
    <t>Creosote oil, acenaphthene fraction;</t>
  </si>
  <si>
    <t>Wash Oil;</t>
  </si>
  <si>
    <t>648-098-00-X</t>
  </si>
  <si>
    <t>292-605-3</t>
  </si>
  <si>
    <t>90640-84-9</t>
  </si>
  <si>
    <t>Creosote oil;</t>
  </si>
  <si>
    <t>648-099-00-5</t>
  </si>
  <si>
    <t>263-047-8</t>
  </si>
  <si>
    <t>61789-28-4</t>
  </si>
  <si>
    <t>Creosote oil, high-boiling distillate;</t>
  </si>
  <si>
    <t>648-100-00-9</t>
  </si>
  <si>
    <t>274-565-9</t>
  </si>
  <si>
    <t>70321-79-8</t>
  </si>
  <si>
    <t>648-101-00-4</t>
  </si>
  <si>
    <t>232-287-5</t>
  </si>
  <si>
    <t>Extract residues (coal), creosote oil acid;</t>
  </si>
  <si>
    <t>Wash Oil Extract Residue;</t>
  </si>
  <si>
    <t>648-102-00-X</t>
  </si>
  <si>
    <t>310-189-4</t>
  </si>
  <si>
    <t>122384-77-4</t>
  </si>
  <si>
    <t>Anthracene oil, anthracene paste; Anthracene oil fraction</t>
  </si>
  <si>
    <t>(The anthracene-rich solid obtained by the crystallisation and centrifuging of anthracene oil. It is composed primarily of anthracene, carbazole and phenanthrene.)</t>
  </si>
  <si>
    <t>648-103-00-5</t>
  </si>
  <si>
    <t>Anthracene oil, anthracene-low; Anthracene oil fraction</t>
  </si>
  <si>
    <t>(The oil remaining after the removal, by a crystallisation process, of an anthracene-rich solid (anthracene paste) from anthracene oil. It is composed primarily of two, three and four membered aromatic compounds.)</t>
  </si>
  <si>
    <t>648-104-00-0</t>
  </si>
  <si>
    <t>Residues (coal tar), anthracene oil distillation; Anthracene oil fraction</t>
  </si>
  <si>
    <t>648-105-00-6</t>
  </si>
  <si>
    <t>295-505-8</t>
  </si>
  <si>
    <t>92061-92-2</t>
  </si>
  <si>
    <t>Anthracene oil, anthracene paste, anthracene fraction; Anthracene oil fraction</t>
  </si>
  <si>
    <t>648-106-00-1</t>
  </si>
  <si>
    <t>Anthracene oil, anthracene paste, carbazole fraction; Anthracene oil fraction</t>
  </si>
  <si>
    <t>648-107-00-7</t>
  </si>
  <si>
    <t>295-276-4</t>
  </si>
  <si>
    <t>91995-16-3</t>
  </si>
  <si>
    <t>Anthracene oil, anthracene paste, distillation lights; Anthracene oil fraction</t>
  </si>
  <si>
    <t>648-108-00-2</t>
  </si>
  <si>
    <t>Tar oils, coal, low-temperature; Tar oil, high boiling</t>
  </si>
  <si>
    <t>648-109-00-8</t>
  </si>
  <si>
    <t>309-889-2</t>
  </si>
  <si>
    <t>101316-87-4</t>
  </si>
  <si>
    <t>Extract residues (coal), low temp. coal tar alk.;</t>
  </si>
  <si>
    <t>[The residue from low temperature coal tar oils after an alkaline wash, such as aqueous sodium hydroxide, to remove crude coal tar acids. Composed primarily of hydrocarbons and aromatic nitrogen bases.]</t>
  </si>
  <si>
    <t>648-110-00-3</t>
  </si>
  <si>
    <t>310-191-5</t>
  </si>
  <si>
    <t>122384-78-5</t>
  </si>
  <si>
    <t>Phenols, ammonia liquor ext.; Alkaline extract</t>
  </si>
  <si>
    <t>648-111-00-9</t>
  </si>
  <si>
    <t>284-881-9</t>
  </si>
  <si>
    <t>84988-93-2</t>
  </si>
  <si>
    <t>Distillates (coal tar), light oils, alkaline extracts; Alkaline extract</t>
  </si>
  <si>
    <t>(The aqueous extract from carbolic oil produced by an alkaline wash such as aqueous sodium hydroxide. Composed primarily of the alkali salts of various phenolic compounds.)</t>
  </si>
  <si>
    <t>648-112-00-4</t>
  </si>
  <si>
    <t>292-610-0</t>
  </si>
  <si>
    <t>90640-88-3</t>
  </si>
  <si>
    <t>Extracts, coal tar oil alkaline; Alkaline extract</t>
  </si>
  <si>
    <t>(The extract from coal tar oil produced by an alkaline wash such as aqueous sodium hydroxide. Composed primarily of the alkali salts of various phenolic compounds.)</t>
  </si>
  <si>
    <t>648-113-00-X</t>
  </si>
  <si>
    <t>266-017-2</t>
  </si>
  <si>
    <t>65996-83-0</t>
  </si>
  <si>
    <t>Distillates (coal tar), naphthalene oils, alkaline extracts; Alkaline extract</t>
  </si>
  <si>
    <t>(The aqueous extract from naphthalene oil produced by an alkaline wash such as aqueous sodium hydroxid. Composed primarily of the alkali salts of various phenolic compounds.)</t>
  </si>
  <si>
    <t>648-114-00-5</t>
  </si>
  <si>
    <t>292-611-6</t>
  </si>
  <si>
    <t>90640-89-4</t>
  </si>
  <si>
    <t>Extract residues (coal), tar oil alkaline, carbonated, limed; Crude phenols</t>
  </si>
  <si>
    <t>648-115-00-0</t>
  </si>
  <si>
    <t>292-629-4</t>
  </si>
  <si>
    <t>90641-06-8</t>
  </si>
  <si>
    <t>Tar acids, coal, crude;</t>
  </si>
  <si>
    <t>Crude Phenols;</t>
  </si>
  <si>
    <t>[The reaction product obtained by neutralizing coal tar oil alkaline extract with an acidic solution, such as aqueous sulfuric acid, or gaseous carbon dioxide, to obtain the free acids. Composed primarily of tar acids such as phenol, cresols, and xylenols.]</t>
  </si>
  <si>
    <t>648-116-00-6</t>
  </si>
  <si>
    <t>266-019-3</t>
  </si>
  <si>
    <t>65996-85-2</t>
  </si>
  <si>
    <t>Tar acids, brown-coal, crude; Crude phenols</t>
  </si>
  <si>
    <t>(An acidified alkaline extract of brown coal tar distillate. Composed primarily of phenol and phenol homologs.)</t>
  </si>
  <si>
    <t>648-117-00-1</t>
  </si>
  <si>
    <t>309-888-7</t>
  </si>
  <si>
    <t>101316-86-3</t>
  </si>
  <si>
    <t>Tar acids, brown-coal gasification; Crude phenols</t>
  </si>
  <si>
    <t>648-118-00-7</t>
  </si>
  <si>
    <t>295-536-7</t>
  </si>
  <si>
    <t>92062-22-1</t>
  </si>
  <si>
    <t>Tar acids, distillation residues; Distillate phenols</t>
  </si>
  <si>
    <t>648-119-00-2</t>
  </si>
  <si>
    <t>306-251-5</t>
  </si>
  <si>
    <t>96690-55-0</t>
  </si>
  <si>
    <t>Tar acids, methylphenol fraction; Distillate phenols</t>
  </si>
  <si>
    <t>(The fraction of tar acid rich in 3- and 4-methylphenol, recovered by distillation of low-temperature coal tar crude tar acids.)</t>
  </si>
  <si>
    <t>648-120-00-8</t>
  </si>
  <si>
    <t>284-892-9</t>
  </si>
  <si>
    <t>84989-04-8</t>
  </si>
  <si>
    <t>Tar acids, polyalkylphenol fraction; Distillate phenols</t>
  </si>
  <si>
    <t>648-121-00-3</t>
  </si>
  <si>
    <t>284-893-4</t>
  </si>
  <si>
    <t>84989-05-9</t>
  </si>
  <si>
    <t>Tar acids, xylenol fraction; Distillate phenols</t>
  </si>
  <si>
    <t>(The fraction of tar acids, rich in 2,4- and 2,5-dimethylphenol, recovered by distillation of low-temperature coal tar crude tar acids.)</t>
  </si>
  <si>
    <t>648-122-00-9</t>
  </si>
  <si>
    <t>284-895-5</t>
  </si>
  <si>
    <t>84989-06-0</t>
  </si>
  <si>
    <t>Tar acids, ethylphenol fraction; Distillate phenols</t>
  </si>
  <si>
    <t>(The fraction of tar acids, rich in 3- and 4-ethylphenol, recovered by distillation of low-temperature coal tar crude tar acids.)</t>
  </si>
  <si>
    <t>648-123-00-4</t>
  </si>
  <si>
    <t>284-891-3</t>
  </si>
  <si>
    <t>84989-03-7</t>
  </si>
  <si>
    <t>Tar acids, 3,5-xylenol fraction; Distillate phenols</t>
  </si>
  <si>
    <t>(The fraction of tar acids, rich in 3,5-dimethylphenol, recovered by distillation of low-temperature coal tar acids.)</t>
  </si>
  <si>
    <t>648-124-00-X</t>
  </si>
  <si>
    <t>284-896-0</t>
  </si>
  <si>
    <t>84989-07-1</t>
  </si>
  <si>
    <t>Tar acids, residues, distillates, first-cut; Distillate phenols</t>
  </si>
  <si>
    <t>648-125-00-5</t>
  </si>
  <si>
    <t>270-713-1</t>
  </si>
  <si>
    <t>68477-23-6</t>
  </si>
  <si>
    <t>Tar acids, cresylic, residues; Distillate phenols</t>
  </si>
  <si>
    <t>648-126-00-0</t>
  </si>
  <si>
    <t>271-418-0</t>
  </si>
  <si>
    <t>68555-24-8</t>
  </si>
  <si>
    <t>648-127-00-6</t>
  </si>
  <si>
    <t>293-435-2</t>
  </si>
  <si>
    <t>91079-47-9</t>
  </si>
  <si>
    <t>Tar acids, cresylic; Distillate phenols</t>
  </si>
  <si>
    <t>648-128-00-1</t>
  </si>
  <si>
    <t>295-540-9</t>
  </si>
  <si>
    <t>92062-26-5</t>
  </si>
  <si>
    <t>648-129-00-7</t>
  </si>
  <si>
    <t>302-662-9</t>
  </si>
  <si>
    <t>94114-29-1</t>
  </si>
  <si>
    <t>Extract oils (coal), naphthalene oils; Acid extract</t>
  </si>
  <si>
    <t>(The aqueous extract produced by an acidic wash of alkali-washed naphthalene oil. Composed primarily of acid salts of various aromatic nitrogen bases including pyridine, quinoline and their alkyl derivatives.)</t>
  </si>
  <si>
    <t>648-130-00-2</t>
  </si>
  <si>
    <t>292-623-1</t>
  </si>
  <si>
    <t>90641-00-2</t>
  </si>
  <si>
    <t>Tar bases, quinoline derivs.; Distillate bases</t>
  </si>
  <si>
    <t>648-131-00-8</t>
  </si>
  <si>
    <t>271-020-7</t>
  </si>
  <si>
    <t>68513-87-1</t>
  </si>
  <si>
    <t>Tar bases, coal, quinoline derivs. fraction; Distillate bases</t>
  </si>
  <si>
    <t>648-132-00-3</t>
  </si>
  <si>
    <t>274-560-1</t>
  </si>
  <si>
    <t>70321-67-4</t>
  </si>
  <si>
    <t>Tar bases, coal, distillation residues; Distillate bases</t>
  </si>
  <si>
    <t>(The distillation residue remaining after the distillation of the neutralised, acid-extracted base-containing tar fractions obtained by the distillation of coal tars. It contains chiefly aniline, collidines, quinoline and quinoline derivatives and toluidines.)</t>
  </si>
  <si>
    <t>648- 133 -00-9</t>
  </si>
  <si>
    <t>274-544-0</t>
  </si>
  <si>
    <t>92062-29-8</t>
  </si>
  <si>
    <t>Hydrocarbon oils, arom., mixed with polyethylene and polypropylene, pyrolysed, light oil fraction; Heat treatment products</t>
  </si>
  <si>
    <t>648-134-00-4</t>
  </si>
  <si>
    <t>309-745-9</t>
  </si>
  <si>
    <t>100801-63-6</t>
  </si>
  <si>
    <t>Hydrocarbon oils, arom., mixed with polyethylene, pyrolysed, light oil fraction; Heat treatment products</t>
  </si>
  <si>
    <t>648-135-00-X</t>
  </si>
  <si>
    <t>309-748-5</t>
  </si>
  <si>
    <t>100801-65-8</t>
  </si>
  <si>
    <t>Hydrocarbon oils, arom., mixed with polystyrene, pyrolysed, light oil fraction; Heat treatment products</t>
  </si>
  <si>
    <t>648-136-00-5</t>
  </si>
  <si>
    <t>309-749-0</t>
  </si>
  <si>
    <t>100801-66-9</t>
  </si>
  <si>
    <t>Extract residues (coal), tar oil alkaline, naphthalene distillation residues; Naphthalene oil extract residue</t>
  </si>
  <si>
    <t>(The residue obtained from chemical oil extracted after the removal of naphthalene by distillation composed primarily of two to four membered condensed ring aromatic hydrocarbons and aromatic nitrogen bases.)</t>
  </si>
  <si>
    <t>648-137-00-0</t>
  </si>
  <si>
    <t>277-567-8</t>
  </si>
  <si>
    <t>736665-18-6</t>
  </si>
  <si>
    <t>Creosote oil, low-boiling distillate;</t>
  </si>
  <si>
    <t>648-138-00-6</t>
  </si>
  <si>
    <t>274-566-4</t>
  </si>
  <si>
    <t>70321-80-1</t>
  </si>
  <si>
    <t>Tar acids, cresylic, sodium salts, caustic solutions.; Alkaline extract</t>
  </si>
  <si>
    <t>648-139-00-1</t>
  </si>
  <si>
    <t>272-361-4</t>
  </si>
  <si>
    <t>68815-21-4</t>
  </si>
  <si>
    <t>Extract oils (coal), tar base; Acid extract</t>
  </si>
  <si>
    <t>(The extract from coal tar oil alkaline extract residue produced by an acidic wash such as aqueous sulfuric acid after distillation to remove naphthalene. Composed primarily of the acid salts of various aromatic nitrogen bases including pyridine, quinoline, and their alkyl derivatives.)</t>
  </si>
  <si>
    <t>648-140-00-7</t>
  </si>
  <si>
    <t>266-020-9</t>
  </si>
  <si>
    <t>65996-86-3</t>
  </si>
  <si>
    <t>Tar bases, coal, crude; Crude tar bases</t>
  </si>
  <si>
    <t>(The reaction product obtained by neutralising coal tar base extract oil with an alkaline solution, such as aqueous sodium hydroxide, to obtain the free bases. Composed primarily of such organic bases as acridine, phenanthridine, pyridine, quinoline and their alkyl derivatives.)</t>
  </si>
  <si>
    <t>648-141-00-2</t>
  </si>
  <si>
    <t>266-018-8</t>
  </si>
  <si>
    <t>65996-84-1</t>
  </si>
  <si>
    <t>Residues (coal), liquid solvent extraction;</t>
  </si>
  <si>
    <t>(A cohesive powder composed of coal mineral matter and undissolved coal remaining after extraction of coal by a liquid solvent.)</t>
  </si>
  <si>
    <t>648-142-00-8</t>
  </si>
  <si>
    <t>302-681-2</t>
  </si>
  <si>
    <t>94114-46-2</t>
  </si>
  <si>
    <t>Coal liquids, liquid solvent extraction solution.;</t>
  </si>
  <si>
    <t>(The product obtained by filtration of coal mineral matter and undissolved coal from coal extract solution produced by digesting coal in a liquid solvent. A black, viscous, highly complex liquid combination composed primarily of aromatic and partly hydrogenated aromatic hydrocarbons, aromatic nitrogen compounds, aromatic sulfur compounds, phenolic and other aromatic oxygen compounds and their alkyl derivatives.)</t>
  </si>
  <si>
    <t>648-143-00-3</t>
  </si>
  <si>
    <t>302-682-8</t>
  </si>
  <si>
    <t>94114-47-3</t>
  </si>
  <si>
    <t>Coal liquids, liquid solvent extraction;</t>
  </si>
  <si>
    <t>(The substantially solvent-free product obtained by the distillation of the solvent from filtered coal extract solution produced by digesting coal in a liquid solvent. A black semi-solid, composed primarily of a complex combination of condensed-ring aromatic hydrocarbons, aromatic nitrogen compounds, aromatic sulfur compounds, phenolic compounds and other aromatic oxygen compounds, and their alkyl derivatives.)</t>
  </si>
  <si>
    <t>648-144-00-9</t>
  </si>
  <si>
    <t>302-683-3</t>
  </si>
  <si>
    <t>94114-48-4</t>
  </si>
  <si>
    <t>Light oil (coal), coke-oven; Crude benzole</t>
  </si>
  <si>
    <t>648-147-00-5</t>
  </si>
  <si>
    <t>266-012-5</t>
  </si>
  <si>
    <t>65996-78-3</t>
  </si>
  <si>
    <t>Distillates (coal), liquid solvent extraction, primary;</t>
  </si>
  <si>
    <t>648-148-00-0</t>
  </si>
  <si>
    <t>302-688-0</t>
  </si>
  <si>
    <t>94114-52-0</t>
  </si>
  <si>
    <t>Distillates (coal), solvent extraction, hydrocracked;</t>
  </si>
  <si>
    <t>648-149-00-6</t>
  </si>
  <si>
    <t>302-689-6</t>
  </si>
  <si>
    <t>94114-53-1</t>
  </si>
  <si>
    <t>Naphtha (coal), solvent extraction, hydrocracked;</t>
  </si>
  <si>
    <t>648-150-00-1</t>
  </si>
  <si>
    <t>302-690-1</t>
  </si>
  <si>
    <t>94114-54-2</t>
  </si>
  <si>
    <t>Gasoline, coal solvent extraction, hydrocracked naphtha;</t>
  </si>
  <si>
    <t>648-151-00-7</t>
  </si>
  <si>
    <t>302-691-7</t>
  </si>
  <si>
    <t>94114-55-3</t>
  </si>
  <si>
    <t>Distillates (coal), solvent extraction, hydrocracked middle;</t>
  </si>
  <si>
    <t>648-152-00-2</t>
  </si>
  <si>
    <t>302-692-2</t>
  </si>
  <si>
    <t>94114-56-4</t>
  </si>
  <si>
    <t>Distillates (coal), solvent extraction, hydrocracked hydrogenated middle;</t>
  </si>
  <si>
    <t>648-153-00-8</t>
  </si>
  <si>
    <t>302-693-8</t>
  </si>
  <si>
    <t>94114-57-5</t>
  </si>
  <si>
    <t>Light oil (coal), semi-coking process; Fresh oil</t>
  </si>
  <si>
    <t>648-156-00-4</t>
  </si>
  <si>
    <t>292-635-7</t>
  </si>
  <si>
    <t>90641-11-5</t>
  </si>
  <si>
    <t>Extracts (petroleum), light naphthenic distillate solvent</t>
  </si>
  <si>
    <t>649-001-00-3</t>
  </si>
  <si>
    <t>265-102-1</t>
  </si>
  <si>
    <t>64742-03-6</t>
  </si>
  <si>
    <t>Extracts (petroleum), heavy paraffinic distillate solvent</t>
  </si>
  <si>
    <t>649-002-00-9</t>
  </si>
  <si>
    <t>265-103-7</t>
  </si>
  <si>
    <t>64742-04-7</t>
  </si>
  <si>
    <t>Extracts (petroleum), light paraffinic distillate solvent</t>
  </si>
  <si>
    <t>649-003-00-4</t>
  </si>
  <si>
    <t>265-104-2</t>
  </si>
  <si>
    <t>Extracts (petroleum), heavy naphthenic distillate solvent</t>
  </si>
  <si>
    <t>649-004-00-X</t>
  </si>
  <si>
    <t>265-111-0</t>
  </si>
  <si>
    <t>64742-11-6</t>
  </si>
  <si>
    <t>Extracts (petroleum), light vacuum gas oil solvent</t>
  </si>
  <si>
    <t>649-005-00-5</t>
  </si>
  <si>
    <t>295-341-7</t>
  </si>
  <si>
    <t>91995-78-7</t>
  </si>
  <si>
    <t>649-006-00-0</t>
  </si>
  <si>
    <t>307-753-7</t>
  </si>
  <si>
    <t>97722-04-8</t>
  </si>
  <si>
    <t>Residues (petroleum), atm. tower; Heavy fuel oil</t>
  </si>
  <si>
    <t>649-008-00-1</t>
  </si>
  <si>
    <t>265-045-2</t>
  </si>
  <si>
    <t>64741-45-3</t>
  </si>
  <si>
    <t>Gas oils (petroleum), heavy vacuum; Heavy fuel oil</t>
  </si>
  <si>
    <t>649-009-00-7</t>
  </si>
  <si>
    <t>265-058-3</t>
  </si>
  <si>
    <t>64741-57-7</t>
  </si>
  <si>
    <t>Distillates (petroleum), heavy catalytic cracked; Heavy fuel oil</t>
  </si>
  <si>
    <t>649-010-00-2</t>
  </si>
  <si>
    <t>265-063-0</t>
  </si>
  <si>
    <t>64741-61-3</t>
  </si>
  <si>
    <t>Clarified oils (petroleum), catalytic cracked; Heavy fuel oil</t>
  </si>
  <si>
    <t>649-011-00-8</t>
  </si>
  <si>
    <t>265-064-6</t>
  </si>
  <si>
    <t>64741-62-4</t>
  </si>
  <si>
    <t>Residues (petroleum), hydrocracked; Heavy fuel oil</t>
  </si>
  <si>
    <t>649-012-00-3</t>
  </si>
  <si>
    <t>265-076-1</t>
  </si>
  <si>
    <t>64741-75-9</t>
  </si>
  <si>
    <t>Residues (petroleum), thermal cracked; Heavy fuel oil</t>
  </si>
  <si>
    <t>649-013-00-9</t>
  </si>
  <si>
    <t>265-081-9</t>
  </si>
  <si>
    <t>64741-80-6</t>
  </si>
  <si>
    <t>Distillates (petroleum), heavy thermal cracked; Heavy fuel oil</t>
  </si>
  <si>
    <t>649-014-00-4</t>
  </si>
  <si>
    <t>265-082-4</t>
  </si>
  <si>
    <t>64741-81-7</t>
  </si>
  <si>
    <t>Gas oils (petroleum), hydrotreated vacuum; Heavy fuel oil</t>
  </si>
  <si>
    <t>649-015-00-X</t>
  </si>
  <si>
    <t>265-162-9</t>
  </si>
  <si>
    <t>64742-59-2</t>
  </si>
  <si>
    <t>Residues (petroleum) hydrodesulphurised atmospheric tower; Heavy fuel oil</t>
  </si>
  <si>
    <t>649-016-00-5</t>
  </si>
  <si>
    <t>265-181-2</t>
  </si>
  <si>
    <t>64742-78-5</t>
  </si>
  <si>
    <t>Gas oils (petroleum), hydrodesulphurised heavy vacuum; Heavy fuel oil</t>
  </si>
  <si>
    <t>649-017-00-0</t>
  </si>
  <si>
    <t>265-189-6</t>
  </si>
  <si>
    <t>64742-86-5</t>
  </si>
  <si>
    <t>Residues (petroleum), steam-cracked; Heavy fuel oil</t>
  </si>
  <si>
    <t>649-018-00-6</t>
  </si>
  <si>
    <t>265-193-8</t>
  </si>
  <si>
    <t>64742-90-1</t>
  </si>
  <si>
    <t>Residues (petroleum), atmospheric; Heavy fuel oil</t>
  </si>
  <si>
    <t>649-019-00-1</t>
  </si>
  <si>
    <t>269-777-3</t>
  </si>
  <si>
    <t>68333-22-2</t>
  </si>
  <si>
    <t>Clarified oils (petroleum), hydrodesulphurised catalytic cracked; Heavy fuel oil</t>
  </si>
  <si>
    <t>649-020-00-7</t>
  </si>
  <si>
    <t>269-782-0</t>
  </si>
  <si>
    <t>68333-26-6</t>
  </si>
  <si>
    <t>Distillates (petroleum), hydrodesulphurised intermediate catalytic cracked; Heavy fuel oil</t>
  </si>
  <si>
    <t>649-021-00-2</t>
  </si>
  <si>
    <t>269-783-6</t>
  </si>
  <si>
    <t>68333-27-7</t>
  </si>
  <si>
    <t>Distillates (petroleum), hydrodesulphurised heavy catalytic cracked; Heavy fuel oil</t>
  </si>
  <si>
    <t>649-022-00-8</t>
  </si>
  <si>
    <t>269-784-1</t>
  </si>
  <si>
    <t>68333-28-8</t>
  </si>
  <si>
    <t>Fuel oil, residues-straight-run gas oils, high-sulfur; Heavy fuel oil</t>
  </si>
  <si>
    <t>649-023-00-3</t>
  </si>
  <si>
    <t>270-674-0</t>
  </si>
  <si>
    <t>68476-32-4</t>
  </si>
  <si>
    <t>Fuel oil, residual; Heavy fuel oil</t>
  </si>
  <si>
    <t>(The liquid product from various refinery streams, usually residues. The composition is complex and varies with the source of the crude oil.)</t>
  </si>
  <si>
    <t>649-024-00-9</t>
  </si>
  <si>
    <t>270-675-6</t>
  </si>
  <si>
    <t>68476-33-5</t>
  </si>
  <si>
    <t>Residues (petroleum), catalytic reformer fractionator residue distillation; Heavy fuel oil</t>
  </si>
  <si>
    <t>649-025-00-4</t>
  </si>
  <si>
    <t>270-792-2</t>
  </si>
  <si>
    <t>68478-13-7</t>
  </si>
  <si>
    <t>Residues (petroleum), heavy coker gas oil and vacuum gas oil; Heavy fuel oil</t>
  </si>
  <si>
    <t>649-026-00-X</t>
  </si>
  <si>
    <t>270-796-4</t>
  </si>
  <si>
    <t>68478-17-1</t>
  </si>
  <si>
    <t>Residues (petroleum), heavy coker and light vacuum; Heavy fuel oil</t>
  </si>
  <si>
    <t>649-027-00-5</t>
  </si>
  <si>
    <t>270-983-0</t>
  </si>
  <si>
    <t>68512-61-8</t>
  </si>
  <si>
    <t>Residues (petroleum), light vacuum; Heavy fuel oil</t>
  </si>
  <si>
    <t>649-028-00-0</t>
  </si>
  <si>
    <t>270-984-6</t>
  </si>
  <si>
    <t>68512-62-9</t>
  </si>
  <si>
    <t>Residues (petroleum), steam-cracked light; Heavy fuel oil</t>
  </si>
  <si>
    <t>649-029-00-6</t>
  </si>
  <si>
    <t>271-013-9</t>
  </si>
  <si>
    <t>68513-69-9</t>
  </si>
  <si>
    <t>Fuel oil, No 6; Heavy fuel oil</t>
  </si>
  <si>
    <t>649-030-00-1</t>
  </si>
  <si>
    <t>271-384-7</t>
  </si>
  <si>
    <t>68553-00-4</t>
  </si>
  <si>
    <t>Residues (petroleum), topping plant, low-sulfur; Heavy fuel oil</t>
  </si>
  <si>
    <t>(A low-sulfur complex combination of hydrocarbons produced as the residual fraction from the topping plant distillation of crude oil. It is the residuum after the straight-run gasoline cut, kerosene cut and gas oil cut have been removed.)</t>
  </si>
  <si>
    <t>649-031-00-7</t>
  </si>
  <si>
    <t>271-763-7</t>
  </si>
  <si>
    <t>68607-30-7</t>
  </si>
  <si>
    <t>Gas oils (petroleum), heavy atmospheric; Heavy fuel oil</t>
  </si>
  <si>
    <t>649-032-00-2</t>
  </si>
  <si>
    <t>272-184-2</t>
  </si>
  <si>
    <t>68783-08-4</t>
  </si>
  <si>
    <t>Residues (petroleum), coker scrubber, Condensed-ring-arom.-contg.; Heavy fuel oil</t>
  </si>
  <si>
    <t>649-033-00-8</t>
  </si>
  <si>
    <t>272-187-9</t>
  </si>
  <si>
    <t>68783-13-1</t>
  </si>
  <si>
    <t>Distillates (petroleum), petroleum residues vacuum; Heavy fuel oil</t>
  </si>
  <si>
    <t>(A complex combination of hydrocarbons produced by the vacuum distillation of the residuum from the atmospheric distillation of crude oil.)</t>
  </si>
  <si>
    <t>649-034-00-3</t>
  </si>
  <si>
    <t>273-263-4</t>
  </si>
  <si>
    <t>68955-27-1</t>
  </si>
  <si>
    <t>Residues (petroleum), steam-cracked, resinous; Heavy fuel oil</t>
  </si>
  <si>
    <t>(A complex residuum from the distillation of steam-cracked petroleum residues.)</t>
  </si>
  <si>
    <t>649-035-00-9</t>
  </si>
  <si>
    <t>273-272-3</t>
  </si>
  <si>
    <t>68955-36-2</t>
  </si>
  <si>
    <t>Distillates (petroleum), intermediate vacuum; Heavy fuel oil</t>
  </si>
  <si>
    <t>649-036-00-4</t>
  </si>
  <si>
    <t>274-683-0</t>
  </si>
  <si>
    <t>70592-76-6</t>
  </si>
  <si>
    <t>Distillates (petroleum), light vacuum; Heavy fuel oil</t>
  </si>
  <si>
    <t>649-037-00-X</t>
  </si>
  <si>
    <t>247-684-6</t>
  </si>
  <si>
    <t>70592-77-7</t>
  </si>
  <si>
    <t>Distillates (petroleum), vacuum; Heavy fuel oil</t>
  </si>
  <si>
    <t>649-038-00-5</t>
  </si>
  <si>
    <t>274-685-1</t>
  </si>
  <si>
    <t>70592-78-8</t>
  </si>
  <si>
    <t>Gas oils (petroleum), hydrodesulphurised coker heavy vacuum; Heavy fuel oil</t>
  </si>
  <si>
    <t>649-039-00-0</t>
  </si>
  <si>
    <t>285-555-9</t>
  </si>
  <si>
    <t>85117-03-9</t>
  </si>
  <si>
    <t>Residues (petroleum), steam-cracked, distillates; Heavy fuel oil</t>
  </si>
  <si>
    <t>(A complex combination of hydrocarbons obtained during the production of refined petroleum tar by the distillation of steam cracked tar. It consists predominantly of aromatic and other hydrocarbons and organic sulfur compounds.)</t>
  </si>
  <si>
    <t>649-040-00-6</t>
  </si>
  <si>
    <t>292-657-7</t>
  </si>
  <si>
    <t>90669-75-3</t>
  </si>
  <si>
    <t>Residues (petroleum), vacuum, light; Heavy fuel oil</t>
  </si>
  <si>
    <t>649-041-00-1</t>
  </si>
  <si>
    <t>292-658-2</t>
  </si>
  <si>
    <t>90669-76-4</t>
  </si>
  <si>
    <t>Fuel oil, heavy, high-sulphur; Heavy fuel oil</t>
  </si>
  <si>
    <t>649-042-00-7</t>
  </si>
  <si>
    <t>295-396-7</t>
  </si>
  <si>
    <t>92045-14-2</t>
  </si>
  <si>
    <t>Residues (petroleum), catalytic cracking; Heavy fuel oil</t>
  </si>
  <si>
    <t>649-043-00-2</t>
  </si>
  <si>
    <t>295-511-0</t>
  </si>
  <si>
    <t>92061-97-7</t>
  </si>
  <si>
    <t>Distillates (petroleum), intermediate catalytic cracked, thermally degraded; Heavy fuel oil</t>
  </si>
  <si>
    <t>649-044-00-8</t>
  </si>
  <si>
    <t>295-990-6</t>
  </si>
  <si>
    <t>92201-59-7</t>
  </si>
  <si>
    <t>Residual oils (petroleum); Heavy fuel oil</t>
  </si>
  <si>
    <t>649-045-00-3</t>
  </si>
  <si>
    <t>298-754-0</t>
  </si>
  <si>
    <t>93821-66-0</t>
  </si>
  <si>
    <t>Residues, steam cracked, thermally treated; Heavy fuel oil</t>
  </si>
  <si>
    <t>649-046-00-9</t>
  </si>
  <si>
    <t>308-733-0</t>
  </si>
  <si>
    <t>98219-64-8</t>
  </si>
  <si>
    <t>Distillates (petroleum), hydrodesulphurised full-range middle; Heavy fuel oil</t>
  </si>
  <si>
    <t>649-047-00-4</t>
  </si>
  <si>
    <t>309-863-0</t>
  </si>
  <si>
    <t>101316-57-8</t>
  </si>
  <si>
    <t>Residues (petroleum), catalytic reformer fractionator; Heavy fuel oil</t>
  </si>
  <si>
    <t>649-048-00-X</t>
  </si>
  <si>
    <t>265-069-3</t>
  </si>
  <si>
    <t>64741-67-9</t>
  </si>
  <si>
    <t>Petroleum; Crude oil</t>
  </si>
  <si>
    <t>(A complex combination of hydrocarbons. It consists predominantly of aliphatic, alicyclic and aromatic hydrocarbons. It may also contain small amounts of nitrogen, oxygen and sulfur compounds. This category encompasses light, medium, and heavy petroleums, as well as the oils extended from tar sands. Hydrocarbonaceous materials requiring major chemical changes for their recovery or conversion to petroleum refinery feedstocks such as crude shale oils; upgraded shale oils and liquid coal fuels are not included in this definition.)</t>
  </si>
  <si>
    <t>649-049-00-5</t>
  </si>
  <si>
    <t>232-298-5</t>
  </si>
  <si>
    <t>Foots oil (petroleum), acid-treated; Foots oil</t>
  </si>
  <si>
    <t>649-175-00-0</t>
  </si>
  <si>
    <t>300-225-7</t>
  </si>
  <si>
    <t>93924-31-3</t>
  </si>
  <si>
    <t>L</t>
  </si>
  <si>
    <t>Foots oil (petroleum), clay-treated; Foots oil</t>
  </si>
  <si>
    <t>649-176-00-6</t>
  </si>
  <si>
    <t>300-226-2</t>
  </si>
  <si>
    <t>93924-32-4</t>
  </si>
  <si>
    <t>Foots oil (petroleum), carbon-treated; Foot's oil</t>
  </si>
  <si>
    <t>649-211-00-5</t>
  </si>
  <si>
    <t>308-126-0</t>
  </si>
  <si>
    <t>97862-76-5</t>
  </si>
  <si>
    <t>Distillates (petroleum), sweetened middle; Gas oil — unspecified</t>
  </si>
  <si>
    <t>649-212-00-0</t>
  </si>
  <si>
    <t>265-088-7</t>
  </si>
  <si>
    <t>64741-86-2</t>
  </si>
  <si>
    <t>N</t>
  </si>
  <si>
    <t>Gas oils (petroleum), solvent-refined; Gas oil — unspecified</t>
  </si>
  <si>
    <t>649-213-00-6</t>
  </si>
  <si>
    <t>265-092-9</t>
  </si>
  <si>
    <t>64741-90-8</t>
  </si>
  <si>
    <t>Distillates (petroleum), solvent-refined middle; Gas oil — unspecified</t>
  </si>
  <si>
    <t>649-214-00-1</t>
  </si>
  <si>
    <t>265-093-4</t>
  </si>
  <si>
    <t>64741-91-9</t>
  </si>
  <si>
    <t>Gas oils (petroleum), acid-treated; Gas oil — unspecified</t>
  </si>
  <si>
    <t>649-215-00-7</t>
  </si>
  <si>
    <t>265-112-6</t>
  </si>
  <si>
    <t>64742-12-7</t>
  </si>
  <si>
    <t>Distillates (petroleum), acid-treated middle; Gas oil — unspecified</t>
  </si>
  <si>
    <t>649-216-00-2</t>
  </si>
  <si>
    <t>265-113-1</t>
  </si>
  <si>
    <t>64742-13-8</t>
  </si>
  <si>
    <t>Distillates (petroleum), acid-treated light; Gas oil — unspecified</t>
  </si>
  <si>
    <t>649-217-00-8</t>
  </si>
  <si>
    <t>265-114-7</t>
  </si>
  <si>
    <t>64742-14-9</t>
  </si>
  <si>
    <t>Gas oils (petroleum), chemically neutralised; Gas oil — unspecified</t>
  </si>
  <si>
    <t>649-218-00-3</t>
  </si>
  <si>
    <t>265-129-9</t>
  </si>
  <si>
    <t>64742-29-6</t>
  </si>
  <si>
    <t>Distillates (petroleum), chemically neutralised middle; Gas oil — unspecified</t>
  </si>
  <si>
    <t>649-219-00-9</t>
  </si>
  <si>
    <t>265-130-4</t>
  </si>
  <si>
    <t>64742-30-9</t>
  </si>
  <si>
    <t>Distillates (petroleum), clay-treated middle; Gas oil — unspecified</t>
  </si>
  <si>
    <t>649-220-00-4</t>
  </si>
  <si>
    <t>265-139-3</t>
  </si>
  <si>
    <t>64742-38-7</t>
  </si>
  <si>
    <t>Distillates (petroleum), hydrotreated middle; Gas oil — unspecified</t>
  </si>
  <si>
    <t>649-221-00-X</t>
  </si>
  <si>
    <t>265-148-2</t>
  </si>
  <si>
    <t>64742-46-7</t>
  </si>
  <si>
    <t>Gas oils (petroleum), hydrodesuphurised; Gas oil — unspecified</t>
  </si>
  <si>
    <t>649-222-00-5</t>
  </si>
  <si>
    <t>265-182-8</t>
  </si>
  <si>
    <t>64742-79-6</t>
  </si>
  <si>
    <t>Distillates (petroleum), hydrodesulphurised middle; Gas oil — unspecified</t>
  </si>
  <si>
    <t>649-223-00-0</t>
  </si>
  <si>
    <t>265-183-3</t>
  </si>
  <si>
    <t>64742-80-9</t>
  </si>
  <si>
    <t>Distillates (petroleum), catalytic reformer fractionator residue, high-boiling; Gas oil — unspecified</t>
  </si>
  <si>
    <t>649-228-00-8</t>
  </si>
  <si>
    <t>270-719-4</t>
  </si>
  <si>
    <t>68477-29-2</t>
  </si>
  <si>
    <t>Distillates (petroleum), catalytic reformer fractionator residue, intermediate-boiling; Gas oil — unspecified</t>
  </si>
  <si>
    <t>649-229-00-3</t>
  </si>
  <si>
    <t>270-721-5</t>
  </si>
  <si>
    <t>68477-30-5</t>
  </si>
  <si>
    <t>Distillates (petroleum), catalytic reformer fractionator residue, low-boiling; Gas oil — unspecified</t>
  </si>
  <si>
    <t>649-230-00-9</t>
  </si>
  <si>
    <t>270-722-0</t>
  </si>
  <si>
    <t>68477-31-6</t>
  </si>
  <si>
    <t>Distillates (petroleum), highly refined middle; Gas oil — unspecified</t>
  </si>
  <si>
    <t>649-231-00-4</t>
  </si>
  <si>
    <t>292-615-8</t>
  </si>
  <si>
    <t>90640-93-0</t>
  </si>
  <si>
    <t>Distillates (petroleum) catalytic reformer, heavy aromatic concentrate; Gas oil — unspecified</t>
  </si>
  <si>
    <t>649-232-00-X</t>
  </si>
  <si>
    <t>295-294-2</t>
  </si>
  <si>
    <t>91995-34-5</t>
  </si>
  <si>
    <t>Gas oils, paraffinic; Gas oil — unspecified</t>
  </si>
  <si>
    <t>649-233-00-5</t>
  </si>
  <si>
    <t>300-227-8</t>
  </si>
  <si>
    <t>93924-33-5</t>
  </si>
  <si>
    <t>Naphtha (petroleum), solvent-refined hydrodesulphurised heavy; Gas oil — unspecified</t>
  </si>
  <si>
    <t>649-234-00-0</t>
  </si>
  <si>
    <t>307-035-3</t>
  </si>
  <si>
    <t>97488-96-5</t>
  </si>
  <si>
    <t>649-235-00-6</t>
  </si>
  <si>
    <t>307-659-6</t>
  </si>
  <si>
    <t>97675-85-9</t>
  </si>
  <si>
    <t>649-236-00-1</t>
  </si>
  <si>
    <t>307-660-1</t>
  </si>
  <si>
    <t>97675-86-0</t>
  </si>
  <si>
    <t>649-237-00-7</t>
  </si>
  <si>
    <t>307-757-9</t>
  </si>
  <si>
    <t>97722-08-2</t>
  </si>
  <si>
    <t>Gas oils, hydrotreated; Gas oil — unspecified</t>
  </si>
  <si>
    <t>649-238-00-2</t>
  </si>
  <si>
    <t>308-128-1</t>
  </si>
  <si>
    <t>97862-78-7</t>
  </si>
  <si>
    <t>Distillates (petroleum), carbon-treated light paraffinic; Gas oil — unspecified</t>
  </si>
  <si>
    <t>649-239-00-8</t>
  </si>
  <si>
    <t>309-667-5</t>
  </si>
  <si>
    <t>100683-97-4</t>
  </si>
  <si>
    <t>Distillates (petroleum), intermediate paraffinic, carbon-treated; Gas oil — unspecified</t>
  </si>
  <si>
    <t>649-240-00-3</t>
  </si>
  <si>
    <t>309-668-0</t>
  </si>
  <si>
    <t>100683-98-5</t>
  </si>
  <si>
    <t>Distillates (petroleum), intermediate paraffinic, clay-treated; Gas oil — unspecified</t>
  </si>
  <si>
    <t>649-241-00-9</t>
  </si>
  <si>
    <t>309-669-6</t>
  </si>
  <si>
    <t>100683-99-6</t>
  </si>
  <si>
    <t>649-242-00-4</t>
  </si>
  <si>
    <t>292-454-3</t>
  </si>
  <si>
    <t>90622-53-0</t>
  </si>
  <si>
    <t>Lubricating greases; Grease</t>
  </si>
  <si>
    <t>649-243-00-X</t>
  </si>
  <si>
    <t>278-011-7</t>
  </si>
  <si>
    <t>74869-21-9</t>
  </si>
  <si>
    <t>Slack wax (petroleum); Slack wax</t>
  </si>
  <si>
    <t>649-244-00-5</t>
  </si>
  <si>
    <t>265-165-5</t>
  </si>
  <si>
    <t>64742-61-6</t>
  </si>
  <si>
    <t>Slack wax (petroleum), acid-treated; Slack wax</t>
  </si>
  <si>
    <t>649-245-00-0</t>
  </si>
  <si>
    <t>292-659-8</t>
  </si>
  <si>
    <t>90669-77-5</t>
  </si>
  <si>
    <t>Slack wax (petroleum), clay-treated; Slack wax</t>
  </si>
  <si>
    <t>649-246-00-6</t>
  </si>
  <si>
    <t>292-660-3</t>
  </si>
  <si>
    <t>90669-78-6</t>
  </si>
  <si>
    <t>Slack wax (petroleum), hydrotreated; Slack wax</t>
  </si>
  <si>
    <t>649-247-00-1</t>
  </si>
  <si>
    <t>295-523-6</t>
  </si>
  <si>
    <t>92062-09-4</t>
  </si>
  <si>
    <t>Slack wax (petroleum), low-melting; Slack wax</t>
  </si>
  <si>
    <t>649-248-00-7</t>
  </si>
  <si>
    <t>295-524-1</t>
  </si>
  <si>
    <t>92062-10-7</t>
  </si>
  <si>
    <t>Slack wax (petroleum), low-melting, hydrotreated; Slack wax</t>
  </si>
  <si>
    <t>649-249-00-2</t>
  </si>
  <si>
    <t>295-525-7</t>
  </si>
  <si>
    <t>92062-11-8</t>
  </si>
  <si>
    <t>Slack wax (petroleum), low-melting, carbon-treated; Slack wax</t>
  </si>
  <si>
    <t>649-250-00-8</t>
  </si>
  <si>
    <t>308-155-9</t>
  </si>
  <si>
    <t>97863-04-2</t>
  </si>
  <si>
    <t>Slack wax (petroleum), low-melting, clay-treated; Slack wax</t>
  </si>
  <si>
    <t>649-251-00-3</t>
  </si>
  <si>
    <t>308-156-4</t>
  </si>
  <si>
    <t>97863-05-3</t>
  </si>
  <si>
    <t>Slack wax (petroleum), low-melting, silicic acid-treated; Slack wax</t>
  </si>
  <si>
    <t>649-252-00-9</t>
  </si>
  <si>
    <t>308-158-5</t>
  </si>
  <si>
    <t>97863-06-4</t>
  </si>
  <si>
    <t>Slack wax (petroleum), carbon-treated; Slack wax</t>
  </si>
  <si>
    <t>(A complex combination of hydrocarbons obtained by treatment of petroleum slack wax with activated charcoal for the removal of trace polar constituents and impurities.)</t>
  </si>
  <si>
    <t>649-253-00-4</t>
  </si>
  <si>
    <t>309-723-9</t>
  </si>
  <si>
    <t>100684-49-9</t>
  </si>
  <si>
    <t>Petrolatum; Petrolatum</t>
  </si>
  <si>
    <t>649-254-00-X</t>
  </si>
  <si>
    <t>232-373-2</t>
  </si>
  <si>
    <t>Petrolatum (petroleum), oxidised; Petrolatum</t>
  </si>
  <si>
    <t>(A complex combination of organic compounds, predominantly high molecular weight carboxylic acids, obtained by the air oxidation of petrolatum.)</t>
  </si>
  <si>
    <t>649-255-00-5</t>
  </si>
  <si>
    <t>265-206-7</t>
  </si>
  <si>
    <t>64743-01-7</t>
  </si>
  <si>
    <t>Petrolatum (petroleum), alumina-treated; Petrolatum</t>
  </si>
  <si>
    <t>649-256-00-0</t>
  </si>
  <si>
    <t>285-098-5</t>
  </si>
  <si>
    <t>85029-74-9</t>
  </si>
  <si>
    <t>Petrolatum (petroleum), hydrotreated; Petrolatum</t>
  </si>
  <si>
    <t>649-257-00-6</t>
  </si>
  <si>
    <t>295-459-9</t>
  </si>
  <si>
    <t>92045-77-7</t>
  </si>
  <si>
    <t>Petrolatum (petroleum), carbon-treated; Petrolatum</t>
  </si>
  <si>
    <t>649-258-00-1</t>
  </si>
  <si>
    <t>308-149-6</t>
  </si>
  <si>
    <t>97862-97-0</t>
  </si>
  <si>
    <t>Petrolatum (petroleum), silicic acid-treated; Petrolatum</t>
  </si>
  <si>
    <t>649-259-00-7</t>
  </si>
  <si>
    <t>308-150-1</t>
  </si>
  <si>
    <t>97862-98-1</t>
  </si>
  <si>
    <t>Petrolatum (petroleum), clay-treated; Petrolatum</t>
  </si>
  <si>
    <t>649-260-00-2</t>
  </si>
  <si>
    <t>309-706-6</t>
  </si>
  <si>
    <t>100684-33-1</t>
  </si>
  <si>
    <t>Gasoline, natural; Low boiling point naphtha</t>
  </si>
  <si>
    <t>649-261-00-8</t>
  </si>
  <si>
    <t>232-349-1</t>
  </si>
  <si>
    <t>8006-61-9</t>
  </si>
  <si>
    <t>Naphtha; Low boiling point naphtha</t>
  </si>
  <si>
    <t>649-262-00-3</t>
  </si>
  <si>
    <t>232-443-2</t>
  </si>
  <si>
    <t>8030-30-6</t>
  </si>
  <si>
    <t>Ligroine; Low boiling point naphtha</t>
  </si>
  <si>
    <t>649-263-00-9</t>
  </si>
  <si>
    <t>232-453-7</t>
  </si>
  <si>
    <t>8032-32-4</t>
  </si>
  <si>
    <t>Naphtha (petroleum), heavy straight-run; Low boiling point naphtha</t>
  </si>
  <si>
    <t>649-264-00-4</t>
  </si>
  <si>
    <t>265-041-0</t>
  </si>
  <si>
    <t>64741-41-9</t>
  </si>
  <si>
    <t>Naphtha (petroleum), full-range straight-run; Low boiling point naphtha</t>
  </si>
  <si>
    <t>649-265-00-X</t>
  </si>
  <si>
    <t>265-042-6</t>
  </si>
  <si>
    <t>64741-42-0</t>
  </si>
  <si>
    <t>Naphtha (petroleum), light straight-run; Low boiling point naphtha</t>
  </si>
  <si>
    <t>649-266-00-5</t>
  </si>
  <si>
    <t>265-046-8</t>
  </si>
  <si>
    <t>64741-46-4</t>
  </si>
  <si>
    <t>Solvent naphtha (petroleum), light aliph.; Low boiling point naphtha</t>
  </si>
  <si>
    <t>649-267-00-0</t>
  </si>
  <si>
    <t>265-192-2</t>
  </si>
  <si>
    <t>64742-89-8</t>
  </si>
  <si>
    <t>Distillates (petroleum), straight-run light; Low boiling point naphtha</t>
  </si>
  <si>
    <t>649-268-00-6</t>
  </si>
  <si>
    <t>270-077-5</t>
  </si>
  <si>
    <t>68410-05-9</t>
  </si>
  <si>
    <t>Gasoline, vapour-recovery; Low boiling point naphtha</t>
  </si>
  <si>
    <t>649-269-00-1</t>
  </si>
  <si>
    <t>271-025-4</t>
  </si>
  <si>
    <t>68514-15-8</t>
  </si>
  <si>
    <t>Gasoline, straight-run, topping-plant; Low boiling point naphtha</t>
  </si>
  <si>
    <t>649-270-00-7</t>
  </si>
  <si>
    <t>271-727-0</t>
  </si>
  <si>
    <t>68606-11-1</t>
  </si>
  <si>
    <t>Naphtha (petroleum), unsweetened; Low boiling point naphtha</t>
  </si>
  <si>
    <t>649-271-00-2</t>
  </si>
  <si>
    <t>272-186-3</t>
  </si>
  <si>
    <t>68783-12-0</t>
  </si>
  <si>
    <t>Distillates (petroleum), light straight-run gasoline fractionation stabiliser overheads; Low boiling point naphtha</t>
  </si>
  <si>
    <t>649-272-00-8</t>
  </si>
  <si>
    <t>272-931-2</t>
  </si>
  <si>
    <t>68921-08-4</t>
  </si>
  <si>
    <t>Naphtha (petroleum), heavy straight run, arom.-contg.; Low boiling point naphtha</t>
  </si>
  <si>
    <t>649-273-00-3</t>
  </si>
  <si>
    <t>309-945-6</t>
  </si>
  <si>
    <t>101631-20-3</t>
  </si>
  <si>
    <t>Naphtha (petroleum), full-range alkylate; Low boiling point modified naphtha</t>
  </si>
  <si>
    <t>649-274-00-9</t>
  </si>
  <si>
    <t>265-066-7</t>
  </si>
  <si>
    <t>64741-64-6</t>
  </si>
  <si>
    <t>Naphtha (petroleum), heavy alkylate; Low boiling point modified naphtha</t>
  </si>
  <si>
    <t>649-275-00-4</t>
  </si>
  <si>
    <t>265-067-2</t>
  </si>
  <si>
    <t>64741-65-7</t>
  </si>
  <si>
    <t>Naphtha (petroleum), light alkylate; Low boiling point modified naphtha</t>
  </si>
  <si>
    <t>649-276-00-X</t>
  </si>
  <si>
    <t>265-068-8</t>
  </si>
  <si>
    <t>64741-66-8</t>
  </si>
  <si>
    <t>Naphtha (petroleum), isomerisation; Low boiling point modified naphtha</t>
  </si>
  <si>
    <t>649-277-00-5</t>
  </si>
  <si>
    <t>265-073-5</t>
  </si>
  <si>
    <t>64741-70-4</t>
  </si>
  <si>
    <t>Naphtha (petroleum), solvent-refined light; Low boiling point modified naphtha</t>
  </si>
  <si>
    <t>649-278-00-0</t>
  </si>
  <si>
    <t>265-086-6</t>
  </si>
  <si>
    <t>64741-84-0</t>
  </si>
  <si>
    <t>Naphtha (petroleum), solvent-refined heavy; Low boiling point modified naphtha</t>
  </si>
  <si>
    <t>649-279-00-6</t>
  </si>
  <si>
    <t>265-095-5</t>
  </si>
  <si>
    <t>64741-92-0</t>
  </si>
  <si>
    <t>Raffinates (petroleum), catalytic reformer ethylene glycol-water countercurrent extracts; Low boiling point modified naphtha</t>
  </si>
  <si>
    <t>649-280-00-1</t>
  </si>
  <si>
    <t>270-088-5</t>
  </si>
  <si>
    <t>68410-71-9</t>
  </si>
  <si>
    <t>Raffinates (petroleum), reformer, Lurgi unit-separated; Low boiling point modified naphtha</t>
  </si>
  <si>
    <t>649-281-00-7</t>
  </si>
  <si>
    <t>270-349-3</t>
  </si>
  <si>
    <t>68425-35-4</t>
  </si>
  <si>
    <t>Naphtha (petroleum), full-range alkylate, butane-contg.; Low boiling point modified naphtha</t>
  </si>
  <si>
    <t>649-282-00-2</t>
  </si>
  <si>
    <t>271-267-0</t>
  </si>
  <si>
    <t>68527-27-5</t>
  </si>
  <si>
    <t>Distillates (petroleum), naphtha steam cracking-derived, solvent-refined light hydrotreated; Low boiling point modified naphtha</t>
  </si>
  <si>
    <t>(A complex combination of hydrocarbons obtained as the raffinates from a solvent extraction process of hydrotreated light distillate from steam-cracked naphtha.)</t>
  </si>
  <si>
    <t>649-283-00-8</t>
  </si>
  <si>
    <t>295-315-5</t>
  </si>
  <si>
    <t>91995-53-8</t>
  </si>
  <si>
    <t>649-284-00-3</t>
  </si>
  <si>
    <t>295-430-0</t>
  </si>
  <si>
    <t>92045-49-3</t>
  </si>
  <si>
    <t>Hydrocarbons, hydrotreated light naphtha distillates, solvent-refined; Low boiling point modified naphtha</t>
  </si>
  <si>
    <t>649-285-00-9</t>
  </si>
  <si>
    <t>295-436-3</t>
  </si>
  <si>
    <t>92045-55-1</t>
  </si>
  <si>
    <t>649-286-00-4</t>
  </si>
  <si>
    <t>295-440-5</t>
  </si>
  <si>
    <t>92045-58-4</t>
  </si>
  <si>
    <t>649-287-00-X</t>
  </si>
  <si>
    <t>295-446-8</t>
  </si>
  <si>
    <t>92045-64-2</t>
  </si>
  <si>
    <t>649-288-00-5</t>
  </si>
  <si>
    <t>309-871-4</t>
  </si>
  <si>
    <t>101316-67-0</t>
  </si>
  <si>
    <t>Naphtha (petroleum), heavy catalytic cracked; Low boiling point cat-cracked naphtha</t>
  </si>
  <si>
    <t>649-289-00-0</t>
  </si>
  <si>
    <t>265-055-7</t>
  </si>
  <si>
    <t>64741-54-4</t>
  </si>
  <si>
    <t>Naphtha (petroleum), light catalytic cracked; Low boiling point cat-cracked naphtha</t>
  </si>
  <si>
    <t>649-290-00-6</t>
  </si>
  <si>
    <t>265-056-2</t>
  </si>
  <si>
    <t>64741-55-5</t>
  </si>
  <si>
    <t>649-291-00-1</t>
  </si>
  <si>
    <t>270-686-6</t>
  </si>
  <si>
    <t>68476-46-0</t>
  </si>
  <si>
    <t>Naphtha (petroleum), catalytic cracked light distilled; Low boiling point cat-cracked naphtha</t>
  </si>
  <si>
    <t>649-292-00-7</t>
  </si>
  <si>
    <t>272-185-8</t>
  </si>
  <si>
    <t>68783-09-5</t>
  </si>
  <si>
    <t>Distillates (petroleum), naphtha steam cracking-derived, hydrotreated light arom.; Low boiling point cat-cracked naphtha</t>
  </si>
  <si>
    <t>(A complex combination of hydrocarbons obtained by treating a light distillate from steam-cracked naphtha. It consists predominantly of aromatic hydrocarbons.)</t>
  </si>
  <si>
    <t>649-293-00-2</t>
  </si>
  <si>
    <t>295-311-3</t>
  </si>
  <si>
    <t>91995-50-5</t>
  </si>
  <si>
    <t>Naphtha (petroleum), heavy catalytic cracked, sweetened; Low boiling point cat-cracked naphtha</t>
  </si>
  <si>
    <t>649-294-00-8</t>
  </si>
  <si>
    <t>295-431-6</t>
  </si>
  <si>
    <t>92045-50-6</t>
  </si>
  <si>
    <t>Naphtha (petroleum), light catalytic cracked sweetened; Low boiling point cat-cracked naphtha</t>
  </si>
  <si>
    <t>649-295-00-3</t>
  </si>
  <si>
    <t>295-441-0</t>
  </si>
  <si>
    <t>92045-59-5</t>
  </si>
  <si>
    <t>649-296-00-9</t>
  </si>
  <si>
    <t>295-794-0</t>
  </si>
  <si>
    <t>92128-94-4</t>
  </si>
  <si>
    <t>649-297-00-4</t>
  </si>
  <si>
    <t>309-974-4</t>
  </si>
  <si>
    <t>101794-97-2</t>
  </si>
  <si>
    <t>649-298-00-X</t>
  </si>
  <si>
    <t>309-987-5</t>
  </si>
  <si>
    <t>101896-28-0</t>
  </si>
  <si>
    <t>Naphtha (petroleum), light catalytic reformed; Low boiling point cat-reformed naphtha</t>
  </si>
  <si>
    <t>649-299-00-5</t>
  </si>
  <si>
    <t>265-065-1</t>
  </si>
  <si>
    <t>64741-63-5</t>
  </si>
  <si>
    <t>Naphtha (petroleum), heavy catalytic reformed; Low boiling point cat-reformed naphtha</t>
  </si>
  <si>
    <t>649-300-00-9</t>
  </si>
  <si>
    <t>265-070-9</t>
  </si>
  <si>
    <t>64741-68-0</t>
  </si>
  <si>
    <t>Distillates (petroleum), catalytic reformed depentaniser; Low boiling point cat-reformed naphtha</t>
  </si>
  <si>
    <t>649-301-00-4</t>
  </si>
  <si>
    <t>270-660-4</t>
  </si>
  <si>
    <t>68475-79-6</t>
  </si>
  <si>
    <t>649-302-00-X</t>
  </si>
  <si>
    <t>270-687-1</t>
  </si>
  <si>
    <t>68476-47-1</t>
  </si>
  <si>
    <t>649-303-00-5</t>
  </si>
  <si>
    <t>270-794-3</t>
  </si>
  <si>
    <t>68478-15-9</t>
  </si>
  <si>
    <t>Naphtha (petroleum), light catalytic reformed, arom.-free; Low boiling point cat-reformed naphtha</t>
  </si>
  <si>
    <t>649-304-00-0</t>
  </si>
  <si>
    <t>270-993-5</t>
  </si>
  <si>
    <t>68513-03-1</t>
  </si>
  <si>
    <t>Distillates (petroleum), catalytic reformed straight-run naphtha overheads; Low boiling point cat-reformed naphtha</t>
  </si>
  <si>
    <t>649-305-00-6</t>
  </si>
  <si>
    <t>271-008-1</t>
  </si>
  <si>
    <t>68513-63-3</t>
  </si>
  <si>
    <t>Petroleum products, hydrofiner-powerformer reformates; Low boiling point cat-reformed naphtha</t>
  </si>
  <si>
    <t>649-306-00-1</t>
  </si>
  <si>
    <t>271-058-4</t>
  </si>
  <si>
    <t>68514-79-4</t>
  </si>
  <si>
    <t>Naphtha (petroleum, full-range reformed; Low boiling point cat-reformed naphtha</t>
  </si>
  <si>
    <t>649-307-00-7</t>
  </si>
  <si>
    <t>272-895-8</t>
  </si>
  <si>
    <t>68919-37-9</t>
  </si>
  <si>
    <t>Naphtha (petroleum), catalytic reformed; Low boiling point cat-reformed naphtha</t>
  </si>
  <si>
    <t>649-308-00-2</t>
  </si>
  <si>
    <t>273-271-8</t>
  </si>
  <si>
    <t>68955-35-1</t>
  </si>
  <si>
    <t>649-309-00-8</t>
  </si>
  <si>
    <t>285-509-8</t>
  </si>
  <si>
    <t>85116-58-1</t>
  </si>
  <si>
    <t>649-310-00-3</t>
  </si>
  <si>
    <t>295-279-0</t>
  </si>
  <si>
    <t>91995-18-5</t>
  </si>
  <si>
    <t>649-311-00-9</t>
  </si>
  <si>
    <t>297-401-8</t>
  </si>
  <si>
    <t>93571-75-6</t>
  </si>
  <si>
    <t>649-312-00-4</t>
  </si>
  <si>
    <t>297-458-9</t>
  </si>
  <si>
    <t>93572-29-3</t>
  </si>
  <si>
    <t>649-313-00-X</t>
  </si>
  <si>
    <t>297-465-7</t>
  </si>
  <si>
    <t>93572-35-1</t>
  </si>
  <si>
    <t>649-314-00-5</t>
  </si>
  <si>
    <t>297-466-2</t>
  </si>
  <si>
    <t>93572-36-2</t>
  </si>
  <si>
    <t>Foots oil (petroleum), silicic acid-treated; Foots oil</t>
  </si>
  <si>
    <t>649-315-00-0</t>
  </si>
  <si>
    <t>308-127-6</t>
  </si>
  <si>
    <t>97862-77-6</t>
  </si>
  <si>
    <t>Naphtha (petroleum), light thermal cracked; Low boiling point thermally cracked naphtha</t>
  </si>
  <si>
    <t>649-316-00-6</t>
  </si>
  <si>
    <t>265-075-6</t>
  </si>
  <si>
    <t>64741-74-8</t>
  </si>
  <si>
    <t>Naphtha (petroleum), heavy thermal cracked; Low boiling point thermally cracked naphtha</t>
  </si>
  <si>
    <t>649-317-00-1</t>
  </si>
  <si>
    <t>265-085-0</t>
  </si>
  <si>
    <t>64741-83-9</t>
  </si>
  <si>
    <t>Distillates (petroleum), heavy aromatic; Low boiling point thermally cracked naphtha</t>
  </si>
  <si>
    <t>649-318-00-7</t>
  </si>
  <si>
    <t>267-563-4</t>
  </si>
  <si>
    <t>67891-79-6</t>
  </si>
  <si>
    <t>Distillates (petroleum), light aromatic; Low boiling point thermally cracked naphtha</t>
  </si>
  <si>
    <t>649-319-00-2</t>
  </si>
  <si>
    <t>267-565-5</t>
  </si>
  <si>
    <t>67891-80-9</t>
  </si>
  <si>
    <t>Distillates (petroleum), naphtha-raffinate pyrolyzate-derived, gasoline-blending; Low boiling point thermally cracked naphtha</t>
  </si>
  <si>
    <t>649-320-00-8</t>
  </si>
  <si>
    <t>270-344-6</t>
  </si>
  <si>
    <t>68425-29-6</t>
  </si>
  <si>
    <t>649-321-00-3</t>
  </si>
  <si>
    <t>270-658-3</t>
  </si>
  <si>
    <t>68475-70-7</t>
  </si>
  <si>
    <t>Distillates (petroleum), thermal cracked naphtha and gas oil; Low boiling point thermally cracked naphtha</t>
  </si>
  <si>
    <t>649-322-00-9</t>
  </si>
  <si>
    <t>271-631-9</t>
  </si>
  <si>
    <t>68603-00-9</t>
  </si>
  <si>
    <t>649-323-00-4</t>
  </si>
  <si>
    <t>271-632-4</t>
  </si>
  <si>
    <t>68603-01-0</t>
  </si>
  <si>
    <t>Distillates (petroleum), thermal cracked naphtha and gas oil, extractive; Low boiling point thermally cracked naphtha</t>
  </si>
  <si>
    <t>649-324-00-X</t>
  </si>
  <si>
    <t>271-634-5</t>
  </si>
  <si>
    <t>68603-03-2</t>
  </si>
  <si>
    <t>Distillates (petroleum), light thermal cracked, debutanised aromatic; Low boiling point thermally cracked naphtha</t>
  </si>
  <si>
    <t>(A complex combination of hydrocarbons produced by the distillation of products from a thermal cracking process. It consists predominantly of aromatic hydrocarbons, primarily benzene.)</t>
  </si>
  <si>
    <t>649-325-00-5</t>
  </si>
  <si>
    <t>273-266-0</t>
  </si>
  <si>
    <t>68955-29-3</t>
  </si>
  <si>
    <t>Naphtha (petroleum), light thermal cracked, sweetened; Low boiling point thermally cracked naphtha</t>
  </si>
  <si>
    <t>649-326-00-0</t>
  </si>
  <si>
    <t>295-447-3</t>
  </si>
  <si>
    <t>92045-65-3</t>
  </si>
  <si>
    <t>Naphtha (petroleum), hydrotreated heavy; Low boiling point hydrogen treated naphtha</t>
  </si>
  <si>
    <t>649-327-00-6</t>
  </si>
  <si>
    <t>265-150-3</t>
  </si>
  <si>
    <t>64742-48-9</t>
  </si>
  <si>
    <t>Naphtha (petroleum), hydrotreated light; Low boiling point hydrogen treated naphtha</t>
  </si>
  <si>
    <t>649-328-00-1</t>
  </si>
  <si>
    <t>265-151-9</t>
  </si>
  <si>
    <t>64742-49-0</t>
  </si>
  <si>
    <t>Naphtha (petroleum), hydrodesulphurised light; Low boiling point hydrogen treated naphtha</t>
  </si>
  <si>
    <t>649-329-00-7</t>
  </si>
  <si>
    <t>265-178-6</t>
  </si>
  <si>
    <t>64742-73-0</t>
  </si>
  <si>
    <t>Naphtha (petroleum), hydrodesulphurised heavy; Low boiling point hydrogen treated naphtha</t>
  </si>
  <si>
    <t>649-330-00-2</t>
  </si>
  <si>
    <t>265-185-4</t>
  </si>
  <si>
    <t>64742-82-1</t>
  </si>
  <si>
    <t>Distillates (petroleum), hydrotreated middle, intermediate boiling; Low boiling point hydrogen treated naphtha</t>
  </si>
  <si>
    <t>649-331-00-8</t>
  </si>
  <si>
    <t>270-092-7</t>
  </si>
  <si>
    <t>68410-96-8</t>
  </si>
  <si>
    <t>Distillates (petroleum), light distillate hydrotreating process, low-boiling; Low boiling point hydrogen treated naphtha</t>
  </si>
  <si>
    <t>649-332-00-3</t>
  </si>
  <si>
    <t>270-093-2</t>
  </si>
  <si>
    <t>68410-97-9</t>
  </si>
  <si>
    <t>Distillates (petroleum), hydrotreated heavy naphtha, deisohexaniser overheads; Low boiling point hydrogen treated naphtha</t>
  </si>
  <si>
    <t>649-333-00-9</t>
  </si>
  <si>
    <t>270-094-8</t>
  </si>
  <si>
    <t>68410-98-0</t>
  </si>
  <si>
    <t>Solvent naphtha (petroleum), light arom., hydrotreated; Low boiling point hydrogen treated naphtha</t>
  </si>
  <si>
    <t>649-334-00-4</t>
  </si>
  <si>
    <t>270-988-8</t>
  </si>
  <si>
    <t>68512-78-7</t>
  </si>
  <si>
    <t>Naphtha (petroleum), hydrodesulphurised thermal cracked light; Low boiling point hydrogen treated naphtha</t>
  </si>
  <si>
    <t>649-335-00-X</t>
  </si>
  <si>
    <t>285-511-9</t>
  </si>
  <si>
    <t>85116-60-5</t>
  </si>
  <si>
    <t>Naphtha (petroleum), hydrotreated light, cycloalkane-contg.; Low boiling point hydrogen treated naphtha</t>
  </si>
  <si>
    <t>649-336-00-5</t>
  </si>
  <si>
    <t>285-512-4</t>
  </si>
  <si>
    <t>85116-61-6</t>
  </si>
  <si>
    <t>Naphtha (petroleum), heavy steam-cracked, hydrogenated; Low boiling point hydrogen treated naphtha</t>
  </si>
  <si>
    <t>649-337-00-0</t>
  </si>
  <si>
    <t>295-432-1</t>
  </si>
  <si>
    <t>92045-51-7</t>
  </si>
  <si>
    <t>Naphtha (petroleum), hydrodesulphurised full-range; Low boiling point hydrogen treated naphtha</t>
  </si>
  <si>
    <t>649-338-00-6</t>
  </si>
  <si>
    <t>295-433-7</t>
  </si>
  <si>
    <t>92045-52-8</t>
  </si>
  <si>
    <t>Naphtha (petroleum), hydrotreated light steam-cracked; Low boiling point hydrogen treated naphtha</t>
  </si>
  <si>
    <t>649-339-00-1</t>
  </si>
  <si>
    <t>295-438-4</t>
  </si>
  <si>
    <t>92045-57-3</t>
  </si>
  <si>
    <t>649-340-00-7</t>
  </si>
  <si>
    <t>295-443-1</t>
  </si>
  <si>
    <t>92045-61-9</t>
  </si>
  <si>
    <t>Solvent naphtha (petroleum), hydrotreated light naphthenic; Low boiling point hydrogen treated naphtha</t>
  </si>
  <si>
    <t>649-341-00-2</t>
  </si>
  <si>
    <t>295-529-9</t>
  </si>
  <si>
    <t>92062-15-2</t>
  </si>
  <si>
    <t>Naphtha (petroleum), light steam-cracked, hydrogenated; Low boiling point hydrogen treated naphtha</t>
  </si>
  <si>
    <t>649-342-00-8</t>
  </si>
  <si>
    <t>296-942-7</t>
  </si>
  <si>
    <t>93165-55-0</t>
  </si>
  <si>
    <t>(A complex combination of hydrocarbons obtained as solvents which have been subjected to hydrotreatment in order to convert aromatics to naphthenes by catalytic hydrogenation.)</t>
  </si>
  <si>
    <t>649-343-00-3</t>
  </si>
  <si>
    <t>297-852-0</t>
  </si>
  <si>
    <t>93763-33-8</t>
  </si>
  <si>
    <t>649-344-00-9</t>
  </si>
  <si>
    <t>297-853-6</t>
  </si>
  <si>
    <t>93763-34-9</t>
  </si>
  <si>
    <t>Stoddard solvent; Low boiling point naphtha — unspecified</t>
  </si>
  <si>
    <t>649-345-00-4</t>
  </si>
  <si>
    <t>232-489-3</t>
  </si>
  <si>
    <t>8052-41-3</t>
  </si>
  <si>
    <t>Natural gas condensates (petroleum); Low boiling point naphtha — unspecified</t>
  </si>
  <si>
    <t>649-346-00-X</t>
  </si>
  <si>
    <t>265-047-3</t>
  </si>
  <si>
    <t>64741-47-5</t>
  </si>
  <si>
    <t>Natural gas (petroleum), raw liquid mix; Low boiling point naphtha — unspecified</t>
  </si>
  <si>
    <t>649-347-00-5</t>
  </si>
  <si>
    <t>265-048-9</t>
  </si>
  <si>
    <t>64741-48-6</t>
  </si>
  <si>
    <t>Naphtha (petroleum), light hydrocracked; Low boiling point naphtha — unspecified</t>
  </si>
  <si>
    <t>649-348-00-0</t>
  </si>
  <si>
    <t>265-071-4</t>
  </si>
  <si>
    <t>64741-69-1</t>
  </si>
  <si>
    <t>Naphtha (petroleum) heavy hydrocracked; Low boiling point naphtha — unspecified</t>
  </si>
  <si>
    <t>649-349-00-6</t>
  </si>
  <si>
    <t>265-079-8</t>
  </si>
  <si>
    <t>64741-78-2</t>
  </si>
  <si>
    <t>Naphtha (petroleum), sweetened; Low boiling point naphtha — unspecified</t>
  </si>
  <si>
    <t>649-350-00-1</t>
  </si>
  <si>
    <t>265-089-2</t>
  </si>
  <si>
    <t>64741-87-3</t>
  </si>
  <si>
    <t>Naphtha (petroleum), acid-treated; Low boiling point naphtha — unspecified</t>
  </si>
  <si>
    <t>649-351-00-7</t>
  </si>
  <si>
    <t>265-115-2</t>
  </si>
  <si>
    <t>64742-15-0</t>
  </si>
  <si>
    <t>Naphtha (petroleum), chemically neutralised heavy; Low boiling point naphtha — unspecified</t>
  </si>
  <si>
    <t>649-352-00-2</t>
  </si>
  <si>
    <t>265-122-0</t>
  </si>
  <si>
    <t>64742-22-9</t>
  </si>
  <si>
    <t>Naphtha (petroleum), chemically neutralised light; Low boiling point naphtha — unspecified</t>
  </si>
  <si>
    <t>649-353-00-8</t>
  </si>
  <si>
    <t>265-123-6</t>
  </si>
  <si>
    <t>64742-23-0</t>
  </si>
  <si>
    <t>Naphtha (petroleum), catalytic dewaxed; Low boiling point naphtha — unspecified</t>
  </si>
  <si>
    <t>649-354-00-3</t>
  </si>
  <si>
    <t>265-170-2</t>
  </si>
  <si>
    <t>64742-66-1</t>
  </si>
  <si>
    <t>Naphtha (petroleum), light steam-cracked; Low boiling point naphtha — unspecified</t>
  </si>
  <si>
    <t>649-355-00-9</t>
  </si>
  <si>
    <t>265-187-5</t>
  </si>
  <si>
    <t>64742-83-2</t>
  </si>
  <si>
    <t>Solvent naphtha (petroleum), light aromatic; Low boiling point naphtha — unspecified</t>
  </si>
  <si>
    <t>649-356-00-4</t>
  </si>
  <si>
    <t>265-199-0</t>
  </si>
  <si>
    <t>64742-95-6</t>
  </si>
  <si>
    <t>649-357-00-X</t>
  </si>
  <si>
    <t>268-618-5</t>
  </si>
  <si>
    <t>68131-49-7</t>
  </si>
  <si>
    <t>649-358-00-5</t>
  </si>
  <si>
    <t>270-725-7</t>
  </si>
  <si>
    <t>68477-34-9</t>
  </si>
  <si>
    <t>649-359-00-0</t>
  </si>
  <si>
    <t>270-735-1</t>
  </si>
  <si>
    <t>68477-50-9</t>
  </si>
  <si>
    <t>649-360-00-6</t>
  </si>
  <si>
    <t>270-736-7</t>
  </si>
  <si>
    <t>68477-53-2</t>
  </si>
  <si>
    <t>649-361-00-1</t>
  </si>
  <si>
    <t>270-738-8</t>
  </si>
  <si>
    <t>68477-55-4</t>
  </si>
  <si>
    <t>649-362-00-7</t>
  </si>
  <si>
    <t>270-741-4</t>
  </si>
  <si>
    <t>68477-61-2</t>
  </si>
  <si>
    <t>Distillates (petroleum), depentaniser overheads; Low boiling point naphtha — unspecified</t>
  </si>
  <si>
    <t>649-363-00-2</t>
  </si>
  <si>
    <t>270-771-8</t>
  </si>
  <si>
    <t>68477-894-4</t>
  </si>
  <si>
    <t>Residues (petroleum), butane splitter bottoms; Low boiling point naphtha — unspecified</t>
  </si>
  <si>
    <t>649-364-00-8</t>
  </si>
  <si>
    <t>270-791-7</t>
  </si>
  <si>
    <t>68478-12-6</t>
  </si>
  <si>
    <t>Residual oils (petroleum), deisobutaniser tower; Low boiling point naphtha — unspecified</t>
  </si>
  <si>
    <t>649-365-00-3</t>
  </si>
  <si>
    <t>270-795-9</t>
  </si>
  <si>
    <t>68478-16-0</t>
  </si>
  <si>
    <t>Naphtha (petroleum), full-range coker; Low boiling point naphtha — unspecified</t>
  </si>
  <si>
    <t>649-366-00-9</t>
  </si>
  <si>
    <t>270-991-4</t>
  </si>
  <si>
    <t>68513-02-0</t>
  </si>
  <si>
    <t>Naphtha (petroleum), steam-cracked middle aromatic; Low boiling point naphtha — unspecified</t>
  </si>
  <si>
    <t>649-367-00-4</t>
  </si>
  <si>
    <t>271-138-9</t>
  </si>
  <si>
    <t>68516-20-1</t>
  </si>
  <si>
    <t>Naphtha (petroleum), clay-treated full-range straight-run; Low boiling point naphtha — unspecified</t>
  </si>
  <si>
    <t>649-368-00-X</t>
  </si>
  <si>
    <t>271-262-3</t>
  </si>
  <si>
    <t>68527-21-9</t>
  </si>
  <si>
    <t>Naphtha (petroleum), clay-treated light straight-run; Low boiling point naphtha — unspecified</t>
  </si>
  <si>
    <t>649-369-00-5</t>
  </si>
  <si>
    <t>271-263-9</t>
  </si>
  <si>
    <t>68527-22-0</t>
  </si>
  <si>
    <t>Naphtha (petroleum), light steam-cracked arom.; Low boiling point naphtha — unspecified</t>
  </si>
  <si>
    <t>649-370-00-0</t>
  </si>
  <si>
    <t>271-264-4</t>
  </si>
  <si>
    <t>68527-23-1</t>
  </si>
  <si>
    <t>Naphtha (petroleum), light steam-cracked, debenzenised; Low boiling point naphtha — unspecified</t>
  </si>
  <si>
    <t>649-371-00-6</t>
  </si>
  <si>
    <t>271-266-5</t>
  </si>
  <si>
    <t>68527-26-4</t>
  </si>
  <si>
    <t>Naphtha (petroleum), aromatic-containing; Low boiling point naphtha — unspecified</t>
  </si>
  <si>
    <t>649-372-00-1</t>
  </si>
  <si>
    <t>271-635-0</t>
  </si>
  <si>
    <t>68603-08-7</t>
  </si>
  <si>
    <t>Gasoline, pyrolysis, debutaniser bottoms; low boiling point naphtha — unspecified</t>
  </si>
  <si>
    <t>649-373-00-7</t>
  </si>
  <si>
    <t>271-726-5</t>
  </si>
  <si>
    <t>68606-10-0</t>
  </si>
  <si>
    <t>Naphtha (petroleum), light, sweetened; Low boiling point naphtha — unspecified</t>
  </si>
  <si>
    <t>649-374-00-2</t>
  </si>
  <si>
    <t>272-206-0</t>
  </si>
  <si>
    <t>68783-66-4</t>
  </si>
  <si>
    <t>Natural gas condensates; Low boiling point naphtha — unspecified</t>
  </si>
  <si>
    <t>649-375-00-8</t>
  </si>
  <si>
    <t>272-896-3</t>
  </si>
  <si>
    <t>68919-39-1</t>
  </si>
  <si>
    <t>Distillates (petroleum), naphtha unifiner stripper; Low boiling point naphtha — unspecified</t>
  </si>
  <si>
    <t>649-376-00-3</t>
  </si>
  <si>
    <t>272-932-8</t>
  </si>
  <si>
    <t>68921-09-5</t>
  </si>
  <si>
    <t>Naphtha (petroleum), catalytic reformed light, aromatic-free fraction; Low boiling point naphtha — unspecified</t>
  </si>
  <si>
    <t>649-377-00-9</t>
  </si>
  <si>
    <t>285-510-3</t>
  </si>
  <si>
    <t>85116-59-2</t>
  </si>
  <si>
    <t>Gasoline; Low boiling point naphtha — unspecified</t>
  </si>
  <si>
    <t>649-378-00-4</t>
  </si>
  <si>
    <t>289-220-8</t>
  </si>
  <si>
    <t>86290-81-5</t>
  </si>
  <si>
    <t>649-379-00-X</t>
  </si>
  <si>
    <t>292-698-0</t>
  </si>
  <si>
    <t>90989-42-7</t>
  </si>
  <si>
    <t>649-380-00-5</t>
  </si>
  <si>
    <t>295-298-4</t>
  </si>
  <si>
    <t>91995-38-9</t>
  </si>
  <si>
    <t>649-381-00-0</t>
  </si>
  <si>
    <t>295-302-4</t>
  </si>
  <si>
    <t>91995-41-4</t>
  </si>
  <si>
    <t>Extracts (petroleum), catalytic reformed light naphtha solvent; low boiling point naphtha — unspecified</t>
  </si>
  <si>
    <t>649-382-00-6</t>
  </si>
  <si>
    <t>295-331-2</t>
  </si>
  <si>
    <t>91995-68-5</t>
  </si>
  <si>
    <t>Naphtha (petroleum), hydrodesulphurised light, dearomatised; low boiling point naphtha — unspecified</t>
  </si>
  <si>
    <t>649-383-00-1</t>
  </si>
  <si>
    <t>295-434-2</t>
  </si>
  <si>
    <t>92045-53-9</t>
  </si>
  <si>
    <t>649-384-00-7</t>
  </si>
  <si>
    <t>295-442-6</t>
  </si>
  <si>
    <t>92045-60-8</t>
  </si>
  <si>
    <t>649-385-00-2</t>
  </si>
  <si>
    <t>295-444-7</t>
  </si>
  <si>
    <t>92045-62-0</t>
  </si>
  <si>
    <t>649-386-00-8</t>
  </si>
  <si>
    <t>295-445-2</t>
  </si>
  <si>
    <t>92045-63-1</t>
  </si>
  <si>
    <t>Naphtha (petroleum), light heat-soaked, steam-cracked; low boiling point naphtha — unspecified</t>
  </si>
  <si>
    <t>649-387-00-3</t>
  </si>
  <si>
    <t>296-028-8</t>
  </si>
  <si>
    <t>92201-97-3</t>
  </si>
  <si>
    <t>649-388-00-9</t>
  </si>
  <si>
    <t>296-903-4</t>
  </si>
  <si>
    <t>93165-19-6</t>
  </si>
  <si>
    <t>Gasoline, pyrolysis, hydrogenated; low boiling point naphtha — unspecified</t>
  </si>
  <si>
    <t>649-389-00-4</t>
  </si>
  <si>
    <t>302-639-3</t>
  </si>
  <si>
    <t>94114-03-1</t>
  </si>
  <si>
    <t>649-390-00-X</t>
  </si>
  <si>
    <t>305-750-5</t>
  </si>
  <si>
    <t>95009-23-7</t>
  </si>
  <si>
    <t>Extracts (petroleum); heavy naphtha solvent, clay-treated; low boiling point naphtha — unspecified</t>
  </si>
  <si>
    <t>649-391-00-5</t>
  </si>
  <si>
    <t>308-261-5</t>
  </si>
  <si>
    <t>97926-43-7</t>
  </si>
  <si>
    <t>Naphtha (petroleum), light steam-cracked, debenzenised, thermally treated; low boiling point naphtha — unspecified</t>
  </si>
  <si>
    <t>649-392-00-0</t>
  </si>
  <si>
    <t>308-713-1</t>
  </si>
  <si>
    <t>98219-46-6</t>
  </si>
  <si>
    <t>Naphtha (petroleum), light steam-cracked, thermally treated; low boiling point naphtha — unspecified</t>
  </si>
  <si>
    <t>649-393-00-6</t>
  </si>
  <si>
    <t>308-714-7</t>
  </si>
  <si>
    <t>98219-47-7</t>
  </si>
  <si>
    <t>649-394-00-1</t>
  </si>
  <si>
    <t>309-862-5</t>
  </si>
  <si>
    <t>101316-56-7</t>
  </si>
  <si>
    <t>649-395-00-7</t>
  </si>
  <si>
    <t>309-870-9</t>
  </si>
  <si>
    <t>101316-66-9</t>
  </si>
  <si>
    <t>Naphtha (petroleum), hydrodesulphurised full-range coker; low boiling point naphtha — unspecified</t>
  </si>
  <si>
    <t>649-396-00-2</t>
  </si>
  <si>
    <t>309-879-8</t>
  </si>
  <si>
    <t>101316-76-1</t>
  </si>
  <si>
    <t>Naphtha (petroleum), sweetened light; low boiling point naphtha — unspecified</t>
  </si>
  <si>
    <t>649-397-00-8</t>
  </si>
  <si>
    <t>309-976-5</t>
  </si>
  <si>
    <t>101795-01-1</t>
  </si>
  <si>
    <t>649-398-00-3</t>
  </si>
  <si>
    <t>310-012-0</t>
  </si>
  <si>
    <t>102110-14-5</t>
  </si>
  <si>
    <t>649-399-00-9</t>
  </si>
  <si>
    <t>310-013-6</t>
  </si>
  <si>
    <t>102110-15-6</t>
  </si>
  <si>
    <t>Residues (petroleum), steam-cracked light, aromatic; low boiling point naphtha — unspecified</t>
  </si>
  <si>
    <t>649-400-00-2</t>
  </si>
  <si>
    <t>310-057-6</t>
  </si>
  <si>
    <t>102110-55-4</t>
  </si>
  <si>
    <t>649-401-00-8</t>
  </si>
  <si>
    <t>270-690-8</t>
  </si>
  <si>
    <t>68476-50-6</t>
  </si>
  <si>
    <t>649-402-00-3</t>
  </si>
  <si>
    <t>270-695-5</t>
  </si>
  <si>
    <t>68476-55-1</t>
  </si>
  <si>
    <t>649-403-00-9</t>
  </si>
  <si>
    <t>292-695-4</t>
  </si>
  <si>
    <t>90989-39-2</t>
  </si>
  <si>
    <t>Distillates (petroleum), light catalytic cracked; Cracked gas oil</t>
  </si>
  <si>
    <t>649-435-00-3</t>
  </si>
  <si>
    <t>265-060-4</t>
  </si>
  <si>
    <t>64741-59-9</t>
  </si>
  <si>
    <t>Distillates (petroleum), intermediate catalytic cracked; Cracked gas oil</t>
  </si>
  <si>
    <t>649-436-00-9</t>
  </si>
  <si>
    <t>265-062-5</t>
  </si>
  <si>
    <t>64741-60-2</t>
  </si>
  <si>
    <t>Distillates (petroleum), light thermal cracked; Cracked gas oil</t>
  </si>
  <si>
    <t>649-438-00-X</t>
  </si>
  <si>
    <t>265-084-5</t>
  </si>
  <si>
    <t>64741-82-8</t>
  </si>
  <si>
    <t>Distillates (petroleum), hydrodesulphurised light catalytic cracked; Cracked gas oil</t>
  </si>
  <si>
    <t>649-439-00-5</t>
  </si>
  <si>
    <t>269-781-5</t>
  </si>
  <si>
    <t>68333-25-5</t>
  </si>
  <si>
    <t>Distillates (petroleum), light steam-cracked naphtha; Cracked gas oil</t>
  </si>
  <si>
    <t>649-440-00-0</t>
  </si>
  <si>
    <t>270-662-5</t>
  </si>
  <si>
    <t>68475-80-9</t>
  </si>
  <si>
    <t>Distillates (petroleum), cracked steam-cracked petroleum distillates; Cracked gas oil</t>
  </si>
  <si>
    <t>649-441-00-6</t>
  </si>
  <si>
    <t>270-727-8</t>
  </si>
  <si>
    <t>68477-38-3</t>
  </si>
  <si>
    <t>Gas oils (petroleum), steam-cracked; Cracked gas oil</t>
  </si>
  <si>
    <t>649-442-00-1</t>
  </si>
  <si>
    <t>271-260-2</t>
  </si>
  <si>
    <t>68527-18-4</t>
  </si>
  <si>
    <t>Distillates (petroleum), hydrodesulphurised thermal cracked middle; Cracked gas oil</t>
  </si>
  <si>
    <t>649-443-00-7</t>
  </si>
  <si>
    <t>285-505-6</t>
  </si>
  <si>
    <t>85116-53-6</t>
  </si>
  <si>
    <t>Gas oils (petroleum), thermal-cracked, hydrodesulphurised; Cracked gas oil</t>
  </si>
  <si>
    <t>649-444-00-2</t>
  </si>
  <si>
    <t>295-411-7</t>
  </si>
  <si>
    <t>92045-29-9</t>
  </si>
  <si>
    <t>Residues (petroleum), hydrogenated steam-cracked naphtha; Cracked gas oil</t>
  </si>
  <si>
    <t>649-445-00-8</t>
  </si>
  <si>
    <t>295-514-7</t>
  </si>
  <si>
    <t>92062-00-5</t>
  </si>
  <si>
    <t>Residues (petroleum), steam-cracked naphtha distillation; Cracked gas oil</t>
  </si>
  <si>
    <t>649-446-00-3</t>
  </si>
  <si>
    <t>295-517-3</t>
  </si>
  <si>
    <t>92062-04-9</t>
  </si>
  <si>
    <t>Distillates (petroleum), light catalytic cracked, thermally degraded; Cracked gas oil</t>
  </si>
  <si>
    <t>649-447-00-9</t>
  </si>
  <si>
    <t>295-991-1</t>
  </si>
  <si>
    <t>92201-60-0</t>
  </si>
  <si>
    <t>Residues (petroleum), steam-cracked, heat-soaked naphtha; Cracked gas oil</t>
  </si>
  <si>
    <t>649-448-00-4</t>
  </si>
  <si>
    <t>297-905-8</t>
  </si>
  <si>
    <t>93763-85-0</t>
  </si>
  <si>
    <t>Gas oils (petroleum), light vacuum, thermal-cracked hydrodesulphurised; Cracked gas oil</t>
  </si>
  <si>
    <t>649-450-00-5</t>
  </si>
  <si>
    <t>308-278-8</t>
  </si>
  <si>
    <t>97926-59-5</t>
  </si>
  <si>
    <t>Distillates (petroleum), hydrodesulphurised middle coker; Cracked gas oil</t>
  </si>
  <si>
    <t>649-451-00-0</t>
  </si>
  <si>
    <t>309-865-1</t>
  </si>
  <si>
    <t>101316-59-0</t>
  </si>
  <si>
    <t>Distillates (petroleum), heavy steam-cracked; Cracked gas oil</t>
  </si>
  <si>
    <t>649-452-00-6</t>
  </si>
  <si>
    <t>309-939-3</t>
  </si>
  <si>
    <t>101631-14-5</t>
  </si>
  <si>
    <t>Distillates (petroleum), heavy hydrocracked; Base oil — unspecified</t>
  </si>
  <si>
    <t>649-453-00-1</t>
  </si>
  <si>
    <t>265-077-7</t>
  </si>
  <si>
    <t>64741-76-0</t>
  </si>
  <si>
    <t>Distillates (petroleum), solvent-refined heavy paraffinic; Base oil — unspecified</t>
  </si>
  <si>
    <t>649-454-00-7</t>
  </si>
  <si>
    <t>265-090-8</t>
  </si>
  <si>
    <t>64741-88-4</t>
  </si>
  <si>
    <t>Distillates (petroleum), solvent-refined light paraffinic; Base oil — unspecified</t>
  </si>
  <si>
    <t>649-455-00-2</t>
  </si>
  <si>
    <t>265-091-3</t>
  </si>
  <si>
    <t>64741-89-5</t>
  </si>
  <si>
    <t>Residual oils (petroleum), solvent deasphalted; Base oil — unspecified</t>
  </si>
  <si>
    <t>649-456-00-8</t>
  </si>
  <si>
    <t>265-096-0</t>
  </si>
  <si>
    <t>64741-95-3</t>
  </si>
  <si>
    <t>Distillates (petroleum), solvent-refined heavy naphthenic; Base oil — unspecified</t>
  </si>
  <si>
    <t>649-457-00-3</t>
  </si>
  <si>
    <t>265-097-6</t>
  </si>
  <si>
    <t>64741-96-4</t>
  </si>
  <si>
    <t>Distillates (petroleum), solvent-refined light naphthenic; Base oil — unspecified</t>
  </si>
  <si>
    <t>649-458-00-9</t>
  </si>
  <si>
    <t>265-098-1</t>
  </si>
  <si>
    <t>64741-97-5</t>
  </si>
  <si>
    <t>Residual oils (petroleum), solvent-refined; Base oil — unspecified</t>
  </si>
  <si>
    <t>649-459-00-4</t>
  </si>
  <si>
    <t>265-101-6</t>
  </si>
  <si>
    <t>64742-01-4</t>
  </si>
  <si>
    <t>Distillates (petroleum), clay-treated paraffinic; Base oil — unspecified</t>
  </si>
  <si>
    <t>649-460-00-X</t>
  </si>
  <si>
    <t>265-137-2</t>
  </si>
  <si>
    <t>64742-36-5</t>
  </si>
  <si>
    <t>Distillates (petroleum), clay-treated light paraffinic; Base oil — unspecified</t>
  </si>
  <si>
    <t>649-461-00-5</t>
  </si>
  <si>
    <t>265-138-8</t>
  </si>
  <si>
    <t>64742-37-6</t>
  </si>
  <si>
    <t>Residual oils (petroleum), clay-treated; Base oil — unspecified</t>
  </si>
  <si>
    <t>649-462-00-0</t>
  </si>
  <si>
    <t>265-143-5</t>
  </si>
  <si>
    <t>64742-41-2</t>
  </si>
  <si>
    <t>Distillates (petroleum), clay-treated heavy naphthenic; Base oil — unspecified</t>
  </si>
  <si>
    <t>649-463-00-6</t>
  </si>
  <si>
    <t>265-146-1</t>
  </si>
  <si>
    <t>64742-44-5</t>
  </si>
  <si>
    <t>Distillates (petroleum), clay-treated light naphthenic; Base oil — unspecified</t>
  </si>
  <si>
    <t>649-464-00-1</t>
  </si>
  <si>
    <t>265-147-7</t>
  </si>
  <si>
    <t>64742-45-6</t>
  </si>
  <si>
    <t>Distillates (petroleum), hydrotreated heavy naphthenic; Base oil — unspecified</t>
  </si>
  <si>
    <t>649-465-00-7</t>
  </si>
  <si>
    <t>265-155-0</t>
  </si>
  <si>
    <t>64742-52-5</t>
  </si>
  <si>
    <t>Distillates (petroleum), hydrotreated light naphthenic; Base oil — unspecified</t>
  </si>
  <si>
    <t>649-466-00-2</t>
  </si>
  <si>
    <t>265-156-6</t>
  </si>
  <si>
    <t>64742-53-6</t>
  </si>
  <si>
    <t>Distillates (petroleum), hydrotreated heavy paraffinic; Base oil — unspecified</t>
  </si>
  <si>
    <t>649-467-00-8</t>
  </si>
  <si>
    <t>265-157-1</t>
  </si>
  <si>
    <t>64742-54-7</t>
  </si>
  <si>
    <t>Distillates (petroleum), hydrotreated light paraffinic; Base oil — unspecified</t>
  </si>
  <si>
    <t>649-468-00-3</t>
  </si>
  <si>
    <t>265-158-7</t>
  </si>
  <si>
    <t>64742-55-8</t>
  </si>
  <si>
    <t>Distillates (petroleum), solvent-dewaxed light paraffinic; Base oil — unspecified</t>
  </si>
  <si>
    <t>649-469-00-9</t>
  </si>
  <si>
    <t>265-159-2</t>
  </si>
  <si>
    <t>64742-56-9</t>
  </si>
  <si>
    <t>Residual oils (petroleum), hydrotreated; Base oil — unspecified</t>
  </si>
  <si>
    <t>649-470-00-4</t>
  </si>
  <si>
    <t>265-160-8</t>
  </si>
  <si>
    <t>64742-57-0</t>
  </si>
  <si>
    <t>Residual oils (petroleum), solvent-dewaxed; Base oil — unspecified</t>
  </si>
  <si>
    <t>649-471-00-X</t>
  </si>
  <si>
    <t>265-166-0</t>
  </si>
  <si>
    <t>64742-62-7</t>
  </si>
  <si>
    <t>Distillates (petroleum), solvent-dewaxed heavy naphthenic; Base oil — unspecified</t>
  </si>
  <si>
    <t>649-472-00-5</t>
  </si>
  <si>
    <t>265-167-6</t>
  </si>
  <si>
    <t>64742-63-8</t>
  </si>
  <si>
    <t>Distillates (petroleum), solvent-dewaxed light naphthenic; Base oil — unspecified</t>
  </si>
  <si>
    <t>649-473-00-0</t>
  </si>
  <si>
    <t>265-168-1</t>
  </si>
  <si>
    <t>64742-64-9</t>
  </si>
  <si>
    <t>Distillates (petroleum), solvent-dewaxed heavy paraffinic; Base oil — unspecified</t>
  </si>
  <si>
    <t>649-474-00-6</t>
  </si>
  <si>
    <t>265-169-7</t>
  </si>
  <si>
    <t>64742-65-0</t>
  </si>
  <si>
    <t>Naphthenic oils (petroleum), catalytic dewaxed heavy; Base oil — unspecified</t>
  </si>
  <si>
    <t>649-475-00-1</t>
  </si>
  <si>
    <t>265-172-3</t>
  </si>
  <si>
    <t>64742-68-3</t>
  </si>
  <si>
    <t>Naphthenic oils (petroleum), catalytic dewaxed light; Base oil — unspecified</t>
  </si>
  <si>
    <t>649-476-00-7</t>
  </si>
  <si>
    <t>265-173-9</t>
  </si>
  <si>
    <t>64742-69-4</t>
  </si>
  <si>
    <t>Paraffin oils (petroleum), catalytic dewaxed heavy; Base oil — unspecified</t>
  </si>
  <si>
    <t>649-477-00-2</t>
  </si>
  <si>
    <t>265-174-4</t>
  </si>
  <si>
    <t>64742-70-7</t>
  </si>
  <si>
    <t>Paraffin oils (petroleum), catalytic dewaxed light; Base oil — unspecified</t>
  </si>
  <si>
    <t>649-478-00-8</t>
  </si>
  <si>
    <t>265-176-5</t>
  </si>
  <si>
    <t>64742-71-8</t>
  </si>
  <si>
    <t>Naphthenic oils (petroleum), complex dewaxed heavy; Base oil — unspecified</t>
  </si>
  <si>
    <t>649-479-00-3</t>
  </si>
  <si>
    <t>265-179-1</t>
  </si>
  <si>
    <t>64742-75-2</t>
  </si>
  <si>
    <t>Naphthenic oils (petroleum), complex dewaxed light; Base oil — unspecified</t>
  </si>
  <si>
    <t>649-480-00-9</t>
  </si>
  <si>
    <t>265-180-7</t>
  </si>
  <si>
    <t>64742-76-3</t>
  </si>
  <si>
    <t>649-481-00-4</t>
  </si>
  <si>
    <t>276-736-3</t>
  </si>
  <si>
    <t>72623-85-9</t>
  </si>
  <si>
    <t>649-482-00-X</t>
  </si>
  <si>
    <t>276-737-9</t>
  </si>
  <si>
    <t>72623-86-0</t>
  </si>
  <si>
    <t>649-483-00-5</t>
  </si>
  <si>
    <t>276-738-4</t>
  </si>
  <si>
    <t>72623-87-1</t>
  </si>
  <si>
    <t>Lubricating oils; Base oil — unspecified</t>
  </si>
  <si>
    <t>649-484-00-0</t>
  </si>
  <si>
    <t>278-012-2</t>
  </si>
  <si>
    <t>74869-22-0</t>
  </si>
  <si>
    <t>Distillates (petroleum), complex dewaxed heavy paraffinic; Base oil — unspecified</t>
  </si>
  <si>
    <t>649-485-00-6</t>
  </si>
  <si>
    <t>292-613-7</t>
  </si>
  <si>
    <t>90640-91-8</t>
  </si>
  <si>
    <t>Distillates (petroleum), complex dewaxed light paraffinic; Base oil — unspecified</t>
  </si>
  <si>
    <t>649-486-00-1</t>
  </si>
  <si>
    <t>292-614-2</t>
  </si>
  <si>
    <t>90640-92-9</t>
  </si>
  <si>
    <t>Distillates (petroleum), solvent-dewaxed heavy paraffinic, clay-treated; Base oil — unspecified</t>
  </si>
  <si>
    <t>649-487-00-7</t>
  </si>
  <si>
    <t>292-616-3</t>
  </si>
  <si>
    <t>90640-94-1</t>
  </si>
  <si>
    <t>649-488-00-2</t>
  </si>
  <si>
    <t>292-617-9</t>
  </si>
  <si>
    <t>90640-95-2</t>
  </si>
  <si>
    <t>Distillates (petroleum), solvent dewaxed light paraffinic, clay-treated; Base oil — unspecified</t>
  </si>
  <si>
    <t>649-489-00-8</t>
  </si>
  <si>
    <t>292-618-4</t>
  </si>
  <si>
    <t>90640-96-3</t>
  </si>
  <si>
    <t>Distillates (petroleum), solvent dewaxed light paraffinic, hydrotreated; Base oil — unspecified</t>
  </si>
  <si>
    <t>649-490-00-3</t>
  </si>
  <si>
    <t>292-620-5</t>
  </si>
  <si>
    <t>90640-97-4</t>
  </si>
  <si>
    <t>Residual oils (petroleum), hydrotreated solvent dewaxed; Base oil — unspecified</t>
  </si>
  <si>
    <t>649-491-00-9</t>
  </si>
  <si>
    <t>292-656-1</t>
  </si>
  <si>
    <t>90669-74-2</t>
  </si>
  <si>
    <t>Residual oils (petroleum), catalytic dewaxed; Base oil — unspecified</t>
  </si>
  <si>
    <t>649-492-00-4</t>
  </si>
  <si>
    <t>294-843-3</t>
  </si>
  <si>
    <t>91770-57-9</t>
  </si>
  <si>
    <t>Distillates (petroleum), dewaxed heavy paraffinic, hydrotreated; Base oil — unspecified</t>
  </si>
  <si>
    <t>649-493-00-X</t>
  </si>
  <si>
    <t>295-300-3</t>
  </si>
  <si>
    <t>91995-39-0</t>
  </si>
  <si>
    <t>Distillates (petroleum), dewaxed light paraffinic, hydrotreated; Base oil — unspecified</t>
  </si>
  <si>
    <t>649-494-00-5</t>
  </si>
  <si>
    <t>295-301-9</t>
  </si>
  <si>
    <t>91995-40-3</t>
  </si>
  <si>
    <t>Distillates (petroleum), hydrocracked solvent-refined, dewaxed; Base oil — unspecified</t>
  </si>
  <si>
    <t>(A complex combination of liquid hydrocarbons obtained by recrystallisation of dewaxed hydrocracked solvent-refined petroleum distillates.)</t>
  </si>
  <si>
    <t>649-495-00-0</t>
  </si>
  <si>
    <t>295-306-6</t>
  </si>
  <si>
    <t>91995-45-8</t>
  </si>
  <si>
    <t>Distillates (petroleum), solvent-refined light naphthenic, hydrotreated; Base oil — unspecified</t>
  </si>
  <si>
    <t>649-496-00-6</t>
  </si>
  <si>
    <t>295-316-0</t>
  </si>
  <si>
    <t>91995-54-9</t>
  </si>
  <si>
    <t>649-497-00-1</t>
  </si>
  <si>
    <t>295-423-2</t>
  </si>
  <si>
    <t>92045-42-6</t>
  </si>
  <si>
    <t>Lubricating oils (petroleum), hydrocracked nonarom. solvent-deparaffined; Base oil — unspecified</t>
  </si>
  <si>
    <t>649-498-00-7</t>
  </si>
  <si>
    <t>295-424-8</t>
  </si>
  <si>
    <t>92045-43-7</t>
  </si>
  <si>
    <t>Residual oils (petroleum), hydrocracked acid-treated solvent-dewaxed; Base oil — unspecified</t>
  </si>
  <si>
    <t>649-499-00-2</t>
  </si>
  <si>
    <t>295-499-7</t>
  </si>
  <si>
    <t>92061-86-4</t>
  </si>
  <si>
    <t>Paraffin oils (petroleum), solvent-refined dewaxed heavy; Base oil — unspecified</t>
  </si>
  <si>
    <t>649-500-00-6</t>
  </si>
  <si>
    <t>295-810-6</t>
  </si>
  <si>
    <t>92129-09-4</t>
  </si>
  <si>
    <t>Lubricating oils (petroleum), base oils, paraffinic; Base oil — unspecified</t>
  </si>
  <si>
    <t>649-501-00-1</t>
  </si>
  <si>
    <t>297-474-6</t>
  </si>
  <si>
    <t>93572-43-1</t>
  </si>
  <si>
    <t>Hydrocarbons, hydrocracked paraffinic distillation residues, solvent-dewaxed; Base oil — unspecified</t>
  </si>
  <si>
    <t>649-502-00-7</t>
  </si>
  <si>
    <t>297-857-8</t>
  </si>
  <si>
    <t>93763-38-3</t>
  </si>
  <si>
    <t>649-503-00-2</t>
  </si>
  <si>
    <t>300-257-1</t>
  </si>
  <si>
    <t>93924-61-9</t>
  </si>
  <si>
    <t>Distillates (petroleum), solvent-refined hydrotreated heavy; hydrogenated; Base oil — unspecified</t>
  </si>
  <si>
    <t>649-504-00-8</t>
  </si>
  <si>
    <t>305-588-5</t>
  </si>
  <si>
    <t>94733-08-1</t>
  </si>
  <si>
    <t>Distillates (petroleum), solvent-refined hydrocracked light; Base oil — unspecified</t>
  </si>
  <si>
    <t>649-505-00-3</t>
  </si>
  <si>
    <t>305-589-0</t>
  </si>
  <si>
    <t>94733-09-2</t>
  </si>
  <si>
    <t>649-506-00-9</t>
  </si>
  <si>
    <t>305-594-8</t>
  </si>
  <si>
    <t>94733-15-0</t>
  </si>
  <si>
    <t>649-507-00-4</t>
  </si>
  <si>
    <t>305-595-3</t>
  </si>
  <si>
    <t>94733-16-1</t>
  </si>
  <si>
    <t>649-508-00-X</t>
  </si>
  <si>
    <t>305-971-7</t>
  </si>
  <si>
    <t>95371-04-3</t>
  </si>
  <si>
    <t>649-509-00-5</t>
  </si>
  <si>
    <t>305-972-2</t>
  </si>
  <si>
    <t>95371-05-4</t>
  </si>
  <si>
    <t>649-510-00-0</t>
  </si>
  <si>
    <t>305-974-3</t>
  </si>
  <si>
    <t>95371-07-6</t>
  </si>
  <si>
    <t>649-511-00-6</t>
  </si>
  <si>
    <t>305-975-9</t>
  </si>
  <si>
    <t>95371-08-7</t>
  </si>
  <si>
    <t>Distillates (petroleum), hydrocracked solvent-refined light; Base oil — unspecified</t>
  </si>
  <si>
    <t>649-512-00-1</t>
  </si>
  <si>
    <t>307-010-7</t>
  </si>
  <si>
    <t>97488-73-8</t>
  </si>
  <si>
    <t>Distillates (petroleum), solvent-refined hydrogenated heavy; Base oil — unspecified</t>
  </si>
  <si>
    <t>649-513-00-7</t>
  </si>
  <si>
    <t>307-011-2</t>
  </si>
  <si>
    <t>97488-74-9</t>
  </si>
  <si>
    <t>649-514-00-2</t>
  </si>
  <si>
    <t>307-034-8</t>
  </si>
  <si>
    <t>97488-95-4</t>
  </si>
  <si>
    <t>649-515-00-8</t>
  </si>
  <si>
    <t>307-661-7</t>
  </si>
  <si>
    <t>97675-87-1</t>
  </si>
  <si>
    <t>649-516-00-3</t>
  </si>
  <si>
    <t>307-755-8</t>
  </si>
  <si>
    <t>97722-06-0</t>
  </si>
  <si>
    <t>649-517-00-9</t>
  </si>
  <si>
    <t>307-758-4</t>
  </si>
  <si>
    <t>97722-09-3</t>
  </si>
  <si>
    <t>649-518-00-4</t>
  </si>
  <si>
    <t>307-760-5</t>
  </si>
  <si>
    <t>97722-10-6</t>
  </si>
  <si>
    <t>649-519-00-X</t>
  </si>
  <si>
    <t>308-131-8</t>
  </si>
  <si>
    <t>97862-81-2</t>
  </si>
  <si>
    <t>649-520-00-5</t>
  </si>
  <si>
    <t>308-132-3</t>
  </si>
  <si>
    <t>97862-82-3</t>
  </si>
  <si>
    <t>649-521-00-0</t>
  </si>
  <si>
    <t>308-133-9</t>
  </si>
  <si>
    <t>97862-83-4</t>
  </si>
  <si>
    <t>649-522-00-6</t>
  </si>
  <si>
    <t>308-287-7</t>
  </si>
  <si>
    <t>97926-68-6</t>
  </si>
  <si>
    <t>649-523-00-1</t>
  </si>
  <si>
    <t>308-289-8</t>
  </si>
  <si>
    <t>97926-70-0</t>
  </si>
  <si>
    <t>649-524-00-7</t>
  </si>
  <si>
    <t>308-290-3</t>
  </si>
  <si>
    <t>97926-71-1</t>
  </si>
  <si>
    <t>Residual oils (petroleum), carbon-treated solvent-dewaxed; Base oil — unspecified</t>
  </si>
  <si>
    <t>(A complex combination of hydrocarbons obtained by the treatment of solvent-dewaxed petroleum residual oils with activated charcoal for the removal of trace polar constituents and impurities.)</t>
  </si>
  <si>
    <t>649-525-00-2</t>
  </si>
  <si>
    <t>309-710-8</t>
  </si>
  <si>
    <t>100684-37-5</t>
  </si>
  <si>
    <t>Residual oils (petroleum), clay-treated solvent-dewaxed; Base oil — unspecified</t>
  </si>
  <si>
    <t>(A complex combination of hydrocarbons obtained by treatment of solvent-dewaxed petroleum residual oils with bleaching earth for the removal of trace polar constituents and impurities.)</t>
  </si>
  <si>
    <t>649-526-00-8</t>
  </si>
  <si>
    <t>309-711-3</t>
  </si>
  <si>
    <t>100684-38-6</t>
  </si>
  <si>
    <t>649-527-00-3</t>
  </si>
  <si>
    <t>309-874-0</t>
  </si>
  <si>
    <t>101316-69-2</t>
  </si>
  <si>
    <t>649-528-00-9</t>
  </si>
  <si>
    <t>309-875-6</t>
  </si>
  <si>
    <t>101316-70-5</t>
  </si>
  <si>
    <t>649-529-00-4</t>
  </si>
  <si>
    <t>309-876-1</t>
  </si>
  <si>
    <t>101316-71-6</t>
  </si>
  <si>
    <t>649-530-00-X</t>
  </si>
  <si>
    <t>309-877-7</t>
  </si>
  <si>
    <t>101316-72-7</t>
  </si>
  <si>
    <t>Extracts (petroleum), heavy naphthenic distillate solvent, aromatic concentrate; Distillate aromatic extract (treated)</t>
  </si>
  <si>
    <t>(An aromatic concentrate produced by adding water to heavy naphthenic distillate solvent extract and extraction solvent.)</t>
  </si>
  <si>
    <t>649-531-00-5</t>
  </si>
  <si>
    <t>272-175-3</t>
  </si>
  <si>
    <t>68783-00-6</t>
  </si>
  <si>
    <t>Extracts (petroleum), solvent-refined heavy paraffinic distillate solvent; Distillate aromatic extract (treated)</t>
  </si>
  <si>
    <t>649-532-00-0</t>
  </si>
  <si>
    <t>272-180-0</t>
  </si>
  <si>
    <t>68783-04-0</t>
  </si>
  <si>
    <t>Extracts (petroleum), heavy paraffinic distillates, solvent-deasphalted; Distillate aromatic extract (treated)</t>
  </si>
  <si>
    <t>(A complex combination of hydrocarbons obtained as the extract from a solvent extraction of heavy paraffinic distillate.)</t>
  </si>
  <si>
    <t>649-533-00-6</t>
  </si>
  <si>
    <t>272-342-0</t>
  </si>
  <si>
    <t>68814-89-1</t>
  </si>
  <si>
    <t>Extracts (petroleum), heavy naphthenic distillate solvent, hydrotreated; Distillate aromatic extract (treated)</t>
  </si>
  <si>
    <t>649-534-00-1</t>
  </si>
  <si>
    <t>292-631-5</t>
  </si>
  <si>
    <t>90641-07-9</t>
  </si>
  <si>
    <t>Extracts (petroleum), heavy paraffinic distillate solvent, hydrotreated; Distillate aromatic extract (treated)</t>
  </si>
  <si>
    <t>649-535-00-7</t>
  </si>
  <si>
    <t>292-632-0</t>
  </si>
  <si>
    <t>90641-08-0</t>
  </si>
  <si>
    <t>Extracts (petroleum), light paraffinic distillate solvent, hydrotreated; Distillate aromatic extract (treated)</t>
  </si>
  <si>
    <t>649-536-00-2</t>
  </si>
  <si>
    <t>292-633-6</t>
  </si>
  <si>
    <t>90641-09-1</t>
  </si>
  <si>
    <t>Extracts (petroleum), hydrotreated paraffinic light distillate solvent; Distillate aromatic extract (treated)</t>
  </si>
  <si>
    <t>649-537-00-8</t>
  </si>
  <si>
    <t>295-335-4</t>
  </si>
  <si>
    <t>91995-73-2</t>
  </si>
  <si>
    <t>Extracts (petroleum), light naphthenic distillate solvent, hydrodesulphurised; Distillate aromatic extract (treated)</t>
  </si>
  <si>
    <t>649-538-00-3</t>
  </si>
  <si>
    <t>295-338-0</t>
  </si>
  <si>
    <t>91995-75-4</t>
  </si>
  <si>
    <t>Extracts (petroleum), light paraffinic distillate solvent, acid-treated; Distillate aromatic extract (treated)</t>
  </si>
  <si>
    <t>649-539-00-9</t>
  </si>
  <si>
    <t>295-339-6</t>
  </si>
  <si>
    <t>91995-76-5</t>
  </si>
  <si>
    <t>Extracts (petroleum), light paraffinic distillate solvent, hydrodesulphurised; Distillate aromatic extract (treated)</t>
  </si>
  <si>
    <t>649-540-00-4</t>
  </si>
  <si>
    <t>295-340-1</t>
  </si>
  <si>
    <t>91995-77-6</t>
  </si>
  <si>
    <t>Extracts (petroleum), light vacuum gas oil solvent, hydrotreated; Distillate aromatic extract (treated)</t>
  </si>
  <si>
    <t>649-541-00-X</t>
  </si>
  <si>
    <t>295-342-2</t>
  </si>
  <si>
    <t>91995-79-8</t>
  </si>
  <si>
    <t>Extracts (petroleum), heavy paraffinic distillate solvent, clay-treated; Distillate aromatic extract (treated)</t>
  </si>
  <si>
    <t>649-542-00-5</t>
  </si>
  <si>
    <t>296-437-1</t>
  </si>
  <si>
    <t>92704-08-0</t>
  </si>
  <si>
    <t>Extracts (petroleum), heavy naphthenic distillate solvent, hydrodesulphurised; Distillate aromatic extract (treated)</t>
  </si>
  <si>
    <t>649-543-00-0</t>
  </si>
  <si>
    <t>297-827-4</t>
  </si>
  <si>
    <t>93763-10-1</t>
  </si>
  <si>
    <t>Extracts (petroleum), solvent-dewaxed heavy paraffinic distillate solvent, hydrodesulphurised; Distillate aromatic extract (treated)</t>
  </si>
  <si>
    <t>649-544-00-6</t>
  </si>
  <si>
    <t>297-829-5</t>
  </si>
  <si>
    <t>93763-11-2</t>
  </si>
  <si>
    <t>Extracts (petroleum), light paraffinic distillate solvent, carbon-treated; Distillate aromatic extract (treated)</t>
  </si>
  <si>
    <t>649-545-00-1</t>
  </si>
  <si>
    <t>309-672-2</t>
  </si>
  <si>
    <t>100684-02-4</t>
  </si>
  <si>
    <t>Extracts (petroleum), light paraffinic distillate solvent, clay-treated; Distillate aromatic extract (treated)</t>
  </si>
  <si>
    <t>649-546-00-7</t>
  </si>
  <si>
    <t>309-673-8</t>
  </si>
  <si>
    <t>100684-03-5</t>
  </si>
  <si>
    <t>Extracts (petroleum), light vacuum, gas oil solvent, carbon-treated; Distillate aromatic extract (treated)</t>
  </si>
  <si>
    <t>649-547-00-2</t>
  </si>
  <si>
    <t>309-674-3</t>
  </si>
  <si>
    <t>100684-04-6</t>
  </si>
  <si>
    <t>Extracts (petroleum), light vacuum, gas oil solvent, clay-treated; Distillate aromatic extract (treated)</t>
  </si>
  <si>
    <t>649-548-00-8</t>
  </si>
  <si>
    <t>309-675-9</t>
  </si>
  <si>
    <t>100684-05-7</t>
  </si>
  <si>
    <t>Foots oil (petroleum); Foots oil</t>
  </si>
  <si>
    <t>649-549-00-3</t>
  </si>
  <si>
    <t>265-171-8</t>
  </si>
  <si>
    <t>64742-67-2</t>
  </si>
  <si>
    <t>Foots oil (petroleum), hydrotreated; Foots oil</t>
  </si>
  <si>
    <t>649-550-00-9</t>
  </si>
  <si>
    <t>295-394-6</t>
  </si>
  <si>
    <t>92045-12-0</t>
  </si>
  <si>
    <t>Refractory Ceramic Fibres, Special Purpose Fibres, with the exception of those specified elsewhere in this Annex;</t>
  </si>
  <si>
    <t>650-017-00-8</t>
  </si>
  <si>
    <t>A, R</t>
  </si>
  <si>
    <t>Appendix 3</t>
  </si>
  <si>
    <t>Appendix 4</t>
  </si>
  <si>
    <t>20-857-2 [2]</t>
  </si>
  <si>
    <t>1,3-Butadiene buta-1,3-diene</t>
  </si>
  <si>
    <t>Propylene oxide; 1,2-epoxypropane; Methyloxirane</t>
  </si>
  <si>
    <t>2-Chloro-6-fluoro-phenol</t>
  </si>
  <si>
    <t>604-082-00-4</t>
  </si>
  <si>
    <t>433-890-8</t>
  </si>
  <si>
    <t>2040-90-6</t>
  </si>
  <si>
    <t>4,4'-oxydianiline [1] and its salts</t>
  </si>
  <si>
    <t>p-aminophenyl ether [1]</t>
  </si>
  <si>
    <t>Carbendazim (ISO)</t>
  </si>
  <si>
    <t>methyl benzimidazol-2-ylcarbamate</t>
  </si>
  <si>
    <t>613-048-00-8</t>
  </si>
  <si>
    <t>234-232-0</t>
  </si>
  <si>
    <t>Benomyl (ISO)</t>
  </si>
  <si>
    <t>methyl 1-(butylcarbamoyl)benzimidazol-2-ylcarbamate</t>
  </si>
  <si>
    <t>613-049-00-3</t>
  </si>
  <si>
    <t>241-775-7</t>
  </si>
  <si>
    <t>17804-35-2</t>
  </si>
  <si>
    <t>Colchicine</t>
  </si>
  <si>
    <t>614-005-00-6</t>
  </si>
  <si>
    <t>200-598-5</t>
  </si>
  <si>
    <t>64-86-8</t>
  </si>
  <si>
    <t>1,3,5,-Tris(oxiranylmethyl)-1,3,5-triazine-2,4,6(1H,3H,5H)-trione; TGIC</t>
  </si>
  <si>
    <t>615-021-00-6</t>
  </si>
  <si>
    <t>1,3,5-tris-[(2S and 2R)-2,3-epoxypropyl]-1,3,5-triazine-2,4,6-(1H,3H,5H)-trione</t>
  </si>
  <si>
    <t>616-091-00-0</t>
  </si>
  <si>
    <t>Tar oils, brown-coal;</t>
  </si>
  <si>
    <t>Light Oil;</t>
  </si>
  <si>
    <t>Benzol forerunnings (coal);</t>
  </si>
  <si>
    <t>Light Oil Redistillate, low boiling;</t>
  </si>
  <si>
    <t>Distillates (coal tar), benzole fraction, BTX-rich;</t>
  </si>
  <si>
    <t>Light Oil Redistillate, low boiling</t>
  </si>
  <si>
    <t>Solvent naphtha (coal), light;</t>
  </si>
  <si>
    <t>Solvent naphtha (coal), xylene-styrene cut;</t>
  </si>
  <si>
    <t>Light Oil Redistillate, intermediate boiling</t>
  </si>
  <si>
    <t>Solvent naphtha (coal), coumarone-styrene contg.;</t>
  </si>
  <si>
    <t>Naphtha (coal), distn. residues;</t>
  </si>
  <si>
    <t>Light Oil Redistillate, high boiling;</t>
  </si>
  <si>
    <t>[The residue remaining from the distillation of recovered naphtha. Composed primarily of naphthalene and condensation products of indene and styrene.]</t>
  </si>
  <si>
    <t>Light Oil Redistillate, high boiling</t>
  </si>
  <si>
    <t>Extract residues (coal), benzole fraction alk., acid ext.;</t>
  </si>
  <si>
    <t>Light Oil Extract Residues, low boiling;</t>
  </si>
  <si>
    <t>Extract residues (coal tar), benzole fraction alk., acid ext.;</t>
  </si>
  <si>
    <t>Extract residues (coal), benzole fraction acid;</t>
  </si>
  <si>
    <t>[An acid sludge by-product of the sulfuric acid refining of crude high temperature coal. Composed primarily of sulfuric acid and organic compounds.]</t>
  </si>
  <si>
    <t>Extract residues (coal), light oil alk., distn. overheads;</t>
  </si>
  <si>
    <t>Extract residues (coal), light oil alk., acid ext., indene fraction;</t>
  </si>
  <si>
    <t>Light Oil Extract Residues, intermediate boiling</t>
  </si>
  <si>
    <t>Extract residues (coal), light oil alk., indene naphtha fraction;</t>
  </si>
  <si>
    <t>Light Oil Extract Residues, high boiling;</t>
  </si>
  <si>
    <t>Solvent naphtha (coal);</t>
  </si>
  <si>
    <t>Light Oil Extract Residues, high boiling</t>
  </si>
  <si>
    <t>Distillates (coal tar), light oils, neutral fraction;</t>
  </si>
  <si>
    <t>Distillates (coal tar), light oils, acid exts.;</t>
  </si>
  <si>
    <t>Distillates (coal tar), light oils;</t>
  </si>
  <si>
    <t>Carbolic Oil;</t>
  </si>
  <si>
    <t>Tar oils, coal;</t>
  </si>
  <si>
    <t>Extract residues (coal), light oil alk., acid ext.;</t>
  </si>
  <si>
    <t>Carbolic Oil Extract Residue;</t>
  </si>
  <si>
    <t>[The oil resulting from the acid washing of alkali-washed carbolic oil to remove the minor amounts of basic compounds (tar bases). Composed primarily of indene, indan and alkylbenzenes.]</t>
  </si>
  <si>
    <t>Extract residues (coal), tar oil alk.;</t>
  </si>
  <si>
    <t>[The residue obtained from coal tar oil by an alkaline wash such as aqueous sodium hydroxide after the removal of crude coal tar acids. Composed primarily of naphthalenes and aromatic nitrogen bases.]</t>
  </si>
  <si>
    <t>Extract oils (coal), light oil;</t>
  </si>
  <si>
    <t>Acid Extract;</t>
  </si>
  <si>
    <t>[The aqueous extract produced by an acidic wash of alkali-washed carbolic oil. Composed primarily of acid salts of various aromatic nitrogen bases including pyridine, quinoline and their alkyl derivatives.]</t>
  </si>
  <si>
    <t>Pyridine, alkyl derivs.;</t>
  </si>
  <si>
    <t>Crude Tar Bases;</t>
  </si>
  <si>
    <t>Tar bases, coal, picoline fraction;</t>
  </si>
  <si>
    <t>Distillate Bases;</t>
  </si>
  <si>
    <t>Tar bases, coal, lutidine fraction;</t>
  </si>
  <si>
    <t>Distillate Bases</t>
  </si>
  <si>
    <t>Extract oils (coal), tar base, collidine fraction;</t>
  </si>
  <si>
    <t>[The extract produced by the acidic extraction of bases from crude coal tar aromatic oils, neutralization, and distillation of the bases. Composed primarily of collidines, aniline, toluidines, lutidines, xylidines.]</t>
  </si>
  <si>
    <t>Tar bases, coal, collidine fraction;</t>
  </si>
  <si>
    <t>Tar bases, coal, aniline fraction;</t>
  </si>
  <si>
    <t>Tar bases, coal, toluidine fraction;</t>
  </si>
  <si>
    <t>Distillates (petroleum), alkene-alkyne manuf. pyrolysis oil, mixed with high-temp. coal tar, indene fraction;</t>
  </si>
  <si>
    <t>Redistillates;</t>
  </si>
  <si>
    <t>Distillates (coal), coal tar-residual pyrolysis oils, naphthalene oils;</t>
  </si>
  <si>
    <t>Extract oils (coal), coal tar-residual pyrolysis oils, naphthalene oil, redistillate;</t>
  </si>
  <si>
    <t>Extract oils (coal), coal tar-residual pyrolysis oils, naphthalene oils;</t>
  </si>
  <si>
    <t>Extract oils (coal), coal tar residual pyrolysis oils, naphthalene oil, distn. residues;</t>
  </si>
  <si>
    <t>Distillates (coal), coke-oven light oil, naphthalene cut;</t>
  </si>
  <si>
    <t>Distillates (coal tar), naphthalene oils, naphthalene-low;</t>
  </si>
  <si>
    <t>Naphthalene Oil Redistillate;</t>
  </si>
  <si>
    <t>[A complex combination of hydrocarbons obtained by crystallization of naphthalene oil.Composed primarily of naphthalene, alkyl naphthalenes and phenolic compounds.]</t>
  </si>
  <si>
    <t>Distillates (coal tar), naphthalene oil crystn. mother liquor;</t>
  </si>
  <si>
    <t>Extract residues (coal), naphthalene oil, alk.;</t>
  </si>
  <si>
    <t>Naphthalene Oil Extract Residue;</t>
  </si>
  <si>
    <t>[A complex combination of hydrocarbons obtained from the alkali washing of naphthalene oil to remove phenolic compounds (tar acids). It is composed of naphthalene and alkyl naphthalenes.]</t>
  </si>
  <si>
    <t>Extract residues (coal), naphthalene oil, alk., naphthalene-low;</t>
  </si>
  <si>
    <t>[A complex combination of hydrocarbons remaining after the removal of naphthalene from alkali-washed naphthalene oil by a crystallization process. It is composed primarily of naphthalene and alkyl naphthalenes.]</t>
  </si>
  <si>
    <t>Distillates (coal tar), naphthalene oils, naphthalene-free, alk. exts.;</t>
  </si>
  <si>
    <t>[The oil remaining after the removal of phenolic compounds (tar acids) from drained naphthalene oil by an alkali wash. Composed primarily of naphthalene and alkyl naphthalenes.]</t>
  </si>
  <si>
    <t>Extract residues (coal), naphthalene oil alk., distn. overheads;</t>
  </si>
  <si>
    <t>Distillates (coal tar), naphthalene oils, methylnaphthalene fraction;</t>
  </si>
  <si>
    <t>Methylnaphthalene Oil;</t>
  </si>
  <si>
    <t>Distillates (coal tar), naphthalene oils, indole-methylnaphthalene fraction;</t>
  </si>
  <si>
    <t>Distillates (coal tar), naphthalene oils, acid exts.;</t>
  </si>
  <si>
    <t>Methylnaphthalene Oil Extract Residue;</t>
  </si>
  <si>
    <t>Extract residues (coal), naphthalene oil alk., distn. residues;</t>
  </si>
  <si>
    <t>Extract oils (coal), acidic, tar-base free;</t>
  </si>
  <si>
    <t>Distillates (coal tar), benzole fraction, distn. residues;</t>
  </si>
  <si>
    <t>Anthracene oil, anthracene paste;</t>
  </si>
  <si>
    <t>Anthracene Oil Fraction;</t>
  </si>
  <si>
    <t>[The anthracene-rich solid obtained by the crystallization and centrifuging of anthracene oil. It is composed primarily of anthracene, carbazole and phenanthrene.]</t>
  </si>
  <si>
    <t>Anthracene oil, anthracene-low;</t>
  </si>
  <si>
    <t>[The oil remaining after the removal, by a crystallization process, of an anthracene-rich solid (anthracene paste) from anthracene oil. It is composed primarily of two, three and four membered aromatic compounds.]</t>
  </si>
  <si>
    <t>Residues (coal tar), anthracene oil distn.;</t>
  </si>
  <si>
    <t>Anthracene oil, anthracene paste, anthracene fraction;</t>
  </si>
  <si>
    <t>Anthracene oil, anthracene paste, carbazole fraction;</t>
  </si>
  <si>
    <t>Anthracene oil, anthracene paste, distn. lights;</t>
  </si>
  <si>
    <t>Tar oils, coal, low-temp.;</t>
  </si>
  <si>
    <t>Tar Oil, high boiling;</t>
  </si>
  <si>
    <t>Phenols, ammonia liquor ext.;</t>
  </si>
  <si>
    <t>Alkaline Extract;</t>
  </si>
  <si>
    <t>Distillates (coal tar), light oils, alk. exts.;</t>
  </si>
  <si>
    <t>[The aqueous extract from carbolic oil produced by an alkaline wash such as aqueous sodium hydroxide. Composed primarily of the alkali salts of various phenolic compounds.]</t>
  </si>
  <si>
    <t>Extracts, coal tar oil alk.;</t>
  </si>
  <si>
    <t>[The extract from coal tar oil produced by an alkaline wash such as aqueous sodium hydroxide. Composed primarily of the alkali salts of various phenolic compounds.]</t>
  </si>
  <si>
    <t>Distillates (coal tar), naphthalene oils, alk. exts.;</t>
  </si>
  <si>
    <t>[The aqueous extract from naphthalene oil produced by an alkaline wash such as aqueous sodium hydroxide. Composed primarily of the alkali salts of various phenolic compounds.]</t>
  </si>
  <si>
    <t>Extract residues (coal), tar oil alk., carbonated, limed;</t>
  </si>
  <si>
    <t>Tar acids, brown-coal, crude;</t>
  </si>
  <si>
    <t>[An acidified alkaline extract of brown coal tar distillate. Composed primarily of phenol and phenol homologs.]</t>
  </si>
  <si>
    <t>Tar acids, brown-coal gasification;</t>
  </si>
  <si>
    <t>Tar acids, distn. residues;</t>
  </si>
  <si>
    <t>Distillate Phenols;</t>
  </si>
  <si>
    <t>Tar acids, methylphenol fraction;</t>
  </si>
  <si>
    <t>[The fraction of tar acid rich in 3- and 4-methylphenol, recovered by distillation of low-temperature coal tar crude tar acids.]</t>
  </si>
  <si>
    <t>Tar acids, polyalkylphenol fraction;</t>
  </si>
  <si>
    <t>Tar acids, xylenol fraction;</t>
  </si>
  <si>
    <t>[The fraction of tar acids, rich in 2,4- and 2,5-dimethylphenol, recovered by distillation of low-temperature coal tar crude tar acids.]</t>
  </si>
  <si>
    <t>Tar acids, ethylphenol fraction;</t>
  </si>
  <si>
    <t>[The fraction of tar acids, rich in 3- and 4-ethylphenol, recovered by distillation of low-temperature coal tar crude tar acids.]</t>
  </si>
  <si>
    <t>Tar acids, 3,5-xylenol fraction;</t>
  </si>
  <si>
    <t>[The fraction of tar acids, rich in 3,5-dimethylphenol, recovered by distillation of low-temperature coal tar acids.]</t>
  </si>
  <si>
    <t>Tar acids, residues, distillates, first-cut;</t>
  </si>
  <si>
    <t>Tar acids, cresylic, residues;</t>
  </si>
  <si>
    <t>Distillate Phenols</t>
  </si>
  <si>
    <t>Tar acids, cresylic;</t>
  </si>
  <si>
    <t>Extract oils (coal), naphthalene oils;</t>
  </si>
  <si>
    <t>[The aqueous extract produced by an acidic wash of alkali-washed naphthalene oil. Composed primarily of acid salts of various aromatic nitrogen bases including pyridine, quinoline and their alkyl derivatives.]</t>
  </si>
  <si>
    <t>Tar bases, quinoline derivs.;</t>
  </si>
  <si>
    <t>Tar bases, coal, quinoline derivs. fraction;</t>
  </si>
  <si>
    <t>Tar bases, coal, distn. residues;</t>
  </si>
  <si>
    <t>[The distillation residue remaining after the distillation of the neutralized, acid-extracted base-containing tar fractions obtained by the distillation of coal tars. It contains chiefly aniline, collidines, quinoline and quinoline derivatives and toluidines.]</t>
  </si>
  <si>
    <t>648-133-00-9</t>
  </si>
  <si>
    <t>295-544-0</t>
  </si>
  <si>
    <t>Hydrocarbon oils, arom., mixed with polyethylene and polypropylene, pyrolyzed, light oil fraction;</t>
  </si>
  <si>
    <t>Heat Treatment Products;</t>
  </si>
  <si>
    <t>Hydrocarbon oils, arom., mixed with polyethylene, pyrolyzed, light oil fraction;</t>
  </si>
  <si>
    <t>Hydrocarbon oils, arom., mixed with polystyrene, pyrolyzed, light oil fraction;</t>
  </si>
  <si>
    <t>Extract residues (coal), tar oil alk., naphthalene distn. residues;</t>
  </si>
  <si>
    <t>[The residue obtained from chemical oil extracted after the removal of naphthalene by distillation composed primarily of two to four membered condensed ring aromatic hydrocarbons and aromatic nitrogen bases.]</t>
  </si>
  <si>
    <t>73665-18-6</t>
  </si>
  <si>
    <t>Tar acids, cresylic, sodium salts, caustic solns.;</t>
  </si>
  <si>
    <t>Alkaline Extract</t>
  </si>
  <si>
    <t>Extract oils (coal), tar base;</t>
  </si>
  <si>
    <t>[The extract from coal tar oil alkaline extract residue produced by an acidic wash such as aqueous sulfuric acid after distillation to remove naphthalene. Composed primarily of the acid salts of various aromatic nitrogen bases including pyridine, quinoline, and their alkyl derivatives.]</t>
  </si>
  <si>
    <t>Tar bases, coal, crude;</t>
  </si>
  <si>
    <t>[The reaction product obtained by neutralizing coal tar base extract oil with an alkaline solution, such as aqueous sodium hydroxide, to obtain the free bases. Composed primarily of such organic bases as acridine, phenanthridine, pyridine, quinoline and their alkyl derivatives.]</t>
  </si>
  <si>
    <t>Light oil (coal), coke-oven;</t>
  </si>
  <si>
    <t>Crude benzole;</t>
  </si>
  <si>
    <t>Distillates (coal), liq. solvent extn., primary;</t>
  </si>
  <si>
    <t>Distillates (coal), solvent extn., hydrocracked;</t>
  </si>
  <si>
    <t>Naphtha (coal), solvent extn., hydrocracked;</t>
  </si>
  <si>
    <t>Distillates (coal), solvent extn., hydrocracked middle;</t>
  </si>
  <si>
    <t>Distillates (coal), solvent extn., hydrocracked hydrogenated middle;</t>
  </si>
  <si>
    <t>Light oil (coal), semi-coking process;</t>
  </si>
  <si>
    <t>Fresh oil;</t>
  </si>
  <si>
    <t>Petroleum gas;</t>
  </si>
  <si>
    <t>Gases (petroleum, light steam-cracked, butadiene concentrate; Petroleum gas</t>
  </si>
  <si>
    <t>87741-01-3</t>
  </si>
  <si>
    <t>270-761-3</t>
  </si>
  <si>
    <t>Petroleum products, refinery gases;</t>
  </si>
  <si>
    <t>Refinery gas;</t>
  </si>
  <si>
    <t>[A complex combination which consists primarily of hydrogen with various small amounts of methane, ethane, and propane.]</t>
  </si>
  <si>
    <t>Gasoline, natural;</t>
  </si>
  <si>
    <t>Low boiling point naphtha;</t>
  </si>
  <si>
    <t>Naphtha;</t>
  </si>
  <si>
    <t>Ligroine;</t>
  </si>
  <si>
    <t>Naphtha (petroleum), heavy straight-run;</t>
  </si>
  <si>
    <t>Naphtha (petroleum), full-range straight-run;</t>
  </si>
  <si>
    <t>Naphtha (petroleum), light straight-run;</t>
  </si>
  <si>
    <t>Solvent naphtha (petroleum), light aliph.;</t>
  </si>
  <si>
    <t>Distillates (petroleum), straight-run light;</t>
  </si>
  <si>
    <t>Gasoline, vapour-recovery;</t>
  </si>
  <si>
    <t>Gasoline, straight-run, topping-plant;</t>
  </si>
  <si>
    <t>Naphtha (petroleum), unsweetened;</t>
  </si>
  <si>
    <t>Distillates (petroleum), light straight-run gasoline fractionation stabilizer overheads;</t>
  </si>
  <si>
    <t>Naphtha (petroleum), heavy straight run, arom.-contg.;</t>
  </si>
  <si>
    <t>Naphtha (petroleum), full-range alkylate;</t>
  </si>
  <si>
    <t>Low boiling point modified naphtha;</t>
  </si>
  <si>
    <t>Naphtha (petroleum), heavy alkylate;</t>
  </si>
  <si>
    <t>Naphtha (petroleum), light alkylate;</t>
  </si>
  <si>
    <t>Naphtha (petroleum), isomerization;</t>
  </si>
  <si>
    <t>Naphtha (petroleum), solvent-refined light;</t>
  </si>
  <si>
    <t>Naphtha (petroleum), solvent-refined heavy;</t>
  </si>
  <si>
    <t>Raffinates (petroleum), catalytic reformer ethylene glycol-water countercurrent exts.;</t>
  </si>
  <si>
    <t>Raffinates (petroleum), reformer, Lurgi unit-sepd.;</t>
  </si>
  <si>
    <t>Naphtha (petroleum), full-range alkylate, butane-contg.;</t>
  </si>
  <si>
    <t>Distillates (petroleum), naphtha steam cracking-derived, solvent-refined light hydrotreated;</t>
  </si>
  <si>
    <t>[A complex combination of hydrocarbons obtained as the raffinates from a solvent extraction process of hydrotreated light distillate from steam-cracked naphtha.]</t>
  </si>
  <si>
    <t>Hydrocarbons, hydrotreated light naphtha distillates, solvent-refined;</t>
  </si>
  <si>
    <t>Naphtha (petroleum), heavy catalytic cracked;</t>
  </si>
  <si>
    <t>Low boiling point cat-cracked naphtha;</t>
  </si>
  <si>
    <t>Naphtha (petroleum), light catalytic cracked;</t>
  </si>
  <si>
    <t>Naphtha (petroleum), catalytic cracked light distd.;</t>
  </si>
  <si>
    <t>Distillates (petroleum), naphtha steam cracking-derived, hydrotreated light arom.;</t>
  </si>
  <si>
    <t>[A complex combination of hydrocarbons obtained by treating a light distillate from steam-cracked naphtha. It consists predominantly of aromatic hydrocarbons]</t>
  </si>
  <si>
    <t>Naphtha (petroleum), heavy catalytic cracked, sweetened;</t>
  </si>
  <si>
    <t>Naphtha (petroleum), light catalytic cracked sweetened;</t>
  </si>
  <si>
    <t>Low boiling point cat-cracked naphtha</t>
  </si>
  <si>
    <t>Naphtha (petroleum), light catalytic reformed;</t>
  </si>
  <si>
    <t>Low boiling point cat-reformed naphtha;</t>
  </si>
  <si>
    <t>Naphtha (petroleum), heavy catalytic reformed;</t>
  </si>
  <si>
    <t>Distillates (petroleum), catalytic reformed depentanizer;</t>
  </si>
  <si>
    <t>Naphtha (petroleum), light catalytic reformed, arom.-free;</t>
  </si>
  <si>
    <t>Distillates (petroleum), catalytic reformed straight-run naphtha overheads;</t>
  </si>
  <si>
    <t>Petroleum products, hydrofiner-powerformer reformates;</t>
  </si>
  <si>
    <t>Naphtha (petroleum), full-range reformed;</t>
  </si>
  <si>
    <t>Naphtha (petroleum), catalytic reformed;</t>
  </si>
  <si>
    <t>Low boiling point cat-reformed naphtha</t>
  </si>
  <si>
    <t>Naphtha (petroleum), light thermal cracked;</t>
  </si>
  <si>
    <t>Low boiling point thermally cracked naphtha;</t>
  </si>
  <si>
    <t>Naphtha (petroleum), heavy thermal cracked;</t>
  </si>
  <si>
    <t>Distillates (petroleum), heavy arom.;</t>
  </si>
  <si>
    <t>Distillates (petroleum), light arom.;</t>
  </si>
  <si>
    <t>Distillates (petroleum), naphtha-raffinate pyrolyzate-derived, gasoline-blending;</t>
  </si>
  <si>
    <t>Distillates (petroleum), thermal cracked naphtha and gas oil;</t>
  </si>
  <si>
    <t>Distillates (petroleum), thermal cracked naphtha and gas oil, extractive;</t>
  </si>
  <si>
    <t>Distillates (petroleum), light thermal cracked, debutanized arom.;</t>
  </si>
  <si>
    <t>[A complex combination of hydrocarbons produced by the distillation of products from a thermal cracking process. It consists predominantly of aromatic hydrocarbons, primarily benzene.]</t>
  </si>
  <si>
    <t>Naphtha (petroleum), light thermal cracked, sweetened;</t>
  </si>
  <si>
    <t>Naphtha (petroleum), hydrotreated heavy;</t>
  </si>
  <si>
    <t>Low boiling point hydrogen treated naphtha;</t>
  </si>
  <si>
    <t>Naphtha (petroleum), hydrotreated light;</t>
  </si>
  <si>
    <t>Naphtha (petroleum), hydrodesulfurized light;</t>
  </si>
  <si>
    <t>Naphtha (petroleum), hydrodesulfurized heavy;</t>
  </si>
  <si>
    <t>Distillates (petroleum), hydrotreated middle, intermediate boiling;</t>
  </si>
  <si>
    <t>Distillates (petroleum), light distillate hydrotreating process, low-boiling;</t>
  </si>
  <si>
    <t>Distillates (petroleum), hydrotreated heavy naphtha, deisohexanizer overheads;</t>
  </si>
  <si>
    <t>Solvent naphtha (petroleum), light arom., hydrotreated;</t>
  </si>
  <si>
    <t>Naphtha (petroleum), hydrodesulfurized thermal cracked light;</t>
  </si>
  <si>
    <t>Naphtha (petroleum), hydrotreated light, cycloalkane-contg.;</t>
  </si>
  <si>
    <t>Naphtha (petroleum), heavy steam-cracked, hydrogenated;</t>
  </si>
  <si>
    <t>Low boiling point hydrogen treated naphtha</t>
  </si>
  <si>
    <t>Naphtha (petroleum), hydrodesulfurized full-range;</t>
  </si>
  <si>
    <t>Naphtha (petroleum), hydrotreated light steam-cracked;</t>
  </si>
  <si>
    <t>Solvent naphtha (petroleum), hydrotreated light naphthenic;</t>
  </si>
  <si>
    <t>Naphtha (petroleum), light steam-cracked, hydrogenated;</t>
  </si>
  <si>
    <t>[A complex combination of hydrocarbons obtained as solvents which have been subjected to hydrotreatment in order to convert aromatics to naphthenes by catalytic hydrogenation.]</t>
  </si>
  <si>
    <t>Stoddard solvent;</t>
  </si>
  <si>
    <t>Low boiling point naphtha - unspecified;</t>
  </si>
  <si>
    <t>Natural gas condensates (petroleum);</t>
  </si>
  <si>
    <t>Natural gas (petroleum), raw liq. mix;</t>
  </si>
  <si>
    <t>Naphtha (petroleum), light hydrocracked;</t>
  </si>
  <si>
    <t>Low boiling naphtha - unspecified;</t>
  </si>
  <si>
    <t>Naphtha (petroleum), heavy hydrocracked;</t>
  </si>
  <si>
    <t>Naphtha (petroleum), sweetened;</t>
  </si>
  <si>
    <t>Naphtha (petroleum), acid-treated;</t>
  </si>
  <si>
    <t>Naphtha (petroleum), chemically neutralized heavy;</t>
  </si>
  <si>
    <t>Naphtha (petroleum), chemically neutralized light;</t>
  </si>
  <si>
    <t>Naphtha (petroleum), catalytic dewaxed;</t>
  </si>
  <si>
    <t>Naphtha (petroleum), light steam-cracked;</t>
  </si>
  <si>
    <t>Solvent naphtha (petroleum), light arom.;</t>
  </si>
  <si>
    <t>Low boiling point naphtha - unspecified</t>
  </si>
  <si>
    <t>Distillates (petroleum), depentanizer overheads;</t>
  </si>
  <si>
    <t>68477-89-4</t>
  </si>
  <si>
    <t>Residues (petroleum), butane splitter bottoms;</t>
  </si>
  <si>
    <t>Residual oils (petroleum), deisobutanizer tower;</t>
  </si>
  <si>
    <t>Naphtha (petroleum), full-range coker;</t>
  </si>
  <si>
    <t>Naphtha (petroleum), steam-cracked middle arom.;</t>
  </si>
  <si>
    <t>Naphtha (petroleum), clay-treated full-range straight-run;</t>
  </si>
  <si>
    <t>Naphtha (petroleum), clay-treated light straight-run;</t>
  </si>
  <si>
    <t>Naphtha (petroleum), light steam-cracked arom.;</t>
  </si>
  <si>
    <t>Naphtha (petroleum), light steam-cracked, debenzenized;</t>
  </si>
  <si>
    <t>Naphtha (petroleum), arom.-contg.;</t>
  </si>
  <si>
    <t>Gasoline, pyrolysis, debutanizer bottoms;</t>
  </si>
  <si>
    <t>Naphtha (petroleum), light, sweetened;</t>
  </si>
  <si>
    <t>Natural gas condensates;</t>
  </si>
  <si>
    <t>Distillates (petroleum), naphtha unifiner stripper;</t>
  </si>
  <si>
    <t>Naphtha (petroleum), catalytic reformed light, arom.-free fraction;</t>
  </si>
  <si>
    <t>Gasoline;</t>
  </si>
  <si>
    <t>Extracts (petroleum), catalytic reformed light naphtha solvent;</t>
  </si>
  <si>
    <t>Naphtha (petroleum), hydrodesulfurized light, dearomatized;</t>
  </si>
  <si>
    <t>Naphtha (petroleum), light heat-soaked, steam-cracked;</t>
  </si>
  <si>
    <t>Gasoline, pyrolysis, hydrogenated;</t>
  </si>
  <si>
    <t>Low boiling point naphtha-unspecified;</t>
  </si>
  <si>
    <t>Extracts (petroleum) heavy naphtha solvent, clay-treated;</t>
  </si>
  <si>
    <t>Naphtha (petroleum), light steam-cracked, debenzenized, thermally treated;</t>
  </si>
  <si>
    <t>Naphtha (petroleum), light steam-cracked, thermally treated;</t>
  </si>
  <si>
    <t>Naphtha (petroleum), hydrodesulfurised full-range coker;</t>
  </si>
  <si>
    <t>Naphtha (petroleum), sweetened light;</t>
  </si>
  <si>
    <t>Residues (petroleum), steam-cracked light, arom.;</t>
  </si>
  <si>
    <t>Appendix 5</t>
  </si>
  <si>
    <t>Carbon monoxide</t>
  </si>
  <si>
    <t>006-001-00-2</t>
  </si>
  <si>
    <t>211-128-3</t>
  </si>
  <si>
    <t>630-08-0</t>
  </si>
  <si>
    <t>009-014-00-1</t>
  </si>
  <si>
    <t>247-278-1</t>
  </si>
  <si>
    <t>Lead compounds with the exception of those specified elsewhere in this Annex</t>
  </si>
  <si>
    <t>082-001-00-6</t>
  </si>
  <si>
    <t>082-002-00-1</t>
  </si>
  <si>
    <t>082-003-00-7</t>
  </si>
  <si>
    <t>082-005-00-8</t>
  </si>
  <si>
    <t>Trilead bis(orthophosphate)</t>
  </si>
  <si>
    <t>082-006-00-3</t>
  </si>
  <si>
    <t>231-205-5</t>
  </si>
  <si>
    <t>082-007-00-9</t>
  </si>
  <si>
    <t>215-630-3</t>
  </si>
  <si>
    <t>Lead(II) methanesulphonate</t>
  </si>
  <si>
    <t>082-008-00-4</t>
  </si>
  <si>
    <t>(This substance is identified in the Colour Index by Colour Index Constitution No C.I. 77603.)</t>
  </si>
  <si>
    <t>(This substance is identified in the Colour Index by Colour Index Constitution No C.I. 77605.)</t>
  </si>
  <si>
    <t>2-bromopropane</t>
  </si>
  <si>
    <t>602-085-00-5</t>
  </si>
  <si>
    <t>200-855-1</t>
  </si>
  <si>
    <t>75-26-3</t>
  </si>
  <si>
    <t>607-056-00-0</t>
  </si>
  <si>
    <t>Lead 2,4,6-trinitroresorcinoxide, lead styphnate</t>
  </si>
  <si>
    <t>609-019-00-4</t>
  </si>
  <si>
    <t>005-006-00-7</t>
  </si>
  <si>
    <t>401-040-5</t>
  </si>
  <si>
    <t>Boric acid; [1]</t>
  </si>
  <si>
    <t>005-007-00-2</t>
  </si>
  <si>
    <t>233-139-2 [1]</t>
  </si>
  <si>
    <t>10043-35-3 [1]</t>
  </si>
  <si>
    <t>234-343-4 [2]</t>
  </si>
  <si>
    <t>11113-50-1 [2]</t>
  </si>
  <si>
    <t>Diboron trioxide;</t>
  </si>
  <si>
    <t>Boric oxide</t>
  </si>
  <si>
    <t>005-008-00-8</t>
  </si>
  <si>
    <t>Disodium tetraborate, anhydrous;</t>
  </si>
  <si>
    <t>005-011-00-4</t>
  </si>
  <si>
    <t>Boric acid, disodium salt; [1]</t>
  </si>
  <si>
    <t>215-540-4 [1]</t>
  </si>
  <si>
    <t>1330-43-4 [1]</t>
  </si>
  <si>
    <t>Tetraboron disodium heptaoxide, hydrate; [2]</t>
  </si>
  <si>
    <t>235-541-3 [2]</t>
  </si>
  <si>
    <t>12267-73-1 [2]</t>
  </si>
  <si>
    <t>Orthoboric acid, sodium salt; [3]</t>
  </si>
  <si>
    <t>237-560-2 [3]</t>
  </si>
  <si>
    <t>13840-56-7 [3]</t>
  </si>
  <si>
    <t>Disodium tetraborate decahydrate;</t>
  </si>
  <si>
    <t>Borax decahydrate</t>
  </si>
  <si>
    <t>005-011-01-1</t>
  </si>
  <si>
    <t>Disodium tetraborate pentahydrate;</t>
  </si>
  <si>
    <t>Borax pentahydrate</t>
  </si>
  <si>
    <t>005-011-02-9</t>
  </si>
  <si>
    <t>Sodium perborate; [1]</t>
  </si>
  <si>
    <t>005-017-00-7</t>
  </si>
  <si>
    <t>239-172-9 [1]</t>
  </si>
  <si>
    <t>15120-21-5 [1]</t>
  </si>
  <si>
    <t>Sodium peroxometaborate; [2]</t>
  </si>
  <si>
    <t>231-556-4 [2]</t>
  </si>
  <si>
    <t>7632-04-4 [2]</t>
  </si>
  <si>
    <t>Sodium peroxoborate;</t>
  </si>
  <si>
    <t>005-017-01-4</t>
  </si>
  <si>
    <t>005-018-00-2</t>
  </si>
  <si>
    <t>13517-20-9 [1]</t>
  </si>
  <si>
    <t>Perboric acid, sodium salt, tetrahydrate; [2]</t>
  </si>
  <si>
    <t>234-390-0 [2]</t>
  </si>
  <si>
    <t>37244-98-7 [2]</t>
  </si>
  <si>
    <t>231-556-4 [3]</t>
  </si>
  <si>
    <t>10486-00-7 [3]</t>
  </si>
  <si>
    <t>Sodium peroxoborate hexahydrate;</t>
  </si>
  <si>
    <t>005-018-01-X</t>
  </si>
  <si>
    <t>Perboric acid, sodium salt; [1]</t>
  </si>
  <si>
    <t>005-019-00-8</t>
  </si>
  <si>
    <t>234-390-0 [1]</t>
  </si>
  <si>
    <t>11138-47-9 [1]</t>
  </si>
  <si>
    <t>Perboric acid, sodium salt, monohydrate; [2]</t>
  </si>
  <si>
    <t>12040-72-1 [2]</t>
  </si>
  <si>
    <t>10332-33-9 [3]</t>
  </si>
  <si>
    <t>005-019-01-5</t>
  </si>
  <si>
    <t>Linuron (ISO)</t>
  </si>
  <si>
    <t>3-(3,4-dichlorophenyl)-1-methoxy-1-methylurea</t>
  </si>
  <si>
    <t>006-021-00-1</t>
  </si>
  <si>
    <t>206-356-5</t>
  </si>
  <si>
    <t>330-55-2</t>
  </si>
  <si>
    <t>6-(2-Chloroethyl)-6(2-methoxyethoxy)-2,5,7,10-tetraoxa-6-silaundecane; etacelasil</t>
  </si>
  <si>
    <t>014-014-00-X</t>
  </si>
  <si>
    <t>253-704-7</t>
  </si>
  <si>
    <t>37894-46-5</t>
  </si>
  <si>
    <t>Flusilazole (ISO); bis(4-fluorophenyl)-(methyl)-(1H-1,2,4-triazol-1-ylmethyl)-silane</t>
  </si>
  <si>
    <t>014-017-00-6</t>
  </si>
  <si>
    <t>85509-19-9</t>
  </si>
  <si>
    <t>A mixture of: 4-[[bis-(4-fluorophenyl)-methylsilyl]methyl]-4H-1,2,4-triazole; 1-[[bis-(4-fluorophenyl)methyl-silyl]methyl]-1H-1,2,4-triazole</t>
  </si>
  <si>
    <t>014-019-00-7</t>
  </si>
  <si>
    <t>(4-ethoxyphenyl)(3-(4-fluoro-3-phenoxyphenyl)propyl)dimethylsilane</t>
  </si>
  <si>
    <t>014-036-00-X</t>
  </si>
  <si>
    <t>405-020-7</t>
  </si>
  <si>
    <t>105024-66-6</t>
  </si>
  <si>
    <t>015-102-00-0</t>
  </si>
  <si>
    <t>Glufosinate ammonium (ISO);</t>
  </si>
  <si>
    <t>Ammonium 2-amino-4-(hydroxymethylphosphinyl)butyrate</t>
  </si>
  <si>
    <t>015-155-00-X</t>
  </si>
  <si>
    <t>278-636-5</t>
  </si>
  <si>
    <t>77182-82-2</t>
  </si>
  <si>
    <t>015-201-00-9</t>
  </si>
  <si>
    <t>Cobalt sulfate</t>
  </si>
  <si>
    <t>Nickel tetracarbonyl</t>
  </si>
  <si>
    <t>028-001-00-1</t>
  </si>
  <si>
    <t>236-669-2</t>
  </si>
  <si>
    <t>[carbonato(2-)]tetrahydroxytrinickel; [4]</t>
  </si>
  <si>
    <t>Slimes and sludges, copper electrolytic refining, decopperised, nickel sulfate</t>
  </si>
  <si>
    <t>(2-ethylhexanoato-O)(isodecanoato-O)nickel; [24]</t>
  </si>
  <si>
    <t>2,7-Naphthalenedisulfonic acid, nickel(II) salt; [31]</t>
  </si>
  <si>
    <t>Dibutyltin dichloride;</t>
  </si>
  <si>
    <t>(DBTC)</t>
  </si>
  <si>
    <t>050-022-00-X</t>
  </si>
  <si>
    <t>2-ethylhexyl 10-ethyl-4,4-dioctyl-7-oxo-8-oxa-3,5-dithia-4-stannatetradecanoate</t>
  </si>
  <si>
    <t>050-027-00-7</t>
  </si>
  <si>
    <t>080-001-00-0</t>
  </si>
  <si>
    <t>231-106-7</t>
  </si>
  <si>
    <t>Propyl bromide</t>
  </si>
  <si>
    <t>n-Propyl bromide</t>
  </si>
  <si>
    <t>602-019-00-5</t>
  </si>
  <si>
    <t>Diphenylether; octabromo derivate</t>
  </si>
  <si>
    <t>602-094-00-4</t>
  </si>
  <si>
    <t>251-087-9</t>
  </si>
  <si>
    <t>2-Methoxyethanol; ethylene glycol monomethyl ether; methylglycol</t>
  </si>
  <si>
    <t>603-011-00-4</t>
  </si>
  <si>
    <t>2-Ethoxyethanol; ethylene glycol monoethyl ether; ethylglycol</t>
  </si>
  <si>
    <t>603-012-00-X</t>
  </si>
  <si>
    <t>1,2-Dimethoxyethane</t>
  </si>
  <si>
    <t>ethylene glycol dimethyl ether</t>
  </si>
  <si>
    <t>603-031-00-3</t>
  </si>
  <si>
    <t>2-Methoxypropanol</t>
  </si>
  <si>
    <t>603-106-00-0</t>
  </si>
  <si>
    <t>216-455-5</t>
  </si>
  <si>
    <t>603-139-00-0</t>
  </si>
  <si>
    <t>603-143-002</t>
  </si>
  <si>
    <t>1,2-Bis(2-methoxyethoxy)ethane</t>
  </si>
  <si>
    <t>TEGDME;</t>
  </si>
  <si>
    <t>Triethylene glycol dimethyl ether;</t>
  </si>
  <si>
    <t>Triglyme</t>
  </si>
  <si>
    <t>603-176-00-2</t>
  </si>
  <si>
    <t>2-(2-aminoethylamino)ethanol</t>
  </si>
  <si>
    <t>(AEEA)</t>
  </si>
  <si>
    <t>603-194-00-0</t>
  </si>
  <si>
    <t>203-867-5</t>
  </si>
  <si>
    <t>111-41-1</t>
  </si>
  <si>
    <t>603-208-00-5</t>
  </si>
  <si>
    <t>4,4'-isobutylethylidenediphenol; 2,2-bis (4'-hydroxyphenyl)-4-methylpentane</t>
  </si>
  <si>
    <t>604-024-00-8</t>
  </si>
  <si>
    <t>401-720-1</t>
  </si>
  <si>
    <t>6807-17-6</t>
  </si>
  <si>
    <t>(E)-3-[1-[4-[2-(dimethylamino)ethoxy]phenyl]-2-phenylbut-1-enyl]phenol</t>
  </si>
  <si>
    <t>604-073-00-5</t>
  </si>
  <si>
    <t>428-010-4</t>
  </si>
  <si>
    <t>82413-20-5</t>
  </si>
  <si>
    <t>N-methyl-2-pyrrolidone;</t>
  </si>
  <si>
    <t>1-Methyl-2-pyrrolidone</t>
  </si>
  <si>
    <t>606-021-00-7</t>
  </si>
  <si>
    <t>Tetrahydrothiopyran-3-carboxaldehyde</t>
  </si>
  <si>
    <t>606-062-00-0</t>
  </si>
  <si>
    <t>407-330-8</t>
  </si>
  <si>
    <t>61571-06-0</t>
  </si>
  <si>
    <t>2-Butyryl-3-hydroxy-5-thiocyclohexan-3-yl-cyclohex-2-en-1-one</t>
  </si>
  <si>
    <t>606-100-00-6</t>
  </si>
  <si>
    <t>425-150-8</t>
  </si>
  <si>
    <t>94723-86-1</t>
  </si>
  <si>
    <t>Cyclic 3-(1,2-ethanediylacetale)-estra-5(10),9(11)-diene-3,17-dione</t>
  </si>
  <si>
    <t>606-131-00-5</t>
  </si>
  <si>
    <t>427-230-8</t>
  </si>
  <si>
    <t>5571-36-8</t>
  </si>
  <si>
    <t>2-Methoxyethyl acetate; ethylene glycol monomethyl ether acetate; methylglycol acetate</t>
  </si>
  <si>
    <t>607-036-00-1</t>
  </si>
  <si>
    <t>203-772-9</t>
  </si>
  <si>
    <t>2-Ethoxyethyl acetate; ethylene glycol monoethyl ether acetate; ethylglycol acetate</t>
  </si>
  <si>
    <t>607-037-00-7</t>
  </si>
  <si>
    <t>2-Ethylhexyl 3,5-bis(1,1-dimethylethyl)-4-hydroxyphenyl methyl thio acetate</t>
  </si>
  <si>
    <t>607-203-00-9</t>
  </si>
  <si>
    <t>279-452-8</t>
  </si>
  <si>
    <t>80387-97-9</t>
  </si>
  <si>
    <t>Bis(2-Methoxyethyl) phthalate</t>
  </si>
  <si>
    <t>607-228-00-5</t>
  </si>
  <si>
    <t>2-Methoxypropyl acetate</t>
  </si>
  <si>
    <t>607-251-00-0</t>
  </si>
  <si>
    <t>274-724-2</t>
  </si>
  <si>
    <t>70657-70-4</t>
  </si>
  <si>
    <t>Fluazifop-butyl (ISO); butyl (RS)-2-[4-(5-trifluoromethyl-2-pyridyloxy)phenoxy]propionate</t>
  </si>
  <si>
    <t>607-304-00-8</t>
  </si>
  <si>
    <t>274-125-6</t>
  </si>
  <si>
    <t>69806-50-4</t>
  </si>
  <si>
    <t>Vinclozolin (ISO); N-3,5-Dichlorophenyl-5-methyl-5-vinyl-1,3-oxazolidine-2,4-dione</t>
  </si>
  <si>
    <t>607-307-00-4</t>
  </si>
  <si>
    <t>256-599-6</t>
  </si>
  <si>
    <t>50471-44-8</t>
  </si>
  <si>
    <t>607-312-00-1</t>
  </si>
  <si>
    <t>Bis(2-ethylhexyl) phthalate; di-(2-ethylhexyl) phthalate; DEHP</t>
  </si>
  <si>
    <t>607-317-00-9</t>
  </si>
  <si>
    <t>Dibutyl phthalate; DBP</t>
  </si>
  <si>
    <t>607-318-00-4</t>
  </si>
  <si>
    <t>(+/-) tetrahydrofurfuryl (R)-2-[4-(6-chloroquinoxalin-2-yloxy)phenyloxy]propionate</t>
  </si>
  <si>
    <t>607-373-00-4</t>
  </si>
  <si>
    <t>414-200-4</t>
  </si>
  <si>
    <t>119738-06-6</t>
  </si>
  <si>
    <t>1,2-benzenedicarboxylic acid, dipentylester, branched and linear [1]</t>
  </si>
  <si>
    <t>607-426-00-1</t>
  </si>
  <si>
    <t>284-032-2 [1]</t>
  </si>
  <si>
    <t>84777-06-0 [1]</t>
  </si>
  <si>
    <t>n-pentyl-isopentylphthalate [2]</t>
  </si>
  <si>
    <t>[2]</t>
  </si>
  <si>
    <t>di-n-pentyl phthalate [3]</t>
  </si>
  <si>
    <t>205-017-9 [3]</t>
  </si>
  <si>
    <t>131-18-0 [3]</t>
  </si>
  <si>
    <t>Diisopentylphthalate [4]</t>
  </si>
  <si>
    <t>210-088-4 [4]</t>
  </si>
  <si>
    <t>605-50-5 [4]</t>
  </si>
  <si>
    <t>BBP</t>
  </si>
  <si>
    <t>607-430-00-3</t>
  </si>
  <si>
    <t>1,2-Benzenedicarboxylic acid</t>
  </si>
  <si>
    <t>di-C7-11-branched and linear alkylesters</t>
  </si>
  <si>
    <t>607-480-00-6</t>
  </si>
  <si>
    <t>1,2-Benzenedicarboxylic acid;</t>
  </si>
  <si>
    <t>607-483-00-2</t>
  </si>
  <si>
    <t>A mixture of: disodium 4-(3-ethoxycarbonyl-4-(5-(3-ethoxycarbonyl-5-hydroxy-1-(4-sulfonatophenyl)pyrazol-4-yl)penta-2,4-dienylidene)-4,5-dihydro-5-oxopyrazol-1-yl)benzenesulfonate;</t>
  </si>
  <si>
    <t>trisodium 4-(3-ethoxycarbonyl-4-(5-(3-ethoxycarbonyl-5-oxido-1-(4-sulfonatophenyl)pyrazol-4-yl)penta-2,4-dienylidene)-4,5-dihydro-5-oxopyrazol-1-yl)benzenesulfonate</t>
  </si>
  <si>
    <t>607-487-00-4</t>
  </si>
  <si>
    <t>607-623-00-2</t>
  </si>
  <si>
    <t>Perfluorooctane sulfonic acid;</t>
  </si>
  <si>
    <t>607-624-00-8</t>
  </si>
  <si>
    <t>607-698-00-1</t>
  </si>
  <si>
    <t>202-696-3</t>
  </si>
  <si>
    <t>98-73-7</t>
  </si>
  <si>
    <t>Heptadecafluorooctane-1-sulfonic acid; [1]</t>
  </si>
  <si>
    <t>217-179-8 [1]</t>
  </si>
  <si>
    <t>1763-23-1 [1]</t>
  </si>
  <si>
    <t>Potassium perfluorooctanesulfonate;</t>
  </si>
  <si>
    <t>Potassium heptadecafluorooctane-1-sulfonate; [2]</t>
  </si>
  <si>
    <t>220-527-1 [2]</t>
  </si>
  <si>
    <t>2795-39-3 [2]</t>
  </si>
  <si>
    <t>Diethanolamine perfluorooctane sulfonate; [3]</t>
  </si>
  <si>
    <t>274-460-8 [3]</t>
  </si>
  <si>
    <t>70225-14-8 [3]</t>
  </si>
  <si>
    <t>Ammonium perfluorooctane sulfonate;</t>
  </si>
  <si>
    <t>Ammonium heptadecafluorooctanesulfonate; [4]</t>
  </si>
  <si>
    <t>249-415-0 [4]</t>
  </si>
  <si>
    <t>29081-56-9 [4]</t>
  </si>
  <si>
    <t>Lithium perfluorooctane sulfonate;</t>
  </si>
  <si>
    <t>Lithium heptadecafluorooctanesulfonate; [5]</t>
  </si>
  <si>
    <t>249-644-6 [5]</t>
  </si>
  <si>
    <t>29457-72-5 [5]</t>
  </si>
  <si>
    <t>607-702-00-1</t>
  </si>
  <si>
    <t>Ammoniumpentadecafluorooctanoate</t>
  </si>
  <si>
    <t>607-703-00-7</t>
  </si>
  <si>
    <t>607-704-00-2</t>
  </si>
  <si>
    <t>609-003-00-7</t>
  </si>
  <si>
    <t>Dinocap (ISO);</t>
  </si>
  <si>
    <t>(RS)-2,6-dinitro-4-octylphenyl crotonates and (RS)-2,4-dinitro-6-octylphenyl crotonates in which ‘octyl’ is a reaction mass of 1-methylheptyl, 1-ethylhexyl and 1-propylpentyl groups</t>
  </si>
  <si>
    <t>609-023-00-6</t>
  </si>
  <si>
    <t>254-408-0</t>
  </si>
  <si>
    <t>39300-45-3</t>
  </si>
  <si>
    <t>Binapacryl (ISO); 2-sec-butyl-4,6-dinitrophenyl-3-methylcrotonate</t>
  </si>
  <si>
    <t>609-024-00-1</t>
  </si>
  <si>
    <t>207-612-9</t>
  </si>
  <si>
    <t>485-31-4</t>
  </si>
  <si>
    <t>Dinoseb; 6-sec-butyl-2,4-dinitrophenol</t>
  </si>
  <si>
    <t>609-025-00-7</t>
  </si>
  <si>
    <t>Salts and esters of dinoseb, with the exception of those specified elsewhere in this Annex</t>
  </si>
  <si>
    <t>609-026-00-2</t>
  </si>
  <si>
    <t>Dinoterb; 2-tert-butyl-4,6-dinitrophenol</t>
  </si>
  <si>
    <t>609-030-00-4</t>
  </si>
  <si>
    <t>215-813-8</t>
  </si>
  <si>
    <t>1420-07-1</t>
  </si>
  <si>
    <t>Salts and esters of dinoterb</t>
  </si>
  <si>
    <t>609-031-00-X</t>
  </si>
  <si>
    <t>Nitrofen (ISO); 2,4 dichlorophenyl 4-nitrophenyl ether</t>
  </si>
  <si>
    <t>2-[2-hydroxy-3-(2-chlorophenyl)carbamoyl-1-naphthylazo]-7-[2-hydroxy-3-(3-methylphenyl)carbamoyl-1-naphthylazo]fluoren-9-one</t>
  </si>
  <si>
    <t>611-131-00-3</t>
  </si>
  <si>
    <t>420-580-2</t>
  </si>
  <si>
    <t>Azafenidin</t>
  </si>
  <si>
    <t>611-140-00-2</t>
  </si>
  <si>
    <t>68049-83-2</t>
  </si>
  <si>
    <t>Chloro-N,N-dimethylformiminium chloride</t>
  </si>
  <si>
    <t>612-250-00-3</t>
  </si>
  <si>
    <t>425-970-6</t>
  </si>
  <si>
    <t>3724-43-4</t>
  </si>
  <si>
    <t>7-Methoxy-6-(3-morpholin-4-yl-propoxy)-3H-quinazolin-4-one;</t>
  </si>
  <si>
    <t>612-253-01-7</t>
  </si>
  <si>
    <t>429-400-7</t>
  </si>
  <si>
    <t>199327-61-2</t>
  </si>
  <si>
    <t>Tridemorph (ISO); 2,6-dimethyl-4-tridecylmorpholine</t>
  </si>
  <si>
    <t>613-020-00-5</t>
  </si>
  <si>
    <t>246-347-3</t>
  </si>
  <si>
    <t>24602-86-6</t>
  </si>
  <si>
    <t>Ethylene thiourea; imidazolidine-2-thione; 2-imidazoline-2-thiol</t>
  </si>
  <si>
    <t>613-039-00-9</t>
  </si>
  <si>
    <t>Cycloheximide</t>
  </si>
  <si>
    <t>613-140-00-8</t>
  </si>
  <si>
    <t>200-636-0</t>
  </si>
  <si>
    <t>66-81-9</t>
  </si>
  <si>
    <t>613-166-00-X</t>
  </si>
  <si>
    <t>103361-09-7</t>
  </si>
  <si>
    <t>(2RS,3RS)-3-(2-Chlorophenyl)-2-(4-fluorophenyl)-[(1H-1,2,4-triazol-1-yl)-methyl]oxirane</t>
  </si>
  <si>
    <t>613-175-00-9</t>
  </si>
  <si>
    <t>406-850-2</t>
  </si>
  <si>
    <t>106325-08-0</t>
  </si>
  <si>
    <t>Epoxiconazole (ISO);</t>
  </si>
  <si>
    <t>133855-98-8</t>
  </si>
  <si>
    <t>3-Ethyl-2-methyl-2-(3-methylbutyl)-1,3-oxazolidine</t>
  </si>
  <si>
    <t>613-191-00-6</t>
  </si>
  <si>
    <t>Ketoconazole;</t>
  </si>
  <si>
    <t>1-[4-[4-[[(2SR,4RS)-2-(2,4-dichlorophenyl)-2-(imidazol-1-ylmethyl)-1,3-dioxolan-4-yl]methoxy]phenyl]piperazin-1-yl]ethanone</t>
  </si>
  <si>
    <t>613-283-00-6</t>
  </si>
  <si>
    <t>265-667-4</t>
  </si>
  <si>
    <t>65277-42-1</t>
  </si>
  <si>
    <t>Potassium 1-methyl-3-morpholinocarbonyl-4-[3-(1-methyl-3-morpholinocarbonyl-5-oxo-2-pyrazolin-4-ylidene)-1-propenyl]pyrazole-5-olate;</t>
  </si>
  <si>
    <t>613-286-01-X</t>
  </si>
  <si>
    <t>418-260-2</t>
  </si>
  <si>
    <t>183196-57-8</t>
  </si>
  <si>
    <t>N, N-dimethylformamide; dimethyl formamide</t>
  </si>
  <si>
    <t>616-001-00-X</t>
  </si>
  <si>
    <t>N, N-Dimethylacetamide</t>
  </si>
  <si>
    <t>616-011-00-4</t>
  </si>
  <si>
    <t>616-052-00-8</t>
  </si>
  <si>
    <t>616-053-00-3</t>
  </si>
  <si>
    <t>N-methylformamide</t>
  </si>
  <si>
    <t>616-056-00-X</t>
  </si>
  <si>
    <t>204-624-6</t>
  </si>
  <si>
    <t>123-39-7</t>
  </si>
  <si>
    <t>N,N-(dimethylamino)thioacetamide hydrochloride</t>
  </si>
  <si>
    <t>616-180-00-4</t>
  </si>
  <si>
    <t>435-470-1</t>
  </si>
  <si>
    <t>27366-72-9</t>
  </si>
  <si>
    <t>N-ethyl-2-pyrrolidone; 1-ethylpyrrolidin-2-one</t>
  </si>
  <si>
    <t>616-208-00-5</t>
  </si>
  <si>
    <t>220-250-6</t>
  </si>
  <si>
    <t>Appendix 8</t>
  </si>
  <si>
    <t>Entry 43 — Azocolourants — List of aromatic amines</t>
  </si>
  <si>
    <t>List of aromatic amines</t>
  </si>
  <si>
    <t>biphenyl-4-ylamine</t>
  </si>
  <si>
    <t>4-aminobiphenyl xenylamine</t>
  </si>
  <si>
    <t>benzidine</t>
  </si>
  <si>
    <t>202-441-6</t>
  </si>
  <si>
    <t>4-amino-2',3-dimethylazobenzene</t>
  </si>
  <si>
    <t>4-o-tolylazo-o-toluidine</t>
  </si>
  <si>
    <t>202-765-8</t>
  </si>
  <si>
    <t>210-406-1</t>
  </si>
  <si>
    <t>4,4'-diaminodiphenylmethane</t>
  </si>
  <si>
    <t>3,3'-dichlorobiphenyl-4,4'-ylenediamine</t>
  </si>
  <si>
    <t>o-dianisidine</t>
  </si>
  <si>
    <t>4,4'-bi-o-toluidine</t>
  </si>
  <si>
    <t>6-methoxy-m-toluidine p-cresidine</t>
  </si>
  <si>
    <t>4,4'-methylene-bis-(2-chloro-aniline)</t>
  </si>
  <si>
    <t>2,2'-dichloro-4,4'-methylene-dianiline</t>
  </si>
  <si>
    <t>202-977-0</t>
  </si>
  <si>
    <t>205-370-9</t>
  </si>
  <si>
    <t>2-aminotoluene</t>
  </si>
  <si>
    <t>205-282-0</t>
  </si>
  <si>
    <t>2-methoxyaniline</t>
  </si>
  <si>
    <t>Appendix 9</t>
  </si>
  <si>
    <t>Entry 43 — Azocolourants — List of azodyes</t>
  </si>
  <si>
    <t>List of azodyes</t>
  </si>
  <si>
    <t>Not allocated</t>
  </si>
  <si>
    <t>Component 1:</t>
  </si>
  <si>
    <t>CAS-No: 118685-33-9</t>
  </si>
  <si>
    <t>Component 2:</t>
  </si>
  <si>
    <t>611-070-00-2</t>
  </si>
  <si>
    <t>A mixture of: disodium (6-(4-anisidino)-3-sulfonato-2-(3,5-dinitro-2-oxidophenylazo)-1-naphtholato)(1-(5-chloro-2-oxidophenylazo)-2-naphtholato)chromate(1-);</t>
  </si>
  <si>
    <t>trisodium bis(6-(4-anisidino)-3-sulfonato-2-(3,5-dinitro-2-oxidophenylazo)-1-naphtholato)chromate(1-)</t>
  </si>
  <si>
    <t>欧州の電気・電子機器における特定有害物質の使用制限に関する指令(RoHS指令)のAnnex IIで指定されている物質(群)。これらの物質(群)は同指令第4条で使用が制限（ただし、Annex IIIに適用除外用途あり）されている。</t>
    <phoneticPr fontId="4"/>
  </si>
  <si>
    <t>＜免責事項＞</t>
  </si>
  <si>
    <t>§763.165   Manufacture and importation prohibitions.</t>
  </si>
  <si>
    <t>(a) After August 27, 1990, no person shall manufacture or import the following asbestos-containing products, either for use in the United States or for export: flooring felt and new uses of asbestos.</t>
  </si>
  <si>
    <t>(b) After August 26, 1996, no person shall manufacture or import the following asbestos-containing products, either for use in the United States or for export: commercial paper, corrugated paper, rollboard, and specialty paper.</t>
  </si>
  <si>
    <t>(c) The import prohibitions of this subpart do not prohibit:</t>
  </si>
  <si>
    <t>(1) The import into the customs territory of the United States of products imported solely for shipment outside the customs territory of the United States, unless further repackaging or processing of the product is performed in the United States; or</t>
  </si>
  <si>
    <t>(2) Activities involving purchases or acquisitions of small quantities of products made outside the customs territory of the United States for personal use in the United States.</t>
  </si>
  <si>
    <t>[59 FR 33209, June 28, 1994]</t>
  </si>
  <si>
    <t>Back to Top</t>
  </si>
  <si>
    <t>§763.167   Processing prohibitions.</t>
  </si>
  <si>
    <t>(a) After August 27, 1990, no person shall process for any use, either in the United States or for export, any of the asbestos-containing products listed at §763.165(a).</t>
  </si>
  <si>
    <t>(b) After August 26, 1996, no person shall process for any use, either in the United States or for export, any of the asbestos-containing products listed at §763.165(b).</t>
  </si>
  <si>
    <t>§763.169   Distribution in commerce prohibitions.</t>
  </si>
  <si>
    <t>(a) After August 25, 1992, no person shall distribute in commerce, either for use in the United States or for export, any of the asbestos-containing products listed at §763.165(a).</t>
  </si>
  <si>
    <t>(b) After August 25, 1997, no person shall distribute in commerce, either for use in the United States or for export, any of the asbestos-containing products listed at §763.165(b).</t>
  </si>
  <si>
    <t>(c) A manufacturer, importer, processor, or any other person who is subject to a ban on distribution in commerce in paragraph (a) or (b) of this section must, within 6 months of the effective date of the ban of a specific asbestos-containing product from distribution in commerce, dispose of all their remaining stock-on-hand of that product, by means that are in compliance with applicable local, State, and Federal restrictions which are current at that time.</t>
  </si>
  <si>
    <t>Bis(2-ethylhexyl) phthalate (DEHP) (0,1 %)</t>
  </si>
  <si>
    <t>Butyl benzyl phthalate (BBP) (0,1 %)</t>
  </si>
  <si>
    <t>Dibutyl phthalate (DBP) (0,1 %)</t>
  </si>
  <si>
    <t>Diisobutyl phthalate (DIBP) (0,1 %)</t>
  </si>
  <si>
    <t>参考URL</t>
  </si>
  <si>
    <t>(a) EEE placed on the market before 1 July 2006;</t>
  </si>
  <si>
    <t>(b) medical devices placed on the market before 22 July 2014;</t>
  </si>
  <si>
    <t>(c) in vitro diagnostic medical devices placed on the market before 22 July 2016;</t>
  </si>
  <si>
    <t>(d) monitoring and control instruments placed on the market before 22 July 2014;</t>
  </si>
  <si>
    <t>(e) industrial monitoring and control instruments placed on the market before 22 July 2017;</t>
  </si>
  <si>
    <t>(f) EEE which benefited from an exemption and which was placed on the market before that exemption expired as far as that specific exemption is concerned.</t>
  </si>
  <si>
    <t>6.  Paragraph 1 shall not apply to the applications listed in Annexes III and IV.</t>
  </si>
  <si>
    <t>EC No: 200-532-5</t>
  </si>
  <si>
    <t>CAS No: 62-38-4</t>
  </si>
  <si>
    <t>EC No: 203-094-3</t>
  </si>
  <si>
    <t>CAS No: 103-27-5</t>
  </si>
  <si>
    <t>EC No: 236-326-7</t>
  </si>
  <si>
    <t>CAS No: 13302-00-6</t>
  </si>
  <si>
    <t>EC No: -</t>
  </si>
  <si>
    <t>CAS No: 13864-38-5</t>
  </si>
  <si>
    <t>EC No: 247-783-7</t>
  </si>
  <si>
    <t>CAS No: 26545-49-3</t>
  </si>
  <si>
    <t>(published in accordance with Article 59(10) of the REACH Regulation)</t>
  </si>
  <si>
    <t>P-83-1005, triethanolamine salt of tricarboxylic acid; and</t>
  </si>
  <si>
    <t>P-83-1062, tricarboxylic acid.</t>
  </si>
  <si>
    <t>(2) Any person using as metalworking fluid a product containing P-83-1005 is prohibited from adding any nitrosating agent to the product.</t>
  </si>
  <si>
    <t>[49 FR 2772, Jan. 23, 1984]</t>
  </si>
  <si>
    <t>[49 FR 24668, June 14, 1984]</t>
  </si>
  <si>
    <t>[49 FR 36855, Sept. 20, 1984]</t>
  </si>
  <si>
    <t>https://www.ecfr.gov/cgi-bin/text-idx?SID=40f7c34fc55fcc0a3bd3fbdb1b60aede&amp;mc=true&amp;node=pt40.34.749&amp;rgn=div5</t>
    <phoneticPr fontId="4"/>
  </si>
  <si>
    <t>(2) All persons are prohibited from commercial use of hexavalent chromium-based water treatment chemicals in comfort cooling towers.</t>
  </si>
  <si>
    <t>(3) Distribution in commerce of hexavalent chromium-based water treatment chemicals for use in, and commercial use of hexavalent chromium-based water treatment chemicals in, industrial cooling towers and closed cooling water systems are not prohibited.</t>
  </si>
  <si>
    <t>[55 FR 240, Jan. 3, 1990, as amended at 59 FR 42773, Aug. 19, 1994]</t>
  </si>
  <si>
    <t>管理対象基準ID</t>
  </si>
  <si>
    <t>対象とする法規制及び業界基準</t>
  </si>
  <si>
    <t>LR02</t>
  </si>
  <si>
    <t>LR03</t>
  </si>
  <si>
    <t>LR04</t>
  </si>
  <si>
    <t>LR05</t>
  </si>
  <si>
    <t>LR06</t>
  </si>
  <si>
    <t>LR07</t>
  </si>
  <si>
    <t>IC01</t>
  </si>
  <si>
    <t>IC02</t>
  </si>
  <si>
    <t>IEC 62474 DB　Declarable substance groups and declarable substances</t>
  </si>
  <si>
    <t>更新内容</t>
    <rPh sb="0" eb="2">
      <t>コウシン</t>
    </rPh>
    <rPh sb="2" eb="4">
      <t>ナイヨウ</t>
    </rPh>
    <phoneticPr fontId="4"/>
  </si>
  <si>
    <t>chemSHERPAでは、管理対象物質を管理対象基準の法規制・業界基準の対象となる化学物質の和集合によって規定しています。</t>
    <phoneticPr fontId="4"/>
  </si>
  <si>
    <t>概要</t>
    <rPh sb="0" eb="2">
      <t>ガイヨウ</t>
    </rPh>
    <phoneticPr fontId="4"/>
  </si>
  <si>
    <t>参考URL</t>
    <rPh sb="0" eb="2">
      <t>サンコウ</t>
    </rPh>
    <phoneticPr fontId="4"/>
  </si>
  <si>
    <t>Subpart B—Manufacturing, Processing, Distribution in Commerce, and Use of PCBs and PCB Items</t>
  </si>
  <si>
    <t>§761.20   Prohibitions and exceptions.</t>
  </si>
  <si>
    <t>Except as authorized in §761.30, the activities listed in paragraphs (a) and (d) of this section are prohibited pursuant to section 6(e)(2) of TSCA. The requirements set forth in paragraph (c) of this section and subpart F of this part concerning export and import of PCBs and PCB Items for disposal are established pursuant to section 6(e)(1) of TSCA. Subject to any exemptions granted pursuant to section 6(e)(3)(B) of TSCA, the activities listed in paragraphs (b) and (c) of this section are prohibited pursuant to section (6)(e)(3)(A) of TSCA. In addition, the Administrator hereby finds, under the authority of section 12(a)(2) of TSCA, that the manufacture, processing, and distribution in commerce of PCBs at concentrations of 50 ppm or greater and PCB Items with PCB concentrations of 50 ppm or greater present an unreasonable risk of injury to health within the United States. This finding is based upon the well-documented human health and environmental hazard of PCB exposure, the high probability of human and environmental exposure to PCBs and PCB Items from manufacturing, processing, or distribution activities; the potential hazard of PCB exposure posed by the transportation of PCBs or PCB Items within the United States; and the evidence that contamination of the environment by PCBs is spread far beyond the areas where they are used. In addition, the Administrator hereby finds, for purposes of section 6(e)(2)(C) of TSCA, that any exposure of human beings or the environment to PCBs, as measured or detected by any scientifically acceptable analytical method, may be significant, depending on such factors as the quantity of PCBs involved in the exposure, the likelihood of exposure to humans and the environment, and the effect of exposure. For purposes of determining which PCB Items are totally enclosed, pursuant to section 6(e)(2)(C) of TSCA, since exposure to such Items may be significant, the Administrator further finds that a totally enclosed manner is a manner which results in no exposure to humans or the environment to PCBs. The following activities are considered totally enclosed: distribution in commerce of intact, nonleaking electrical equipment such as transformers (including transformers used in railway locomotives and self-propelled cars), capacitors, electromagnets, voltage regulators, switches (including sectionalizers and motor starters), circuit breakers, reclosers, and cable that contain PCBs at any concentration and processing and distribution in commerce of PCB Equipment containing an intact, nonleaking PCB Capacitor. See paragraph (c)(1) of this section for provisions allowing the distribution in commerce of PCBs and PCB Items.</t>
  </si>
  <si>
    <t>(a) No persons may use any PCB, or any PCB Item regardless of concentration, in any manner other than in a totally enclosed manner within the United States unless authorized under §761.30, except that:</t>
  </si>
  <si>
    <t>(1) An authorization is not required to use those PCBs or PCB Items which consist of excluded PCB products as defined in §761.3.</t>
  </si>
  <si>
    <t>(2) An authorization is not required to use those PCBs or PCB Items resulting from an excluded manufacturing process or recycled PCBs as defined in §761.3, provided all applicable conditions of §761.1(f) are met.</t>
  </si>
  <si>
    <t>(3) An authorization is not required to use those PCB Items which contain or whose surfaces have been in contact with excluded PCB products as defined in §761.3.</t>
  </si>
  <si>
    <t>(4) An authorization is not required to use sewage sludge where the uses are regulated at parts 257, 258, and 503 of this chapter. No person may blend or otherwise dilute PCBs regulated for disposal, including PCB sewage sludge and sewage sludge not used pursuant to parts 257, 258, and 503 of this chapter, for purposes of use or to avoid disposal requirements under this part. Except as explicitly provided in subpart D of this part, no person may dispose of regulated PCB wastes including, but not limited to, PCB remediation waste, PCB bulk product waste, PCBs, and PCB industrial sludges, into treatment works, as defined in §503.9(aa) of this chapter.</t>
  </si>
  <si>
    <t>(b) No person may manufacture PCBs for use within the United States or manufacture PCBs for export from the United States without an exemption, except that: an exemption is not required for PCBs manufactured in an excluded manufacturing process as defined in §761.3, provided all applicable conditions of §761.1(f) are met.</t>
  </si>
  <si>
    <t>(c) No persons may process or distribute in commerce any PCB, or any PCB Item regardless of concentration, for use within the United States or for export from the United States without an exemption, except that an exemption is not required to process or distribute in commerce PCBs or PCB Items resulting from an excluded manufacturing process as defined in §761.3, or to process or distribute in commerce recycled PCBs as defined in §761.3, or to process or distribute in commerce excluded PCB products as defined in §761.3, provided that all applicable conditions of §761.1(f) are met. In addition, the activities described in paragraphs (c) (1) through (5) of this section may also be conducted without an exemption, under the conditions specified therein.</t>
  </si>
  <si>
    <t>(1) PCBs at concentrations of 50 ppm or greater, or PCB Items with PCB concentrations of 50 ppm or greater, sold before July 1, 1979 for purposes other than resale may be distributed in commerce only in a totally enclosed manner after that date.</t>
  </si>
  <si>
    <t>(2) Any person may process and distribute in commerce for disposal PCBs at concentrations of ≥50 ppm, or PCB Items with PCB concentrations of ≥50 ppm, if they comply with the applicable provisions of this part.</t>
  </si>
  <si>
    <t>(i) Processing activities which are primarily associated with and facilitate storage or transportation for disposal do not require a TSCA PCB storage or disposal approval.</t>
  </si>
  <si>
    <t>(ii) Processing activities which are primarily associated with and facilitate treatment, as defined in §260.10 of this chapter, or disposal require a TSCA PCB disposal approval unless they are part of an existing approval, are part of a self-implementing activity under §761.61(a) or §761.79 (b) or (c), or are otherwise specifically allowed under subpart D of this part.</t>
  </si>
  <si>
    <t>(iii) With the exception of provisions in §761.60 (a)(2) and (a)(3), in order to meet the intent of §761.1(b), processing, diluting, or otherwise blending of waste prior to being introduced into a disposal unit for purposes of meeting a PCB concentration limit shall be done in accordance with a TSCA PCB disposal approval or comply with the requirements of §761.79.</t>
  </si>
  <si>
    <t>(iv) Where the rate of delivering liquids or non-liquids into a PCB disposal unit is an operating parameter, this rate shall be a condition of the TSCA PCB disposal approval for the unit when an approval is required.</t>
  </si>
  <si>
    <t>(3) PCBs and PCB Items may be exported for disposal in accordance with the requirements of subpart F of this part.</t>
  </si>
  <si>
    <t>(4) PCBs, at concentrations of less than 50 ppm, or PCB Items, with concentrations of less than 50 ppm, may be processed and distributed in commerce for purposes of disposal.</t>
  </si>
  <si>
    <t>(5) Decontaminated materials. Any person may distribute in commerce equipment, structures, or other liquid or non-liquid materials that were contaminated with PCBs ≥50 ppm, including those not otherwise authorized for distribution in commerce under this part, provided that one of the following applies:</t>
  </si>
  <si>
    <t>(i) The materials were decontaminated in accordance with a TSCA PCB disposal approval issued under subpart D of this part, with §761.79, or with applicable EPA PCB spill cleanup policies in effect at the time of the decontamination.</t>
  </si>
  <si>
    <t>(ii) If not previously decontaminated, the materials now meet an applicable decontamination standard in §761.79(b).</t>
  </si>
  <si>
    <t>(d) The use of waste oil that contains any detectable concentration of PCB as a sealant, coating, or dust control agent is prohibited. Prohibited uses include, but are not limited to, road oiling, general dust control, use as a pesticide or herbicide carrier, and use as a rust preventative on pipes.</t>
  </si>
  <si>
    <t>(e) In addition to any applicable requirements under 40 CFR part 279, subparts G and H, marketers and burners of used oil who market (process or distribute in commerce) for energy recovery, used oil containing any quantifiable level of PCBs are subject to the following requirements:</t>
  </si>
  <si>
    <t>(i) Qualified incinerators as defined in 40 CFR 761.3.</t>
  </si>
  <si>
    <t>(ii) Marketers who market off-specification used oil for energy recovery only to other marketers who have notified EPA of their used oil management activities, and who have an EPA identification number where an identification number is required by 40 CFR 279.73. This would include persons who market off-specification used oil who are subject to the requirements at 40 CFR part 279 and the notification requirements of 40 CFR 279.73.</t>
  </si>
  <si>
    <t>(iii) Burners identified in 40 CFR 279.61(a)(1) and (2). Only burners in the automotive industry may burn used oil generated from automotive sources in used oil-fired space heaters provided the provisions of 40 CFR 279.23 are met. The Regional Administrator may grant a variance for a boiler that does not meet the 40 CFR 279.61(a)(1) and (2) criteria after considering the criteria listed in 40 CFR 260.32 (a) through (f). The applicant must address the relevant criteria contained in 40 CFR 260.32 (a) through (f) in an application to the Regional Administrator.</t>
  </si>
  <si>
    <t>(i) The person who first claims that a used oil fuel does not contain quantifiable level (2 ppm) PCB must obtain analyses or other information to support that claim.</t>
  </si>
  <si>
    <t>(ii) Testing to determine the PCB concentration in used oil may be conducted on individual samples, or in accordance with the testing procedures described in §761.60(g)(2). However, for purposes of this part, if any PCBs at a concentration of 50 ppm or greater have been added to the container or equipment, then the total container contents must be considered as having a PCB concentration of 50 ppm or greater for purposes of complying with the disposal requirements of this part.</t>
  </si>
  <si>
    <t>(iii) Other information documenting that the used oil fuel does not contain quantifiable levels (2 ppm) of PCBs may consist of either personal, special knowledge of the source and composition of the used oil, or a certification from the person generating the used oil claiming that the oil contains no detectable PCBs.</t>
  </si>
  <si>
    <t>(ii) Before a burner accepts from a marketer the first shipment of used oil fuel containing detectable PCBs (2 ppm), the burner must provide the marketer a one-time written and signed notice certifying that:</t>
  </si>
  <si>
    <t>(A) The burner has complied with any notification requirements applicable to “qualified incinerators” (§761.3) or to “burners” regulated under 40 CFR part 279, subpart G.</t>
  </si>
  <si>
    <t>(B) The burner will burn the used oil only in a combustion facility identified in paragraph (e)(1) of this section and identify the class of burner he qualifies.</t>
  </si>
  <si>
    <t>(Sec. 6, Pub. L. 94-469, 90 Stat. 2020, (15 U.S.C. 2605)</t>
  </si>
  <si>
    <t>[44 FR 31542, May 31, 1979. Redesignated at 47 FR 19527, May 6, 1982, and amended at 49 FR 25241, June 20, 1984; 49 FR 28190, July 10, 1984; 49 FR 44638, Nov. 8, 1984; 53 FR 12524, Apr. 15, 1988; 53 FR 24220, June 27, 1988; 58 FR 15435, Mar. 23, 1993; 58 FR 34205, June 23, 1993; 60 FR 34465, July 3, 1995; 61 FR 11106, Mar. 18, 1996; 63 FR 35439, June 29, 1998; 64 FR 33760, June 24, 1999]</t>
  </si>
  <si>
    <t>情報源と更新情報</t>
    <rPh sb="0" eb="2">
      <t>ジョウホウ</t>
    </rPh>
    <rPh sb="2" eb="3">
      <t>ミナモト</t>
    </rPh>
    <rPh sb="4" eb="6">
      <t>コウシン</t>
    </rPh>
    <rPh sb="6" eb="8">
      <t>ジョウホウ</t>
    </rPh>
    <phoneticPr fontId="4"/>
  </si>
  <si>
    <t>連邦電子規則集（一部抜粋）</t>
    <rPh sb="0" eb="2">
      <t>レンポウ</t>
    </rPh>
    <rPh sb="2" eb="4">
      <t>デンシ</t>
    </rPh>
    <rPh sb="4" eb="6">
      <t>キソク</t>
    </rPh>
    <rPh sb="6" eb="7">
      <t>シュウ</t>
    </rPh>
    <rPh sb="8" eb="10">
      <t>イチブ</t>
    </rPh>
    <rPh sb="10" eb="12">
      <t>バッスイ</t>
    </rPh>
    <phoneticPr fontId="4"/>
  </si>
  <si>
    <t>Perfluorohexane-1-sulphonic acid and its salts</t>
  </si>
  <si>
    <t>07/07/2017</t>
  </si>
  <si>
    <t>vPvB (Article 57e)</t>
  </si>
  <si>
    <t>PFHxS</t>
  </si>
  <si>
    <t>Endocrine disrupting properties (Article 57(f) - human health)</t>
  </si>
  <si>
    <t>Endocrine disrupting properties (Article 57(f) - environment)</t>
  </si>
  <si>
    <t>Respiratory sensitising properties (Article 57(f) - human health)</t>
  </si>
  <si>
    <t>75-12-7</t>
  </si>
  <si>
    <t>77-09-8</t>
  </si>
  <si>
    <t xml:space="preserve">本資料では、各基準の対象物質や閾値、対象用途、規制概要を提供します。
管理対象物質検索用リストに用いられる管理対象基準の物質情報を元の法律テキストや業界基準リスト等から原本のまま収載しています。したがって誤記があっても修正していません。また、ソースに環境依存文字が含まれている可能性もあります。
</t>
    <rPh sb="0" eb="1">
      <t>ホン</t>
    </rPh>
    <rPh sb="1" eb="3">
      <t>シリョウ</t>
    </rPh>
    <rPh sb="6" eb="7">
      <t>カク</t>
    </rPh>
    <rPh sb="7" eb="9">
      <t>キジュン</t>
    </rPh>
    <rPh sb="10" eb="12">
      <t>タイショウ</t>
    </rPh>
    <rPh sb="12" eb="14">
      <t>ブッシツ</t>
    </rPh>
    <rPh sb="15" eb="17">
      <t>イキチ</t>
    </rPh>
    <rPh sb="18" eb="20">
      <t>タイショウ</t>
    </rPh>
    <rPh sb="20" eb="22">
      <t>ヨウト</t>
    </rPh>
    <rPh sb="23" eb="25">
      <t>キセイ</t>
    </rPh>
    <rPh sb="25" eb="27">
      <t>ガイヨウ</t>
    </rPh>
    <rPh sb="28" eb="30">
      <t>テイキョウ</t>
    </rPh>
    <phoneticPr fontId="4"/>
  </si>
  <si>
    <t xml:space="preserve"> JAMPは、chemSHERPA参照リストの所有および利用によって生じた損害について、一切の責任を負うものではありません。</t>
    <phoneticPr fontId="4"/>
  </si>
  <si>
    <t>75-01-4</t>
  </si>
  <si>
    <t>95-06-7</t>
  </si>
  <si>
    <t>7758-01-2</t>
  </si>
  <si>
    <t>96-12-8</t>
  </si>
  <si>
    <t>98-07-7</t>
  </si>
  <si>
    <t>2425-06-1</t>
  </si>
  <si>
    <t>6804-07-5</t>
  </si>
  <si>
    <t>8002-05-9</t>
  </si>
  <si>
    <t>8009-03-8</t>
  </si>
  <si>
    <t>— in mixtures, including waste oils, or in equipment, in concentrations greater than 50 mg/kg (0,005 % by weight).</t>
  </si>
  <si>
    <t>1.  Shall not be used in toys or parts of toys where the concentration of benzene in the free state is greater than 5 mg/kg (0,0005 %) of the weight of the toy or part of toy.</t>
  </si>
  <si>
    <t>— as a constituent of other substances, or in mixtures, in concentrations equal to, or greater than 0,1 % by weight.</t>
  </si>
  <si>
    <t>3.  However, paragraphs 1 and 2 shall not apply to stink bombs containing not more than 1,5 ml of liquid.</t>
  </si>
  <si>
    <t>Shall not be placed on the market, or used, as substances or in mixtures in concentrations greater than 0,1 % by weight.</t>
  </si>
  <si>
    <t>(a)  Dioctyltin (DOT) compounds shall not be used after 1 January 2012 in the following articles for supply to, or use by, the general public, where the concentration in the article, or part thereof, is greater than the equivalent of 0,1 % by weight of tin:</t>
  </si>
  <si>
    <t>Shall not be placed on the market, or used, as a substance, or in mixtures in a concentration equal to, or greater than 0,1 % by weight.</t>
  </si>
  <si>
    <t>However, the first paragraph shall not apply to this substance (DBB) or mixtures containing it if these are intended solely for conversion into articles, among which this substance will no longer feature in a concentration equal to or greater than 0,1 %.</t>
  </si>
  <si>
    <t>— mixtures and articles containing recovered PVC if their concentration of cadmium (expressed as Cd metal) does not exceed 0,1 % by weight of the plastic material in the following rigid PVC applications:</t>
  </si>
  <si>
    <t>(i)  benzo[a]pyrene at a concentration of less than 50 mg/kg (0,005 % by weight), and</t>
  </si>
  <si>
    <t>(ii)  water extractable phenols at a concentration of less than 3 % by weight.</t>
  </si>
  <si>
    <t>— as constituents of other substances, or in mixtures in concentrations equal to or greater than 0,1 % by weight,</t>
  </si>
  <si>
    <t>2.  Without prejudice to the application of other Community provisions on the classification, packaging and labelling of substances and mixtures, suppliers shall ensure before the placing on the market that the packaging of such substances and mixtures containing them in concentrations equal to or greater than 0,1 % by weight is visibly, legibly and indelibly marked as follows:</t>
  </si>
  <si>
    <t>1.  Azodyes which, by reductive cleavage of one or more azo groups, may release one or more of the aromatic amines listed in Appendix 8, in detectable concentrations, i.e. above 30 mg/kg (0,003 % by weight) in the articles or in the dyed parts thereof, according to the testing methods listed in Appendix 10, shall not be used, in textile and leather articles which may come into direct and prolonged contact with the human skin or oral cavity, such as:</t>
  </si>
  <si>
    <t>3.  Azodyes, which are contained in Appendix 9, ‘List of azodyes’ shall not be placed on the market, or used, as substances, or in mixtures in concentrations greater than 0,1 % by weight, where the substance or the mixture is intended for colouring textile and leather articles.</t>
  </si>
  <si>
    <t>— as a constituent of other substances, or in mixtures, in concentrations greater than 0,1 % by weight.</t>
  </si>
  <si>
    <t>2.  Articles shall not be placed on the market if they, or flame-retardant parts thereof, contain this substance in concentrations greater than 0,1 % by weight.</t>
  </si>
  <si>
    <t>Shall not be placed on the market, or used, as substances or in mixtures in concentrations equal to or greater than 0,1 % by weight for the following purposes:</t>
  </si>
  <si>
    <t>1.  Shall not be placed on the market after 3 February 2021 in textile articles which can reasonably be expected to be washed in water during their normal lifecycle, in concentrations equal to or greater than 0,01 % by weight of that textile article or of each part of the textile article.</t>
  </si>
  <si>
    <t>3.  For the purposes of paragraphs 1 and 2, ‘textile article’ means any unfinished, semi-finished or finished product which is composed of at least 80 % textile fibres by weight, or any other product that contains a part which is composed of at least 80 % textile fibres by weight, including products such as clothing, accessories, interior textiles, fibres, yarn, fabrics and knitted panels.</t>
  </si>
  <si>
    <t>Shall not be placed on the market, or used, as a substance or in mixtures in a concentration equal to or greater than 0,1 % by weight where the substance or mixture is used in adhesives or spray paints intended for supply to the general public.</t>
  </si>
  <si>
    <t>Shall not be placed on the market, or used, as a substance or in mixtures in a concentration equal to or greater than 0,1 % by weight for any use except:</t>
  </si>
  <si>
    <t>— more than 1 mg/kg (0,0001 % by weight) BaP, or,</t>
  </si>
  <si>
    <t>— more than 10 mg/kg (0,001 % by weight) of the sum of all listed PAHs.</t>
  </si>
  <si>
    <t>Shall not be placed on the market after 27 June 2010, for supply to the general public, as a constituent of paints, paint strippers, cleaning agents, self-shining emulsions or floor sealants in concentrations equal to or greater than 0,1 % by weight.</t>
  </si>
  <si>
    <t>1.  Shall not be placed on the market for the first time after 27 June 2010, for supply to the general public, as a constituent of spray paints or spray cleaners in aerosol dispensers in concentrations equal to or greater than 3 % by weight.</t>
  </si>
  <si>
    <t>3.  Without prejudice to other Community legislation concerning the classification, packaging and labelling of substances and mixtures, suppliers shall ensure before the placing on the market that paints other than spray paints containing DEGBE in concentrations equal to or greater than 3 % by weight of that are placed on the market for supply to the general public are visibly, legibly and indelibly marked by 27 December 2010 as follows:</t>
  </si>
  <si>
    <t>1.  Shall not be placed on the market after 27 December 2010, as a constituent of mixtures in concentrations equal to or greater than 0,1 % by weight of MDI for supply to the general public, unless suppliers shall ensure before the placing on the market that the packaging:</t>
  </si>
  <si>
    <t>1.  Shall not be placed on the market for the first time after 27 June 2010, for supply to the general public, as a constituent of neoprene-based contact adhesives in concentrations equal to or greater than 0,1 % by weight in package sizes greater than 350 g.</t>
  </si>
  <si>
    <t>3.  Without prejudice to other Community legislation concerning the classification, packaging and labelling of substances and mixtures, suppliers shall ensure before the placing on the market that neoprene-based contact adhesives containing cyclohexane in concentrations equal to or greater than 0,1 % by weight that are placed on the market for supply to the general public after 27 December 2010 are visibly, legibly and indelibly marked as follows:</t>
  </si>
  <si>
    <t>1.  Paint strippers containing dichloromethane in a concentration equal to or greater than 0,1 % by weight shall not be:</t>
  </si>
  <si>
    <t>4.  Without prejudice to other Community legislation on workers protection, paint strippers containing dichloromethane in concentrations equal to or greater than 0,1 % by weight may be used in industrial installations only if the following minimum conditions are met:</t>
  </si>
  <si>
    <t>5.  Without prejudice to other Community provisions concerning the classification, labelling and packaging of substances and mixtures, by 6 December 2011 paint strippers containing dichloromethane in a concentration equal to or greater than 0,1 % by weight shall be visibly, legibly and indelibly marked as follows:</t>
  </si>
  <si>
    <t>Shall not be placed on the market or used as a substance or constituent of mixtures in a concentration, equal to or greater than 0,1 % by weight for grouting applications after 5 November 2012.</t>
  </si>
  <si>
    <t>Shall not be used in articles or any parts thereof in concentrations greater than 0,1 mg/kg.</t>
  </si>
  <si>
    <t>Articles or any parts thereof containing DMF in concentrations greater than 0,1 mg/kg shall not be placed on the market.</t>
  </si>
  <si>
    <t>62.  </t>
  </si>
  <si>
    <t>(a)  Phenylmercury acetate</t>
  </si>
  <si>
    <t>(b)  Phenylmercury propionate</t>
  </si>
  <si>
    <t>(c)  Phenylmercury 2-ethylhexanoate</t>
  </si>
  <si>
    <t>(d)  Phenylmercury octanoate</t>
  </si>
  <si>
    <t>(e)  Phenylmercury neodecanoate</t>
  </si>
  <si>
    <t>1.  Shall not be manufactured, placed on the market or used as substances or in mixtures after 10 October 2017 if the concentration of mercury in the mixtures is equal to or greater than 0,01 % by weight.</t>
  </si>
  <si>
    <t>2.  Articles or any parts thereof containing one or more of these substances shall not be placed on the market after 10 October 2017 if the concentration of mercury in the articles or any part thereof is equal to or greater than 0,01 % by weight.</t>
  </si>
  <si>
    <t>Shall not be placed on the market or used, as a substance or as a constituent of mixtures in a concentration equal to or greater than 1 % by weight, where the substance or the mixture is placed on the market for use or used as an air freshener or deodoriser in toilets, homes, offices or other indoor public areas.</t>
  </si>
  <si>
    <t>(d)  the relative humidity shall be 90 % instead of 50 %;</t>
  </si>
  <si>
    <t>66.  Bisphenol A</t>
  </si>
  <si>
    <t>CAS No 80-05-7</t>
  </si>
  <si>
    <t>Shall not be placed on the market in thermal paper in a concentration equal to or greater than 0,02 % by weight after 2 January 2020.</t>
  </si>
  <si>
    <t>The classification as a carcinogen or mutagen need not apply if it can be shown that the substance contains less than 0,1 % w/w benzene (EC No 200-753-7).</t>
  </si>
  <si>
    <t>The classification as a carcinogen or mutagen need not apply if it can be shown that the substance contains less than 0,1 % w/w 1,3-butadiene (EC No 203-450-8).</t>
  </si>
  <si>
    <t>The classification as a carcinogen need not apply if it can be shown that the substance contains less than 3 % DMSO extract as measured by IP 346.</t>
  </si>
  <si>
    <t>The classification as a carcinogen need not apply if it can be shown that the substance contains less than 0,005 % w/w benzo[a]-pyrene (EC No 200-028-5).</t>
  </si>
  <si>
    <t>(The residue from the distillation of high temperature coal tar. A black solid with an approximate softening point from 30 °C to 180 °C (86 °F to 356 °F). Composed primarily of a complex mixture of three or more membered condensed ring aromatic hydrocarbons.)</t>
  </si>
  <si>
    <t>(The condensation product obtained by cooling, to approximately ambient temperature, the gas evolved in the high temperature (greater than 700 °C) destructive distillation of coal. A black viscous liquid denser than water. Composed primarily of a complex mixture of condensed ring aromatic hydrocarbons. May contain minor amounts of phenolic compounds and aromatic nitrogen bases.)</t>
  </si>
  <si>
    <t>(The condensation product obtained by cooling, to approximately ambient temperature, the gas evolved in low temperature (less than 700 °C) destructive distillation of coal. A black viscous liquid denser than water. Composed primarily of condensed ring aromatic hydrocarbons, phenolic compounds, aromatic nitrogen bases, and their alkyl derivatives.)</t>
  </si>
  <si>
    <t>(An oil distilled from brown-coal tar. Composed primarily of aliphatic, naphthenic and one- to three-ring aromatic hydrocarbons, their alkyl derivates, heteroaromatics and one- and two-ring phenols boiling in the range of approximately 150 °C to 360 °C.)</t>
  </si>
  <si>
    <t>(A complex combination of hydrocarbons produced by the distillation of products from a steam cracking process. It consists predominantly of propylene with some propane and boils in the range of approximately - 70 °C to 0 °C.)</t>
  </si>
  <si>
    <t>[containing &lt; 0,1 % 4-chloroaniline (EC No 203-401-0)]</t>
  </si>
  <si>
    <t>(The distillate from lignite tar boiling in the range of approximately 80 to 250 °C. Composed primarily of aliphatic and aromatic hydrocarbons and monobasic phenols.)</t>
  </si>
  <si>
    <t>(A residue from the distillation of crude benzole to remove benzole fronts. Composed primarily of benzene, toluene and xylenes boiling in the range of approximately 75 to 200 °C.)</t>
  </si>
  <si>
    <t>(The redistillate from the distillate, freed of tar acids and tar bases, from bituminous coal high temperature tar boiling in the approximate range of 90 to 160 °C. It consists predominantly of benzene, toluene and xylenes.)</t>
  </si>
  <si>
    <t>(A complex combination of hydrocarbons obtained by the redistillation of the distillate of high temperature coal tar (tar acid and tar base free). It consists predominantly of unsubstituted and substituted mononuclear aromatic hydrocarbons boiling in the range of 85 to 195 °C.)</t>
  </si>
  <si>
    <t>(The distillate from aromatic hydrocarbons, coumarone, naphthalene and indene rich prefractionator bottoms or washed carbolic oils, having an approximate boiling range of 155 to 180 °C. Composed primarily of indene, indan and trimethylbenzenes.)</t>
  </si>
  <si>
    <t>(The distillate from either high temperature coal tar, coke oven light oil, or coal tar oil alkaline extract residue having an approximate distillation range of 130 to 210 °C. Composed primarily of indene and other polycyclic ring systems containing a single aromatic ring. May contain phenolic compounds and aromatic nitrogen bases.)</t>
  </si>
  <si>
    <t>(A distillate from the fractional distillation of high temperature coal tar. Composed primarily of alkyl-substituted one ring aromatic hydrocarbons boiling in the range of approximately 135 to 210 °C. May also include unsaturated hydrocarbons such as indene and coumarone.)</t>
  </si>
  <si>
    <t>(This oil is a complex mixture of aromatic hydrocarbons, primarily indene, naphthalene, coumarone, phenol and o-, m- and p-cresol and boiling in the range of 140 to 215 °C.)</t>
  </si>
  <si>
    <t>(A complex combination of hydrocarbons obtained by distillation of coal tar. It consists of aromatic and other hydrocarbons, phenolic compounds and aromatic nitrogen compounds and distills at the approximate range of 150 to 210 °C.)</t>
  </si>
  <si>
    <t>(The distillate from high temperature coal tar having an approximate distillation range of 130 to 250 °C. Composed primarily of naphthalene, alkylnaphthalenes, phenolic compounds, and aromatic nitrogen bases.)</t>
  </si>
  <si>
    <t>(The complex combination of polyalkylated pyridines derived from coal tar distillation or as high-boiling distillates approximately above 150 °C from the reaction of ammonia with acetaldehyde, formaldehyde or paraformaldehyde.)</t>
  </si>
  <si>
    <t>(Pyridine bases boiling in the range of approximately 125 to 160 °C obtained by distillation of neutralised acid extract of the base-containing tar fraction obtained by the distillation of bituminous coal tars. Composed chiefly of lutidines and picolines.)</t>
  </si>
  <si>
    <t>(The distillation fraction boiling in the range of approximately 181 to 186 °C from the crude bases obtained from the neutralised, acid-extracted base-containing tar fractions obtained by the distillation of bituminous coal tar. It contains chiefly aniline and collidines.)</t>
  </si>
  <si>
    <t>(The distillation fraction boiling in the range of approximately 180 to 200 °C from the crude bases obtained by dephenolating and debasing the carbolated oil from the distillation of coal tar. It contains chiefly aniline, collidines, lutidines and toluidines.)</t>
  </si>
  <si>
    <t>(A complex combination of hydrocarbons obtained as a redistillate from the fractional distillation of bituminous coal high temperature tar and residual oils that are obtained by the pyrolytic production of alkenes and alkynes from petroleum products or natural gas. It consists predominantly of indene and boils in a range of approximately 160 to 190 °C.)</t>
  </si>
  <si>
    <t>(The redistillate obtained from the fractional distillation of bituminous coal high temperature tar and pyrolysis residual oils and boiling in the range of approximately 190 to 270 °C. Composed primarily of substituted dinuclear aromatics.)</t>
  </si>
  <si>
    <t>(The redistillate from the fractional distillation of dephenolated and debased methylnaphthalene oil obtained from bituminous coal high temperature tar and pyrolysis residual oils boiling in the approximate range of 220 to 230 °C. It consists predominantly of unsubstituted and substituted dinuclear aromatic hydrocarbons.)</t>
  </si>
  <si>
    <t>(A neutral oil obtained by debasing and dephenolating the oil obtained from the distillation of high temperature tar and pyrolysis residual oils which has a boiling range of 225 to 255 °C. Composed primarily of substituted dinuclear aromatic hydrocarbons.)</t>
  </si>
  <si>
    <t>(Residue from the distillation of dephenolated and debased methylnaphthalene oil (from bituminous coal tar and pyrolysis residual oils) with a boiling range of 240 to 260 °C. Composed primarily of substituted dinuclear aromatic and heterocyclic hydrocarbons.)</t>
  </si>
  <si>
    <t>(A complex combination of hydrocarbons obtained as a redistillate from the distillation of wash oil. It consists predominantly of two-ringed aromatic and heterocyclic hydrocarbons boiling in the range of approximately 260 to 290 °C.)</t>
  </si>
  <si>
    <t>(Distillate from the fractional distillation of coal tar of bituminous coal, with boiling range of 240 to 400 °C. Composed primarily of tri- and polynuclear hydrocarbons and heterocyclic compounds.)</t>
  </si>
  <si>
    <t>(A complex combination of hydrocarbons from the base-freed fraction obtained from the distillation of coal tar and boiling in the range of approximately 325 to 365 °C. It contains predominantly anthracene and phenanthrene and their alkyl derivatives.)</t>
  </si>
  <si>
    <t>(The distillate from coal tar having an approximate distillation range of 100 to 450 °C. Composed primarily of two to four membered condensed ring aromatic hydrocarbons, phenolic compounds, and aromatic nitrogen bases.)</t>
  </si>
  <si>
    <t>(The distillate from the distillation of the pitch obtained from bituminous high temperature tar. Composed primarily of tri- and polynuclear aromatic hydrocarbons and boiling in the range of approximately 300 to 470 °C. The product may also contain heteroatoms.)</t>
  </si>
  <si>
    <t>(The oil obtained from condensation of the vapours from the heat treatment of pitch. Composed primarily of two-to four-ring aromatic compounds boiling in the range of 200 to greater than 400 °C.)</t>
  </si>
  <si>
    <t>(The redistillate obtained from the fractional distillation of pitch distillate boiling in the range of approximately 350 to 400 °C. Consists predominantly of tri- and polynuclear aromatic and heterocyclic hydrocarbons.)</t>
  </si>
  <si>
    <t>(The redistillate obtained from the fractional distillation of pitch distillate and boiling in the range of approximately 380 to 410 °C. Composed primarily of tri- and polynuclear aromatic hydrocarbons and heterocyclic compounds.)</t>
  </si>
  <si>
    <t>(The heat treated residue from the distillation of high temperature coal tar. A black solid with an approximate softening point from 80 to 180 °C. Composed primarily of a complex mixture of three or more membered condensed ring aromatic hydrocarbons.)</t>
  </si>
  <si>
    <t>(The residue obtained during the distillation of high boiling fractions from bituminous coal high temperature tar and/or pitch coke oil, with a softening point of 140 to 170 °C according to DIN 52025. Composed primarily of tri- and polynuclear aromatic compounds which also contain heteroatoms.)</t>
  </si>
  <si>
    <t>(Residue from the fractional distillation of pitch distillate boiling in the range of approximately 400 to 470 °C. Composed primarily of polynuclear aromatic hydrocarbons, and heterocyclic compounds.)</t>
  </si>
  <si>
    <t>(The condensation product obtained by cooling, to approximately ambient temperature, the gas evolved in the high temperature (greater than 700 °C) destructive distillation of coal. Composed primarily of a complex mixture of condensed ring aromatic hydrocarbons with a high solid content of coal-type materials.)</t>
  </si>
  <si>
    <t>(Residues from fractional distillation of low temperature coal tar to remove oils that boil in a range up to approximately 300 °C. Composed primarily of aromatic compounds.)</t>
  </si>
  <si>
    <t>(A complex black solid or semi-solid obtained from the distillation of a low temperature coal tar. It has a softening point within the approximate range of 40 to 180 °C. Composed primarily of a complex mixture of hydrocarbons.)</t>
  </si>
  <si>
    <t>(The product obtained by air-blowing, at elevated temperature, low-temperature coal tar pitch. It has a softening-point within the approximate range of 70to 180 °C. Composed primarily of a complex mixture of hydrocarbons.)</t>
  </si>
  <si>
    <t>(A complex black solid obtained by the heat treatment of low temperature coal tar pitch. It has a softening point within the approximate range of 50 to 140 °C. Composed primarily of a complex mixture of aromatic compounds.)</t>
  </si>
  <si>
    <t>(The distillate from a mixture of coal and tar and aromatic petroleum streams having an approximate distillation range of 220 to 450 °C. Composed primarily of three- to four-membered condensed ring aromatic hydrocarbons.)</t>
  </si>
  <si>
    <t>(The residue from the distillation of a mixture of coal tar and aromatic petroleum streams. A solid with a softening point from 40 to 180 °C. Composed primarily of a complex combination of three or more membered condensed ring aromatic hydrocarbons.)</t>
  </si>
  <si>
    <t>(Residue from the distillation of crude phenanthrene boiling in the approximate range of 340 to 420 °C. It consists predominantly of phenanthrene, anthracene and carbazole.)</t>
  </si>
  <si>
    <t>[The residue from the fractional distillation of wash oil boiling in the approximate range of 270 °C to 330 °C (518 °F to 626 °F). It consists predominantly of dinuclear aromatic and heterocyclic hydrocarbons.]</t>
  </si>
  <si>
    <t>(The complex combination of hydrocarbons obtained from prefractionation (continuous distillation) of coke oven light oil. It consists predominantly of naphthalene, coumarone and indene and boils above 148 °C.)</t>
  </si>
  <si>
    <t>[A complex combination of hydrocarbons obtained by the distillation of coal tar. It consists primarily of aromatic and other hydrocarbons, phenolic compounds and aromatic nitrogen compounds and distills in the approximate range of 200 °C to 250 °C (392 °F to 482 °F).]</t>
  </si>
  <si>
    <t>(A complex combination of organic compounds obtained as a filtrate from the crystallisation of the naphthalene fraction from coal tar and boiling in the range of approximately 200 to 230 °C. Contains chiefly naphthalene, thionaphthene and alkylnaphthalenes.)</t>
  </si>
  <si>
    <t>(The distillation from alkali-washed naphthalene oil having an approximate distillation range of 180 to 220 °C. Composed primarily of naphthalene, alkylbenzenes, indene and indan.)</t>
  </si>
  <si>
    <t>(A distillate from the fractional distillation of high temperature coal tar. Composed primarily of substituted two ring aromatic hydrocarbons and aromatic nitrogen bases boiling in the range of approximately 225 to 255 °C.)</t>
  </si>
  <si>
    <t>(A distillate from the fractional distillation of high temperature coal tar. Composed primarily of indole and methylnaphthalene boiling in the range of approximately 235 to 255 °C.)</t>
  </si>
  <si>
    <t>(A complex combination of hydrocarbons obtained by debasing the methylnaphthalene fraction obtained by the distillation of coal tar and boiling in the range of approximately 230 to 255 °C. Contains chiefly 1(2)-methylnaphthalene, naphthalene, dimethylnaphthalene and biphenyl.)</t>
  </si>
  <si>
    <t>(The residue from the distillation of alkali-washed naphthalene oil having an approximate distillation range of 220 to 300 °C. Composed primarily of naphthalene, alkylnaphthalenes and aromatic nitrogen bases.)</t>
  </si>
  <si>
    <t>(The extract oil boiling in the range of approximately 220 to 265 °C from coal tar alkaline extract residue produced by an acidic wash such as aqueous sulfuric acid after distillation to remove tar bases. Composed primarily of alkylnaphthalenes.)</t>
  </si>
  <si>
    <t>(A complex combination of hydrocarbons obtained from the distillation of crude benzole (high temperature coal tar). It may be a liquid with the approximate distillation range of 150 to 300 °C or a semi-solid or solid with a melting point up to 70 °C. It is composed primarily of naphthalene and alkyl naphthalenes.)</t>
  </si>
  <si>
    <t>[A complex combination of hydrocarbons produced by the distillation of coal tar and boiling in the range of approximately 240 °C to 280 °C (464 °F to 536 °F). Composed primarily of acenaphthene, naphthalene and alkyl naphthalene.]</t>
  </si>
  <si>
    <t>[A complex combination of hydrocarbons obtained by the distillation of coal tar. It consists primarily of aromatic hydrocarbons and may contain appreciable quantities of tar acids and tar bases. It distills at the approximate range of 200 °C to 325 °C (392 °F to 617 °F).]</t>
  </si>
  <si>
    <t>[The high-boiling distillation fraction obtained from the high temperature carbonization of bituminous coal which is further refined to remove excess crystalline salts. It consists primarily of creosote oil with some of the normal polynuclear aromatic salts, which are components of coal tar distillates, removed. It is crystal free at approximately 5 °C (41 °F).]</t>
  </si>
  <si>
    <t>[A complex combination of hydrocarbons from the base-freed fraction from the distillation of coal tar, boiling in the range of approximately 250 °C to 280 °C (482 °F to 536 °F). It consists predominantly of biphenyl and isomeric diphenylnaphthalenes.]</t>
  </si>
  <si>
    <t>(The residue from the fraction distillation of crude anthracene boiling in the approximate range of 340 to 400 °C. It consists predominantly of tri- and polynuclear aromatic and heterocyclic hydrocarbons.)</t>
  </si>
  <si>
    <t>(A complex combination of hydrocarbons from the distillation of anthracene obtained by the crystallisation of anthracene oil from bituminous high temperature tar and boiling in the range of 330 to 350 °C. It contains chiefly anthracene, carbazole and phenanthrene.)</t>
  </si>
  <si>
    <t>(A complex combination of hydrocarbons from the distillation of anthracene obtained by crystallisation of anthrancene oil from bituminous coal high temperature tar and boiling in the approximate range of 350 to 360 °C. It contains chiefly anthracene, carbazole and phenanthrene.)</t>
  </si>
  <si>
    <t>(A complex combination of hydrocarbons from the distillation of anthracene obtained by crystallisation of anthracene oil from bituminous light temperature tar and boiling in the range of approximately 290 to 340 °C. It contains chiefly trinuclear aromatics and their dihydro derivatives.)</t>
  </si>
  <si>
    <t>(A distillate from low-temperature coal tar. Composed primarily of hydrocarbons, phenolic compounds and aromatic nitrogen bases boiling in the range of approximately 160 to 340 °C.)</t>
  </si>
  <si>
    <t>(The combination of phenols extracted, using isobutyl acetate, from the ammonia liquor condensed from the gas evolved in low-temperature (less than 700 °C) destructive distillation of coal. It consists predominantly of a mixture of monohydric and dihydric phenols.)</t>
  </si>
  <si>
    <t>(The fraction of tar acids, recovered by distillation of low-temperature coal tar crude tar acids, having an approximate boiling range of 225 to 320 °C. Composed primarily of polyalkylphenols.)</t>
  </si>
  <si>
    <t>(The residue from the distillation in the range of 235 to 355 °C of light carbolic oil.)</t>
  </si>
  <si>
    <t>(The residue from crude coal tar acids after removal of phenol, cresols, xylenols and any higher boiling phenols. A black solid with a melting point approximately 80 °C. Composed primarily of polyalkyphenols, resin gums, and inorganic salts.)</t>
  </si>
  <si>
    <t>(A complex combination of organic compounds obtained from brown coal and boiling in the range of approximately 200 to 230 °C. It contains chiefly phenols and pyridine bases.)</t>
  </si>
  <si>
    <t>(The distillate from the acidification of alkaline washed lignite tar distillate boiling in the range of approximately 200 to 230 °C. Composed primarily of m- and p-ethylphenol as well as cresols and xylenols.)</t>
  </si>
  <si>
    <t>(The oil obtained from the heat treatment of a polyethylene/polypropylene mixture with coal tar pitch or aromatic oils. It consists predominantly of benzene and its homologs boiling in a range of approximately 70 to 120 °C.)</t>
  </si>
  <si>
    <t>(The oil obtained from the heat treatment of polyethylene with coal tar pitch or aromatic oils. It consists predominantly of benzene and its homologs boiling in a range of 70 to 120 °C.)</t>
  </si>
  <si>
    <t>(The oil obtained from the heat treatment of polystyrene with coal tar pitch or aromatic oils. It consists predominantly of benzene and its homologs boiling in a range of approximately 70 to 210 °C.)</t>
  </si>
  <si>
    <t>[The low-boiling distillation fraction obtained from the high temperature carbonization of bituminous coal, which is further refined to remove excess crystalline salts. It consists primarily of creosote oil with some of the normal polynuclear aromatic salts, which are components of coal tar distillate, removed. It is crystal free at approximately 38 °C (100 °F).]</t>
  </si>
  <si>
    <t>(The volatile organic liquid extracted from the gas evolved in the high temperature (greater than 700 °C) destructive distillation of coal. Composed primarily of benzene, toluene, and xylenes. May contain other minor hydrocarbon constituents.)</t>
  </si>
  <si>
    <t>(A complex residuum from the distillation of catalytic reformer fractionator residue. It boils above approximately 399 °C.)</t>
  </si>
  <si>
    <t>(A complex combination of hydrocarbons produced by the distillation of products from a catalytic cracking process which has been used as a heat transfer fluid. It consists predominantly of hydrocarbons boiling in the range of approximately 220 to 450 °C. This stream is likely to contain organic sulfur compounds.)</t>
  </si>
  <si>
    <t>(A complex combination of hydrocarbons obtained by the treatment and distillation of raw steam-cracked naphtha. It consists predominantly of unsaturated hydrocarbons boiling in the range above approximately 180 °C.)</t>
  </si>
  <si>
    <t>(A complex combination of hydrocarbons from the distillation of catalytic reformer fractionator residue. It boils in the range of approximately 343 °C to 399 °C.)</t>
  </si>
  <si>
    <t>(A complex combination of hydrocarbons from the distillation of catalytic reformer fractionator residue. It boils in the range of approximately 288 °C to 371 °C.)</t>
  </si>
  <si>
    <t>(The complex combination of hydrocarbons from the distillation of catalytic reformer fractionator residue. It boils approximately below 288 °C.)</t>
  </si>
  <si>
    <t>(A distillate obtained from the redistillation of a complex combination of hydrocarbons obtained by the distillation of the effluents from a severe catalytic hydrotreatment of paraffins. It boils in the range of approximately 190 °C to 330 °C.)</t>
  </si>
  <si>
    <t>(A complex combination of hydrocarbons obtained by the fractional distillation of petroleum. This fraction boils in a range of approximately 20 °C to 135 °C.)</t>
  </si>
  <si>
    <t>(A complex combination of hydrocarbons produced from the topping plant by the distillation of crude oil. It boils in the range of approximately 36,1  °C to 193,3  °C.)</t>
  </si>
  <si>
    <t>(A combination of hydrocarbons obtained from the distillation of hydrotreated naphtha followed by a solvent extraction and distillation process. It consists predominantly of saturated hydrocarbons boiling in the range of approximately 94 °C to 99 °C.)</t>
  </si>
  <si>
    <t>(A complex combination of hydrocarbons obtained by distillation of a gasoline which has been catalytically isomerised. It consists predominantly of hexane isomers boiling in the range of approximately 60 °C to 66 °C.)</t>
  </si>
  <si>
    <t>(A complex combination of hydrocarbons obtained by distillation of hydrotreated naphtha followed by solvent extraction. It consists predominantly of saturated hydrocarbons and boiling in the range of approximately 65 °C to 70 °C.)</t>
  </si>
  <si>
    <t>(A complex combination of hydrocarbons obtained by subjecting naphtha from a catalytic cracking process to a sweetening process to convert mercaptans or to remove acidic impurities. It consists predominantly of hydrocarbons boiling in a range of approximately 35 °C to 210 °C.)</t>
  </si>
  <si>
    <t>(The complex combination of hydrocarbons obtained in a hydrofiner-powerformer process and boiling in a range of approximately 27 °C to 210 °C.)</t>
  </si>
  <si>
    <t>(A complex combination of hydrocarbons produced by the extractive distillation of thermal cracked naphtha and/or gas oil. It consists of paraffinic and olefinic hydrocarbons predominantly isoamylenes such as 2-methyl-1-butene and 2-methyl-2-butene and boiling in the range of approximately 31 °C to 40 °C.)</t>
  </si>
  <si>
    <t>(A complex combination of hydrocarbons obtained by subjecting a petroleum distillate from the high temperature thermal cracking of heavy oil fractions to a sweetening process to convert mercaptans. It consists predominantly of aromatics, olefins and saturated hydrocarbons boiling in the range of approximately 20 °C to 100 °C.)</t>
  </si>
  <si>
    <t>(A complex combination of hydrocarbons obtained from the distillation of a petroleum fraction. It consists predominantly of alkanes and cycloalkanes boiling in the range of approximately - 20 °C to 190 °C.)</t>
  </si>
  <si>
    <t>(A colourless, refined petroleum distillate that is free from rancid or objectionable odours and that boils in a range of approximately 149 °C to 205 °C.)</t>
  </si>
  <si>
    <t>(A distillation fraction from the hydrogenation of pyrolysis gasoline boiling in the range of approximately 20 °C to 200 °C.)</t>
  </si>
  <si>
    <t>(A complex combination of hydrocarbons obtained as a residual fraction from the distillation of hydrotreated steam-cracked naphtha. It consists predominantly of hydrocarbons boiling in the range of approximately 200 °C to 350 °C.)</t>
  </si>
  <si>
    <t>(A complex combination of hydrocarbons produced by the distillation of products from a catalytic cracking process which has been used as a heat transfer fluid. It consists predominantly of hydrocarbons boiling in the range of approximately 190 °C to 340 °C. This steam is likely to contain organic sulphur compounds.)</t>
  </si>
  <si>
    <t>(A complex combination of hydrocarbons obtained as residue from the distillation of steam-cracked heat-soaked naphtha and boiling in the range of approximately 150 °C to 350 °C.)</t>
  </si>
  <si>
    <t>(A complex combination of hydrocarbons obtained by distillation of steam cracking heavy residues. It consists predominantly of highly alkylated heavy aromatic hydrocarbons boiling in the range of approximately 250 °C to 400 °C.)</t>
  </si>
  <si>
    <t>(A complex combination of hydrocarbons produced by solvent removal of paraffins from the residue of the distillation of acid-treated, hydrocracked heavy paraffins and boiling approximately above 380 °C.)</t>
  </si>
  <si>
    <t>[The distillate from lignite tar boiling in the range of approximately 80 °C to 250 °C (176 °F to 482 °F). Composed primarily of aliphatic and aromatic hydrocarbons and monobasic phenols.]</t>
  </si>
  <si>
    <t>[A residue from the distillation of crude benzole to remove benzole fronts. Composed primarily of benzene, toluene and xylenes boiling in the range of approximately 75 °C to 200 °C (167 °F to 392 °F).]</t>
  </si>
  <si>
    <t>[The redistillate from the distillate, freed of tar acids and tar bases, from bituminous coal high temperature tar boiling in the approximate range of 90 °C to 160 °C (194 °F to 320 °F). It consists predominantly of benzene, toluene and xylenes.]</t>
  </si>
  <si>
    <t>[A complex combination of hydrocarbons obtained by the redistillation of the distillate of high temperature coal tar (tar acid and tar base free). It consists predominantly of unsubstituted and substituted mononuclear aromatic hydrocarbons boiling in the range of 85 °C to 195 °C (185 °F to 383 °F).]</t>
  </si>
  <si>
    <t>[The distillate from aromatic hydrocarbons, coumarone, naphthalene and indene rich prefractionator bottoms or washed carbolic oils, having an approximate boiling range of 155 °C to 180 °C (311 °F to 356 °F). Composed primarily of indene, indan and trimethylbenzenes.]</t>
  </si>
  <si>
    <t>[The distillate from either high temperature coal tar, coke oven light oil, or coal tar oil alkaline extract residue having an approximate distillation range of 130 °C to 210 °C (266 °F to 410 °F). Composed primarily of indene and other polycyclic ring systems containing a single aromatic ring. May contain phenolic compounds and aromatic nitrogen bases.];</t>
  </si>
  <si>
    <t>[A distillate from the fractional distillation of high temperature coal tar. Composed primarily of alkyl-substituted one ring aromatic hydrocarbons boiling in the range of approximately 135 °C to 210 °C (275 °F to 410 °F). May also include unsaturated hydrocarbons such as indene and coumarone.]</t>
  </si>
  <si>
    <t>[This oil is a complex mixture of aromatic hydrocarbons, primarily indene, naphthalene, coumarone, phenol, and o-, m- and p-cresol and boiling in the range of 140 °C to 215 °C (284 °F to 419 °F).]</t>
  </si>
  <si>
    <t>[A complex combination of hydrocarbons obtained by distillation of coal tar. It consists of aromatic and other hydrocarbons, phenolic compounds and aromatic nitrogen compounds and distills at the approximate range of 150 °C to 210 °C (302 °F to 410 °F).]</t>
  </si>
  <si>
    <t>[The distillate from high temperature coal tar having an approximate distillation range of 130 °C to 250 °C (266 °F to 410 °F). Composed primarily of naphthalene, alkylnaphthalenes, phenolic compounds, and aromatic nitrogen bases.]</t>
  </si>
  <si>
    <t>[The complex combination of polyalkylated pyridines derived from coal tar distillation or as high-boiling distillates approximately above 150 °C (302 °F) from the reaction of ammonia with acetaldehyde, formaldehyde or paraformaldehyde.]</t>
  </si>
  <si>
    <t>[Pyridine bases boiling in the range of approximately 125 °C to 160 °C (257 °F to 320 °F) obtained by distillation of neutralized acid extract of the base-containing tar fraction obtained by the distillation of bituminous coal tars. Composed chiefly of lutidines and picolines.]</t>
  </si>
  <si>
    <t>[The distillation fraction boiling in the range of approximately 181 °C to 186 °C (356 °F to 367 °F) from the crude bases obtained from the neutralized, acid-extracted base-containing tar fractions obtained by the distillation of bituminous coal tar. It contains chiefly aniline and collidines.]</t>
  </si>
  <si>
    <t>[The distillation fraction boiling in the range of approximately 180 °C to 200 °C (356 °F to 392 °F) from the crude bases obtained by dephenolating and debasing the carbolated oil from the distillation of coal tar. It contains chiefly aniline, collidines, lutidines and toluidines.]</t>
  </si>
  <si>
    <t>[A complex combination of hydrocarbons obtained as a redistillate from the fractional distillation of bituminous coal high temperature tar and residual oils that are obtained by the pyrolytic production of alkenes and alkynes from petroleum products or natural gas. It consists predominantly of indene and boils in a range of approximately 160 °C to 190 °C (320 °F to 374 °F).]</t>
  </si>
  <si>
    <t>[The redistillate obtained from the fractional distillation of bituminous coal high temperature tar and pyrolysis residual oils and boiling in the range of approximately 190 °C to 270 °C (374 °F to 518 °F). Composed primarily of substituted dinuclear aromatics.]</t>
  </si>
  <si>
    <t>[The redistillate from the fractional distillation of dephenolated and debased methylnaphthalene oil obtained from bituminous coal high temperature tar and pyrolysis residual oils boiling in the approximate range of 220 °C to 230 °C (428 °F to 446 °F). It consists predominantly of unsubstituted and substituted dinuclear aromatic hydrocarbons.]</t>
  </si>
  <si>
    <t>[A neutral oil obtained by debasing and dephenolating the oil obtained from the distillation of high temperature tar and pyrolysis residual oils which has a boiling range of 225 °C to 255 °C (437 °F to 491 °F). Composed primarily of substituted dinuclear aromatic hydrocarbons.]</t>
  </si>
  <si>
    <t>[Residue from the distillation of dephenolated and debased methylnaphthalene oil (from bituminous coal tar and pyrolysis residual oils) with a boiling range of 240 °C to 260 °C (464 °F to 500 °F). Composed primarily of substituted dinuclear aromatic and heterocyclic hydrocarbons.]</t>
  </si>
  <si>
    <t>[The complex combination of hydrocarbons obtained from prefractionation (continuous distillation) of coke oven light oil. It consists predominantly of naphthalene, coumarone and indene and boils above 148 °C (298 °F).]</t>
  </si>
  <si>
    <t>[A complex combination of organic compounds obtained as a filtrate from the crystallization of the naphthalene fraction from coal tar and boiling in the range of approximately 200 °C to 230 °C (392 °F to 446 °F). Contains chiefly naphthalene, thionaphthene and alkylnaphthalenes.]</t>
  </si>
  <si>
    <t>[The distillate from alkali-washed naphthalene oil having an approximate distillation range of 180 °C to 220 °C (356 °F to 428 °F). Composed primarily of naphthalene, alkylbenzenes, indene and indan.]</t>
  </si>
  <si>
    <t>[A distillate from the fractional distillation of high temperature coal tar. Composed primarily of substituted two ring aromatic hydrocarbons and aromatic nitrogen bases boiling in the range of approximately 225 °C to 255 °C (437 °F to 491 °F).]</t>
  </si>
  <si>
    <t>[A distillate from the fractional distillation of high temperature coal tar. Composed primarily of indole and methylnaphthalene boiling in the range of approximately 235 °C to 255 °C (455 °F to 491 °F).]</t>
  </si>
  <si>
    <t>[A complex combination of hydrocarbons obtained by debasing the methylnaphthalene fraction obtained by the distillation of coal tar and boiling in the range of approximately 230 °C to 255 °C (446 °F to 491 °F). Contains chiefly 1(2)-methylnaphthalene, naphthalene, dimethylnaphthalene and biphenyl.]</t>
  </si>
  <si>
    <t>[The residue from the distillation of alkali-washed naphthalene oil having an approximate distillation range of 220 °C to 300 °C (428 °F to 572 °F). Composed primarily of naphthalene, alkylnaphthalenes and aromatic nitrogen bases.]</t>
  </si>
  <si>
    <t>[The extract oil boiling in the range of approximately 220 °C to 265 °C (428 °F to 509 °F) from coal tar alkaline extract residue produced by an acidic wash such as aqueous sulfuric acid after distillation to remove tar bases. Composed primarily of alkylnaphthalenes.]</t>
  </si>
  <si>
    <t>[A complex combination of hydrocarbons obtained from the distillation of crude benzole (high temperature coal tar). It may be a liquid with the approximate distillation range of 150 °C to 300 °C (302 °F to 572 °F) or a semi-solid or solid with a melting point up to 70 °C (158 °F). It is composed primarily of naphthalene and alkyl naphthalenes.]</t>
  </si>
  <si>
    <t>[The residue from the fraction distillation of crude anthracene boiling in the approximate range of 340 °C to 400 °C (644 °F to 752 °F). It consists predominantly of tri- and polynuclear aromatic and heterocyclic hydrocarbons.]</t>
  </si>
  <si>
    <t>[A complex combination of hydrocarbons from the distillation of anthracene obtained by the crystallization of anthracene oil from bituminous high temperature tar and boiling in the range of 330 °C to 350 °C (626 °F to 662 °F). It contains chiefly anthracene, carbazole and phenanthrene.]</t>
  </si>
  <si>
    <t>[A complex combination of hydrocarbons from the distillation of anthracene obtained by crystallization of anthracene oil from bituminous coal high temperature tar and boiling in the approximate range of 350 °C to 360 °C (662 °F to 680 °F). It contains chiefly anthracene, carbazole and phenanthrene.]</t>
  </si>
  <si>
    <t>[A complex combination of hydrocarbons from the distillation of anthracene obtained by crystallization of anthracene oil from bituminous high temperature tar and boiling in the range of approximately 290 °C to 340 °C (554 °F to 644 °F). It contains chiefly trinuclear aromatics and their dihydro derivatives.]</t>
  </si>
  <si>
    <t>[A distillate from low-temperature coal tar. Composed primarily of hydrocarbons, phenolic compounds and aromatic nitrogen bases boiling in the range of approximately 160 °C to 340 °C (320 °F to 644 °F).]</t>
  </si>
  <si>
    <t>[The combination of phenols extracted, using isobutyl acetate, from the ammonia liquor condensed from the gas evolved in low-temperature (less than 700 °C (1 292 °F)) destructive distillation of coal. It consists predominantly of a mixture of monohydric and dihydric phenols.]</t>
  </si>
  <si>
    <t>[The fraction of tar acids, recovered by distillation of low-temperature coal tar crude tar acids, having an approximate boiling range of 225 °C to 320 °C (437 °F to 608 °F). Composed primarily of polyalkylphenols.]</t>
  </si>
  <si>
    <t>[The residue from the distillation in the range of 235 °C to 355 °C (481 °F to 697 °F) of light carbolic oil.]</t>
  </si>
  <si>
    <t>[The residue from crude coal tar acids after removal of phenol, cresols, xylenols and any higher boiling phenols. A black solid with a melting point approximately 80 °C (176 °F). Composed primarily of polyalkylphenols, resin gums, and inorganic salts.]</t>
  </si>
  <si>
    <t>[A complex combination of organic compounds obtained from brown coal and boiling in the range of approximately 200 °C to 230 °C (392 °F to 446 °F). It contains chiefly phenols and pyridine bases.]</t>
  </si>
  <si>
    <t>[The distillate from the acidification of alkaline washed lignite tar distillate boiling in the range of approximately 200 °C to 230 °C (392 °F to 446 °F). Composed primarily of m- and p-ethylphenol as well as cresols and xylenols.]</t>
  </si>
  <si>
    <t>[The oil obtained from the heat treatment of a polyethylene/polypropylene mixture with coal tar pitch or aromatic oils. It consists predominantly of benzene and its homologs boiling in a range of approximately 70 °C to 120 °C (158 °F to 248 °F).]</t>
  </si>
  <si>
    <t>[The oil obtained from the heat treatment of polyethylene with coal tar pitch or aromatic oils. It consists predominantly of benzene and its homologs boiling in a range of 70 °C to 120 °C (158 °F to 248 °F).]</t>
  </si>
  <si>
    <t>[The oil obtained from the heat treatment of polystyrene with coal tar pitch or aromatic oils. It consists predominantly of benzene and its homologs boiling in a range of approximately 70 °C to 210 °C (158 °F to 410 °F).]</t>
  </si>
  <si>
    <t>[The volatile organic liquid extracted from the gas evolved in the high temperature (greater than 700 °C (1 292 °F)) destructive distillation of coal. Composed primarily of benzene, toluene, and xylenes. May contain other minor hydrocarbon constituents.]</t>
  </si>
  <si>
    <t>[A complex combination of hydrocarbons obtained by the fractional distillation of petroleum. This fraction boils in a range of approximately 20 °C to 135 °C (58 °F to 275 °F).]</t>
  </si>
  <si>
    <t>[A complex combination of hydrocarbons produced from the topping plant by the distillation of crude oil. It boils in the range of approximately 36,1 °C to 193,3 °C (97 °F to 380 °F).]</t>
  </si>
  <si>
    <t>[A combination of hydrocarbons obtained from the distillation of hydrotreated naphtha followed by a solvent extraction and distillation process. It consists predominantly of saturated hydrocarbons boiling in the range of approximately 94 °C to 99 °C (201 °F to 210 °F).]</t>
  </si>
  <si>
    <t>[A complex combination of hydrocarbons obtained by distillation of a gasoline which has been catalytically isomerized. It consists predominantly of hexane isomers boiling in the range of approximately 60 °C to 66 °C (140 °F to 151 °F).]</t>
  </si>
  <si>
    <t>[A complex combination of hydrocarbons obtained by distillation of hydrotreated naphtha followed by solvent extraction. It consists predominantly of saturated hydrocarbons and boiling in the range of approximately 65 °C to 70 °C (149 °F to 158 °F).]</t>
  </si>
  <si>
    <t>[A complex combination of hydrocarbons obtained by subjecting naphtha from a catalytic cracking process to a sweetening process to convert mercaptans or to remove acidic impurities. It consists predominantly of hydrocarbons boiling in a range of approximately 35 °C to 210 °C (95 °F to 410 °F).]</t>
  </si>
  <si>
    <t>[The complex combination of hydrocarbons obtained in a hydrofiner-powerformer process and boiling in a range of approximately 27 °C to 210 °C (80 °F to 410 °F).]</t>
  </si>
  <si>
    <t>[A complex combination of hydrocarbons produced by the extractive distillation of thermal cracked naphtha and/or gas oil. It consists of paraffinic and olefinic hydrocarbons, predominantly isoamylenes such as 2-methyl-1-butene and 2-methyl-2-butene and boiling in the range of approximately 31 °C to 40 °C (88 °F to 104 °F).]</t>
  </si>
  <si>
    <t>[A complex combination of hydrocarbons obtained by subjecting a petroleum distillate from the high temperature thermal cracking of heavy oil fractions to a sweetening process to convert mercaptans. It consists predominantly of aromatics, olefins and saturated hydrocarbons boiling in the range of approximately 20 °C to 100 °C (68 °F to 212 °F).]</t>
  </si>
  <si>
    <t>[A complex combination of hydrocarbons obtained from the distillation of a petroleum fraction. It consists predominantly of alkanes and cycloalkanes boiling in the range of approximately – 20 °C to 190 °C (– 4 °F to 374 °F).]</t>
  </si>
  <si>
    <t>[A colorless, refined petroleum distillate that is free from rancid or objectionable odors and that boils in a range of approximately 148,8 °C to 204,4 °C. (300 °F to 400 °F).]</t>
  </si>
  <si>
    <t>[A distillation fraction from the hydrogenation of pyrolysis gasoline boiling in the range of approximately 20 °C to 200 °C (68 °F to 392 °F).]</t>
  </si>
  <si>
    <t>[containing &lt; 0,1 % (w/w) of particles with an aerodynamic diameter of below 50 μm]</t>
  </si>
  <si>
    <t>Tributyltin compounds, with the exception of those specified elsewhere in this Annex</t>
  </si>
  <si>
    <t>050-008-00-3</t>
  </si>
  <si>
    <t>Tetrahydro-2-furyl-methanol; tetrahydrofurfuryl alcohol</t>
  </si>
  <si>
    <t>603-061-00-7</t>
  </si>
  <si>
    <t>202-625-6</t>
  </si>
  <si>
    <t>97-99-4</t>
  </si>
  <si>
    <t>1,2-benzenedicarboxylic acid, dihexyl ester, branched and linear</t>
  </si>
  <si>
    <t>607-710-00-5</t>
  </si>
  <si>
    <t>Flumioxazin (ISO); 2-[7-fluoro-3-oxo-4- (prop-2-yn-1-yl)-3,4-dihydro-2H-1,4-benzoxazin-6-yl]-4,5,6,7-tetrahydro-1H-isoindole-1,3 (2H)-dione</t>
  </si>
  <si>
    <t>Imidazole</t>
  </si>
  <si>
    <t>613-319-00-0</t>
  </si>
  <si>
    <t>206-019-2</t>
  </si>
  <si>
    <t>288-32-4</t>
  </si>
  <si>
    <t>Appendix 7</t>
  </si>
  <si>
    <t>Special provisions on the labelling of articles containing asbestos</t>
  </si>
  <si>
    <t>All articles containing asbestos or the packaging thereof must bear the label defined as follows:</t>
  </si>
  <si>
    <t>Member States may exclude from the provision of the first subparagraph articles intended to be placed on the market in their territory. The labelling of these articles must however bear the wording ‘contains asbestos’;</t>
  </si>
  <si>
    <t>The label mentioned in this Appendix shall be affixed in accordance with the following rules:</t>
  </si>
  <si>
    <t>Labelling of packaged articles containing asbestos</t>
  </si>
  <si>
    <t>3.1. The following particulars shall appear on clearly legible and indelible labelling on the packaging of packaged articles containing asbestos:</t>
  </si>
  <si>
    <t>Where additional safety information is provided on the packaging, this shall not weaken or contradict the particulars given in accordance with points (a) and (b).</t>
  </si>
  <si>
    <t>3.2. Labelling in accordance with 3.1 shall be effected by means of:</t>
  </si>
  <si>
    <t>3.3. Articles containing asbestos and which are packaged only in loose plastic wrapping or the like shall be regarded as packaged articles and shall be labelled in accordance with 3.2. If articles are separated from such packages and placed on the market unpackaged, each of the smallest units supplied shall be accompanied by labelling particulars in accordance with 3.1.</t>
  </si>
  <si>
    <t>Labelling of unpackaged articles containing asbestos</t>
  </si>
  <si>
    <t>For unpackaged articles containing asbestos, labelling in accordance with 3.1 shall be effected by means of:</t>
  </si>
  <si>
    <t>or, if the abovementioned is not reasonably practicable as in the case of, for example, smallness of size of the article, the unsuitable nature of the article's properties or certain technical difficulties by means of a hand-out with labelling in accordance with 3.1.</t>
  </si>
  <si>
    <t>Without prejudice to Community provisions on safety and hygiene at work, the label affixed to the article which may, in the context of its use, be processed or finished, shall be accompanied by any safety instructions which may be appropriate for the article concerned, and in particular by the following:</t>
  </si>
  <si>
    <t>The labelling of any article intended for domestic use which is not covered by Section 5 and which is likely, during use, to release asbestos fibres shall, if necessary, contain the following safety instruction: ‘replace when worn’.</t>
  </si>
  <si>
    <t>The labelling of articles containing asbestos shall be in the official language or languages of the Member State(s) where the article is placed on the market.</t>
  </si>
  <si>
    <t>Appendix 10</t>
  </si>
  <si>
    <t>Entry 43 — Azocolourants — List of testing methods</t>
  </si>
  <si>
    <t>List of testing methods</t>
  </si>
  <si>
    <t>European standardisation organisation</t>
  </si>
  <si>
    <t>Reference and title of the harmonised standard</t>
  </si>
  <si>
    <t>Reference of the superseded standard</t>
  </si>
  <si>
    <t>CEN</t>
  </si>
  <si>
    <t>EN ISO 17234-1:2010</t>
  </si>
  <si>
    <t>CEN ISO/TS 17234:2003</t>
  </si>
  <si>
    <t>EN ISO 17234-2:2011</t>
  </si>
  <si>
    <t>EN 14362-1:2012</t>
  </si>
  <si>
    <t>EN 14362-3:2012</t>
  </si>
  <si>
    <t>Appendix 11</t>
  </si>
  <si>
    <t>Entries 28 to 30 — Derogations for specific substances</t>
  </si>
  <si>
    <t>Derogations</t>
  </si>
  <si>
    <t>1.  </t>
  </si>
  <si>
    <t>CAS No 15120-21-5; 11138-47-9; 12040-72-1; 7632-04-4; 10332-33-9</t>
  </si>
  <si>
    <t>EC No 239-172-9; 234-390-0; 231-556-4</t>
  </si>
  <si>
    <t>CAS No 13517-20-9; 37244-98-7; 10486-00-7</t>
  </si>
  <si>
    <t>▼M22</t>
  </si>
  <si>
    <t>▼M28</t>
  </si>
  <si>
    <t>▼M43</t>
  </si>
  <si>
    <t>1-Bromopropane (n-propyl bromide)</t>
  </si>
  <si>
    <t>EC No: 203-445-0</t>
  </si>
  <si>
    <t>CAS No: 106-94-5</t>
  </si>
  <si>
    <t>EC No: 210-088-4</t>
  </si>
  <si>
    <t>CAS No: 605-50-5</t>
  </si>
  <si>
    <t>EC No: 276-158-1</t>
  </si>
  <si>
    <t>CAS No: 71888-89-6</t>
  </si>
  <si>
    <t>EC No: 271-084-6</t>
  </si>
  <si>
    <t>CAS No: 68515-42-4</t>
  </si>
  <si>
    <t>EC No: 284-032-2</t>
  </si>
  <si>
    <t>CAS No: 84777-06-0</t>
  </si>
  <si>
    <t>EC No: 204-212-6</t>
  </si>
  <si>
    <t>CAS No: 117-82-8</t>
  </si>
  <si>
    <t>Dipentylphthalate</t>
  </si>
  <si>
    <t>EC No: 205-017-9</t>
  </si>
  <si>
    <t>CAS No: 131-18-0</t>
  </si>
  <si>
    <t>EC No: —</t>
  </si>
  <si>
    <t>CAS No: 776297-69-9</t>
  </si>
  <si>
    <t>EC No: 292-602-7</t>
  </si>
  <si>
    <t>CAS No: 90640-80-5</t>
  </si>
  <si>
    <t>Pitch, coal tar, high temp.</t>
  </si>
  <si>
    <t>EC No: 266-028-2</t>
  </si>
  <si>
    <t>CAS No: 65996-93-2</t>
  </si>
  <si>
    <t>CAS No: —</t>
  </si>
  <si>
    <t>Endocrine disrupting properties (Article 57(f) — environment)</t>
  </si>
  <si>
    <t>Intentionally added or 0.01 mass% of article</t>
  </si>
  <si>
    <t>2017-09-03</t>
  </si>
  <si>
    <t>Nickel/Nickel Compounds</t>
  </si>
  <si>
    <t>00143</t>
  </si>
  <si>
    <t>Impurity in production of PFOS and alternative for PFOS, a surfactant which can be found in protective coatings and adhesives which are resistant to water, dirt, oils etc.</t>
  </si>
  <si>
    <t>D14.00: Entry changed to align with the substance name in the ECHA dossier.</t>
  </si>
  <si>
    <t>R00478</t>
  </si>
  <si>
    <t>R00479</t>
  </si>
  <si>
    <t>Nickel (II) oxide</t>
  </si>
  <si>
    <t>R00480</t>
  </si>
  <si>
    <t>Nickel (II) chloride</t>
  </si>
  <si>
    <t>R00481</t>
  </si>
  <si>
    <t>Nickel (II) chloride, hexahydrate</t>
  </si>
  <si>
    <t>R00482</t>
  </si>
  <si>
    <t>Nickel(II) sulfate</t>
  </si>
  <si>
    <t>R00483</t>
  </si>
  <si>
    <t>Nickel(II) sulfate, hexahydrate</t>
  </si>
  <si>
    <t>R00484</t>
  </si>
  <si>
    <t>Nickel(II) sulfate, heptahydrate</t>
  </si>
  <si>
    <t>R00485</t>
  </si>
  <si>
    <t>C.I. Pigment Yellow 53</t>
  </si>
  <si>
    <t>R00486</t>
  </si>
  <si>
    <t>C.I. Pigment Yellow 161</t>
  </si>
  <si>
    <t>R00487</t>
  </si>
  <si>
    <t>Cobalt titanate green spinel</t>
  </si>
  <si>
    <t>R00488</t>
  </si>
  <si>
    <t>Perfluorohexane-1-sulphonic acid</t>
  </si>
  <si>
    <t>355-46-4</t>
  </si>
  <si>
    <t>D14.00: Added new reference substance</t>
  </si>
  <si>
    <t>R00489</t>
  </si>
  <si>
    <t>ammonium perfluorohexane-1-sulphonate</t>
  </si>
  <si>
    <t>68259-08-5</t>
  </si>
  <si>
    <t>R00490</t>
  </si>
  <si>
    <t>potassium perfluorohexane-1-sulphonate</t>
  </si>
  <si>
    <t>3871-99-6</t>
  </si>
  <si>
    <t>602-020-00-0</t>
  </si>
  <si>
    <t>201-152-2</t>
  </si>
  <si>
    <t>78-87-5</t>
  </si>
  <si>
    <t>014-046-00-4</t>
  </si>
  <si>
    <t>608-067-00-3</t>
  </si>
  <si>
    <t>225-918-0</t>
  </si>
  <si>
    <t>4-hydroxy-3-(3-(4′-bromo-4-biphenylyl)-1,2,3,4-tetrahydro-1-naphthyl)coumarin</t>
  </si>
  <si>
    <t>607-172-00-1</t>
  </si>
  <si>
    <t>259-980-5</t>
  </si>
  <si>
    <t>56073-10-0</t>
  </si>
  <si>
    <t>082-013-00-1</t>
  </si>
  <si>
    <t>231-100-4</t>
  </si>
  <si>
    <t>082-014-00-7</t>
  </si>
  <si>
    <t>4-hydroxy-3-(3-oxo-1- phenylbutyl)-2H-chromen-2-one; [1]</t>
  </si>
  <si>
    <t>(S)-4-hydroxy-3-(3-oxo- 1-phenylbutyl)-2-benzopyrone; [2]</t>
  </si>
  <si>
    <t>(R)-4-hydroxy-3-(3-oxo- 1-phenylbutyl)-2-benzopyrone [3]</t>
  </si>
  <si>
    <t>201-377-6 [1]</t>
  </si>
  <si>
    <t>226-907-3 [2]</t>
  </si>
  <si>
    <t>226-908-9 [3]</t>
  </si>
  <si>
    <t>81-81-2 [1]</t>
  </si>
  <si>
    <t>5543-57-7 [2]</t>
  </si>
  <si>
    <t>604-030-00-0</t>
  </si>
  <si>
    <t>604-092-00-9</t>
  </si>
  <si>
    <t>310-154-3 [1]</t>
  </si>
  <si>
    <t>- [5]</t>
  </si>
  <si>
    <t>121158-58-5 [1]</t>
  </si>
  <si>
    <t>210555-94-5 [4]</t>
  </si>
  <si>
    <t>74499-35-7 [5]</t>
  </si>
  <si>
    <t>606-014-00-9</t>
  </si>
  <si>
    <t>223-003-0</t>
  </si>
  <si>
    <t>3691-35-8</t>
  </si>
  <si>
    <t>607-059-00-7</t>
  </si>
  <si>
    <t>227-424-0</t>
  </si>
  <si>
    <t>5836-29-3</t>
  </si>
  <si>
    <t>607-157-00-X</t>
  </si>
  <si>
    <t>259-978-4</t>
  </si>
  <si>
    <t>56073-07-5</t>
  </si>
  <si>
    <t>607-375-00-5</t>
  </si>
  <si>
    <t>421-960-0</t>
  </si>
  <si>
    <t>90035-08-8</t>
  </si>
  <si>
    <t>005-020-00-3</t>
  </si>
  <si>
    <t>234-541-0 [1]</t>
  </si>
  <si>
    <t>234-541-0 [2]</t>
  </si>
  <si>
    <t>12008-41-2 [1]</t>
  </si>
  <si>
    <t>12280-03-4 [2]</t>
  </si>
  <si>
    <t>607-716-00-8</t>
  </si>
  <si>
    <t>249-205-9</t>
  </si>
  <si>
    <t>28772-56-7</t>
  </si>
  <si>
    <t>607-717-00-3</t>
  </si>
  <si>
    <t>104653-34-1</t>
  </si>
  <si>
    <t>and its sodium [2]</t>
  </si>
  <si>
    <t>and ammonium [3] salts</t>
  </si>
  <si>
    <t>607-718-00-9</t>
  </si>
  <si>
    <t>206-801-3 [1]</t>
  </si>
  <si>
    <t>375-95-1 [1]</t>
  </si>
  <si>
    <t>21049-39-8 [2]</t>
  </si>
  <si>
    <t>4149-60-4 [3]</t>
  </si>
  <si>
    <t>607-719-00-4</t>
  </si>
  <si>
    <t>201-545-9</t>
  </si>
  <si>
    <t>84-61-7</t>
  </si>
  <si>
    <t>612-289-00-6</t>
  </si>
  <si>
    <t>2018-01-15</t>
  </si>
  <si>
    <t>Benz[a]anthracene</t>
  </si>
  <si>
    <t>00144</t>
  </si>
  <si>
    <t>D15.00: Substance Added</t>
  </si>
  <si>
    <t>00145</t>
  </si>
  <si>
    <t>00146</t>
  </si>
  <si>
    <t>Cadmium hydroxide</t>
  </si>
  <si>
    <t>It is generated in the anodes of nickel-cadmium and silver-cadmium  batteries during the discharge</t>
  </si>
  <si>
    <t>00147</t>
  </si>
  <si>
    <t>Dechlorane Plus™</t>
  </si>
  <si>
    <t>Flame retardant for electric wire and cable covering material</t>
  </si>
  <si>
    <t>R00492</t>
  </si>
  <si>
    <t>1,2,5,6,9,10-hexabromocyclodecane</t>
  </si>
  <si>
    <t>R00493</t>
  </si>
  <si>
    <t>1,4:7,10-Dimethanodibenzo[a,e]cyclooctene, 1,2,3,4,7,8,9,10,13,13,14,14-dodecachloro-1,4,4a,5,6,6a,7,10,10a,11,12,12a-dodecahydro-</t>
  </si>
  <si>
    <t>R00494</t>
  </si>
  <si>
    <t>1,4:7,10-Dimethanodibenzo[a,e]cyclooctene, 1,2,3,4,7,8,9,10,13,13,14,14-dodecachloro-1,4,4a,5,6, 6a,7,10,10a,11,12,12a-dodecahydro-, (1R,4S,4aS,6aS,7S,10R,10aR,12aR)-rel-</t>
  </si>
  <si>
    <t>135821-74-8</t>
  </si>
  <si>
    <t>anti- (or exo ) Dechlorane Plus™</t>
  </si>
  <si>
    <t>R00495</t>
  </si>
  <si>
    <t>1,4:7,10-Dimethanodibenzo[a,e]cyclooctene, 1,2,3,4,7,8,9,10,13,13,14,14-dodecachloro-1,4,4a,5,6,6a,7,10,10a,11,12,12a-dodecahydro-, (1R,4S,4aS,6aR,7R,10S,10aS,12aR)-rel-</t>
  </si>
  <si>
    <t>135821-03-3</t>
  </si>
  <si>
    <t>syn- (or endo ) Dechlorane Plus™</t>
  </si>
  <si>
    <t>15/01/2018</t>
  </si>
  <si>
    <t>PBT (Article 57d)</t>
  </si>
  <si>
    <t>208-168-9</t>
  </si>
  <si>
    <t>244-168-5</t>
  </si>
  <si>
    <t>Cadmium nitrate</t>
  </si>
  <si>
    <t>233-710-6</t>
  </si>
  <si>
    <t>covering any of its individual anti- and syn-isomers or any combination thereof</t>
  </si>
  <si>
    <t>Reaction products of 1,3,4-thiadiazolidine-2,5-dithione, formaldehyde and 4-heptylphenol, branched and linear (RP-HP)</t>
  </si>
  <si>
    <t>日本の化学物質の審査及び製造等の規制に関する法律（通称　「化審法」）の第一種特定化学物質。第一種特定化学物質は、難分解、高蓄積、人または高次捕食動物への長期毒性があるものとして政令で定められており、製造・輸入の原則禁止（許可制）、政令指定製品の輸入禁止などの管理措置がとられている。経済産業省、環境省、厚生労働省の所管。</t>
    <phoneticPr fontId="4"/>
  </si>
  <si>
    <t xml:space="preserve">化学物質の審査及び製造等の規制に関する法律
（昭和四十八年法律第百十七号）
第一種特定化学物質に関する規制
（製造の許可）
第十七条 第一種特定化学物質の製造の事業を営もうとする者は、第一種特定化学物質及び事業所ごとに、経済産業大臣の許可を受けなければならない。
２ 前項の許可を受けようとする者は、次の事項を記載した申請書を経済産業大臣に提出しなければならない。
一 氏名又は名称及び住所並びに法人にあつては、その代表者の氏名
二 事業所の所在地
三 第一種特定化学物質の名称
四 製造設備の構造及び能力
３ 経済産業大臣は、第一項の許可をしたときは、遅滞なく、その旨を環境大臣に通知するものとする。
第十八条 前条第一項の許可を受けた者でなければ、第一種特定化学物質を製造してはならない。ただし、試験研究のため第一種特定化学物質を製造するときは、この限りでない。
（欠格条項）
第十九条 次の各号のいずれかに該当する者には、第十七条第一項の許可を与えない。
一 この法律又はこの法律に基づく命令の規定に違反し、罰金以上の刑に処せられ、その執行を終わり、又は執行を受けることがなくなつた日から二年を経過しない者
二 第三十三条の規定により許可を取り消され、その取消しの日から二年を経過しない者
三 成年被後見人
四 法人であつて、その業務を行う役員のうちに前三号のいずれかに該当する者があるもの
（許可の基準）
第二十条 経済産業大臣は、第十七条第一項の許可の申請が次の各号に適合していると認めるときでなければ、同項の許可をしてはならない。
一 その許可をすることによつて当該第一種特定化学物質の製造の能力が当該第一種特定化学物質の需要に照らして過大とならないこと。
二 製造設備が厚生労働省令、経済産業省令、環境省令で定める技術上の基準に適合するものであること。
三 その事業を適確に遂行するに足りる経理的基礎及び技術的能力を有すること。
</t>
    <phoneticPr fontId="4"/>
  </si>
  <si>
    <t xml:space="preserve">（変更の許可等）
第二十一条 第十七条第一項の許可を受けた者（以下「許可製造業者」という。）は、同条第二項第四号に掲げる事項を変更しようとするときは、経済産業大臣の許可を受けなければならない。ただし、経済産業省令で定める軽微な変更をしようとするときは、この限りでない。
２ 許可製造業者は、第十七条第二項第一号若しくは第二号に掲げる事項に変更があつたとき、又は前項ただし書の経済産業省令で定める軽微な変更をしたときは、遅滞なく、その旨を経済産業大臣に届け出なければならない。
３ 前条の規定は、第一項の許可に準用する。
４ 第十七条第三項の規定は、第一項の許可及び第二項の届出に準用する。
（輸入の許可）
第二十二条 第一種特定化学物質を輸入しようとする者は、経済産業大臣の許可を受けなければならない。ただし、試験研究のため第一種特定化学物質を輸入しようとするときは、この限りでない。
２ 前項の許可を受けようとする者は、次の事項を記載した申請書を経済産業大臣に提出しなければならない。
一 氏名又は名称及び住所並びに法人にあつては、その代表者の氏名
二 第一種特定化学物質の名称
三 輸入数量
第十七条第三項の規定は、第一項の許可に準用する。
（許可の基準等）
第二十三条 経済産業大臣は、前条第一項の許可の申請があつた場合においては、その申請に係る第一種特定化学物質の輸入が当該第一種特定化学物質の需要を満たすため必要であると認めるときでなければ、同項の許可をしてはならない。
２ 第十九条の規定は、前条第一項の許可に準用する。
（製品の輸入の制限）
第二十四条 何人も、政令で定める製品で第一種特定化学物質が使用されているもの（以下「第一種特定化学物質使用製品」という。）を輸入してはならない。
２ 前項の政令は、第一種特定化学物質ごとに、海外における当該第一種特定化学物質の使用の事情等を考慮して定めるものとする。
（使用の制限）
第二十五条 何人も、次に掲げる要件に適合するものとして第一種特定化学物質ごとに政令で定める用途以外の用途に第一種特定化学物質を使用してはならない。ただし、試験研究のため第一種特定化学物質を使用するときは、この限りでない。
一 当該用途について他の物による代替が困難であること。
二 当該用途に当該第一種特定化学物質が使用されることにより当該第一種特定化学物質による環境の汚染が生じて人の健康に係る被害又は生活環境動植物の生息若しくは生育に係る被害を生ずるおそれがないこと。
</t>
    <phoneticPr fontId="4"/>
  </si>
  <si>
    <t>（使用の届出）
第二十六条 第一種特定化学物質を業として使用しようとする者は、事業所ごとに、あらかじめ、次の事項を主務大臣に届け出なければならない。ただし、試験研究のため第一種特定化学物質を業として使用しようとするときは、この限りでない。
一 氏名又は名称及び住所並びに法人にあつては、その代表者の氏名
二 事業所の所在地
三 第一種特定化学物質の名称及びその用途
２ 前項の届出をした者（以下「届出使用者」という。）は、同項各号の事項に変更があつたときは、遅滞なく、その旨を主務大臣に届け出なければならない。
３ 第十七条第三項の規定は、前二項の届出について準用する。
（承継）
第二十七条 許可製造業者、第二十二条第一項の許可を受けた者（以下「許可輸入者」という。）又は届出使用者について相続又は合併があつたときは、相続人（相続人が二人以上ある場合において、その全員の同意により事業を承継すべき相続人を選定したときは、その者）又は合併後存続する法人若しくは合併により設立した法人は、許可製造業者、許可輸入者又は届出使用者の地位を承継する。
２ 前項の規定により許可製造業者、許可輸入者又は届出使用者の地位を承継した者は、遅滞なく、その事実を証する書面を添えて、その旨を、許可製造業者又は許可輸入者の地位を承継した者にあつては経済産業大臣に、届出使用者の地位を承継した者にあつては主務大臣に届け出なければならない。
３ 第十七条第三項の規定は、前項の届出について準用する。この場合において、同条第三項中「経済産業大臣」とあるのは、「経済産業大臣又は主務大臣」と読み替えるものとする。
（基準適合義務）
第二十八条 許可製造業者は、その製造設備を第二十条第二号の
厚生労働省令、経済産業省令、環境省令で定める技術上の基準に適合するように維持しなければならない。
２ 許可製造業者、業として第一種特定化学物質又は政令で定める製品で第一種特定化学物質が使用されているもの（以下「第一種特定化学物質等」という。）を使用する者その他の業として第一種特定化学物質等を取り扱う者（以下「第一種特定化学物質等取扱事業者」という。）は、第一種特定化学物質等を取り扱う場合においては、主務省令で定める技術上の基準に従つてしなければならない。
（表示等）
第二十九条 厚生労働大臣、経済産業大臣及び環境大臣は、第一種特定化学物質ごとに、第一種特定化学物質等の容器、包装又は送り状に当該第一種特定化学物質による環境の汚染を防止するための措置等に関し表示すべき事項を定め、これを告示するものとする。
２ 第一種特定化学物質等取扱事業者は、第一種特定化学物質等を譲渡し、又は提供するときは、厚生労働省令、経済産業省令、環境省令で定めるところにより、前項の規定により告示されたところに従つて表示をしなければならない。</t>
    <phoneticPr fontId="4"/>
  </si>
  <si>
    <t xml:space="preserve">（改善命令）
第三十条 経済産業大臣は、許可製造業者の製造設備が第二十条第二号の厚生労働省令、経済産業省令、環境省令で定める技術上の基準に適合していないと認めるときは、当該許可製造業者に対し、製造設備についてその修理又は改造その他必要な措置をとるべきことを命ずることができる。
２ 主務大臣は、第一種特定化学物質等取扱事業者が第二十八条第二項の主務省令で定める技術上の基準に従つて第一種特定化学物質等を取り扱つていないと認めるときは、当該第一種特定化学物質等取扱事業者に対し、第一種特定化学物質等の取扱い方法の改善に関し必要な措置をとるべきことを命ずることができる。
３ 厚生労働大臣、経済産業大臣及び環境大臣は、前条第二項の規定に違反する第一種特定化学物質等取扱事業者があるときは、当該第一種特定化学物質等取扱事業者に対し、同条第一項の規定により告示されたところに従つて表示すべきことを命ずることができる。
（帳簿）
第三十一条 許可製造業者は、帳簿を備え、第一種特定化学物質の製造について経済産業省令で定める事項を記載しなければならない。
２ 前項の帳簿は、経済産業省令で定めるところにより、保存しなければならない。
３ 前二項の規定は、届出使用者に準用する。この場合において、これらの規定中「経済産業省令」とあるのは、「主務省令」と読み替えるものとする。
（廃止の届出）
第三十二条 許可製造業者又は届出使用者は、その事業を廃止したときは、遅滞なく、その旨を、許可製造業者にあつては経済産業大臣に、届出使用者にあつては主務大臣に届け出なければならない。
２ 許可製造業者がその事業を廃止したときは、許可は、その効力を失う。
３ 第十七条第三項の規定は、第一項の届出について準用する。この場合において、同条第三項中「経済産業大臣」とあるのは、「経済産業大臣又は主務大臣」と読み替えるものとする。
（許可の取消し等）
第三十三条 経済産業大臣は、許可製造業者が次の各号のいずれに該当するときは、許可を取り消し、又は期間を定めてその事業の停止を命ずることができる。
一 第十九条第一号、第三号又は第四号に該当するに至つたとき。
二 第二十一条第一項の規定により許可を受けなければならない事項を許可を受けないで変更したとき。
三 第三十条の規定による命令に違反したとき。
四 第四十条第一項の条件に違反したとき。
２ 経済産業大臣は、許可輸入者が第二十三条第二項において準用する第十九条第一号、第三号又は第四号に該当するに至つたときは、許可に係る第一種特定化学物質が輸入されるまでの間に限り、許可を取り消すことができる。
３ 第十七条第三項の規定は、前二項の規定による許可の取消し、又は第一項の規定による事業の停止の命令について準用する。
</t>
    <phoneticPr fontId="4"/>
  </si>
  <si>
    <t>（第一種特定化学物質の指定等に伴う措置命令）
第三十四条 主務大臣は、一の化学物質が第一種特定化学物質として指定された場合において、当該化学物質による環境の汚染の進行を防止するため特に必要があると認めるときは、必要な限度において、その指定の際当該化学物質又は当該化学物質が使用されている製品の製造又は輸入の事業を営んでいた者に対し、その製造又は輸入に係る当該化学物質又は当該製品の回収を図ることその他当該化学物質による環境の汚染の進行を防止するために必要な措置をとるべきことを命ずることができる。
２ 主務大臣は、一の製品が第一種特定化学物質使用製品として指定された場合において、当該製品に使用されている第一種特定化学物質による環境の汚染の進行を防止するため特に必要があると認めるときは、必要な限度において、その指定の際当該製品の輸入の事業を営んでいた者に対し、その輸入に係る当該製品の回収を図ることその他当該製品に使用されている第一種特定化学物質による環境の汚染の進行を防止するために必要な措置をとるべきことを命ずることができる。
３ 主務大臣は、次の各号に掲げる場合において、第一種特定化学物質による環境の汚染の進行を防止するため特に必要があると認めるときは、必要な限度において、当該各号に定める者に対し、その製造、輸入若しくは使用に係る第一種特定化学物質又はその輸入に係る第一種特定化学物質使用製品の回収を図ることその他当該第一種特定化学物質による環境の汚染の進行を防止するために必要な措置をとるべきことを命ずることができる。
一 第十八条の規定に違反して第一種特定化学物質が製造された場合
当該第一種特定化学物質を製造した者
二 第二十二条第一項の規定に違反して第一種特定化学物質が輸入された場合
当該第一種特定化学物質を輸入した者
三 第二十四条第一項の規定に違反して第一種特定化学物質使用製品が輸入された場合
当該第一種特定化学物質使用製品を輸入した者
四 第二十五条の規定に違反して第一種特定化学物質が使用された場合当該第一種特定化学物質を使用した者</t>
    <phoneticPr fontId="4"/>
  </si>
  <si>
    <t>番号</t>
  </si>
  <si>
    <t>物質名</t>
  </si>
  <si>
    <t>ポリ塩化ビフェニル</t>
  </si>
  <si>
    <t>ポリ塩化ナフタレン（塩素数が２以上のものに限る。）</t>
  </si>
  <si>
    <t>ヘキサクロロベンゼン</t>
  </si>
  <si>
    <t>（※１）</t>
  </si>
  <si>
    <t>１，２，３，４，１０，１０－ヘキサクロロ－１，４，４ａ，５，８，８ａ－ヘキサヒド</t>
  </si>
  <si>
    <t>ロ－エキソ－１，４－エンド－５，８－ジメタノナフタレン（別名アルドリン）</t>
  </si>
  <si>
    <t>１，２，３，４，１０，１０－ヘキサクロロ－６，７－エポキシ－１，４，４ａ，５，</t>
  </si>
  <si>
    <t>６，７，８，８ａ－オクタヒドロ－エキソ－１，４－エンド－５，８－ジメタノナフタレン（別名ディルドリン）</t>
  </si>
  <si>
    <t>６，７，８，８ａ－オクタヒドロ－エンド－１，４－エンド－５，８－ジメタノナフタレン （別名エンドリン）</t>
  </si>
  <si>
    <t>１，１，１－トリクロロ－２，２－ビス（４－クロロフェニル）エタン （別名ＤＤ</t>
  </si>
  <si>
    <t>Ｔ）</t>
  </si>
  <si>
    <t>１，２，４，５，６，７，８，８－オクタクロロ－２，３，３ａ，４，７，７ａ－ヘキサ  ヒドロ－４，７－メタノ－１Ｈ－インデン、１，４，５，６，７，８，８－ヘプタクロロ－３ａ，４，７，７ａ－テトラヒドロ－４，７－メタノ－１Ｈ－インデン及びこ</t>
  </si>
  <si>
    <t>れらの類縁化合物の混合物（別名クロルデン又はヘプタクロル）</t>
  </si>
  <si>
    <t>ビス（トリブチルスズ）＝オキシド</t>
  </si>
  <si>
    <t>Ｎ，Ｎ’－ジトリル－パラ－フェニレンジアミン、Ｎ－トリル－Ｎ’－キシリル</t>
  </si>
  <si>
    <t>－パラ－フェニレンジアミン又はＮ，Ｎ’－ジキシリル－パラ－フェニレンジアミン</t>
  </si>
  <si>
    <t>２，４，６－トリ－ターシャリ－ブチルフェノール</t>
  </si>
  <si>
    <t>ポリクロロ－２，２－ジメチル－３－メチリデンビシクロ［２．２．１］ヘプタン</t>
  </si>
  <si>
    <t>（別名トキサフェン）</t>
  </si>
  <si>
    <t>ドデカクロロペンタシクロ［５．３．０．０（２，６）．０（３，９）．０（４，８）］デカ</t>
  </si>
  <si>
    <t>ン（別名マイレックス）</t>
  </si>
  <si>
    <t>２，２，２－トリクロロ－１，１－ビス（４－クロロフェニル）エタノール（別名</t>
  </si>
  <si>
    <t>ケルセン又はジコホル）</t>
  </si>
  <si>
    <t>ヘキサクロロブタ－１，３－ジエン</t>
  </si>
  <si>
    <t>２－（２Ｈ－１，２，３－ベンゾトリアゾール－２－イル）－４，６－ジ－ｔｅｒｔ</t>
  </si>
  <si>
    <t>－ブチルフェノール</t>
  </si>
  <si>
    <t>ペルフルオロ（オクタン－１－スルホン酸）（別名ＰＦＯＳ）又はその塩</t>
  </si>
  <si>
    <t>ペルフルオロ（オクタン－１－スルホニル）＝フルオリド（別名ＰＦＯＳＦ）</t>
  </si>
  <si>
    <t>ペンタクロロベンゼン</t>
  </si>
  <si>
    <t>ｒ－１，ｃ－２，ｔ－３，ｃ－４，ｔ－５，ｔ－６－ヘキサクロロシクロヘキサン（別</t>
  </si>
  <si>
    <t>名α－ヘキサクロロシクロヘキサン）</t>
  </si>
  <si>
    <t>ｒ－１，ｔ－２，ｃ－３，ｔ－４，ｃ－５，ｔ－６－ヘキサクロロシクロヘキサン（別</t>
  </si>
  <si>
    <t>名β－ヘキサクロロシクロヘキサン）</t>
  </si>
  <si>
    <t>ｒ－１，ｃ－２，ｔ－３，ｃ－４，ｃ－５，ｔ－６－ヘキサクロロシクロヘキサン</t>
  </si>
  <si>
    <t>（別名γ－ヘキサクロロシクロヘキサン又はリンデン）</t>
  </si>
  <si>
    <t>デカクロロペンタシクロ［５．３．０．０（２，６）．０（３，９）．０（４，８）］デカン</t>
  </si>
  <si>
    <t>－５－オン（別名クロルデコン）</t>
  </si>
  <si>
    <t>ヘキサブロモビフェニル</t>
  </si>
  <si>
    <t>テトラブロモ（フェノキシベンゼン）（別名テトラブロモジフェニルエーテル）</t>
  </si>
  <si>
    <t>ペンタブロモ（フェノキシベンゼン）（別名ペンタブロモジフェニルエーテル）</t>
  </si>
  <si>
    <t>ヘキサブロモ（フェノキシベンゼン）（別名ヘキサブロモジフェニルエーテ</t>
  </si>
  <si>
    <t>ル）</t>
  </si>
  <si>
    <t>ヘプタブロモ（フェノキシベンゼン）（別名ヘプタブロモジフェニルエーテ</t>
  </si>
  <si>
    <t>６，７，８，９，１０，１０―ヘキサクロロ―１，５，５ａ，６，９，９ａ―ヘキサヒドロ―６，９―メタノ―２，４，３―ベンゾジオキサチエピン＝３―オキシド（別</t>
  </si>
  <si>
    <t>名エンドスルファン又はベンゾエピン）</t>
  </si>
  <si>
    <t>ヘキサブロモシクロドデカン</t>
  </si>
  <si>
    <t>ペンタクロロフェノール又はその塩若しくはエステル</t>
  </si>
  <si>
    <t>ポリ塩化直鎖パラフィン（炭素数が１０から１３までのものであって、塩素</t>
  </si>
  <si>
    <t>の含有量が全重量の４８パーセントを超えるものに限る。）</t>
  </si>
  <si>
    <t>１・１´―オキシビス（２・３・４・５・６―ペンタブロモベンゼン）（別名デカブ</t>
  </si>
  <si>
    <t>ロモジフェニルエーテル）</t>
  </si>
  <si>
    <t>※１ ただし、塩素数が２であるポリ塩化ナフタレンの指定日は平成２８年４月１日。</t>
  </si>
  <si>
    <t>69.  Methanol</t>
  </si>
  <si>
    <t>Shall not be placed on the market to the general public after 9 May 2019 in windscreen washing or defrosting fluids, in a concentration equal to or greater than 0,6 % by weight.</t>
  </si>
  <si>
    <t>CAS No 67-56-1</t>
  </si>
  <si>
    <t>EC No 200-659-6</t>
  </si>
  <si>
    <t>70.  Octamethylcyclotetrasiloxane (D4)</t>
  </si>
  <si>
    <t>CAS No 556-67-2</t>
  </si>
  <si>
    <t>2.  For the purposes of this entry, ‘wash-off cosmetic products’ means cosmetic products as defined in Article 2(1)(a) of Regulation (EC) No 1223/2009 that, under normal conditions of use, are washed off with water after application.</t>
  </si>
  <si>
    <t>EC No 209-136-7</t>
  </si>
  <si>
    <t>Decamethylcyclopentasiloxane (D5)</t>
  </si>
  <si>
    <t>CAS No 541-02-6</t>
  </si>
  <si>
    <t>EC No 208-764-9</t>
  </si>
  <si>
    <t>71.  1-methyl-2-pyrrolidone</t>
  </si>
  <si>
    <t>(NMP)</t>
  </si>
  <si>
    <t>CAS No 872-50-4</t>
  </si>
  <si>
    <t>3.  By way of derogation from paragraphs 1 and 2, the obligations laid down therein shall apply from 9 May 2024 in relation to placing on the market for use, or use, as a solvent or reactant in the process of coating wires.</t>
  </si>
  <si>
    <t>EC No 212-828-1</t>
  </si>
  <si>
    <t>1,2-dichloropropane; propylene dichloride</t>
  </si>
  <si>
    <t>3,7-dimethylocta-2,6-dienenitrile</t>
  </si>
  <si>
    <t>5146-66-7</t>
  </si>
  <si>
    <t>Lead powder;</t>
  </si>
  <si>
    <t>Lead massive:</t>
  </si>
  <si>
    <t>Warfarin (ISO);</t>
  </si>
  <si>
    <t>5543-58-8 [3]</t>
  </si>
  <si>
    <t>Brodifacoum (ISO);</t>
  </si>
  <si>
    <t>Disodium octaborate anhydrous; [1]</t>
  </si>
  <si>
    <t>Disodium octaborate tetrahydrate [2]</t>
  </si>
  <si>
    <t>Phenol, dodecyl-, branched; [1]</t>
  </si>
  <si>
    <t>Phenol, 2-dodecyl-, branched; [2]</t>
  </si>
  <si>
    <t>Phenol, 3-dodecyl-, branched; [3]</t>
  </si>
  <si>
    <t>Phenol, 4-dodecyl-, branched; [4]</t>
  </si>
  <si>
    <t>Phenol, (tetrapropenyl) derivatives [5]</t>
  </si>
  <si>
    <t>Chlorophacinone (ISO);2-[(4-chlorophenyl)(phenyl)acetyl]-1H-indene-1,3(2H)-dione</t>
  </si>
  <si>
    <t>Coumatetralyl (ISO); 4-hydroxy-3-(1,2,3,4-tetrahydro-1-naphthyl)coumarin</t>
  </si>
  <si>
    <t>Difenacoum (ISO); 3-(3-biphenyl-4-yl-1,2,3,4-tetrahydro-1-naphthyl)-4-hydroxycoumarin</t>
  </si>
  <si>
    <t>Flocoumafen (ISO); reaction mass of: cis-4-hydroxy-3-(1,2,3,4-tetrahydro-3-(4-(4-trifluoromethylbenzyloxy)phenyl)-1-naphthyl)coumarin and trans-4-hydroxy-3-(1,2,3,4-tetrahydro-3-(4-(4-trifluoromethylbenzyloxy)phenyl)-1-naphthyl)coumarin</t>
  </si>
  <si>
    <t>Difethialone (ISO);</t>
  </si>
  <si>
    <t>Perfluorononan-1-oic acid [1]</t>
  </si>
  <si>
    <t>Dicyclohexyl phthalate</t>
  </si>
  <si>
    <t>Triflumizole (ISO);</t>
  </si>
  <si>
    <t>68694-11-1</t>
  </si>
  <si>
    <t>607-123-00-4</t>
  </si>
  <si>
    <t>203-441-9</t>
  </si>
  <si>
    <t>106-91-2</t>
  </si>
  <si>
    <t>glycidyl methacrylate</t>
  </si>
  <si>
    <t>048-012-00-5</t>
  </si>
  <si>
    <t>048-013-00-0</t>
  </si>
  <si>
    <t>048-014-00-6</t>
  </si>
  <si>
    <t>605-001-00-5</t>
  </si>
  <si>
    <t>200-001-8</t>
  </si>
  <si>
    <t>606-151-00-4</t>
  </si>
  <si>
    <t>201-549-0</t>
  </si>
  <si>
    <t>84-65-1</t>
  </si>
  <si>
    <t>N,N′-methylenedimorpholine;</t>
  </si>
  <si>
    <t>607-721-00-5</t>
  </si>
  <si>
    <t>227-062-3</t>
  </si>
  <si>
    <t>N,N′-methylenebismorpholine;</t>
  </si>
  <si>
    <t>[formaldehyde released from N,N′-methylenebismorpholine];</t>
  </si>
  <si>
    <t>[MBM]</t>
  </si>
  <si>
    <t>612-290-00-1</t>
  </si>
  <si>
    <t>[formaldehyde released from 3,3′-methylenebis[5-methyloxazolidine];</t>
  </si>
  <si>
    <t>formaldehyde released from oxazolidin];</t>
  </si>
  <si>
    <t>[MBO]</t>
  </si>
  <si>
    <t>612-291-00-7</t>
  </si>
  <si>
    <t>[formaldehyde released from α,α,α-trimethyl-1,3,5-triazine-1,3,5(2H,4H,6H)-triethanol];</t>
  </si>
  <si>
    <t>[HPT]</t>
  </si>
  <si>
    <t>612-292-00-2</t>
  </si>
  <si>
    <t>200-471-4</t>
  </si>
  <si>
    <t>606-041-00-6</t>
  </si>
  <si>
    <t>400-600-6</t>
  </si>
  <si>
    <t>71868-10-5</t>
  </si>
  <si>
    <t>2,3-epoxypropyl methacrylate;</t>
  </si>
  <si>
    <t>650-032-00-X</t>
  </si>
  <si>
    <t>050-030-00-3</t>
  </si>
  <si>
    <t>201-039-8</t>
  </si>
  <si>
    <t>607-720-00-X</t>
  </si>
  <si>
    <t>206-400-3 [1]</t>
  </si>
  <si>
    <t>335-76-2 [1]</t>
  </si>
  <si>
    <t>ammonium nonadecafluorodecanoate; [2]</t>
  </si>
  <si>
    <t>221-470-5 [2]</t>
  </si>
  <si>
    <t>3108-42-7 [2]</t>
  </si>
  <si>
    <t>sodium nonadecafluorodecanoate [3]</t>
  </si>
  <si>
    <t>[3]</t>
  </si>
  <si>
    <t>3830-45-3 [3]</t>
  </si>
  <si>
    <t>613-322-00-7</t>
  </si>
  <si>
    <t>259-537-6</t>
  </si>
  <si>
    <t>55219-65-3</t>
  </si>
  <si>
    <t>α-tert-butyl-β-(4-chlorophenoxy)-1H-1,2,4-triazole-1-ethanol</t>
  </si>
  <si>
    <t>613-324-00-8</t>
  </si>
  <si>
    <t>205-711-1</t>
  </si>
  <si>
    <t>148-24-3</t>
  </si>
  <si>
    <t>8-hydroxyquinoline</t>
  </si>
  <si>
    <t>613-325-00-3</t>
  </si>
  <si>
    <t>(Z)-3-(6-chloro-3-pyridylmethyl)-1,3-thiazolidin-2-ylidenecyanamide;</t>
  </si>
  <si>
    <t>{(2Z)-3-[(6-chloropyridin-3-yl)methyl]-1,3-thiazolidin-2-ylidene}cyanamide</t>
  </si>
  <si>
    <t>616-223-00-7</t>
  </si>
  <si>
    <t>240-286-6</t>
  </si>
  <si>
    <t>(R)-1-(ethylcarbamoyl)ethyl carbanilate; (2R)-1-(ethylamino)-1-oxopropan-2-yl phenylcarbamate</t>
  </si>
  <si>
    <t>GADSL #</t>
  </si>
  <si>
    <t>CAS RN</t>
  </si>
  <si>
    <t>Ammonium Nitrate (AN)    </t>
  </si>
  <si>
    <t>6484-52-2</t>
  </si>
  <si>
    <t>The use of ammonium nitrate inflators in automotive airbags has been the reason for several recalls in the US (NHTSA Consent Order) and other markets.</t>
  </si>
  <si>
    <t>Substance is present in certain pyrotechnical devices</t>
  </si>
  <si>
    <t>1,4-Benzenediamine, N,N'-mixed Ph and tolyl and xylyl derivs.</t>
  </si>
  <si>
    <t>68953-83-3</t>
  </si>
  <si>
    <t>Anti-degrading agent in rubber</t>
  </si>
  <si>
    <t>1,4-Benzenediamine, N,N'-mixed tolyl and xylyl derivs.</t>
  </si>
  <si>
    <t>68478-45-5</t>
  </si>
  <si>
    <t>Drive Belts, steering fluid lines, shock absorbers, tubes</t>
  </si>
  <si>
    <t>10124-36-4
31119-53-6</t>
  </si>
  <si>
    <t>Pigment, PVC stabilizer, paints</t>
  </si>
  <si>
    <t>Silicic acid, zirconium salt, cadmium pigment-encapsulated</t>
  </si>
  <si>
    <t>102184-95-2</t>
  </si>
  <si>
    <t>Lithium nickel cobalt aluminum oxide</t>
  </si>
  <si>
    <t>177997-13-6</t>
  </si>
  <si>
    <t>C.I. Pigment Blue 74 (Cobalt Zinc Silicate Blue Phenacite)</t>
  </si>
  <si>
    <t>68412-74-8</t>
  </si>
  <si>
    <t>Decamethylcyclopentasiloxane</t>
  </si>
  <si>
    <t>541-02-6</t>
  </si>
  <si>
    <t>Coating, leather</t>
  </si>
  <si>
    <t>Diazene-1,2-dicarboxamide, Azodicarbonamide (ADCA)</t>
  </si>
  <si>
    <t>Blowing agent used for plastics, rubber, adhesive and sealants.</t>
  </si>
  <si>
    <t>2,4-Dihydroxybenzophenone</t>
  </si>
  <si>
    <t>131-56-6</t>
  </si>
  <si>
    <t>UV adsorber in polymers and paints</t>
  </si>
  <si>
    <t>2,4 Dinitrotoluene</t>
  </si>
  <si>
    <t>Used in detonators of airbags</t>
  </si>
  <si>
    <t>2,2'-((Dibutylstannylene)bis(thio))diethanol</t>
  </si>
  <si>
    <t>3026-81-1</t>
  </si>
  <si>
    <t>Dibutyltin S,S'-bis(isooctyl mercaptoacetate)Acetic acid, 
2,2'-[(dibutylstannylene)bis(thio)]bis-, 1,1'-diisooctyl ester)</t>
  </si>
  <si>
    <t xml:space="preserve">Distannathiane, 1,3-dibutyl-1,3-dithioxo-
</t>
  </si>
  <si>
    <t>15666-29-2</t>
  </si>
  <si>
    <t>Dioctyltin oxide, (Stannane, dioctyloxo- )</t>
  </si>
  <si>
    <t>Stannane, dioctyl-, bis(coco acyloxy) derivs.</t>
  </si>
  <si>
    <t>91648-39-4</t>
  </si>
  <si>
    <t>2-Ethylhexyl 10-ethyl-4,4-dimethyl-7-oxo-8-oxa-3,5-dithia-4-stannatetradecanoate</t>
  </si>
  <si>
    <t>57583-35-4</t>
  </si>
  <si>
    <t>Harness, leather (PVC heat stabilizer)</t>
  </si>
  <si>
    <t>Dimethyltin dichloride</t>
  </si>
  <si>
    <t>753-73-1</t>
  </si>
  <si>
    <t>Harness (Transparence conductive film)</t>
  </si>
  <si>
    <t>Disodium octaborate</t>
  </si>
  <si>
    <t>12008-41-2</t>
  </si>
  <si>
    <t>Biocide;  Flame retardant</t>
  </si>
  <si>
    <t xml:space="preserve"> Only washer fluid with ethanol would be allowed (South Korea)</t>
  </si>
  <si>
    <t>4,4'-methylenediphenol</t>
  </si>
  <si>
    <t>620-92-8</t>
  </si>
  <si>
    <t>Steering wheel (Epoxy resin raw material)</t>
  </si>
  <si>
    <t>4,4'-(1-Methylpropylidene)bisphenol</t>
  </si>
  <si>
    <t>77-40-7</t>
  </si>
  <si>
    <t>Molybdenum trioxide</t>
  </si>
  <si>
    <t>1313-27-5</t>
  </si>
  <si>
    <t>Harness, leather, electronics</t>
  </si>
  <si>
    <t>[Carbonato(2-)]  tetrahydroxytrinickel</t>
  </si>
  <si>
    <t>12607-70-4</t>
  </si>
  <si>
    <t>Ceramic colours and glazes, nickel plating</t>
  </si>
  <si>
    <t>Nonadecafluorodecanoic acid (PFDA) and its sodium and ammonium salts, all members</t>
  </si>
  <si>
    <t>Nonadecafluorodecanoic acid (PFDA)</t>
  </si>
  <si>
    <t>Lubricant, plasticizer</t>
  </si>
  <si>
    <t>Nonadecafluorodecanoic acid, sodium salt</t>
  </si>
  <si>
    <t>Nonadecafluorodecanoic acid, ammonium salt</t>
  </si>
  <si>
    <t>4-Nonylphenol, branched and linear, all members</t>
  </si>
  <si>
    <t>O,O,O-triphenyl phosphorothioate</t>
  </si>
  <si>
    <t>597-82-0</t>
  </si>
  <si>
    <t>Leather, electronics For a lubricant, grease, oil pressure liquid</t>
  </si>
  <si>
    <t>Octamethylcyclotetrasiloxane</t>
  </si>
  <si>
    <t>556-67-2</t>
  </si>
  <si>
    <t>Softener, elastomers, rubber</t>
  </si>
  <si>
    <t>Oligomerisation and alkylation reaction products of 2-phenylpropene and phenol</t>
  </si>
  <si>
    <t>Additive for rubber</t>
  </si>
  <si>
    <t>Perfluorohexane-1-sulphonic acid and its salts, all members</t>
  </si>
  <si>
    <t>Water- and stain-repellant coating for carpets, paper, and textiles, firefighting foam</t>
  </si>
  <si>
    <t>Perfluorohexane-1-sulphonic acid, ammonium salt</t>
  </si>
  <si>
    <t>Potemtial substitute for PFOA</t>
  </si>
  <si>
    <t>Perfluorohexane-1-sulphonic acid, potassium salt</t>
  </si>
  <si>
    <t>Reg. (EC) No 552/2009, Dir. 2006/122EC 
Canadian Environmental Protection Act, 1999 - Regulations Amending the Prohibition of Certain Toxic Substances Regulations, 2012
US EPA - SNUR: § 721.9582 Certain perfluoroalkyl sulfonates
Stockholm Convention, Annex B
Japan Chemical Substances Control Law [Class I]</t>
  </si>
  <si>
    <t xml:space="preserve">Cyclotetrasiloxane, 2-(4,4,5,5,6,6,7,7,8,8,9,9,10,10,11,11,11-heptadecafluoroundecyl)-2,4,6,8-tetramethyl-, Si-[3-(oxiranylmethoxy)propyl] derivs </t>
  </si>
  <si>
    <t>206886-57-9</t>
  </si>
  <si>
    <t>Perfluoro compounds, C5-18</t>
  </si>
  <si>
    <t>86508-42-1</t>
  </si>
  <si>
    <t>Poly(oxy-1,2-ethanediyl), .alpha.-
(4,4,5,5,6,6,7,7,8,8,9,9,10,10,11,11,11-heptadecafluoro-2-hydroxyundecyl)-.omega.-[(4,4,5,5,6,6,7,7,8,8,9,9,10,10,11,11,11-heptadecafluoro-2-hydroxyundecyl)oxy]-</t>
  </si>
  <si>
    <t>122402-79-3</t>
  </si>
  <si>
    <t>2-Propenoic acid, C16-18-alkyl esters, polymers with 3,3,4,4,5,5,6,6,7,7,8,8,9,9,10,10,10-heptadecafluorodecyl acrylate</t>
  </si>
  <si>
    <t>160336-09-4</t>
  </si>
  <si>
    <t>2-Propenoic acid, 2-methyl-, methyl ester, telomere with 1-dodecanethiol, 2-ethylhexyl 2-propenoate, 3,3,4,4,5,5,6,6,7,7,8,8,9,9,10,10,10-heptadecafluorodecyl 2-propenoate and 2-Propenoic acid</t>
  </si>
  <si>
    <t>321318-71-2</t>
  </si>
  <si>
    <t>Siloxanes and Silicones, di-Me, mono[3-[(2-methyl-1-oxo-2-propenyl)oxy]propyl group]-terminated, polymers with 3,3,4,4,5,5,6,6,7,7,8,8,9,9,10,10,10-heptadecafluoro-1-decanol- and 2-hydroxyethyl acrylate-blocked 2,4-TDI-trimethylolpropane polymer</t>
  </si>
  <si>
    <t>501098-09-5</t>
  </si>
  <si>
    <t>Trisiloxane, 3,3'-(3,3,4,4,5,5,6,6,7,7,8,8-dodecafluoro-1,10-decanediyl)bis[3-[(dimethylsilyl)oxy]-1,1,5,5-tetramethyl-, reaction products with 4,4,5,5,6,6,7,7,8,8,9,9,10,10,11,11,11-heptadecafluoro-1-undecene</t>
  </si>
  <si>
    <t>185701-89-7</t>
  </si>
  <si>
    <t xml:space="preserve">alpha-(p-(1,1,3,3-Tetramethylbutyl)phenyl))-omega-hydroxypoly(oxyethylene) </t>
  </si>
  <si>
    <t>9036-19-5</t>
  </si>
  <si>
    <t xml:space="preserve">Reg. (EC) No 1907/2006 (REACH Annex XIV) </t>
  </si>
  <si>
    <t>Polyethylenglycol-[4-(1,1,3,3-tetramethylbutyl)phenyl]-ether</t>
  </si>
  <si>
    <t>9002-93-1</t>
  </si>
  <si>
    <t>1,2-Benzenedicarboxylic acid, di-C10-12-branched alkyl esters</t>
  </si>
  <si>
    <t>Plasticizer PVC</t>
  </si>
  <si>
    <t>Damper, cable, caliper, label, tape (Plasticizer and other plastic blocking inhibitor)</t>
  </si>
  <si>
    <t>1,1'-Biphenyl, dibromo-</t>
  </si>
  <si>
    <t>27479-65-8</t>
  </si>
  <si>
    <t>4,4'-sulphonylbis[2,6-dibromophenol],Tetrabromobisphenol S, (TBBPS)</t>
  </si>
  <si>
    <t xml:space="preserve">Tetrabromo-bisphenol-S is a flame retardent;  usage in textiles, plastics </t>
  </si>
  <si>
    <t>5436-43-1</t>
  </si>
  <si>
    <t>Tetrafluoro-methane</t>
  </si>
  <si>
    <t>Tetraphenyl m-phenylene bis(phosphate)</t>
  </si>
  <si>
    <t>57583-54-7</t>
  </si>
  <si>
    <t>Tris(2-chloro-1-methylethyl) phosphate</t>
  </si>
  <si>
    <t>Harness, leather, sealer, adhesive</t>
  </si>
  <si>
    <t>UVCB-Diamines, all members</t>
  </si>
  <si>
    <t>Amines, N-C16-18-alkyl (evennumbered) propane-1,3-diamine</t>
  </si>
  <si>
    <t>133779-11-0</t>
  </si>
  <si>
    <t>Lubricant</t>
  </si>
  <si>
    <t>Benzene-1,2,4-tricarboxylic acid 1,2 anhydride</t>
  </si>
  <si>
    <t>209-008-0</t>
  </si>
  <si>
    <t>552-30-7</t>
  </si>
  <si>
    <t>27/06/2018</t>
  </si>
  <si>
    <t>trimellitic anhydride; TMA</t>
  </si>
  <si>
    <t>Benzo[ghi]perylene</t>
  </si>
  <si>
    <t>205-883-8</t>
  </si>
  <si>
    <t>191-24-2</t>
  </si>
  <si>
    <t>208-764-9</t>
  </si>
  <si>
    <t>D5</t>
  </si>
  <si>
    <t>DCHP</t>
  </si>
  <si>
    <t>234-541-0</t>
  </si>
  <si>
    <t>Dodecamethylcyclohexasiloxane</t>
  </si>
  <si>
    <t>208-762-8</t>
  </si>
  <si>
    <t>540-97-6</t>
  </si>
  <si>
    <t>D6</t>
  </si>
  <si>
    <t>Ethylenediamine</t>
  </si>
  <si>
    <t>203-468-6</t>
  </si>
  <si>
    <t>107-15-3</t>
  </si>
  <si>
    <t>EDA</t>
  </si>
  <si>
    <t>209-136-7</t>
  </si>
  <si>
    <t>D4</t>
  </si>
  <si>
    <t>Terphenyl, hydrogenated</t>
  </si>
  <si>
    <t>262-967-7</t>
  </si>
  <si>
    <t>61788-32-7</t>
  </si>
  <si>
    <t>1,6,7,8,9,14,15,16,17,17,18,18-Dodecachloropentacyclo[12.2.1.16,9.02,13.05,10]octadeca-7,15-diene (“Dechlorane Plus”™)</t>
  </si>
  <si>
    <t>2018-04-05</t>
  </si>
  <si>
    <t>00148</t>
  </si>
  <si>
    <t>2018-07-08</t>
  </si>
  <si>
    <t>D16.00: Substance Added</t>
  </si>
  <si>
    <t>00149</t>
  </si>
  <si>
    <t>Siloxanes are monomers used to manufacture silicones. They may remain as unreacted in silicone polymers and copolymers, used in many electrotechnical equipment product categories.</t>
  </si>
  <si>
    <t>00150</t>
  </si>
  <si>
    <t>Siloxanes are monomers used to manufacture silicones. Residuals may remain in silicone polymers and copolymers.</t>
  </si>
  <si>
    <t>00151</t>
  </si>
  <si>
    <t>00152</t>
  </si>
  <si>
    <t>Wooden veneer sheets and pressed wooden panels (as a constituent within the starch adhesive), as a flame retardant, as stabilizer in aminoplastic resins, and as a biocide in professional and industrial wood preservation.</t>
  </si>
  <si>
    <t>00153</t>
  </si>
  <si>
    <t>Plasticizers, sealants, epoxy adhesives, paints and heat sinks</t>
  </si>
  <si>
    <t>00154</t>
  </si>
  <si>
    <t>Steel, aluminum and copper alloys, lead acid batteries, solder and other applications</t>
  </si>
  <si>
    <t>00139</t>
  </si>
  <si>
    <t>Plasticizer, dye, pigment, paint, ink, manufacture of adhesive, lubricant</t>
  </si>
  <si>
    <t>化学物質の審査及び製造等の規制に関する法律施行令　2018.02.21公示、2018.04.01施行</t>
    <phoneticPr fontId="4"/>
  </si>
  <si>
    <t>29.  Substances which are classified as germ cell mutagen category 1A or 1B in Part 3 of Annex VI to Regulation (EC) No 1272/2008 and are listed in Appendix 3 or Appendix 4, respectively.</t>
  </si>
  <si>
    <t>1.  Shall not be placed on the market in wash-off cosmetic products in a concentration equal to or greater than 0,1 % by weight of either substance, after 31 January 2020.</t>
  </si>
  <si>
    <t>2.  Shall not be manufactured, or used, as a substance on its own or in mixtures in a concentration equal to or greater than 0,3 % after 9 May 2020 unless manufacturers and downstream users take the appropriate risk management measures and provide the appropriate operational conditions to ensure that exposure of workers is below the DNELs specified in paragraph 1.</t>
  </si>
  <si>
    <t>72.  The substances listed in column 1 of the Table in Appendix 12</t>
  </si>
  <si>
    <t>1.  Shall not be placed on the market after 1 November 2020 in any of the following:</t>
  </si>
  <si>
    <t>(a)  clothing or related accessories;</t>
  </si>
  <si>
    <t>(b)  textiles other than clothing which, under normal or reasonably foreseeable conditions of use, come into contact with human skin to an extent similar to clothing;</t>
  </si>
  <si>
    <t>(c)  footwear;</t>
  </si>
  <si>
    <t>if the clothing, related accessory, textile other than clothing or footwear is for use by consumers and the substance is present in a concentration, measured in homogeneous material, equal to or greater than that specified for that substance in Appendix 12.</t>
  </si>
  <si>
    <t>2.  By way of derogation, in relation to the placing on the market of formaldehyde [CAS No 50-00-0] in jackets, coats or upholstery, the relevant concentration for the purposes of paragraph 1 shall be 300 mg/kg during the period between 1 November 2020 and 1 November 2023. The concentration specified in Appendix 12 shall apply thereafter.</t>
  </si>
  <si>
    <t>3.  Paragraph 1 shall not apply to:</t>
  </si>
  <si>
    <t>(a)  clothing, related accessories or footwear, or parts of clothing, related accessories or footwear, made exclusively of natural leather, fur or hide;</t>
  </si>
  <si>
    <t>(b)  non-textile fasteners and non-textile decorative attachments;</t>
  </si>
  <si>
    <t>(c)  second-hand clothing, related accessories, textiles other than clothing or footwear</t>
  </si>
  <si>
    <t>(d)  wall-to-wall carpets and textile floor coverings for indoor use, rugs and runners.</t>
  </si>
  <si>
    <t>4.  Paragraph 1 shall not apply to clothing, related accessories, textiles other than clothing, or footwear within the scope of Regulation (EU) 2016/425 of the European Parliament and of the Council (*) or Regulation (EU) 2017/745 of the European Parliament and of the Council (**).</t>
  </si>
  <si>
    <t>5.  Paragraph 1(b) shall not apply to disposable textiles. ‘Disposable textiles’ means textiles that are designed to be used only once or for a limited time and are not intended for subsequent use for the same or a similar purpose.</t>
  </si>
  <si>
    <t>6.  Paragraphs 1 and 2 shall apply without prejudice to the application of any stricter restrictions set out in this Annex or in other applicable Union legislation.</t>
  </si>
  <si>
    <t>7.  The Commission shall review the exemption in paragraph 3(d) and, if appropriate, modify that point accordingly.</t>
  </si>
  <si>
    <t>(*)  Regulation (EU) 2016/425 of the European Parliament and of the Council of of 9 March 2016 on personal protective equipment and repealing Council Directive 89/686/EEC (OJ L 81, 31.3.2016, p. 51).</t>
  </si>
  <si>
    <t>(**)  Regulation (EU) 2017/745 of the European Parliament and of the Council of 5 April 2017 on medical devices, amending Directive 2001/83/EC, Regulation (EC) No 178/2002 and Regulation (EC) No 1223/2009 and repealing Council Directives 90/385/EEC and 93/42/EEC (OJ L 117, 5.5.2017, p. 1).</t>
  </si>
  <si>
    <t>Cadmium hydroxide; cadmium dihydroxide</t>
  </si>
  <si>
    <t>Cadmium nitrate; cadmium dinitrate</t>
  </si>
  <si>
    <t>Formaldehyde … %</t>
  </si>
  <si>
    <t>Anthraquinone</t>
  </si>
  <si>
    <t>Reaction products of paraformaldehyde and 2-hydroxypropylamine (ratio 3:2);</t>
  </si>
  <si>
    <t>Reaction products of paraformaldehyde with 2-hydroxypropylamine (ratio 1:1);</t>
  </si>
  <si>
    <t>Methylhydrazine</t>
  </si>
  <si>
    <t>60-34-4</t>
  </si>
  <si>
    <t>[particle diameter &lt; 1 mm]</t>
  </si>
  <si>
    <t>Dibutyltin dilaurate; dibutyl[bis(dodecanoyloxy)]stannane</t>
  </si>
  <si>
    <t>2-methyl-1-(4-methylthiophenyl)-2-morpholinopropan-1-one</t>
  </si>
  <si>
    <t>Nonadecafluorodecanoic acid; [1]</t>
  </si>
  <si>
    <t>Triadimenol (ISO); (1RS,2RS;1RS,2SR)-1-(4-chlorophenoxy)-3,3-dimethyl-1-(1H-1,2,4-triazol-1-yl)butan-2-ol;</t>
  </si>
  <si>
    <t>Quinolin-8-ol;</t>
  </si>
  <si>
    <t>Thiacloprid (ISO);</t>
  </si>
  <si>
    <t>Carbetamide (ISO);</t>
  </si>
  <si>
    <t>16118-49-3</t>
  </si>
  <si>
    <t>Cyproconazole (ISO); (2RS,3RS;2RS,3SR)-2-(4-chlorophenyl)-3-cyclopropyl-1-(1H-1,2,4-triazol-1-yl)butan-2-ol</t>
  </si>
  <si>
    <t>Appendix 12</t>
  </si>
  <si>
    <t>Entry 72 — restricted substances and maximum concentration limits by weight in homogeneous materials:</t>
  </si>
  <si>
    <t>Index- No</t>
  </si>
  <si>
    <t>Concentration limit by weight</t>
  </si>
  <si>
    <t>Cadmium and its compounds (listed in Annex XVII, Entry 28, 29, 30, Appendices 1-6)</t>
  </si>
  <si>
    <t>1 mg/kg after extraction (expressed as Cd metal that can be extracted from the material)</t>
  </si>
  <si>
    <t>Chromium VI compounds (listed in Annex XVII, Entry 28, 29, 30, Appendices 1-6)</t>
  </si>
  <si>
    <t>1 mg/kg after extraction (expressed as Cr VI that can be extracted from the material)</t>
  </si>
  <si>
    <t>Arsenic compounds (listed in Annex XVII, Entry 28, 29, 30, Appendices 1-6)</t>
  </si>
  <si>
    <t>1 mg/kg after extraction (expressed as As metal that can be extracted from the material)</t>
  </si>
  <si>
    <t>Lead and its compounds (listed in Annex XVII, Entry 28, 29, 30, Appendices 1-6)</t>
  </si>
  <si>
    <t>1 mg/kg after extraction (expressed as Pb metal that can be extracted from the material)</t>
  </si>
  <si>
    <t>5 mg/kg</t>
  </si>
  <si>
    <t>1 mg/kg</t>
  </si>
  <si>
    <t>75 mg/kg</t>
  </si>
  <si>
    <t>1,2-benzenedicarboxylic acid; di-C 6-8-branched alkylesters, C 7-rich</t>
  </si>
  <si>
    <t>1 000 mg/kg (individually or in combination with other phthalates in this entry or in other entries of Annex XVII that are classified in Part 3 of Annex VI to Regulation (EC) No 1272/2008 in any of the hazard classes carcinogenicity, germ cell mutagenicity or reproductive toxicity, category 1A or 1B</t>
  </si>
  <si>
    <t>Di-n-hexyl phthalate (DnHP)</t>
  </si>
  <si>
    <t>3 000 mg/kg</t>
  </si>
  <si>
    <t>1,4,5,8-tetraaminoanthraquinone; C.I. Disperse Blue 1</t>
  </si>
  <si>
    <t>50 mg/kg</t>
  </si>
  <si>
    <t>611-031-00-X</t>
  </si>
  <si>
    <t>209-321-2</t>
  </si>
  <si>
    <t>221-627-8</t>
  </si>
  <si>
    <t>30 mg/kg</t>
  </si>
  <si>
    <t>2-Naphthylammoniumacetate</t>
  </si>
  <si>
    <t>209-030-0</t>
  </si>
  <si>
    <t>254-323-9</t>
  </si>
  <si>
    <t>2,4,5-trimethylaniline hydrochloride</t>
  </si>
  <si>
    <t>21436-97-5</t>
  </si>
  <si>
    <t>2019-01-15</t>
  </si>
  <si>
    <t>[EU] REACH Regulation (EC) No.1907/2006 Candidate List for Authorisation</t>
  </si>
  <si>
    <t>Pyrene</t>
  </si>
  <si>
    <t>00159</t>
  </si>
  <si>
    <t>85-01-8</t>
  </si>
  <si>
    <t>Phenanthrene</t>
  </si>
  <si>
    <t>00158</t>
  </si>
  <si>
    <t>Fluoranthene</t>
  </si>
  <si>
    <t>00157</t>
  </si>
  <si>
    <t>00156</t>
  </si>
  <si>
    <t>D17.00: Substance added</t>
  </si>
  <si>
    <t>White crystalline powder, Raw material for epoxy resins, Raw materials for polycarbonate resin, Thermal paper,  Chemicals, Surface coatings,  Inks, Adhesives, Synthetic resin additives, Liquid crystal materials,  Photosensitizers,  Information recording agents, Engineering plastic materials, Electronic functional materials, Optical functional materials; may be used as substitute for BPA</t>
  </si>
  <si>
    <t>4-[2-(4-hydroxyphenyl)-4-methylpentan-2-yl]phenol</t>
  </si>
  <si>
    <t>2,2-bis(4'-hydroxyphenyl)-4-methylpentane</t>
  </si>
  <si>
    <t>00155</t>
  </si>
  <si>
    <t>1, 2-dimethoxyethane; ethylene glycol dimethyl ether (EGDME)</t>
  </si>
  <si>
    <t>15/01/2019</t>
  </si>
  <si>
    <t>204-927-3</t>
  </si>
  <si>
    <t>201-581-5</t>
  </si>
  <si>
    <t>205-912-4</t>
  </si>
  <si>
    <t>3-benzylidene camphor; 3-BC</t>
  </si>
  <si>
    <t>15087-24-8</t>
  </si>
  <si>
    <t>239-139-9</t>
  </si>
  <si>
    <t>1,7,7-trimethyl-3-(phenylmethylene)bicyclo[2.2.1]heptan-2-one</t>
  </si>
  <si>
    <t>EC No.: 201-553-2</t>
  </si>
  <si>
    <t>CAS No.: 84-69-5</t>
  </si>
  <si>
    <t>EC No.: 201-622-7</t>
  </si>
  <si>
    <t>CAS No.: 85-68-7</t>
  </si>
  <si>
    <t>EC No.: 201-557-4</t>
  </si>
  <si>
    <t>CAS No.: 84-74-2</t>
  </si>
  <si>
    <t>EC No.: 204-211-0</t>
  </si>
  <si>
    <t>CAS No.: 117-81-7</t>
  </si>
  <si>
    <t>Bis(2-ethylhexyl) phthalate (DEHP)</t>
  </si>
  <si>
    <t>米国の有害物質規制法（Toxic Substances Control Act：TSCA）の化学物質および混合物の優先順位付け、リスク評価、および規制（第6条）の規制対象物質。これらの物質は化学物質およびその混合物の製造、輸入、加工、流通、廃棄などの過程で人の健康や環境に不当なリスクをもたらす恐れがあるとして、製造、加工流通の禁止や制限などの措置が適用されている。環境保護庁（US　Environmental Protection Agency）の所管。</t>
    <phoneticPr fontId="4"/>
  </si>
  <si>
    <t>https://www.ecfr.gov/cgi-bin/text-idx?SID=40f7c34fc55fcc0a3bd3fbdb1b60aede&amp;mc=true&amp;node=pt40.34.747&amp;rgn=div5</t>
    <phoneticPr fontId="4"/>
  </si>
  <si>
    <t>https://www.ecfr.gov/cgi-bin/text-idx?SID=40f7c34fc55fcc0a3bd3fbdb1b60aede&amp;mc=true&amp;node=pt40.34.761&amp;rgn=div5</t>
    <phoneticPr fontId="4"/>
  </si>
  <si>
    <t>PART 751—REGULATION OF CERTAIN CHEMICAL SUBSTANCES AND MIXTURES UNDER SECTION 6 OF THE TOXIC SUBSTANCES CONTROL ACT</t>
  </si>
  <si>
    <t>Subpart B—Methylene Chloride</t>
  </si>
  <si>
    <t>§751.101   General.</t>
  </si>
  <si>
    <t>This subpart sets certain restrictions on the manufacture (including import), processing, and distribution in commerce of methylene chloride (CASRN 75-09-2) for consumer paint and coating removal to prevent unreasonable risks of injury to health due to acute human lethality.</t>
  </si>
  <si>
    <t>§751.103   Definitions.</t>
  </si>
  <si>
    <t>The definitions in subpart A of this part apply to this subpart unless otherwise specified in this section. In addition, the following definitions apply:</t>
  </si>
  <si>
    <t>§751.105   Consumer paint and coating removal.</t>
  </si>
  <si>
    <t>(a) After November 22, 2019, all persons are prohibited from manufacturing, processing and distributing in commerce methylene chloride for consumer paint and coating removal.</t>
  </si>
  <si>
    <t>(b) After November 22, 2019, all persons are prohibited from distributing in commerce methylene chloride, including any methylene chloride containing products, for paint and coating removal to retailers.</t>
  </si>
  <si>
    <t>(c) After November 22, 2019, all retailers are prohibited from distributing in commerce methylene chloride, including any methylene chloride containing products, for paint and coating removal.</t>
  </si>
  <si>
    <t>§751.107   Downstream notification.</t>
  </si>
  <si>
    <t>Each person who manufactures, processes, or distributes in commerce methylene chloride for any use after August 26, 2019 must, prior to or concurrent with the shipment, notify companies to whom methylene chloride is shipped, in writing, of the restrictions described in this subpart. Notification must occur by inserting the following text in the Safety Data Sheet (SDS) provided with the methylene chloride or with any methylene chloride containing product:</t>
  </si>
  <si>
    <t>(a) SDS Section 1.(c): “This chemical/product is not and cannot be distributed in commerce (as defined in TSCA section 3(5)) or processed (as defined in TSCA section 3(13)) for consumer paint or coating removal.”</t>
  </si>
  <si>
    <t>(b) SDS Section 15: “This chemical/product is not and cannot be distributed in commerce (as defined in TSCA section 3(5)) or processed (as defined in TSCA section 3(13)) for consumer paint or coating removal.”</t>
  </si>
  <si>
    <t>§751.109   Recordkeeping.</t>
  </si>
  <si>
    <t>(a) Each person who manufactures, processes, or distributes in commerce any methylene chloride after August 26, 2019 must retain in one location at the headquarters of the company, or at the facility for which the records were generated, documentation showing:</t>
  </si>
  <si>
    <t>(1) The name, address, contact, and telephone number of companies to whom methylene chloride was shipped;</t>
  </si>
  <si>
    <t>(2) A copy of the notification provided under §751.107; and</t>
  </si>
  <si>
    <t>(3) The amount of methylene chloride shipped.</t>
  </si>
  <si>
    <t>(b) The documentation in paragraph (a) of this section must be retained for 3 years from the date of shipment.</t>
  </si>
  <si>
    <t>1.  Shall not be used as substances or in mixtures, individually or in any combination of the phthalates listed in column 1 of this entry, in a concentration equal to or greater than 0,1 % by weight of the plasticised material, in toys and childcare articles.</t>
  </si>
  <si>
    <t>2.  Shall not be placed on the market in toys or childcare articles, individually or in any combination of the first three phthalates listed in column 1 of this entry, in a concentration equal to or greater than 0,1 % by weight of the plasticised material.</t>
  </si>
  <si>
    <t>In addition, DIBP shall not be placed on the market after 7 July 2020 in toys or childcare articles, individually or in any combination with the first three phthalates listed in column 1 of this entry, in a concentration equal to or greater than 0,1 % by weight of the plasticised material.</t>
  </si>
  <si>
    <t>3.  Shall not be placed on the market after 7 July 2020 in articles, individually or in any combination of the phthalates listed in column 1 of this entry, in a concentration equal to or greater than 0,1 % by weight of the plasticised material in the article.</t>
  </si>
  <si>
    <t>4.  Paragraph 3 shall not apply to:</t>
  </si>
  <si>
    <t>(a)  articles exclusively for industrial or agricultural use, or for use exclusively in the open air, provided that no plasticised material comes into contact with human mucous membranes or into prolonged contact with human skin;</t>
  </si>
  <si>
    <t>(b)  aircraft, placed on the market before 7 January 2024, or articles, whenever placed on the market, for use exclusively in the maintenance or repair of those aircraft, where those articles are essential for the safety and airworthiness of the aircraft;</t>
  </si>
  <si>
    <t>(c)  motor vehicles within the scope of Directive 2007/46/EC, placed on the market before 7 January 2024, or articles, whenever placed on the market, for use exclusively in the maintenance or repair of those vehicles, where the vehicles cannot function as intended without those articles;</t>
  </si>
  <si>
    <t>(d)  articles placed on the market before 7 July 2020;</t>
  </si>
  <si>
    <t>(e)  measuring devices for laboratory use, or parts thereof;</t>
  </si>
  <si>
    <t>(g)  medical devices within the scope of Directives 90/385/EEC, 93/42/EEC or 98/79/EC, or parts thereof;</t>
  </si>
  <si>
    <t>(h)  electrical and electronic equipment within the scope of Directive 2011/65/EU;</t>
  </si>
  <si>
    <t>(i)  the immediate packaging of medicinal products within the scope of Regulation (EC) No 726/2004, Directive 2001/82/EC or Directive 2001/83/EC;</t>
  </si>
  <si>
    <t>(j)  toys and childcare articles covered by paragraphs 1 or 2.</t>
  </si>
  <si>
    <t>5.  For the purposes of paragraphs 1, 2, 3 and 4(a),</t>
  </si>
  <si>
    <t>(a)  ‘plasticised material’ means any of the following homogeneous materials:</t>
  </si>
  <si>
    <t>— polyvinyl chloride (PVC), polyvinylidene chloride (PVDC),polyvinyl acetate (PVA), polyurethanes,</t>
  </si>
  <si>
    <t>— any other polymer (including, inter alia, polymer foams and rubber material) except silicone rubber and natural latex coatings,</t>
  </si>
  <si>
    <t>— surface coatings, non-slip coatings, finishes, decals, printed designs,</t>
  </si>
  <si>
    <t>— adhesives, sealants, paints and inks.</t>
  </si>
  <si>
    <t>(b)  ‘prolonged contact with human skin’ means continuous contact of more than 10 minutes duration or intermittent contact over a period of 30 minutes, per day.</t>
  </si>
  <si>
    <t>(c)  ‘childcare article’ shall mean any product intended to facilitate sleep, relaxation, hygiene, the feeding of children or sucking on the part of children.</t>
  </si>
  <si>
    <t>6.  For the purposes of paragraph 4(b), ‘aircraft’ means one of the following:</t>
  </si>
  <si>
    <t>(a)  a civil aircraft produced in accordance with a type certificate issued under Regulation (EC) No 216/2008 or with a design approval issued under the national regulations of a contracting State of the International Civil Aviation Organisation (ICAO), or for which a certificate of airworthiness has been issued by an ICAO contracting State under Annex 8 to the Convention on International Civil Aviation, signed on December 7, 1944 , in Chicago;</t>
  </si>
  <si>
    <t>REGULATION (EU) 2017/745 OF THE EUROPEAN PARLIAMENT AND OF THE COUNCIL</t>
    <phoneticPr fontId="4"/>
  </si>
  <si>
    <t>of 5 April 2017</t>
  </si>
  <si>
    <t>on medical devices, amending Directive 2001/83/EC, Regulation (EC) No 178/2002 and Regulation (EC) No 1223/2009 and repealing Council Directives 90/385/EEC and 93/42/EEC</t>
  </si>
  <si>
    <t>10.4.   Substances</t>
  </si>
  <si>
    <t>10.4.1.   Design and manufacture of devices</t>
  </si>
  <si>
    <t>Devices shall be designed and manufactured in such a way as to reduce as far as possible the risks posed by substances or particles, including wear debris, degradation products and processing residues, that may be released from the device.</t>
  </si>
  <si>
    <t>Devices, or those parts thereof or those materials used therein that:</t>
  </si>
  <si>
    <t>— are invasive and come into direct contact with the human body,</t>
  </si>
  <si>
    <t>— (re)administer medicines, body liquids or other substances, including gases, to/from the body, or</t>
  </si>
  <si>
    <t>— transport or store such medicines, body fluids or substances, including gases, to be (re)administered to the body,</t>
  </si>
  <si>
    <t>shall only contain the following substances in a concentration that is above 0,1 % weight by weight (w/w) where justified pursuant to Section 10.4.2:</t>
  </si>
  <si>
    <t>(a) substances which are carcinogenic, mutagenic or toxic to reproduction (‘CMR’), of category 1A or 1B, in accordance with Part 3 of Annex VI to Regulation (EC) No 1272/2008 of the European Parliament and of the Council (1), or</t>
    <phoneticPr fontId="4"/>
  </si>
  <si>
    <t>(b) substances having endocrine-disrupting properties for which there is scientific evidence of probable serious effects to human health and which are identified either in accordance with the procedure set out in Article 59 of Regulation (EC) No 1907/2006 of the European Parliament and of the Council (2) or, once a delegated act has been adopted by the Commission pursuant to the first subparagraph of Article 5(3) of Regulation (EU) No 528/2012 of the European Parliament and the Council (3), in accordance with the criteria that are relevant to human health amongst the criteria established therein.</t>
    <phoneticPr fontId="4"/>
  </si>
  <si>
    <t>10.4.2.   Justification regarding the presence of CMR and/or endocrine-disrupting substances</t>
  </si>
  <si>
    <t>The justification for the presence of such substances shall be based upon:</t>
  </si>
  <si>
    <t>(a) an analysis and estimation of potential patient or user exposure to the substance;</t>
  </si>
  <si>
    <t>(b) an analysis of possible alternative substances, materials or designs, including, where available, information about independent research, peer-reviewed studies, scientific opinions from relevant scientific committees and an analysis of the availability of such alternatives;</t>
  </si>
  <si>
    <t>(c) argumentation as to why possible substance and/ or material substitutes, if available, or design changes, if feasible, are inappropriate in relation to maintaining the functionality, performance and the benefit-risk ratios of the product; including taking into account if the intended use of such devices includes treatment of children or treatment of pregnant or breastfeeding women or treatment of other patient groups considered particularly vulnerable to such substances and/or materials; and</t>
  </si>
  <si>
    <t>(d) where applicable and available, the latest relevant scientific committee guidelines in accordance with Sections 10.4.3. and 10.4.4.</t>
  </si>
  <si>
    <t>10.4.3.   Guidelines on phthalates</t>
  </si>
  <si>
    <t>For the purposes of Section 10.4., the Commission shall, as soon as possible and by 26 May 2018, provide the relevant scientific committee with a mandate to prepare guidelines that shall be ready before 26 May 2020. The mandate for the committee shall encompass at least a benefit-risk assessment of the presence of phthalates which belong to either of the groups of substances referred to in points (a) and (b) of Section 10.4.1. The benefit-risk assessment shall take into account the intended purpose and context of the use of the device, as well as any available alternative substances and alternative materials, designs or medical treatments. When deemed appropriate on the basis of the latest scientific evidence, but at least every five years, the guidelines shall be updated.</t>
  </si>
  <si>
    <t>10.4.4.   Guidelines on other CMR and endocrine-disrupting substances</t>
  </si>
  <si>
    <t>Subsequently, the Commission shall mandate the relevant scientific committee to prepare guidelines as referred to in Section 10.4.3. also for other substances referred to in points (a) and (b) of Section 10.4.1., where appropriate.</t>
  </si>
  <si>
    <t>10.4.5.   Labelling</t>
  </si>
  <si>
    <t>Where devices, parts thereof or materials used therein as referred to in Section 10.4.1. contain substances referred to in points (a) or (b) of Section 10.4.1. in a concentration above 0,1 % weight by weight (w/w), the presence of those substances shall be labelled on the device itself and/or on the packaging for each unit or, where appropriate, on the sales packaging, with the list of such substances. If the intended use of such devices includes treatment of children or treatment of pregnant or breastfeeding women or treatment of other patient groups considered particularly vulnerable to such substances and/or materials, information on residual risks for those patient groups and, if applicable, on appropriate precautionary measures shall be given in the instructions for use.</t>
  </si>
  <si>
    <t>10.5.   Devices shall be designed and manufactured in such a way as to reduce as far as possible the risks posed by the unintentional ingress of substances into the device taking into account the device and the nature of the environment in which it is intended to be used.</t>
  </si>
  <si>
    <t>10.6.   Devices shall be designed and manufactured in such a way as to reduce as far as possible the risks linked to the size and the properties of particles which are or can be released into the patient's or user's body, unless they come into contact with intact skin only. Special attention shall be given to nanomaterials.</t>
  </si>
  <si>
    <t>(Text with EEA relevance)</t>
  </si>
  <si>
    <t>ANNEX VI</t>
  </si>
  <si>
    <t>Table 3</t>
  </si>
  <si>
    <t>List of harmonised classification and labelling of hazardous substances</t>
  </si>
  <si>
    <t>Labelling</t>
  </si>
  <si>
    <t>Hazard Class and Category Code(s)</t>
  </si>
  <si>
    <t>Hazard statement Code(s)</t>
  </si>
  <si>
    <t>Pictogram, Signal Word Code(s)</t>
  </si>
  <si>
    <t>Suppl. Hazard statement Code(s)</t>
  </si>
  <si>
    <t>001-001-00-9</t>
  </si>
  <si>
    <t>hydrogen</t>
  </si>
  <si>
    <t>215-605-7</t>
  </si>
  <si>
    <t>1333-74-0</t>
  </si>
  <si>
    <t>Flam. Gas 1</t>
  </si>
  <si>
    <t>H220</t>
  </si>
  <si>
    <t>GHS02</t>
  </si>
  <si>
    <t>U</t>
  </si>
  <si>
    <t>Press. Gas</t>
  </si>
  <si>
    <t>GHS04</t>
  </si>
  <si>
    <t>Dgr</t>
  </si>
  <si>
    <t>001-002-00-4</t>
  </si>
  <si>
    <t>aluminium lithium hydride</t>
  </si>
  <si>
    <t>240-877-9</t>
  </si>
  <si>
    <t>16853-85-3</t>
  </si>
  <si>
    <t>Water-react. 1</t>
  </si>
  <si>
    <t>H260</t>
  </si>
  <si>
    <t>Skin Corr. 1A</t>
  </si>
  <si>
    <t>H314</t>
  </si>
  <si>
    <t>GHS05</t>
  </si>
  <si>
    <t>▼B</t>
  </si>
  <si>
    <t>001-003-00-X</t>
  </si>
  <si>
    <t>sodium hydride</t>
  </si>
  <si>
    <t>231-587-3</t>
  </si>
  <si>
    <t>7646-69-7</t>
  </si>
  <si>
    <t>001-004-00-5</t>
  </si>
  <si>
    <t>calcium hydride</t>
  </si>
  <si>
    <t>232-189-2</t>
  </si>
  <si>
    <t>7789-78-8</t>
  </si>
  <si>
    <t>003-001-00-4</t>
  </si>
  <si>
    <t>lithium</t>
  </si>
  <si>
    <t>231-102-5</t>
  </si>
  <si>
    <t>7439-93-2</t>
  </si>
  <si>
    <t>EUH014</t>
  </si>
  <si>
    <t>Skin Corr. 1B</t>
  </si>
  <si>
    <t>003-002-00-X</t>
  </si>
  <si>
    <t>n-hexyllithium</t>
  </si>
  <si>
    <t>404-950-0</t>
  </si>
  <si>
    <t>21369-64-2</t>
  </si>
  <si>
    <t>Pyr. Sol. 1</t>
  </si>
  <si>
    <t>H250</t>
  </si>
  <si>
    <t>003-003-00-5</t>
  </si>
  <si>
    <t>440-620-2</t>
  </si>
  <si>
    <t>920-36-5</t>
  </si>
  <si>
    <t>Pyr. Liq. 1</t>
  </si>
  <si>
    <t>GHS07</t>
  </si>
  <si>
    <t>STOT SE 3</t>
  </si>
  <si>
    <t>H336</t>
  </si>
  <si>
    <t>GHS09</t>
  </si>
  <si>
    <t>Aquatic Acute 1</t>
  </si>
  <si>
    <t>H400</t>
  </si>
  <si>
    <t>H410</t>
  </si>
  <si>
    <t>Aquatic Chronic 1</t>
  </si>
  <si>
    <t>beryllium</t>
  </si>
  <si>
    <t>Carc. 1B</t>
  </si>
  <si>
    <t>H350i</t>
  </si>
  <si>
    <t>GHS06</t>
  </si>
  <si>
    <t>Acute Tox. 2 *</t>
  </si>
  <si>
    <t>H330</t>
  </si>
  <si>
    <t>GHS08</t>
  </si>
  <si>
    <t>Acute Tox. 3 *</t>
  </si>
  <si>
    <t>H301</t>
  </si>
  <si>
    <t>STOT RE 1</t>
  </si>
  <si>
    <t>H372 **</t>
  </si>
  <si>
    <t>Eye Irrit. 2</t>
  </si>
  <si>
    <t>H319</t>
  </si>
  <si>
    <t>H335</t>
  </si>
  <si>
    <t>Skin Irrit. 2</t>
  </si>
  <si>
    <t>H315</t>
  </si>
  <si>
    <t>Skin Sens. 1</t>
  </si>
  <si>
    <t>H317</t>
  </si>
  <si>
    <t>beryllium compounds with the exception of aluminium beryllium silicates, and with those specified elsewhere in this Annex</t>
  </si>
  <si>
    <t>Aquatic Chronic 2</t>
  </si>
  <si>
    <t>H411</t>
  </si>
  <si>
    <t>beryllium oxide</t>
  </si>
  <si>
    <t>005-001-00-X</t>
  </si>
  <si>
    <t>boron trifluoride</t>
  </si>
  <si>
    <t>231-569-5</t>
  </si>
  <si>
    <t>7637-07-2</t>
  </si>
  <si>
    <t>005-002-00-5</t>
  </si>
  <si>
    <t>boron trichloride</t>
  </si>
  <si>
    <t>233-658-4</t>
  </si>
  <si>
    <t>10294-34-5</t>
  </si>
  <si>
    <t>H300</t>
  </si>
  <si>
    <t>005-003-00-0</t>
  </si>
  <si>
    <t>boron tribromide</t>
  </si>
  <si>
    <t>233-657-9</t>
  </si>
  <si>
    <t>10294-33-4</t>
  </si>
  <si>
    <t>005-004-00-6</t>
  </si>
  <si>
    <t>trialkylboranes, solid</t>
  </si>
  <si>
    <t>005-004-01-3</t>
  </si>
  <si>
    <t>trialkylboranes, liquid</t>
  </si>
  <si>
    <t>005-005-00-1</t>
  </si>
  <si>
    <t>trimethyl borate</t>
  </si>
  <si>
    <t>204-468-9</t>
  </si>
  <si>
    <t>121-43-7</t>
  </si>
  <si>
    <t>Flam. Liq. 3</t>
  </si>
  <si>
    <t>H226</t>
  </si>
  <si>
    <t>Acute Tox. 4 *</t>
  </si>
  <si>
    <t>H312</t>
  </si>
  <si>
    <t>Wng</t>
  </si>
  <si>
    <t>dibutyltin hydrogen borate</t>
  </si>
  <si>
    <t>Repr. 1B</t>
  </si>
  <si>
    <t>H360FD</t>
  </si>
  <si>
    <t>Muta. 2</t>
  </si>
  <si>
    <t>H341</t>
  </si>
  <si>
    <t>H372**</t>
  </si>
  <si>
    <t>H302</t>
  </si>
  <si>
    <t>Eye Dam. 1</t>
  </si>
  <si>
    <t>H318</t>
  </si>
  <si>
    <t>boric acid; [1]</t>
  </si>
  <si>
    <t>boric acid; [2]</t>
  </si>
  <si>
    <t>diboron trioxide;</t>
  </si>
  <si>
    <t>boric oxide</t>
  </si>
  <si>
    <t>005-009-00-3</t>
  </si>
  <si>
    <t>tetrabutylammonium butyltriphenylborate</t>
  </si>
  <si>
    <t>418-080-4</t>
  </si>
  <si>
    <t>120307-06-4</t>
  </si>
  <si>
    <t>005-010-00-9</t>
  </si>
  <si>
    <t>422-050-6</t>
  </si>
  <si>
    <t>118612-00-3</t>
  </si>
  <si>
    <t>Carc. 2</t>
  </si>
  <si>
    <t>H351</t>
  </si>
  <si>
    <t>tetraboron disodium heptaoxide, hydrate; [2]</t>
  </si>
  <si>
    <t>orthoboric acid, sodium salt [3]</t>
  </si>
  <si>
    <t>disodium tetraborate decahydrate;</t>
  </si>
  <si>
    <t>borax decahydrate</t>
  </si>
  <si>
    <t>disodium tetraborate pentahydrate;</t>
  </si>
  <si>
    <t>borax pentahydrate</t>
  </si>
  <si>
    <t>005-012-00-X</t>
  </si>
  <si>
    <t>diethyl{4-[1,5,5-tris(4-diethylaminophenyl)penta-2,4-dienylidene]cyclohexa-2,5-dienylidene}ammonium butyltriphenylborate</t>
  </si>
  <si>
    <t>418-070-1</t>
  </si>
  <si>
    <t>141714-54-7</t>
  </si>
  <si>
    <t>005-013-00-5</t>
  </si>
  <si>
    <t>diethylmethoxyborane</t>
  </si>
  <si>
    <t>425-380-9</t>
  </si>
  <si>
    <t>7397-46-8</t>
  </si>
  <si>
    <t>H332</t>
  </si>
  <si>
    <t>STOT RE 2 *</t>
  </si>
  <si>
    <t>H373**</t>
  </si>
  <si>
    <t>Aquatic Chronic 4</t>
  </si>
  <si>
    <t>H413</t>
  </si>
  <si>
    <t>005-014-00-0</t>
  </si>
  <si>
    <t>4-formylphenylboronic acid</t>
  </si>
  <si>
    <t>438-670-5</t>
  </si>
  <si>
    <t>87199-17-5</t>
  </si>
  <si>
    <t>005-015-00-6</t>
  </si>
  <si>
    <t>1-chloromethyl-4-fluoro-1,4-diazoniabicyclo[2.2.2]octane bis(tetrafluoroborate)</t>
  </si>
  <si>
    <t>414-380-4</t>
  </si>
  <si>
    <t>140681-55-6</t>
  </si>
  <si>
    <t>Aquatic Chronic 3</t>
  </si>
  <si>
    <t>H412</t>
  </si>
  <si>
    <t>005-016-00-1</t>
  </si>
  <si>
    <t>431-370-5</t>
  </si>
  <si>
    <t>sodium perborate; [1]</t>
  </si>
  <si>
    <t>Ox. Sol. 2</t>
  </si>
  <si>
    <t>H272</t>
  </si>
  <si>
    <t>GHS03</t>
  </si>
  <si>
    <t>sodium peroxometaborate; [2]</t>
  </si>
  <si>
    <t>H360Df</t>
  </si>
  <si>
    <t>sodium peroxoborate;</t>
  </si>
  <si>
    <t>H331</t>
  </si>
  <si>
    <t>perboric acid (H3BO2(O2)), monosodium salt trihydrate; [1]</t>
  </si>
  <si>
    <t>perboric acid, sodium salt, tetrahydrate; [2]</t>
  </si>
  <si>
    <t>perboric acid (H3BO2(O2)), monosodium salt, trihydrate; [1]</t>
  </si>
  <si>
    <t>perboric acid (HBO(O2)), sodium salt, tetrahydrate; [3]</t>
  </si>
  <si>
    <t>perboric acid, sodium salt; [1]</t>
  </si>
  <si>
    <t>Ox. Sol. 3</t>
  </si>
  <si>
    <t>perboric acid, sodium salt, monohydrate; [2]</t>
  </si>
  <si>
    <t>perboric acid (HBO(O2)), sodium salt, monohydrate; [3]</t>
  </si>
  <si>
    <t>▼M13</t>
  </si>
  <si>
    <t>disodium octaborate anhydrous; [1]</t>
  </si>
  <si>
    <t>disodium octaborate tetrahydrate [2]</t>
  </si>
  <si>
    <t>carbon monoxide</t>
  </si>
  <si>
    <t>H360D ***</t>
  </si>
  <si>
    <t>Repr. 1A</t>
  </si>
  <si>
    <t>006-002-00-8</t>
  </si>
  <si>
    <t>200-870-3</t>
  </si>
  <si>
    <t>75-44-5</t>
  </si>
  <si>
    <t>006-003-00-3</t>
  </si>
  <si>
    <t>carbon disulphide</t>
  </si>
  <si>
    <t>200-843-6</t>
  </si>
  <si>
    <t>75-15-0</t>
  </si>
  <si>
    <t>Flam. Liq. 2</t>
  </si>
  <si>
    <t>H225</t>
  </si>
  <si>
    <t>Repr. 2</t>
  </si>
  <si>
    <t>H361fd</t>
  </si>
  <si>
    <t>006-004-00-9</t>
  </si>
  <si>
    <t>calcium carbide</t>
  </si>
  <si>
    <t>200-848-3</t>
  </si>
  <si>
    <t>75-20-7</t>
  </si>
  <si>
    <t>T</t>
  </si>
  <si>
    <t>006-005-00-4</t>
  </si>
  <si>
    <t>thiram (ISO);</t>
  </si>
  <si>
    <t>205-286-2</t>
  </si>
  <si>
    <t>M = 10</t>
  </si>
  <si>
    <t>tetramethylthiuram disulphide</t>
  </si>
  <si>
    <t>H373 **</t>
  </si>
  <si>
    <t>006-006-00-X</t>
  </si>
  <si>
    <t>hydrogen cyanide;</t>
  </si>
  <si>
    <t>200-821-6</t>
  </si>
  <si>
    <t>74-90-8</t>
  </si>
  <si>
    <t>Flam. Liq. 1</t>
  </si>
  <si>
    <t>H224</t>
  </si>
  <si>
    <t>hydrocyanic acid</t>
  </si>
  <si>
    <t>006-006-01-7</t>
  </si>
  <si>
    <t>hydrogen cyanide … %;</t>
  </si>
  <si>
    <t>hydrocyanic acid … %</t>
  </si>
  <si>
    <t>Acute Tox. 1</t>
  </si>
  <si>
    <t>H310</t>
  </si>
  <si>
    <t>006-007-00-5</t>
  </si>
  <si>
    <t>salts of hydrogen cyanide with the exception of complex cyanides such as ferrocyanides, ferricyanides and mercuric oxycyanide and those specified elsewhere in this Annex</t>
  </si>
  <si>
    <t>EUH032</t>
  </si>
  <si>
    <t>006-008-00-0</t>
  </si>
  <si>
    <t>antu (ISO);</t>
  </si>
  <si>
    <t>201-706-3</t>
  </si>
  <si>
    <t>86-88-4</t>
  </si>
  <si>
    <t>1-(1-naphthyl)-2-thiourea</t>
  </si>
  <si>
    <t>006-009-00-6</t>
  </si>
  <si>
    <t>1-isopropyl-3-methylpyrazol-5-yl dimethylcarbamate;</t>
  </si>
  <si>
    <t>204-318-2</t>
  </si>
  <si>
    <t>119-38-0</t>
  </si>
  <si>
    <t>isolan</t>
  </si>
  <si>
    <t>006-010-00-1</t>
  </si>
  <si>
    <t>204-525-8</t>
  </si>
  <si>
    <t>122-15-6</t>
  </si>
  <si>
    <t>006-011-00-7</t>
  </si>
  <si>
    <t>carbaryl (ISO);</t>
  </si>
  <si>
    <t>200-555-0</t>
  </si>
  <si>
    <t>63-25-2</t>
  </si>
  <si>
    <t>M=100</t>
  </si>
  <si>
    <t>1-naphthyl methylcarbamate</t>
  </si>
  <si>
    <t>006-012-00-2</t>
  </si>
  <si>
    <t>ziram (ISO);</t>
  </si>
  <si>
    <t>205-288-3</t>
  </si>
  <si>
    <t>M = 100</t>
  </si>
  <si>
    <t>006-013-00-8</t>
  </si>
  <si>
    <t>metam-sodium (ISO);</t>
  </si>
  <si>
    <t>205-293-0</t>
  </si>
  <si>
    <t>EUH031</t>
  </si>
  <si>
    <t>sodium methyldithiocarbamate</t>
  </si>
  <si>
    <t>006-014-00-3</t>
  </si>
  <si>
    <t>nabam (ISO);</t>
  </si>
  <si>
    <t>205-547-0</t>
  </si>
  <si>
    <t>006-015-00-9</t>
  </si>
  <si>
    <t>diuron (ISO);</t>
  </si>
  <si>
    <t>206-354-4</t>
  </si>
  <si>
    <t>3-(3,4-dichlorophenyl)-1,1-dimethylurea</t>
  </si>
  <si>
    <t>006-016-00-4</t>
  </si>
  <si>
    <t>propoxur (ISO);</t>
  </si>
  <si>
    <t>204-043-8</t>
  </si>
  <si>
    <t>114-26-1</t>
  </si>
  <si>
    <t>2-isopropoxyphenyl methylcarbamate</t>
  </si>
  <si>
    <t>006-017-00-X</t>
  </si>
  <si>
    <t>aldicarb (ISO);</t>
  </si>
  <si>
    <t>204-123-2</t>
  </si>
  <si>
    <t>116-06-3</t>
  </si>
  <si>
    <t>H311</t>
  </si>
  <si>
    <t>006-018-00-5</t>
  </si>
  <si>
    <t>aminocarb (ISO);</t>
  </si>
  <si>
    <t>217-990-7</t>
  </si>
  <si>
    <t>2032-59-9</t>
  </si>
  <si>
    <t>4-dimethylamino-3-tolyl methylcarbamate</t>
  </si>
  <si>
    <t>006-019-00-0</t>
  </si>
  <si>
    <t>di-allate (ISO);</t>
  </si>
  <si>
    <t>218-961-1</t>
  </si>
  <si>
    <t>2303-16-4</t>
  </si>
  <si>
    <t>006-020-00-6</t>
  </si>
  <si>
    <t>barban (ISO);</t>
  </si>
  <si>
    <t>202-930-4</t>
  </si>
  <si>
    <t>101-27-9</t>
  </si>
  <si>
    <t>linuron (ISO);</t>
  </si>
  <si>
    <t>006-022-00-7</t>
  </si>
  <si>
    <t>decarbofuran (ISO);</t>
  </si>
  <si>
    <t>1563-67-3</t>
  </si>
  <si>
    <t>2,3-dihydro-2-methylbenzofuran-7-yl methylcarbamate</t>
  </si>
  <si>
    <t>006-023-00-2</t>
  </si>
  <si>
    <t>mercaptodimethur (ISO);</t>
  </si>
  <si>
    <t>217-991-2</t>
  </si>
  <si>
    <t>2032-65-7</t>
  </si>
  <si>
    <t>methiocarb (ISO);</t>
  </si>
  <si>
    <t>006-024-00-8</t>
  </si>
  <si>
    <t>proxan-sodium (ISO);</t>
  </si>
  <si>
    <t>205-443-5</t>
  </si>
  <si>
    <t>140-93-2</t>
  </si>
  <si>
    <t>006-025-00-3</t>
  </si>
  <si>
    <t>allethrin;</t>
  </si>
  <si>
    <t>209-542-4 [1]</t>
  </si>
  <si>
    <t>584-79-2 [1]</t>
  </si>
  <si>
    <t>C</t>
  </si>
  <si>
    <t>249-013-5 [2]-[3]</t>
  </si>
  <si>
    <t>28434-00-6 [2]</t>
  </si>
  <si>
    <t>84030-86-4 [3]</t>
  </si>
  <si>
    <t>esbiothrin;</t>
  </si>
  <si>
    <t>006-026-00-9</t>
  </si>
  <si>
    <t>carbofuran (ISO);</t>
  </si>
  <si>
    <t>216-353-0</t>
  </si>
  <si>
    <t>1563-66-2</t>
  </si>
  <si>
    <t>006-028-00-X</t>
  </si>
  <si>
    <t>dinobuton (ISO);</t>
  </si>
  <si>
    <t>213-546-1</t>
  </si>
  <si>
    <t>973-21-7</t>
  </si>
  <si>
    <t>2-(1-methylpropyl)-4,6-dinitrophenyl isopropyl carbonate</t>
  </si>
  <si>
    <t>006-029-00-5</t>
  </si>
  <si>
    <t>dioxacarb (ISO);</t>
  </si>
  <si>
    <t>230-253-4</t>
  </si>
  <si>
    <t>6988-21-2</t>
  </si>
  <si>
    <t>006-030-00-0</t>
  </si>
  <si>
    <t>EPTC (ISO);</t>
  </si>
  <si>
    <t>212-073-8</t>
  </si>
  <si>
    <t>759-94-4</t>
  </si>
  <si>
    <t>006-031-00-6</t>
  </si>
  <si>
    <t>formetanate (ISO);</t>
  </si>
  <si>
    <t>244-879-0</t>
  </si>
  <si>
    <t>22259-30-9</t>
  </si>
  <si>
    <t>006-032-00-1</t>
  </si>
  <si>
    <t>monolinuron (ISO);</t>
  </si>
  <si>
    <t>217-129-5</t>
  </si>
  <si>
    <t>1746-81-2</t>
  </si>
  <si>
    <t>3-(4-chlorophenyl)-1-methoxy-1-methylurea</t>
  </si>
  <si>
    <t>006-033-00-7</t>
  </si>
  <si>
    <t>metoxuron (ISO);</t>
  </si>
  <si>
    <t>243-433-2</t>
  </si>
  <si>
    <t>19937-59-8</t>
  </si>
  <si>
    <t>3-(3-chloro-4-methoxyphenyl)-1,1-dimethylurea</t>
  </si>
  <si>
    <t>006-034-00-2</t>
  </si>
  <si>
    <t>pebulate (ISO);</t>
  </si>
  <si>
    <t>214-215-4</t>
  </si>
  <si>
    <t>1114-71-2</t>
  </si>
  <si>
    <t>006-035-00-8</t>
  </si>
  <si>
    <t>pirimicarb (ISO); 2-(dimethylamino)-5,6-dimethylpyrimidin-4-yl dimethylcarbamate</t>
  </si>
  <si>
    <t>245-430-1</t>
  </si>
  <si>
    <t>23103-98-2</t>
  </si>
  <si>
    <t>M = 10</t>
  </si>
  <si>
    <t>Acute Tox. 3</t>
  </si>
  <si>
    <t>M = 100</t>
  </si>
  <si>
    <t>Aquatic Acute 1 Aquatic Chronic 1</t>
  </si>
  <si>
    <t>006-036-00-3</t>
  </si>
  <si>
    <t>benzthiazuron (ISO);</t>
  </si>
  <si>
    <t>217-685-9</t>
  </si>
  <si>
    <t>1929-88-0</t>
  </si>
  <si>
    <t>1-benzothiazol-2-yl-3-methylurea</t>
  </si>
  <si>
    <t>006-037-00-9</t>
  </si>
  <si>
    <t>promecarb (ISO);</t>
  </si>
  <si>
    <t>220-113-0</t>
  </si>
  <si>
    <t>2631-37-0</t>
  </si>
  <si>
    <t>sulfallate (ISO);</t>
  </si>
  <si>
    <t>H350</t>
  </si>
  <si>
    <t>006-039-00-X</t>
  </si>
  <si>
    <t>tri-allate (ISO);</t>
  </si>
  <si>
    <t>218-962-7</t>
  </si>
  <si>
    <t>2303-17-5</t>
  </si>
  <si>
    <t>006-040-00-5</t>
  </si>
  <si>
    <t>2532-43-6</t>
  </si>
  <si>
    <t>dimethylcarbamoyl chloride</t>
  </si>
  <si>
    <t>006-042-00-6</t>
  </si>
  <si>
    <t>monuron (ISO);</t>
  </si>
  <si>
    <t>205-766-1</t>
  </si>
  <si>
    <t>150-68-5</t>
  </si>
  <si>
    <t>3-(4-chlorophenyl)-1,1-dimethylurea</t>
  </si>
  <si>
    <t>006-043-00-1</t>
  </si>
  <si>
    <t>3-(4-chlorophenyl)-1,1-dimethyluronium trichloroacetate;</t>
  </si>
  <si>
    <t>140-41-0</t>
  </si>
  <si>
    <t>monuron-TCA</t>
  </si>
  <si>
    <t>006-044-00-7</t>
  </si>
  <si>
    <t>isoproturon (ISO);</t>
  </si>
  <si>
    <t>251-835-4</t>
  </si>
  <si>
    <t>3-(4-isopropylphenyl)-1,1-dimethylurea</t>
  </si>
  <si>
    <t>006-045-00-2</t>
  </si>
  <si>
    <t>methomyl (ISO);</t>
  </si>
  <si>
    <t>240-815-0</t>
  </si>
  <si>
    <t>16752-77-5</t>
  </si>
  <si>
    <t>006-046-00-8</t>
  </si>
  <si>
    <t>bendiocarb (ISO);</t>
  </si>
  <si>
    <t>245-216-8</t>
  </si>
  <si>
    <t>22781-23-3</t>
  </si>
  <si>
    <t>2,2-dimethyl-1,3-benzodioxol-4-yl N-methylcarbamate;</t>
  </si>
  <si>
    <t>2,2-dimethyl-1,3-benzodioxol-4-yl methylcarbamate</t>
  </si>
  <si>
    <t>Acute Tox. 2</t>
  </si>
  <si>
    <t>006-047-00-3</t>
  </si>
  <si>
    <t>bufencarb (ISO);</t>
  </si>
  <si>
    <t>8065-36-9</t>
  </si>
  <si>
    <t>006-048-00-9</t>
  </si>
  <si>
    <t>ethiofencarb (ISO);</t>
  </si>
  <si>
    <t>249-981-9</t>
  </si>
  <si>
    <t>29973-13-5</t>
  </si>
  <si>
    <t>006-049-00-4</t>
  </si>
  <si>
    <t>dixanthogen;</t>
  </si>
  <si>
    <t>207-944-4</t>
  </si>
  <si>
    <t>502-55-6</t>
  </si>
  <si>
    <t>006-050-00-X</t>
  </si>
  <si>
    <t>1,1-dimethyl-3-phenyluronium trichloroacetate;</t>
  </si>
  <si>
    <t>4482-55-7</t>
  </si>
  <si>
    <t>fenuron-TCA</t>
  </si>
  <si>
    <t>006-051-00-5</t>
  </si>
  <si>
    <t>ferbam (ISO);</t>
  </si>
  <si>
    <t>238-484-2</t>
  </si>
  <si>
    <t>14484-64-1</t>
  </si>
  <si>
    <t>iron tris(dimethyldithiocarbamate)</t>
  </si>
  <si>
    <t>006-052-00-0</t>
  </si>
  <si>
    <t>formetanate hydrochloride;</t>
  </si>
  <si>
    <t>245-656-0</t>
  </si>
  <si>
    <t>23422-53-9</t>
  </si>
  <si>
    <t>006-053-00-6</t>
  </si>
  <si>
    <t>isoprocarb (ISO);</t>
  </si>
  <si>
    <t>220-114-6</t>
  </si>
  <si>
    <t>2631-40-5</t>
  </si>
  <si>
    <t>006-054-00-1</t>
  </si>
  <si>
    <t>mexacarbate (ISO);</t>
  </si>
  <si>
    <t>206-249-3</t>
  </si>
  <si>
    <t>315-18-4</t>
  </si>
  <si>
    <t>006-055-00-7</t>
  </si>
  <si>
    <t>xylylcarb (ISO);</t>
  </si>
  <si>
    <t>219-364-9</t>
  </si>
  <si>
    <t>2425-10-7</t>
  </si>
  <si>
    <t>3,4-xylyl methylcarbamate;</t>
  </si>
  <si>
    <t>MPMC</t>
  </si>
  <si>
    <t>006-056-00-2</t>
  </si>
  <si>
    <t>metolcarb (ISO);</t>
  </si>
  <si>
    <t>214-446-0</t>
  </si>
  <si>
    <t>1129-41-5</t>
  </si>
  <si>
    <t>MTMC</t>
  </si>
  <si>
    <t>006-057-00-8</t>
  </si>
  <si>
    <t>nitrapyrin (ISO);</t>
  </si>
  <si>
    <t>217-682-2</t>
  </si>
  <si>
    <t>1929-82-4</t>
  </si>
  <si>
    <t>2-chloro-6-trichloromethylpyridine</t>
  </si>
  <si>
    <t>006-058-00-3</t>
  </si>
  <si>
    <t>noruron (ISO);</t>
  </si>
  <si>
    <t>2163-79-3</t>
  </si>
  <si>
    <t>1,1-dimethyl-3-(perhydro-4,7-methanoinden-5-yl)urea</t>
  </si>
  <si>
    <t>006-059-00-9</t>
  </si>
  <si>
    <t>oxamyl (ISO);</t>
  </si>
  <si>
    <t>245-445-3</t>
  </si>
  <si>
    <t>23135-22-0</t>
  </si>
  <si>
    <t>006-060-00-4</t>
  </si>
  <si>
    <t>oxycarboxin (ISO);</t>
  </si>
  <si>
    <t>226-066-2</t>
  </si>
  <si>
    <t>5259-88-1</t>
  </si>
  <si>
    <t>006-061-00-X</t>
  </si>
  <si>
    <t>243-193-9</t>
  </si>
  <si>
    <t>19622-19-6</t>
  </si>
  <si>
    <t>prothiocarb hydrochloride</t>
  </si>
  <si>
    <t>006-062-00-5</t>
  </si>
  <si>
    <t>methyl 3,4-dichlorophenylcarbanilate;</t>
  </si>
  <si>
    <t>1918-18-9</t>
  </si>
  <si>
    <t>SWEP.</t>
  </si>
  <si>
    <t>006-063-00-0</t>
  </si>
  <si>
    <t>thiobencarb (ISO);</t>
  </si>
  <si>
    <t>248-924-5</t>
  </si>
  <si>
    <t>28249-77-6</t>
  </si>
  <si>
    <t>006-064-00-6</t>
  </si>
  <si>
    <t>thiofanox (ISO);</t>
  </si>
  <si>
    <t>254-346-4</t>
  </si>
  <si>
    <t>39196-18-4</t>
  </si>
  <si>
    <t>006-065-00-1</t>
  </si>
  <si>
    <t>15271-41-7</t>
  </si>
  <si>
    <t>triamid</t>
  </si>
  <si>
    <t>006-066-00-7</t>
  </si>
  <si>
    <t>vernolate (ISO);</t>
  </si>
  <si>
    <t>217-681-7</t>
  </si>
  <si>
    <t>1929-77-7</t>
  </si>
  <si>
    <t>006-067-00-2</t>
  </si>
  <si>
    <t>XMC;</t>
  </si>
  <si>
    <t>2655-14-3</t>
  </si>
  <si>
    <t>3,5-xylyl methylcarbamate</t>
  </si>
  <si>
    <t>diazomethane</t>
  </si>
  <si>
    <t>006-069-00-3</t>
  </si>
  <si>
    <t>thiophanate-methyl (ISO);</t>
  </si>
  <si>
    <t>245-740-7</t>
  </si>
  <si>
    <t>23564-05-8</t>
  </si>
  <si>
    <t>1,2-di-(3-methoxycarbonyl-2-thioureido)benzene</t>
  </si>
  <si>
    <t>006-070-00-9</t>
  </si>
  <si>
    <t>furmecyclox (ISO);</t>
  </si>
  <si>
    <t>262-302-0</t>
  </si>
  <si>
    <t>60568-05-0</t>
  </si>
  <si>
    <t>006-071-00-4</t>
  </si>
  <si>
    <t>cyclooct-4-en-1-yl methyl carbonate</t>
  </si>
  <si>
    <t>401-620-8</t>
  </si>
  <si>
    <t>87731-18-8</t>
  </si>
  <si>
    <t>006-072-00-X</t>
  </si>
  <si>
    <t>prosulfocarb (ISO);</t>
  </si>
  <si>
    <t>401-730-6</t>
  </si>
  <si>
    <t>52888-80-9</t>
  </si>
  <si>
    <t>006-073-00-5</t>
  </si>
  <si>
    <t>3-(dimethylamino)propylurea</t>
  </si>
  <si>
    <t>401-950-2</t>
  </si>
  <si>
    <t>31506-43-1</t>
  </si>
  <si>
    <t>006-074-00-0</t>
  </si>
  <si>
    <t>2-(3-(prop-1-en-2-yl)phenyl)prop-2-yl isocyanate</t>
  </si>
  <si>
    <t>402-440-2</t>
  </si>
  <si>
    <t>2094-99-7</t>
  </si>
  <si>
    <t>Resp. Sens. 1</t>
  </si>
  <si>
    <t>H334</t>
  </si>
  <si>
    <t>006-076-00-1</t>
  </si>
  <si>
    <t>mancozeb (ISO);</t>
  </si>
  <si>
    <t>8018-01-7</t>
  </si>
  <si>
    <t>H361d***</t>
  </si>
  <si>
    <t>M=10</t>
  </si>
  <si>
    <t>006-077-00-7</t>
  </si>
  <si>
    <t>maneb (ISO);</t>
  </si>
  <si>
    <t>235-654-8</t>
  </si>
  <si>
    <t>12427-38-2</t>
  </si>
  <si>
    <t>006-078-00-2</t>
  </si>
  <si>
    <t>zineb (ISO);</t>
  </si>
  <si>
    <t>235-180-1</t>
  </si>
  <si>
    <t>12122-67-7</t>
  </si>
  <si>
    <t>zinc ethylenebis(dithiocarbamate) (polymeric)</t>
  </si>
  <si>
    <t>006-079-00-8</t>
  </si>
  <si>
    <t>disulfiram;</t>
  </si>
  <si>
    <t>202-607-8</t>
  </si>
  <si>
    <t>97-77-8</t>
  </si>
  <si>
    <t>tetraethylthiuramdisulfide</t>
  </si>
  <si>
    <t>006-080-00-3</t>
  </si>
  <si>
    <t>tetramethylthiuram monosulphide</t>
  </si>
  <si>
    <t>202-605-7</t>
  </si>
  <si>
    <t>97-74-5</t>
  </si>
  <si>
    <t>006-081-00-9</t>
  </si>
  <si>
    <t>zinc bis(dibutyldithiocarbamate)</t>
  </si>
  <si>
    <t>205-232-8</t>
  </si>
  <si>
    <t>136-23-2</t>
  </si>
  <si>
    <t>006-082-00-4</t>
  </si>
  <si>
    <t>zinc bis(diethyldithiocarbamate)</t>
  </si>
  <si>
    <t>238-270-9</t>
  </si>
  <si>
    <t>14324-55-1</t>
  </si>
  <si>
    <t>006-083-00-X</t>
  </si>
  <si>
    <t>butocarboxim (ISO);</t>
  </si>
  <si>
    <t>252-139-3</t>
  </si>
  <si>
    <t>34681-10-2</t>
  </si>
  <si>
    <t>006-084-00-5</t>
  </si>
  <si>
    <t>carbosulfan (ISO);</t>
  </si>
  <si>
    <t>259-565-9</t>
  </si>
  <si>
    <t>55285-14-8</t>
  </si>
  <si>
    <t>2,3-dihydro-2,2-dimethyl-7-benzofuryl [(dibutylamino)thio]methylcarbamate</t>
  </si>
  <si>
    <t>006-085-00-0</t>
  </si>
  <si>
    <t>fenobucarb (ISO);</t>
  </si>
  <si>
    <t>223-188-8</t>
  </si>
  <si>
    <t>3766-81-2</t>
  </si>
  <si>
    <t>2-butylphenyl methylcarbamate</t>
  </si>
  <si>
    <t>006-086-00-6</t>
  </si>
  <si>
    <t>276-696-7</t>
  </si>
  <si>
    <t>M = 1</t>
  </si>
  <si>
    <t>M = 10 000</t>
  </si>
  <si>
    <t>006-087-00-1</t>
  </si>
  <si>
    <t>furathiocarb (ISO);</t>
  </si>
  <si>
    <t>265-974-3</t>
  </si>
  <si>
    <t>65907-30-4</t>
  </si>
  <si>
    <t>2,3-dihydro-2,2-dimethyl-7-benzofuryl 2,4-dimethyl-6-oxa-5-oxo-3-thia-2,4-diazadecanoate</t>
  </si>
  <si>
    <t>006-088-00-7</t>
  </si>
  <si>
    <t>benfuracarb (ISO);</t>
  </si>
  <si>
    <t>82560-54-1</t>
  </si>
  <si>
    <t>H361f***</t>
  </si>
  <si>
    <t>▼M1 —————</t>
  </si>
  <si>
    <t>006-090-00-8</t>
  </si>
  <si>
    <t>2-(3-iodoprop-2-yn-1-yloxy)ethyl phenylcarbamate</t>
  </si>
  <si>
    <t>408-010-0</t>
  </si>
  <si>
    <t>88558-41-2</t>
  </si>
  <si>
    <t>006-091-00-3</t>
  </si>
  <si>
    <t>propineb (ISO);</t>
  </si>
  <si>
    <t>9016-72-2</t>
  </si>
  <si>
    <t>polymeric zinc propylenebis(dithiocarbamate)</t>
  </si>
  <si>
    <t>006-092-00-9</t>
  </si>
  <si>
    <t>425-420-5</t>
  </si>
  <si>
    <t>98737-29-2</t>
  </si>
  <si>
    <t>006-093-00-4</t>
  </si>
  <si>
    <t>2,2'-dithio di(ethylammonium)-bis(dibenzyldithiocarbamate)</t>
  </si>
  <si>
    <t>427-180-7</t>
  </si>
  <si>
    <t>Muta. 1B</t>
  </si>
  <si>
    <t>H340</t>
  </si>
  <si>
    <t>006-095-00-5</t>
  </si>
  <si>
    <t>fosetyl-aluminium (ISO);</t>
  </si>
  <si>
    <t>254-320-2</t>
  </si>
  <si>
    <t>39148-24-8</t>
  </si>
  <si>
    <t>aluminium triethyl triphosphonate</t>
  </si>
  <si>
    <t>006-096-00-0</t>
  </si>
  <si>
    <t>chlorpropham (ISO);</t>
  </si>
  <si>
    <t>202-925-7</t>
  </si>
  <si>
    <t>101-21-3</t>
  </si>
  <si>
    <t>isopropyl 3-chlorocarbanilate</t>
  </si>
  <si>
    <t>006-097-00-6</t>
  </si>
  <si>
    <t>424-620-1</t>
  </si>
  <si>
    <t>13909-63-2</t>
  </si>
  <si>
    <t>006-098-00-1</t>
  </si>
  <si>
    <t>429-170-8</t>
  </si>
  <si>
    <t>134575-17-0</t>
  </si>
  <si>
    <t>006-099-00-7</t>
  </si>
  <si>
    <t>520-2</t>
  </si>
  <si>
    <t>232938-43-1</t>
  </si>
  <si>
    <t>006-101-00-6</t>
  </si>
  <si>
    <t>423-070-8</t>
  </si>
  <si>
    <t>006-103-00-7</t>
  </si>
  <si>
    <t>445-760-8</t>
  </si>
  <si>
    <t>007-001-00-5</t>
  </si>
  <si>
    <t>ammonia, anhydrous</t>
  </si>
  <si>
    <t>231-635-3</t>
  </si>
  <si>
    <t>7664-41-7</t>
  </si>
  <si>
    <t>Flam. Gas 2</t>
  </si>
  <si>
    <t>H221</t>
  </si>
  <si>
    <t>007-001-01-2</t>
  </si>
  <si>
    <t>ammonia ….%</t>
  </si>
  <si>
    <t>215-647-6</t>
  </si>
  <si>
    <t>1336-21-6</t>
  </si>
  <si>
    <t>007-002-00-0</t>
  </si>
  <si>
    <t>nitrogen dioxide; [1]</t>
  </si>
  <si>
    <t>233-272-6 [1]</t>
  </si>
  <si>
    <t>10102-44-0 [1]</t>
  </si>
  <si>
    <t>H270</t>
  </si>
  <si>
    <t>*</t>
  </si>
  <si>
    <t>dinitrogen tetraoxide [2]</t>
  </si>
  <si>
    <t>234-126-4 [2]</t>
  </si>
  <si>
    <t>10544-72-6 [2]</t>
  </si>
  <si>
    <t>Ox. Gas 1</t>
  </si>
  <si>
    <t>007-003-00-6</t>
  </si>
  <si>
    <t>chlormequat chloride (ISO);</t>
  </si>
  <si>
    <t>213-666-4</t>
  </si>
  <si>
    <t>999-81-5</t>
  </si>
  <si>
    <t>2-chloroethyltrimethylammonium chloride</t>
  </si>
  <si>
    <t>007-004-00-1</t>
  </si>
  <si>
    <t>nitric acid … %</t>
  </si>
  <si>
    <t>231-714-2</t>
  </si>
  <si>
    <t>7697-37-2</t>
  </si>
  <si>
    <t>Ox. Liq. 2</t>
  </si>
  <si>
    <t>EUH071</t>
  </si>
  <si>
    <t>007-006-00-2</t>
  </si>
  <si>
    <t>ethyl nitrite</t>
  </si>
  <si>
    <t>203-722-6</t>
  </si>
  <si>
    <t>007-007-00-8</t>
  </si>
  <si>
    <t>ethyl nitrate</t>
  </si>
  <si>
    <t>210-903-3</t>
  </si>
  <si>
    <t>625-58-1</t>
  </si>
  <si>
    <t>Unst. Expl.</t>
  </si>
  <si>
    <t>H200</t>
  </si>
  <si>
    <t>GHS01</t>
  </si>
  <si>
    <t>hydrazine</t>
  </si>
  <si>
    <t>007-009-00-9</t>
  </si>
  <si>
    <t>dicyclohexylammonium nitrite</t>
  </si>
  <si>
    <t>221-515-9</t>
  </si>
  <si>
    <t>007-010-00-4</t>
  </si>
  <si>
    <t>sodium nitrite</t>
  </si>
  <si>
    <t>231-555-9</t>
  </si>
  <si>
    <t>007-011-00-X</t>
  </si>
  <si>
    <t>potassium nitrite</t>
  </si>
  <si>
    <t>231-832-4</t>
  </si>
  <si>
    <t>1,2-dimethylhydrazine</t>
  </si>
  <si>
    <t>salts of hydrazine</t>
  </si>
  <si>
    <t>007-015-00-1</t>
  </si>
  <si>
    <t>402-030-3</t>
  </si>
  <si>
    <t>624-86-2</t>
  </si>
  <si>
    <t>007-016-00-7</t>
  </si>
  <si>
    <t>butyl nitrite</t>
  </si>
  <si>
    <t>208-862-1</t>
  </si>
  <si>
    <t>isobutyl nitrite</t>
  </si>
  <si>
    <t>007-018-00-8</t>
  </si>
  <si>
    <t>213-104-8</t>
  </si>
  <si>
    <t>007-019-00-3</t>
  </si>
  <si>
    <t>208-757-0</t>
  </si>
  <si>
    <t>007-020-00-9</t>
  </si>
  <si>
    <t>pentyl nitrite; [1]</t>
  </si>
  <si>
    <t>207-332-7 [1]</t>
  </si>
  <si>
    <t>463-04-7 [1]</t>
  </si>
  <si>
    <t>‘amyl nitrite’, mixed isomers [2]</t>
  </si>
  <si>
    <t>203-770-8 [2]</t>
  </si>
  <si>
    <t>110-46-3 [2]</t>
  </si>
  <si>
    <t>hydrazobenzene;</t>
  </si>
  <si>
    <t>1,2-diphenylhydrazine</t>
  </si>
  <si>
    <t>hydrazine bis(3-carboxy-4-hydroxybenzensulfonate)</t>
  </si>
  <si>
    <t>007-023-00-5</t>
  </si>
  <si>
    <t>sodium 3,5-bis(3-(2,4-di-tert-pentylphenoxy)propylcarbamoyl)benzenesulfonate</t>
  </si>
  <si>
    <t>405-510-0</t>
  </si>
  <si>
    <t>007-024-00-0</t>
  </si>
  <si>
    <t>2-(decylthio)ethylammonium chloride</t>
  </si>
  <si>
    <t>405-640-8</t>
  </si>
  <si>
    <t>36362-09-1</t>
  </si>
  <si>
    <t>007-025-00-6</t>
  </si>
  <si>
    <t>406-090-1</t>
  </si>
  <si>
    <t>81880-96-8</t>
  </si>
  <si>
    <t>007-026-00-1</t>
  </si>
  <si>
    <t>oxo-((2,2,6,6-tetramethylpiperidin-4-yl)amino)carbonylacetohydrazide</t>
  </si>
  <si>
    <t>413-230-5</t>
  </si>
  <si>
    <t>122035-71-6</t>
  </si>
  <si>
    <t>007-027-00-7</t>
  </si>
  <si>
    <t>1,6-bis(3,3-bis((1-methylpentylidenimino)propyl)ureido)hexane</t>
  </si>
  <si>
    <t>420-190-2</t>
  </si>
  <si>
    <t>771478-66-1</t>
  </si>
  <si>
    <t>007-028-00-2</t>
  </si>
  <si>
    <t>hydroxylammonium nitrate</t>
  </si>
  <si>
    <t>236-691-2</t>
  </si>
  <si>
    <t>13465-08-2</t>
  </si>
  <si>
    <t>Expl. 1.1 ****</t>
  </si>
  <si>
    <t>H201</t>
  </si>
  <si>
    <t>007-029-00-8</t>
  </si>
  <si>
    <t>diethyldimethylammonium hydroxide</t>
  </si>
  <si>
    <t>419-400-5</t>
  </si>
  <si>
    <t>95500-19-9</t>
  </si>
  <si>
    <t>008-001-00-8</t>
  </si>
  <si>
    <t>oxygen</t>
  </si>
  <si>
    <t>231-956-9</t>
  </si>
  <si>
    <t>7782-44-7</t>
  </si>
  <si>
    <t>008-003-00-9</t>
  </si>
  <si>
    <t>231-765-0</t>
  </si>
  <si>
    <t>7722-84-1</t>
  </si>
  <si>
    <t>Ox. Liq. 1</t>
  </si>
  <si>
    <t>H271</t>
  </si>
  <si>
    <t>009-001-00-0</t>
  </si>
  <si>
    <t>fluorine</t>
  </si>
  <si>
    <t>231-954-8</t>
  </si>
  <si>
    <t>7782-41-4</t>
  </si>
  <si>
    <t>009-002-00-6</t>
  </si>
  <si>
    <t>hydrogen fluoride</t>
  </si>
  <si>
    <t>231-634-8</t>
  </si>
  <si>
    <t>7664-39-3</t>
  </si>
  <si>
    <t>009-003-00-1</t>
  </si>
  <si>
    <t>hydrofluoric acid … %</t>
  </si>
  <si>
    <t>009-004-00-7</t>
  </si>
  <si>
    <t>sodium fluoride</t>
  </si>
  <si>
    <t>231-667-8</t>
  </si>
  <si>
    <t>7681-49-4</t>
  </si>
  <si>
    <t>009-005-00-2</t>
  </si>
  <si>
    <t>potassium fluoride</t>
  </si>
  <si>
    <t>232-151-5</t>
  </si>
  <si>
    <t>7789-23-3</t>
  </si>
  <si>
    <t>009-006-00-8</t>
  </si>
  <si>
    <t>ammonium fluoride</t>
  </si>
  <si>
    <t>235-185-9</t>
  </si>
  <si>
    <t>12125-01-8</t>
  </si>
  <si>
    <t>009-007-00-3</t>
  </si>
  <si>
    <t>sodium bifluoride;</t>
  </si>
  <si>
    <t>215-608-3</t>
  </si>
  <si>
    <t>1333-83-1</t>
  </si>
  <si>
    <t>sodium hydrogen difluoride</t>
  </si>
  <si>
    <t>009-008-00-9</t>
  </si>
  <si>
    <t>potassium bifluoride;</t>
  </si>
  <si>
    <t>232-156-2</t>
  </si>
  <si>
    <t>7789-29-9</t>
  </si>
  <si>
    <t>potassium hydrogen difluoride</t>
  </si>
  <si>
    <t>009-009-00-4</t>
  </si>
  <si>
    <t>ammonium bifluoride;</t>
  </si>
  <si>
    <t>215-676-4</t>
  </si>
  <si>
    <t>1341-49-7</t>
  </si>
  <si>
    <t>ammonium hydrogen difluoride</t>
  </si>
  <si>
    <t>009-010-00-X</t>
  </si>
  <si>
    <t>240-898-3</t>
  </si>
  <si>
    <t>16872-11-0</t>
  </si>
  <si>
    <t>009-011-00-5</t>
  </si>
  <si>
    <t>241-034-8</t>
  </si>
  <si>
    <t>009-012-00-0</t>
  </si>
  <si>
    <t>alkali fluorosilicates(Na); [1]</t>
  </si>
  <si>
    <t>240-934-8 [1]</t>
  </si>
  <si>
    <t>16893-85-9 [1]</t>
  </si>
  <si>
    <t>alkali fluorosilicates(K); [2]</t>
  </si>
  <si>
    <t>240-896-2 [2]</t>
  </si>
  <si>
    <t>16871-90-2 [2]</t>
  </si>
  <si>
    <t>alkali fluorosilicates(NH4) [3]</t>
  </si>
  <si>
    <t>240-968-3 [3]</t>
  </si>
  <si>
    <t>16919-19-0 [3]</t>
  </si>
  <si>
    <t>009-013-00-6</t>
  </si>
  <si>
    <t>fluorosilicates, with the exception of those specified elsewhere in this Annex</t>
  </si>
  <si>
    <t>lead hexafluorosilicate</t>
  </si>
  <si>
    <t>009-015-00-7</t>
  </si>
  <si>
    <t>sulphuryl difluoride</t>
  </si>
  <si>
    <t>220-281-5</t>
  </si>
  <si>
    <t>2699-79-8</t>
  </si>
  <si>
    <t>009-016-00-2</t>
  </si>
  <si>
    <t>trisodium hexafluoroaluminate [1]</t>
  </si>
  <si>
    <t>237-410-6 [1]</t>
  </si>
  <si>
    <t>13775-53-6 [1]</t>
  </si>
  <si>
    <t>H372</t>
  </si>
  <si>
    <t>Acute Tox. 4</t>
  </si>
  <si>
    <t>239-148-8 [2]</t>
  </si>
  <si>
    <t>15096-52-3 [2]</t>
  </si>
  <si>
    <t>009-017-00-8</t>
  </si>
  <si>
    <t>potassium mu-fluoro-bis(triethylaluminium)</t>
  </si>
  <si>
    <t>400-040-2</t>
  </si>
  <si>
    <t>12091-08-6</t>
  </si>
  <si>
    <t>Flam. Sol. 1</t>
  </si>
  <si>
    <t>H228</t>
  </si>
  <si>
    <t>009-018-00-3</t>
  </si>
  <si>
    <t>magnesium hexafluorosilicate</t>
  </si>
  <si>
    <t>241-022-2</t>
  </si>
  <si>
    <t>16949-65-8</t>
  </si>
  <si>
    <t>011-001-00-0</t>
  </si>
  <si>
    <t>sodium</t>
  </si>
  <si>
    <t>231-132-9</t>
  </si>
  <si>
    <t>7440-23-5</t>
  </si>
  <si>
    <t>011-002-00-6</t>
  </si>
  <si>
    <t>sodium hydroxide;</t>
  </si>
  <si>
    <t>215-185-5</t>
  </si>
  <si>
    <t>1310-73-2</t>
  </si>
  <si>
    <t>caustic soda</t>
  </si>
  <si>
    <t>011-003-00-1</t>
  </si>
  <si>
    <t>sodium peroxide</t>
  </si>
  <si>
    <t>215-209-4</t>
  </si>
  <si>
    <t>1313-60-6</t>
  </si>
  <si>
    <t>Ox. Sol. 1</t>
  </si>
  <si>
    <t>011-004-00-7</t>
  </si>
  <si>
    <t>sodium azide</t>
  </si>
  <si>
    <t>247-852-1</t>
  </si>
  <si>
    <t>011-005-00-2</t>
  </si>
  <si>
    <t>sodium carbonate</t>
  </si>
  <si>
    <t>207-838-8</t>
  </si>
  <si>
    <t>497-19-8</t>
  </si>
  <si>
    <t>011-006-00-8</t>
  </si>
  <si>
    <t>sodium cyanate</t>
  </si>
  <si>
    <t>213-030-6</t>
  </si>
  <si>
    <t>917-61-3</t>
  </si>
  <si>
    <t>011-007-00-3</t>
  </si>
  <si>
    <t>propoxycarbazone-sodium</t>
  </si>
  <si>
    <t>181274-15-7</t>
  </si>
  <si>
    <t>012-001-00-3</t>
  </si>
  <si>
    <t>magnesium powder (pyrophoric)</t>
  </si>
  <si>
    <t>231-104-6</t>
  </si>
  <si>
    <t>7439-95-4</t>
  </si>
  <si>
    <t>012-002-00-9</t>
  </si>
  <si>
    <t>magnesium, powder or turnings</t>
  </si>
  <si>
    <t>Water-react. 2</t>
  </si>
  <si>
    <t>H261</t>
  </si>
  <si>
    <t>Self-heat. 1</t>
  </si>
  <si>
    <t>H252</t>
  </si>
  <si>
    <t>012-003-00-4</t>
  </si>
  <si>
    <t>magnesium alkyls</t>
  </si>
  <si>
    <t>012-004-00-X</t>
  </si>
  <si>
    <t>aluminium-magnesium-carbonate-hydroxide-perchlorate-hydrate</t>
  </si>
  <si>
    <t>422-150-1</t>
  </si>
  <si>
    <t>013-001-00-6</t>
  </si>
  <si>
    <t>aluminium powder (pyrophoric)</t>
  </si>
  <si>
    <t>231-072-3</t>
  </si>
  <si>
    <t>7429-90-5</t>
  </si>
  <si>
    <t>013-002-00-1</t>
  </si>
  <si>
    <t>aluminium powder (stabilised)</t>
  </si>
  <si>
    <t>013-003-00-7</t>
  </si>
  <si>
    <t>aluminium chloride, anhydrous</t>
  </si>
  <si>
    <t>231-208-1</t>
  </si>
  <si>
    <t>7446-70-0</t>
  </si>
  <si>
    <t>013-004-00-2</t>
  </si>
  <si>
    <t>aluminium alkyls</t>
  </si>
  <si>
    <t>013-005-00-8</t>
  </si>
  <si>
    <t>401-160-8</t>
  </si>
  <si>
    <t>55426-95-4</t>
  </si>
  <si>
    <t>013-006-00-3</t>
  </si>
  <si>
    <t>402-370-2</t>
  </si>
  <si>
    <t>013-007-00-9</t>
  </si>
  <si>
    <t>403-430-0</t>
  </si>
  <si>
    <t>013-008-00-4</t>
  </si>
  <si>
    <t>408-190-0</t>
  </si>
  <si>
    <t>7585-14-0</t>
  </si>
  <si>
    <t>013-009-00-X</t>
  </si>
  <si>
    <t>418-720-2</t>
  </si>
  <si>
    <t>013-010-00-5</t>
  </si>
  <si>
    <t>430-650-4</t>
  </si>
  <si>
    <t>151841-65-5</t>
  </si>
  <si>
    <t>014-001-00-9</t>
  </si>
  <si>
    <t>trichlorosilane</t>
  </si>
  <si>
    <t>233-042-5</t>
  </si>
  <si>
    <t>10025-78-2</t>
  </si>
  <si>
    <t>EUH029</t>
  </si>
  <si>
    <t>014-002-00-4</t>
  </si>
  <si>
    <t>silicon tetrachloride</t>
  </si>
  <si>
    <t>233-054-0</t>
  </si>
  <si>
    <t>10026-04-7</t>
  </si>
  <si>
    <t>014-003-00-X</t>
  </si>
  <si>
    <t>dimethyldichlorosilane</t>
  </si>
  <si>
    <t>200-901-0</t>
  </si>
  <si>
    <t>75-78-5</t>
  </si>
  <si>
    <t>014-004-00-5</t>
  </si>
  <si>
    <t>200-902-6</t>
  </si>
  <si>
    <t>75-79-6</t>
  </si>
  <si>
    <t>014-005-00-0</t>
  </si>
  <si>
    <t>tetraethyl silicate;</t>
  </si>
  <si>
    <t>201-083-8</t>
  </si>
  <si>
    <t>78-10-4</t>
  </si>
  <si>
    <t>ethyl silicate</t>
  </si>
  <si>
    <t>014-006-00-6</t>
  </si>
  <si>
    <t>bis(4-fluorophenyl)-methyl-(1,2,4-triazol-4-ylmethyl)silane hydrochloride</t>
  </si>
  <si>
    <t>401-380-4</t>
  </si>
  <si>
    <t>014-007-00-1</t>
  </si>
  <si>
    <t>triethoxyisobutylsilane</t>
  </si>
  <si>
    <t>402-810-3</t>
  </si>
  <si>
    <t>17980-47-1</t>
  </si>
  <si>
    <t>014-008-00-7</t>
  </si>
  <si>
    <t>(chloromethyl)bis(4-fluorophenyl)methylsilane</t>
  </si>
  <si>
    <t>401-200-4</t>
  </si>
  <si>
    <t>85491-26-5</t>
  </si>
  <si>
    <t>014-009-00-2</t>
  </si>
  <si>
    <t>isobutylisopropyldimethoxysilane</t>
  </si>
  <si>
    <t>402-580-4</t>
  </si>
  <si>
    <t>111439-76-0</t>
  </si>
  <si>
    <t>014-010-00-8</t>
  </si>
  <si>
    <t>disodium metasilicate</t>
  </si>
  <si>
    <t>229-912-9</t>
  </si>
  <si>
    <t>6834-92-0</t>
  </si>
  <si>
    <t>014-011-00-3</t>
  </si>
  <si>
    <t>cyclohexyldimethoxymethylsilane</t>
  </si>
  <si>
    <t>402-140-1</t>
  </si>
  <si>
    <t>17865-32-6</t>
  </si>
  <si>
    <t>014-012-00-9</t>
  </si>
  <si>
    <t>bis(3-(trimethoxysilyl)propyl)amine</t>
  </si>
  <si>
    <t>403-480-3</t>
  </si>
  <si>
    <t>014-013-00-4</t>
  </si>
  <si>
    <t>α-hydroxypoly(methyl-(3-(2,2,6,6-tetramethylpiperidin-4-yloxy)propyl)siloxane)</t>
  </si>
  <si>
    <t>404-920-7</t>
  </si>
  <si>
    <t>etacelasil (ISO);</t>
  </si>
  <si>
    <t>6-(2-chloroethyl)-6-(2-methoxyethoxy)-2,5,7,10-tetraoxa-6-silaundecane</t>
  </si>
  <si>
    <t>014-015-00-5</t>
  </si>
  <si>
    <t>406-420-4</t>
  </si>
  <si>
    <t>69430-40-6</t>
  </si>
  <si>
    <t>014-016-00-0</t>
  </si>
  <si>
    <t>reaction mass of: 1,3-dihex-5-en-1-yl-1,1,3,3-tetramethyldisiloxane;</t>
  </si>
  <si>
    <t>406-490-6</t>
  </si>
  <si>
    <t>1,3-dihex-n-en-1-yl-1,1,3,3-tetramethyldisiloxane</t>
  </si>
  <si>
    <t>flusilazole (ISO);</t>
  </si>
  <si>
    <t>014-018-00-1</t>
  </si>
  <si>
    <t>octamethylcyclotetrasiloxane</t>
  </si>
  <si>
    <t>H361f ***</t>
  </si>
  <si>
    <t>014-020-00-2</t>
  </si>
  <si>
    <t>bis(1,1-dimethyl-2-propynyloxy)dimethylsilane</t>
  </si>
  <si>
    <t>414-960-7</t>
  </si>
  <si>
    <t>53863-99-3</t>
  </si>
  <si>
    <t>014-021-00-8</t>
  </si>
  <si>
    <t>tris(isopropenyloxy)phenyl silane</t>
  </si>
  <si>
    <t>411-340-8</t>
  </si>
  <si>
    <t>52301-18-5</t>
  </si>
  <si>
    <t>014-022-00-3</t>
  </si>
  <si>
    <t>reaction product of: (2-hydroxy-4-(3-propenoxy)benzophenone and triethoxysilane) with (hydrolysis product of silica and methyltrimethoxysilane)</t>
  </si>
  <si>
    <t>401-530-9</t>
  </si>
  <si>
    <t>STOT SE 1</t>
  </si>
  <si>
    <t>H370 **</t>
  </si>
  <si>
    <t>014-023-00-9</t>
  </si>
  <si>
    <t>α, ω-dihydroxypoly(hex-5-en-1-ylmethylsiloxane)hoxysilane with (hydrolysis product of silica and methyltrimethoxysilane)iazole</t>
  </si>
  <si>
    <t>408-160-7</t>
  </si>
  <si>
    <t>125613-45-8</t>
  </si>
  <si>
    <t>014-024-00-4</t>
  </si>
  <si>
    <t>1-((3-(3-chloro-4-fluorophenyl)propyl)dimethylsilanyl)-4-ethoxybenzene</t>
  </si>
  <si>
    <t>412-620-2</t>
  </si>
  <si>
    <t>121626-74-2</t>
  </si>
  <si>
    <t>014-025-00-X</t>
  </si>
  <si>
    <t>4-[3-(diethoxymethylsilylpropoxy)-2,2,6,6-tetramethyl]piperidine</t>
  </si>
  <si>
    <t>411-400-3</t>
  </si>
  <si>
    <t>102089-33-8</t>
  </si>
  <si>
    <t>014-026-00-5</t>
  </si>
  <si>
    <t>dichloro-(3-(3-chloro-4-fluorophenyl)propyl)methylsilane</t>
  </si>
  <si>
    <t>407-180-3</t>
  </si>
  <si>
    <t>770722-36-6</t>
  </si>
  <si>
    <t>014-027-00-0</t>
  </si>
  <si>
    <t>chloro(3-(3-chloro-4-fluorophenyl)propyl)dimethylsilane</t>
  </si>
  <si>
    <t>410-270-5</t>
  </si>
  <si>
    <t>770722-46-8</t>
  </si>
  <si>
    <t>014-028-00-6</t>
  </si>
  <si>
    <t>415-290-8</t>
  </si>
  <si>
    <t>193159-06-7</t>
  </si>
  <si>
    <t>014-029-00-1</t>
  </si>
  <si>
    <t>421-870-1</t>
  </si>
  <si>
    <t>156145-66-3</t>
  </si>
  <si>
    <t>014-030-00-7</t>
  </si>
  <si>
    <t>422-060-0</t>
  </si>
  <si>
    <t>137390-08-0</t>
  </si>
  <si>
    <t>014-031-00-2</t>
  </si>
  <si>
    <t>bis(1-methylethyl)-dimethoxysilane</t>
  </si>
  <si>
    <t>421-540-7</t>
  </si>
  <si>
    <t>18230-61-0</t>
  </si>
  <si>
    <t>014-032-00-8</t>
  </si>
  <si>
    <t>dicyclopentyldimethoxysilane</t>
  </si>
  <si>
    <t>404-370-8</t>
  </si>
  <si>
    <t>126990-35-0</t>
  </si>
  <si>
    <t>014-033-00-3</t>
  </si>
  <si>
    <t>2-methyl-3-(trimethoxysilyl)propyl-2-propenoate hydrolysis product with silica</t>
  </si>
  <si>
    <t>419-030-4</t>
  </si>
  <si>
    <t>125804-20-8</t>
  </si>
  <si>
    <t>014-034-00-9</t>
  </si>
  <si>
    <t>3-hexylheptamethyltrisiloxane</t>
  </si>
  <si>
    <t>428-700-5</t>
  </si>
  <si>
    <t>1873-90-1</t>
  </si>
  <si>
    <t>014-035-00-4</t>
  </si>
  <si>
    <t>2-(3,4-epoxycyclohexyl)ethyltriethoxy silane</t>
  </si>
  <si>
    <t>425-050-4</t>
  </si>
  <si>
    <t>10217-34-2</t>
  </si>
  <si>
    <t>H360F***</t>
  </si>
  <si>
    <t>M=1000</t>
  </si>
  <si>
    <t>014-037-00-5</t>
  </si>
  <si>
    <t>433-360-6</t>
  </si>
  <si>
    <t>34036-80-1</t>
  </si>
  <si>
    <t>014-038-00-0</t>
  </si>
  <si>
    <t>436-690-9</t>
  </si>
  <si>
    <t>220727-26-4</t>
  </si>
  <si>
    <t>014-039-00-6</t>
  </si>
  <si>
    <t>(2,3-dimethylbut-2-yl)-trimethoxysilane</t>
  </si>
  <si>
    <t>439-360-2</t>
  </si>
  <si>
    <t>142877-45-0</t>
  </si>
  <si>
    <t>014-041-00-7</t>
  </si>
  <si>
    <t>445-890-5</t>
  </si>
  <si>
    <t>201290-01-9</t>
  </si>
  <si>
    <t>014-042-00-2</t>
  </si>
  <si>
    <t>423-010-0</t>
  </si>
  <si>
    <t>014-043-00-8</t>
  </si>
  <si>
    <t>432-200-2</t>
  </si>
  <si>
    <t>014-044-00-3</t>
  </si>
  <si>
    <t>3-[(4'-acetoxy-3'-methoxyphenyl) propyl]trimethoxysilane</t>
  </si>
  <si>
    <t>433-050-0</t>
  </si>
  <si>
    <t>014-045-00-9</t>
  </si>
  <si>
    <t>magnesium sodium fluoride silicate</t>
  </si>
  <si>
    <t>442-650-1</t>
  </si>
  <si>
    <t>014-047-00-X</t>
  </si>
  <si>
    <t>H351 (inhalation)</t>
  </si>
  <si>
    <t>015-001-00-1</t>
  </si>
  <si>
    <t>white phosphorus</t>
  </si>
  <si>
    <t>231-768-7</t>
  </si>
  <si>
    <t>12185-10-3</t>
  </si>
  <si>
    <t>015-002-00-7</t>
  </si>
  <si>
    <t>red phosphorus</t>
  </si>
  <si>
    <t>7723-14-0</t>
  </si>
  <si>
    <t>015-003-00-2</t>
  </si>
  <si>
    <t>calcium phosphide; tricalcium diphosphide</t>
  </si>
  <si>
    <t>215-142-0</t>
  </si>
  <si>
    <t>1305-99-3</t>
  </si>
  <si>
    <t>015-004-00-8</t>
  </si>
  <si>
    <t>aluminium phosphide</t>
  </si>
  <si>
    <t>244-088-0</t>
  </si>
  <si>
    <t>015-005-00-3</t>
  </si>
  <si>
    <t>magnesium phosphide;</t>
  </si>
  <si>
    <t>235-023-7</t>
  </si>
  <si>
    <t>trimagnesium diphosphide</t>
  </si>
  <si>
    <t>015-006-00-9</t>
  </si>
  <si>
    <t>trizinc diphosphide;</t>
  </si>
  <si>
    <t>215-244-5</t>
  </si>
  <si>
    <t>1314-84-7</t>
  </si>
  <si>
    <t>zinc phosphide</t>
  </si>
  <si>
    <t>015-007-00-4</t>
  </si>
  <si>
    <t>phosphorus trichloride</t>
  </si>
  <si>
    <t>231-749-3</t>
  </si>
  <si>
    <t>7719-12-2</t>
  </si>
  <si>
    <t>015-008-00-X</t>
  </si>
  <si>
    <t>phosphorus pentachloride</t>
  </si>
  <si>
    <t>233-060-3</t>
  </si>
  <si>
    <t>10026-13-8</t>
  </si>
  <si>
    <t>015-009-00-5</t>
  </si>
  <si>
    <t>phosphoryl trichloride</t>
  </si>
  <si>
    <t>233-046-7</t>
  </si>
  <si>
    <t>10025-87-3</t>
  </si>
  <si>
    <t>015-010-00-0</t>
  </si>
  <si>
    <t>phosphorus pentoxide</t>
  </si>
  <si>
    <t>215-236-1</t>
  </si>
  <si>
    <t>1314-56-3</t>
  </si>
  <si>
    <t>015-011-00-6</t>
  </si>
  <si>
    <t>231-633-2</t>
  </si>
  <si>
    <t>7664-38-2</t>
  </si>
  <si>
    <t>015-012-00-1</t>
  </si>
  <si>
    <t>tetraphosphorus trisulphide;</t>
  </si>
  <si>
    <t>215-245-0</t>
  </si>
  <si>
    <t>1314-85-8</t>
  </si>
  <si>
    <t>Flam. Sol. 2</t>
  </si>
  <si>
    <t>phosphorus sesquisulphid</t>
  </si>
  <si>
    <t>015-013-00-7</t>
  </si>
  <si>
    <t>triethyl phosphate</t>
  </si>
  <si>
    <t>201-114-5</t>
  </si>
  <si>
    <t>78-40-0</t>
  </si>
  <si>
    <t>015-014-00-2</t>
  </si>
  <si>
    <t>tributyl phosphate</t>
  </si>
  <si>
    <t>204-800-2</t>
  </si>
  <si>
    <t>126-73-8</t>
  </si>
  <si>
    <t>015-015-00-8</t>
  </si>
  <si>
    <t>201-103-5</t>
  </si>
  <si>
    <t>015-016-00-3</t>
  </si>
  <si>
    <t>201-105-6</t>
  </si>
  <si>
    <t>78-32-0</t>
  </si>
  <si>
    <t>015-019-00-X</t>
  </si>
  <si>
    <t>dichlorvos (ISO);</t>
  </si>
  <si>
    <t>200-547-7</t>
  </si>
  <si>
    <t>62-73-7</t>
  </si>
  <si>
    <t>2,2-dichlorovinyl dimethyl phosphate</t>
  </si>
  <si>
    <t>015-020-00-5</t>
  </si>
  <si>
    <t>mevinphos (ISO);</t>
  </si>
  <si>
    <t>232-095-1</t>
  </si>
  <si>
    <t>7786-34-7</t>
  </si>
  <si>
    <t>M = 10000</t>
  </si>
  <si>
    <t>2-methoxycarbonyl-1-methylvinyl dimethyl phosphate</t>
  </si>
  <si>
    <t>015-021-00-0</t>
  </si>
  <si>
    <t>trichlorfon (ISO);</t>
  </si>
  <si>
    <t>200-149-3</t>
  </si>
  <si>
    <t>52-68-6</t>
  </si>
  <si>
    <t>M = 1000</t>
  </si>
  <si>
    <t>dimethyl 2,2,2-trichloro-1-hydroxyethylphosphonate</t>
  </si>
  <si>
    <t>015-022-00-6</t>
  </si>
  <si>
    <t>phosphamidon (ISO);</t>
  </si>
  <si>
    <t>236-116-5</t>
  </si>
  <si>
    <t>13171-21-6</t>
  </si>
  <si>
    <t>2-chloro-2-diethylcarbamoyl-1-methylvinyl dimethyl phosphate</t>
  </si>
  <si>
    <t>015-023-00-1</t>
  </si>
  <si>
    <t>pyrazoxon;</t>
  </si>
  <si>
    <t>108-34-9</t>
  </si>
  <si>
    <t>diethyl 3-methylpyrazol-5-yl phosphate</t>
  </si>
  <si>
    <t>015-024-00-7</t>
  </si>
  <si>
    <t>triamiphos (ISO);</t>
  </si>
  <si>
    <t>1031-47-6</t>
  </si>
  <si>
    <t>015-025-00-2</t>
  </si>
  <si>
    <t>TEPP (ISO);</t>
  </si>
  <si>
    <t>203-495-3</t>
  </si>
  <si>
    <t>107-49-3</t>
  </si>
  <si>
    <t>tetraethyl pyrophosphate</t>
  </si>
  <si>
    <t>015-026-00-8</t>
  </si>
  <si>
    <t>205-801-0</t>
  </si>
  <si>
    <t>152-16-9</t>
  </si>
  <si>
    <t>015-027-00-3</t>
  </si>
  <si>
    <t>sulfotep (ISO);</t>
  </si>
  <si>
    <t>222-995-2</t>
  </si>
  <si>
    <t>3689-24-5</t>
  </si>
  <si>
    <t>015-028-00-9</t>
  </si>
  <si>
    <t>206-053-8</t>
  </si>
  <si>
    <t>298-03-3</t>
  </si>
  <si>
    <t>015-029-00-4</t>
  </si>
  <si>
    <t>204-801-8</t>
  </si>
  <si>
    <t>126-75-0</t>
  </si>
  <si>
    <t>015-030-00-X</t>
  </si>
  <si>
    <t>212-758-1</t>
  </si>
  <si>
    <t>867-27-6</t>
  </si>
  <si>
    <t>015-031-00-5</t>
  </si>
  <si>
    <t>213-052-6</t>
  </si>
  <si>
    <t>919-86-8</t>
  </si>
  <si>
    <t>015-032-00-0</t>
  </si>
  <si>
    <t>prothoate (ISO);</t>
  </si>
  <si>
    <t>218-893-2</t>
  </si>
  <si>
    <t>2275-18-5</t>
  </si>
  <si>
    <t>015-033-00-6</t>
  </si>
  <si>
    <t>phorate (ISO);</t>
  </si>
  <si>
    <t>206-052-2</t>
  </si>
  <si>
    <t>298-02-2</t>
  </si>
  <si>
    <t>015-034-00-1</t>
  </si>
  <si>
    <t>parathion (ISO);</t>
  </si>
  <si>
    <t>200-271-7</t>
  </si>
  <si>
    <t>56-38-2</t>
  </si>
  <si>
    <t>015-035-00-7</t>
  </si>
  <si>
    <t>206-050-1</t>
  </si>
  <si>
    <t>298-00-0</t>
  </si>
  <si>
    <t>015-036-00-2</t>
  </si>
  <si>
    <t>218-276-8</t>
  </si>
  <si>
    <t>2104-64-5</t>
  </si>
  <si>
    <t>EPN</t>
  </si>
  <si>
    <t>015-037-00-8</t>
  </si>
  <si>
    <t>phenkapton (ISO);</t>
  </si>
  <si>
    <t>218-892-7</t>
  </si>
  <si>
    <t>2275-14-1</t>
  </si>
  <si>
    <t>015-038-00-3</t>
  </si>
  <si>
    <t>coumaphos (ISO);</t>
  </si>
  <si>
    <t>200-285-3</t>
  </si>
  <si>
    <t>56-72-4</t>
  </si>
  <si>
    <t>015-039-00-9</t>
  </si>
  <si>
    <t>azinphos-methyl (ISO);</t>
  </si>
  <si>
    <t>201-676-1</t>
  </si>
  <si>
    <t>86-50-0</t>
  </si>
  <si>
    <t>015-040-00-4</t>
  </si>
  <si>
    <t>diazinon (ISO);</t>
  </si>
  <si>
    <t>206-373-8</t>
  </si>
  <si>
    <t>333-41-5</t>
  </si>
  <si>
    <t>015-041-00-X</t>
  </si>
  <si>
    <t>malathion (ISO);</t>
  </si>
  <si>
    <t>204-497-7</t>
  </si>
  <si>
    <t>121-75-5</t>
  </si>
  <si>
    <t>015-042-00-5</t>
  </si>
  <si>
    <t>207-902-5</t>
  </si>
  <si>
    <t>500-28-7</t>
  </si>
  <si>
    <t>015-043-00-0</t>
  </si>
  <si>
    <t>phosnichlor (ISO);</t>
  </si>
  <si>
    <t>5826-76-6</t>
  </si>
  <si>
    <t>015-044-00-6</t>
  </si>
  <si>
    <t>carbophenothion (ISO);</t>
  </si>
  <si>
    <t>212-324-1</t>
  </si>
  <si>
    <t>786-19-6</t>
  </si>
  <si>
    <t>015-045-00-1</t>
  </si>
  <si>
    <t>mecarbam (ISO);</t>
  </si>
  <si>
    <t>219-993-9</t>
  </si>
  <si>
    <t>2595-54-2</t>
  </si>
  <si>
    <t>015-046-00-7</t>
  </si>
  <si>
    <t>oxydemeton-methyl;</t>
  </si>
  <si>
    <t>206-110-7</t>
  </si>
  <si>
    <t>301-12-2</t>
  </si>
  <si>
    <t>015-047-00-2</t>
  </si>
  <si>
    <t>ethion (ISO);</t>
  </si>
  <si>
    <t>209-242-3</t>
  </si>
  <si>
    <t>563-12-2</t>
  </si>
  <si>
    <t>diethion</t>
  </si>
  <si>
    <t>015-048-00-8</t>
  </si>
  <si>
    <t>fenthion (ISO);</t>
  </si>
  <si>
    <t>200-231-9</t>
  </si>
  <si>
    <t>55-38-9</t>
  </si>
  <si>
    <t>015-049-00-3</t>
  </si>
  <si>
    <t>endothion (ISO);</t>
  </si>
  <si>
    <t>220-472-3</t>
  </si>
  <si>
    <t>2778-04-3</t>
  </si>
  <si>
    <t>015-050-00-9</t>
  </si>
  <si>
    <t>thiometon (ISO);</t>
  </si>
  <si>
    <t>211-362-6</t>
  </si>
  <si>
    <t>640-15-3</t>
  </si>
  <si>
    <t>015-051-00-4</t>
  </si>
  <si>
    <t>dimethoate (ISO);</t>
  </si>
  <si>
    <t>200-480-3</t>
  </si>
  <si>
    <t>60-51-5</t>
  </si>
  <si>
    <t>015-052-00-X</t>
  </si>
  <si>
    <t>fenchlorphos (ISO);</t>
  </si>
  <si>
    <t>206-082-6</t>
  </si>
  <si>
    <t>299-84-3</t>
  </si>
  <si>
    <t>015-053-00-5</t>
  </si>
  <si>
    <t>menazon (ISO);</t>
  </si>
  <si>
    <t>201-123-4</t>
  </si>
  <si>
    <t>78-57-9</t>
  </si>
  <si>
    <t>015-054-00-0</t>
  </si>
  <si>
    <t>fenitrothion (ISO);</t>
  </si>
  <si>
    <t>204-524-2</t>
  </si>
  <si>
    <t>015-055-00-6</t>
  </si>
  <si>
    <t>naled (ISO);</t>
  </si>
  <si>
    <t>206-098-3</t>
  </si>
  <si>
    <t>300-76-5</t>
  </si>
  <si>
    <t>1,2-dibromo-2,2-dichloroethyl dimethyl phosphate</t>
  </si>
  <si>
    <t>015-056-00-1</t>
  </si>
  <si>
    <t>azinphos-ethyl (ISO);</t>
  </si>
  <si>
    <t>220-147-6</t>
  </si>
  <si>
    <t>2642-71-9</t>
  </si>
  <si>
    <t>015-057-00-7</t>
  </si>
  <si>
    <t>formothion (ISO);</t>
  </si>
  <si>
    <t>219-818-6</t>
  </si>
  <si>
    <t>2540-82-1</t>
  </si>
  <si>
    <t>015-058-00-2</t>
  </si>
  <si>
    <t>morphothion (ISO);</t>
  </si>
  <si>
    <t>205-628-0</t>
  </si>
  <si>
    <t>144-41-2</t>
  </si>
  <si>
    <t>015-059-00-8</t>
  </si>
  <si>
    <t>vamidothion (ISO);</t>
  </si>
  <si>
    <t>218-894-8</t>
  </si>
  <si>
    <t>2275-23-2</t>
  </si>
  <si>
    <t>015-060-00-3</t>
  </si>
  <si>
    <t>disulfoton (ISO);</t>
  </si>
  <si>
    <t>206-054-3</t>
  </si>
  <si>
    <t>298-04-4</t>
  </si>
  <si>
    <t>015-061-00-9</t>
  </si>
  <si>
    <t>204-076-8</t>
  </si>
  <si>
    <t>115-26-4</t>
  </si>
  <si>
    <t>015-062-00-4</t>
  </si>
  <si>
    <t>mipafox (ISO);</t>
  </si>
  <si>
    <t>206-742-3</t>
  </si>
  <si>
    <t>371-86-8</t>
  </si>
  <si>
    <t>015-063-00-X</t>
  </si>
  <si>
    <t>dioxathion (ISO);</t>
  </si>
  <si>
    <t>201-107-7</t>
  </si>
  <si>
    <t>78-34-2</t>
  </si>
  <si>
    <t>015-064-00-5</t>
  </si>
  <si>
    <t>bromophos-ethyl (ISO);</t>
  </si>
  <si>
    <t>225-399-0</t>
  </si>
  <si>
    <t>4824-78-6</t>
  </si>
  <si>
    <t>015-065-00-0</t>
  </si>
  <si>
    <t>2703-37-9</t>
  </si>
  <si>
    <t>015-066-00-6</t>
  </si>
  <si>
    <t>omethoate (ISO);</t>
  </si>
  <si>
    <t>214-197-8</t>
  </si>
  <si>
    <t>1113-02-6</t>
  </si>
  <si>
    <t>015-067-00-1</t>
  </si>
  <si>
    <t>phosalone (ISO);</t>
  </si>
  <si>
    <t>218-996-2</t>
  </si>
  <si>
    <t>2310-17-0</t>
  </si>
  <si>
    <t>015-068-00-7</t>
  </si>
  <si>
    <t>dichlofenthion (ISO);</t>
  </si>
  <si>
    <t>202-564-5</t>
  </si>
  <si>
    <t>97-17-6</t>
  </si>
  <si>
    <t>015-069-00-2</t>
  </si>
  <si>
    <t>methidathion (ISO);</t>
  </si>
  <si>
    <t>213-449-4</t>
  </si>
  <si>
    <t>950-37-8</t>
  </si>
  <si>
    <t>015-070-00-8</t>
  </si>
  <si>
    <t>cyanthoate (ISO);</t>
  </si>
  <si>
    <t>223-099-4</t>
  </si>
  <si>
    <t>3734-95-0</t>
  </si>
  <si>
    <t>015-071-00-3</t>
  </si>
  <si>
    <t>chlorfenvinphos (ISO);</t>
  </si>
  <si>
    <t>207-432-0</t>
  </si>
  <si>
    <t>470-90-6</t>
  </si>
  <si>
    <t>015-072-00-9</t>
  </si>
  <si>
    <t>monocrotophos (ISO);</t>
  </si>
  <si>
    <t>230-042-7</t>
  </si>
  <si>
    <t>6923-22-4</t>
  </si>
  <si>
    <t>dimethyl-1-methyl-2-(methylcarbamoyl)vinyl phosphate</t>
  </si>
  <si>
    <t>015-073-00-4</t>
  </si>
  <si>
    <t>dicrotophos (ISO);</t>
  </si>
  <si>
    <t>205-494-3</t>
  </si>
  <si>
    <t>141-66-2</t>
  </si>
  <si>
    <t>015-074-00-X</t>
  </si>
  <si>
    <t>crufomate (ISO);</t>
  </si>
  <si>
    <t>206-083-1</t>
  </si>
  <si>
    <t>299-86-5</t>
  </si>
  <si>
    <t>4-tert-butyl-2-chlorophenyl methyl methylphosphoramidate</t>
  </si>
  <si>
    <t>015-075-00-5</t>
  </si>
  <si>
    <t>2635-50-9</t>
  </si>
  <si>
    <t>015-076-00-0</t>
  </si>
  <si>
    <t>potasan;</t>
  </si>
  <si>
    <t>299-45-6</t>
  </si>
  <si>
    <t>015-077-00-6</t>
  </si>
  <si>
    <t>2,2-dichlorovinyl 2-ethylsulphinylethyl methyl phosphate</t>
  </si>
  <si>
    <t>7076-53-1</t>
  </si>
  <si>
    <t>015-078-00-1</t>
  </si>
  <si>
    <t>241-109-5</t>
  </si>
  <si>
    <t>17040-19-6</t>
  </si>
  <si>
    <t>015-079-00-7</t>
  </si>
  <si>
    <t>acephate (ISO);</t>
  </si>
  <si>
    <t>250-241-2</t>
  </si>
  <si>
    <t>30560-19-1</t>
  </si>
  <si>
    <t>015-080-00-2</t>
  </si>
  <si>
    <t>amidithion (ISO);</t>
  </si>
  <si>
    <t>919-76-6</t>
  </si>
  <si>
    <t>015-081-00-8</t>
  </si>
  <si>
    <t>221-817-0</t>
  </si>
  <si>
    <t>3244-90-4</t>
  </si>
  <si>
    <t>015-082-00-3</t>
  </si>
  <si>
    <t>azothoate (ISO);</t>
  </si>
  <si>
    <t>227-419-3</t>
  </si>
  <si>
    <t>5834-96-8</t>
  </si>
  <si>
    <t>015-083-00-9</t>
  </si>
  <si>
    <t>bensulide (ISO);</t>
  </si>
  <si>
    <t>212-010-4</t>
  </si>
  <si>
    <t>741-58-2</t>
  </si>
  <si>
    <t>015-084-00-4</t>
  </si>
  <si>
    <t>chlorpyrifos (ISO);</t>
  </si>
  <si>
    <t>220-864-4</t>
  </si>
  <si>
    <t>2921-88-2</t>
  </si>
  <si>
    <t>015-085-00-X</t>
  </si>
  <si>
    <t>chlorphonium chloride (ISO);</t>
  </si>
  <si>
    <t>204-105-4</t>
  </si>
  <si>
    <t>115-78-6</t>
  </si>
  <si>
    <t>tributyl (2,4-dichlorobenzyl) phosphonium chloride</t>
  </si>
  <si>
    <t>015-086-00-5</t>
  </si>
  <si>
    <t>coumithoate (ISO);</t>
  </si>
  <si>
    <t>572-48-5</t>
  </si>
  <si>
    <t>015-087-00-0</t>
  </si>
  <si>
    <t>cyanophos (ISO);</t>
  </si>
  <si>
    <t>220-130-3</t>
  </si>
  <si>
    <t>2636-26-2</t>
  </si>
  <si>
    <t>015-088-00-6</t>
  </si>
  <si>
    <t>dialifos (ISO);</t>
  </si>
  <si>
    <t>233-689-3</t>
  </si>
  <si>
    <t>10311-84-9</t>
  </si>
  <si>
    <t>015-089-00-1</t>
  </si>
  <si>
    <t>204-121-1</t>
  </si>
  <si>
    <t>116-01-8</t>
  </si>
  <si>
    <t>015-090-00-7</t>
  </si>
  <si>
    <t>fensulfothion (ISO);</t>
  </si>
  <si>
    <t>204-114-3</t>
  </si>
  <si>
    <t>115-90-2</t>
  </si>
  <si>
    <t>015-091-00-2</t>
  </si>
  <si>
    <t>fonofos (ISO);</t>
  </si>
  <si>
    <t>213-408-0</t>
  </si>
  <si>
    <t>944-22-9</t>
  </si>
  <si>
    <t>015-092-00-8</t>
  </si>
  <si>
    <t>phosacetim (ISO);</t>
  </si>
  <si>
    <t>223-874-7</t>
  </si>
  <si>
    <t>4104-14-7</t>
  </si>
  <si>
    <t>015-093-00-3</t>
  </si>
  <si>
    <t>leptophos (ISO);</t>
  </si>
  <si>
    <t>244-472-8</t>
  </si>
  <si>
    <t>21609-90-5</t>
  </si>
  <si>
    <t>015-094-00-9</t>
  </si>
  <si>
    <t>mephosfolan (ISO);</t>
  </si>
  <si>
    <t>213-447-3</t>
  </si>
  <si>
    <t>950-10-7</t>
  </si>
  <si>
    <t>diethyl 4-methyl-1,3-dithiolan-2-ylidenephosphoramidate</t>
  </si>
  <si>
    <t>015-095-00-4</t>
  </si>
  <si>
    <t>methamidophos (ISO);</t>
  </si>
  <si>
    <t>233-606-0</t>
  </si>
  <si>
    <t>10265-92-6</t>
  </si>
  <si>
    <t>015-096-00-X</t>
  </si>
  <si>
    <t>oxydisulfoton (ISO);</t>
  </si>
  <si>
    <t>219-679-1</t>
  </si>
  <si>
    <t>2497-07-6</t>
  </si>
  <si>
    <t>015-097-00-5</t>
  </si>
  <si>
    <t>phenthoate (ISO);</t>
  </si>
  <si>
    <t>219-997-0</t>
  </si>
  <si>
    <t>2597-03-7</t>
  </si>
  <si>
    <t>ethyl 2-(dimethoxyphosphinothioylthio)-2-phenylacetate</t>
  </si>
  <si>
    <t>015-098-00-0</t>
  </si>
  <si>
    <t>trichloronate (ISO);</t>
  </si>
  <si>
    <t>206-326-1</t>
  </si>
  <si>
    <t>327-98-0</t>
  </si>
  <si>
    <t>015-099-00-6</t>
  </si>
  <si>
    <t>pirimiphos-ethyl (ISO);</t>
  </si>
  <si>
    <t>245-704-0</t>
  </si>
  <si>
    <t>23505-41-1</t>
  </si>
  <si>
    <t>015-100-00-X</t>
  </si>
  <si>
    <t>phoxim (ISO);</t>
  </si>
  <si>
    <t>238-887-3</t>
  </si>
  <si>
    <t>14816-18-3</t>
  </si>
  <si>
    <t>α-(diethoxyphosphinothioylimino) phenylacetonitrile</t>
  </si>
  <si>
    <t>015-101-00-5</t>
  </si>
  <si>
    <t>phosmet (ISO);</t>
  </si>
  <si>
    <t>211-987-4</t>
  </si>
  <si>
    <t>732-11-6</t>
  </si>
  <si>
    <t>tris(2-chloroethyl)phosphate</t>
  </si>
  <si>
    <t>015-103-00-6</t>
  </si>
  <si>
    <t>phosphorus tribromide</t>
  </si>
  <si>
    <t>232-178-2</t>
  </si>
  <si>
    <t>7789-60-8</t>
  </si>
  <si>
    <t>015-104-00-1</t>
  </si>
  <si>
    <t>diphosphorus pentasulphide;</t>
  </si>
  <si>
    <t>215-242-4</t>
  </si>
  <si>
    <t>1314-80-3</t>
  </si>
  <si>
    <t>phosphorus pentasulphide</t>
  </si>
  <si>
    <t>015-105-00-7</t>
  </si>
  <si>
    <t>triphenyl phosphite</t>
  </si>
  <si>
    <t>202-908-4</t>
  </si>
  <si>
    <t>101-02-0</t>
  </si>
  <si>
    <t>015-107-00-8</t>
  </si>
  <si>
    <t>ethoprophos (ISO);</t>
  </si>
  <si>
    <t>236-152-1</t>
  </si>
  <si>
    <t>13194-48-4</t>
  </si>
  <si>
    <t>015-108-00-3</t>
  </si>
  <si>
    <t>bromophos (ISO);</t>
  </si>
  <si>
    <t>218-277-3</t>
  </si>
  <si>
    <t>2104-96-3</t>
  </si>
  <si>
    <t>015-109-00-9</t>
  </si>
  <si>
    <t>crotoxyphos (ISO);</t>
  </si>
  <si>
    <t>231-720-5</t>
  </si>
  <si>
    <t>7700-17-6</t>
  </si>
  <si>
    <t>1-phenylethyl 3-(dimethoxyphosphinyloxy) isocrotonate</t>
  </si>
  <si>
    <t>015-110-00-4</t>
  </si>
  <si>
    <t>cyanofenphos (ISO);</t>
  </si>
  <si>
    <t>13067-93-1</t>
  </si>
  <si>
    <t>015-111-00-X</t>
  </si>
  <si>
    <t>phosfolan (ISO);</t>
  </si>
  <si>
    <t>213-423-2</t>
  </si>
  <si>
    <t>947-02-4</t>
  </si>
  <si>
    <t>diethyl 1,3-dithiolan-2-ylidenephosphoramidate</t>
  </si>
  <si>
    <t>015-112-00-5</t>
  </si>
  <si>
    <t>thionazin (ISO);</t>
  </si>
  <si>
    <t>206-049-6</t>
  </si>
  <si>
    <t>297-97-2</t>
  </si>
  <si>
    <t>015-113-00-0</t>
  </si>
  <si>
    <t>tolclofos-methyl (ISO);</t>
  </si>
  <si>
    <t>260-515-3</t>
  </si>
  <si>
    <t>57018-04-9</t>
  </si>
  <si>
    <t>015-114-00-6</t>
  </si>
  <si>
    <t>chlormephos (ISO);</t>
  </si>
  <si>
    <t>246-538-1</t>
  </si>
  <si>
    <t>24934-91-6</t>
  </si>
  <si>
    <t>015-115-00-1</t>
  </si>
  <si>
    <t>chlorthiophos (ISO);</t>
  </si>
  <si>
    <t>244-663-6</t>
  </si>
  <si>
    <t>21923-23-9</t>
  </si>
  <si>
    <t>015-116-00-7</t>
  </si>
  <si>
    <t>211-666-9</t>
  </si>
  <si>
    <t>682-80-4</t>
  </si>
  <si>
    <t>015-117-00-2</t>
  </si>
  <si>
    <t>219-971-9</t>
  </si>
  <si>
    <t>2587-90-8</t>
  </si>
  <si>
    <t>015-118-00-8</t>
  </si>
  <si>
    <t>demeton</t>
  </si>
  <si>
    <t>8065-48-3</t>
  </si>
  <si>
    <t>015-119-00-3</t>
  </si>
  <si>
    <t>dimethyl 4-(methylthio)phenyl phosphate</t>
  </si>
  <si>
    <t>3254-63-5</t>
  </si>
  <si>
    <t>015-120-00-9</t>
  </si>
  <si>
    <t>ditalimfos (ISO);</t>
  </si>
  <si>
    <t>225-875-8</t>
  </si>
  <si>
    <t>5131-24-8</t>
  </si>
  <si>
    <t>015-121-00-4</t>
  </si>
  <si>
    <t>edifenphos (ISO);</t>
  </si>
  <si>
    <t>241-178-1</t>
  </si>
  <si>
    <t>17109-49-8</t>
  </si>
  <si>
    <t>015-122-00-X</t>
  </si>
  <si>
    <t>etrimfos (ISO);</t>
  </si>
  <si>
    <t>253-855-9</t>
  </si>
  <si>
    <t>38260-54-7</t>
  </si>
  <si>
    <t>015-123-00-5</t>
  </si>
  <si>
    <t>fenamiphos (ISO);</t>
  </si>
  <si>
    <t>244-848-1</t>
  </si>
  <si>
    <t>22224-92-6</t>
  </si>
  <si>
    <t>015-124-00-0</t>
  </si>
  <si>
    <t>fosthietan (ISO);</t>
  </si>
  <si>
    <t>244-437-7</t>
  </si>
  <si>
    <t>21548-32-3</t>
  </si>
  <si>
    <t>diethyl 1,3-dithietan-2-ylidenephosphoramidate</t>
  </si>
  <si>
    <t>015-125-00-6</t>
  </si>
  <si>
    <t>glyphosine (ISO);</t>
  </si>
  <si>
    <t>219-468-4</t>
  </si>
  <si>
    <t>2439-99-8</t>
  </si>
  <si>
    <t>015-126-00-1</t>
  </si>
  <si>
    <t>heptenophos (ISO);</t>
  </si>
  <si>
    <t>245-737-0</t>
  </si>
  <si>
    <t>23560-59-0</t>
  </si>
  <si>
    <t>7-chlorobicyclo(3.2.0)hepta-2,6-dien-6-yl dimethyl phosphate</t>
  </si>
  <si>
    <t>015-127-00-7</t>
  </si>
  <si>
    <t>iprobenfos(ISO);</t>
  </si>
  <si>
    <t>247-449-0</t>
  </si>
  <si>
    <t>26087-47-8</t>
  </si>
  <si>
    <t>015-128-00-2</t>
  </si>
  <si>
    <t>IPSP;</t>
  </si>
  <si>
    <t>5827-05-4</t>
  </si>
  <si>
    <t>015-129-00-8</t>
  </si>
  <si>
    <t>isofenphos (ISO);</t>
  </si>
  <si>
    <t>246-814-1</t>
  </si>
  <si>
    <t>25311-71-1</t>
  </si>
  <si>
    <t>015-130-00-3</t>
  </si>
  <si>
    <t>isothioate (ISO);</t>
  </si>
  <si>
    <t>36614-38-7</t>
  </si>
  <si>
    <t>015-131-00-9</t>
  </si>
  <si>
    <t>isoxathion (ISO);</t>
  </si>
  <si>
    <t>242-624-8</t>
  </si>
  <si>
    <t>18854-01-8</t>
  </si>
  <si>
    <t>015-132-00-4</t>
  </si>
  <si>
    <t>953-17-3</t>
  </si>
  <si>
    <t>015-133-00-X</t>
  </si>
  <si>
    <t>piperophos (ISO);</t>
  </si>
  <si>
    <t>24151-93-7</t>
  </si>
  <si>
    <t>015-134-00-5</t>
  </si>
  <si>
    <t>pirimiphos-methyl (ISO);</t>
  </si>
  <si>
    <t>249-528-5</t>
  </si>
  <si>
    <t>29232-93-7</t>
  </si>
  <si>
    <t>015-135-00-0</t>
  </si>
  <si>
    <t>255-255-2</t>
  </si>
  <si>
    <t>41198-08-7</t>
  </si>
  <si>
    <t>015-136-00-6</t>
  </si>
  <si>
    <t>250-517-2</t>
  </si>
  <si>
    <t>31218-83-4</t>
  </si>
  <si>
    <t>015-137-00-1</t>
  </si>
  <si>
    <t>pyrazophos (ISO);</t>
  </si>
  <si>
    <t>236-656-1</t>
  </si>
  <si>
    <t>13457-18-6</t>
  </si>
  <si>
    <t>015-138-00-7</t>
  </si>
  <si>
    <t>quinalphos (ISO);</t>
  </si>
  <si>
    <t>237-031-6</t>
  </si>
  <si>
    <t>13593-03-8</t>
  </si>
  <si>
    <t>015-139-00-2</t>
  </si>
  <si>
    <t>terbufos (ISO);</t>
  </si>
  <si>
    <t>235-963-8</t>
  </si>
  <si>
    <t>13071-79-9</t>
  </si>
  <si>
    <t>015-140-00-8</t>
  </si>
  <si>
    <t>triazophos (ISO);</t>
  </si>
  <si>
    <t>245-986-5</t>
  </si>
  <si>
    <t>24017-47-8</t>
  </si>
  <si>
    <t>015-141-00-3</t>
  </si>
  <si>
    <t>400-520-1</t>
  </si>
  <si>
    <t>015-142-00-9</t>
  </si>
  <si>
    <t>butyl (dialkyloxy(dibutoxyphosphoryloxy))titanium (trialkyloxy)titanium phosphate</t>
  </si>
  <si>
    <t>401-100-0</t>
  </si>
  <si>
    <t>015-143-00-4</t>
  </si>
  <si>
    <t>401-740-0</t>
  </si>
  <si>
    <t>015-144-00-X</t>
  </si>
  <si>
    <t>reaction mass of pentyl methylphosphinate and 2-methylbutyl methylphosphinate</t>
  </si>
  <si>
    <t>402-090-0</t>
  </si>
  <si>
    <t>87025-52-3</t>
  </si>
  <si>
    <t>015-145-00-5</t>
  </si>
  <si>
    <t>401-520-4</t>
  </si>
  <si>
    <t>015-146-00-0</t>
  </si>
  <si>
    <t>401-850-9</t>
  </si>
  <si>
    <t>015-147-00-6</t>
  </si>
  <si>
    <t>400-930-0</t>
  </si>
  <si>
    <t>015-148-00-1</t>
  </si>
  <si>
    <t>2-(diphosphonomethyl)succinic acid</t>
  </si>
  <si>
    <t>403-070-4</t>
  </si>
  <si>
    <t>51395-42-7</t>
  </si>
  <si>
    <t>015-149-00-7</t>
  </si>
  <si>
    <t>403-470-9</t>
  </si>
  <si>
    <t>015-150-00-2</t>
  </si>
  <si>
    <t>(2-(1,3-dioxolan-2-yl)ethyl)triphenylphosphonium bromide</t>
  </si>
  <si>
    <t>404-940-6</t>
  </si>
  <si>
    <t>86608-70-0</t>
  </si>
  <si>
    <t>015-151-00-8</t>
  </si>
  <si>
    <t>405-010-2</t>
  </si>
  <si>
    <t>015-152-00-3</t>
  </si>
  <si>
    <t>dioxabenzofos (ISO);</t>
  </si>
  <si>
    <t>223-292-3</t>
  </si>
  <si>
    <t>3811-49-2</t>
  </si>
  <si>
    <t>015-153-00-9</t>
  </si>
  <si>
    <t>isazofos (ISO);</t>
  </si>
  <si>
    <t>255-863-8</t>
  </si>
  <si>
    <t>42509-80-8</t>
  </si>
  <si>
    <t>015-154-00-4</t>
  </si>
  <si>
    <t>240-718-3</t>
  </si>
  <si>
    <t>16672-87-0</t>
  </si>
  <si>
    <t>Skin Corr. 1C</t>
  </si>
  <si>
    <t>H360Fd</t>
  </si>
  <si>
    <t>015-156-00-5</t>
  </si>
  <si>
    <t>methyl 3-[(dimethoxyphosphinothioyl)oxy]methacrylate; [1]</t>
  </si>
  <si>
    <t>250-366-9 [1]-[2]</t>
  </si>
  <si>
    <t>30864-28-9 [1]</t>
  </si>
  <si>
    <t>methacrifos (ISO);</t>
  </si>
  <si>
    <t>62610-77-9 [2]</t>
  </si>
  <si>
    <t>015-157-00-0</t>
  </si>
  <si>
    <t>phosphonic acid; [1]</t>
  </si>
  <si>
    <t>237-066-7 [1]</t>
  </si>
  <si>
    <t>13598-36-2 [1]</t>
  </si>
  <si>
    <t>phosphorous acid [2]</t>
  </si>
  <si>
    <t>10294-56-1 [2]</t>
  </si>
  <si>
    <t>015-158-00-6</t>
  </si>
  <si>
    <t>(η-cyclopentadienyl)(η-cumenyl)iron(1+)hexafluorophosphate(1-)</t>
  </si>
  <si>
    <t>402-340-9</t>
  </si>
  <si>
    <t>32760-80-8</t>
  </si>
  <si>
    <t>015-159-00-1</t>
  </si>
  <si>
    <t>hydroxyphosphonoacetic acid</t>
  </si>
  <si>
    <t>405-710-8</t>
  </si>
  <si>
    <t>23783-26-8</t>
  </si>
  <si>
    <t>015-160-00-7</t>
  </si>
  <si>
    <t>vanadyl pyrophosphate</t>
  </si>
  <si>
    <t>406-260-5</t>
  </si>
  <si>
    <t>58834-75-6</t>
  </si>
  <si>
    <t>015-161-00-2</t>
  </si>
  <si>
    <t>divanadyl pyrophosphate</t>
  </si>
  <si>
    <t>407-130-0</t>
  </si>
  <si>
    <t>65232-89-5</t>
  </si>
  <si>
    <t>015-162-00-8</t>
  </si>
  <si>
    <t>vanadium(IV) oxide hydrogen phosphate hemihydrate, lithium, zinc, molybdenum, iron and chlorine-doped</t>
  </si>
  <si>
    <t>407-350-7</t>
  </si>
  <si>
    <t>015-163-00-3</t>
  </si>
  <si>
    <t>bis(2,6-dimethoxybenzoyl)-2,4,4-trimethylpentylphosphinoxide</t>
  </si>
  <si>
    <t>412-010-6</t>
  </si>
  <si>
    <t>145052-34-2</t>
  </si>
  <si>
    <t>015-164-00-9</t>
  </si>
  <si>
    <t>400-480-5</t>
  </si>
  <si>
    <t>36669-85-9</t>
  </si>
  <si>
    <t>015-165-00-4</t>
  </si>
  <si>
    <t>404-986-7</t>
  </si>
  <si>
    <t>015-166-00-X</t>
  </si>
  <si>
    <t>410-290-4</t>
  </si>
  <si>
    <t>80693-00-1</t>
  </si>
  <si>
    <t>015-167-00-5</t>
  </si>
  <si>
    <t>3-(hydroxyphenylphosphinyl)propanoic acid</t>
  </si>
  <si>
    <t>411-200-6</t>
  </si>
  <si>
    <t>14657-64-8</t>
  </si>
  <si>
    <t>015-168-00-0</t>
  </si>
  <si>
    <t>fosthiazate (ISO);</t>
  </si>
  <si>
    <t>98886-44-3</t>
  </si>
  <si>
    <t>EUH070</t>
  </si>
  <si>
    <t>015-169-00-6</t>
  </si>
  <si>
    <t>tributyltetradecylphosphonium tetrafluoroborate</t>
  </si>
  <si>
    <t>413-520-1</t>
  </si>
  <si>
    <t>015-170-00-1</t>
  </si>
  <si>
    <t>407-490-9</t>
  </si>
  <si>
    <t>015-171-00-7</t>
  </si>
  <si>
    <t>406-940-1</t>
  </si>
  <si>
    <t>015-172-00-2</t>
  </si>
  <si>
    <t>reaction mass of: bis(isotridecylammonium)mono(di-(4-methylpent-2-yloxy)thiophosphorothionylisopropyl)phosphate;</t>
  </si>
  <si>
    <t>406-240-6</t>
  </si>
  <si>
    <t>isotridecylammonium bis(di-(4-methylpent-2-yloxy)thiophosphorothionylisopropyl)phosphate</t>
  </si>
  <si>
    <t>015-173-00-8</t>
  </si>
  <si>
    <t>methyl [2-(1,1-dimethylethyl)-6-methoxypyrimidin-4-yl]ethylphosphonothioate</t>
  </si>
  <si>
    <t>414-080-3</t>
  </si>
  <si>
    <t>117291-73-3</t>
  </si>
  <si>
    <t>015-174-00-3</t>
  </si>
  <si>
    <t>411-370-1</t>
  </si>
  <si>
    <t>82857-68-9</t>
  </si>
  <si>
    <t>015-175-00-9</t>
  </si>
  <si>
    <t>412-880-7</t>
  </si>
  <si>
    <t>35000-38-5</t>
  </si>
  <si>
    <t>015-176-00-4</t>
  </si>
  <si>
    <t>413-430-2</t>
  </si>
  <si>
    <t>116163-96-3</t>
  </si>
  <si>
    <t>015-177-00-X</t>
  </si>
  <si>
    <t>((4-phenylbutyl)hydroxyphosphoryl)acetic acid</t>
  </si>
  <si>
    <t>412-170-7</t>
  </si>
  <si>
    <t>83623-61-4</t>
  </si>
  <si>
    <t>015-178-00-5</t>
  </si>
  <si>
    <t>418-570-8</t>
  </si>
  <si>
    <t>25383-07-7</t>
  </si>
  <si>
    <t>015-179-00-0</t>
  </si>
  <si>
    <t>422-720-8</t>
  </si>
  <si>
    <t>166242-53-1</t>
  </si>
  <si>
    <t>015-180-00-6</t>
  </si>
  <si>
    <t>415-820-8</t>
  </si>
  <si>
    <t>137590-32-0</t>
  </si>
  <si>
    <t>015-181-00-1</t>
  </si>
  <si>
    <t>phosphine</t>
  </si>
  <si>
    <t>232-260-8</t>
  </si>
  <si>
    <t>7803-51-2</t>
  </si>
  <si>
    <t>015-182-00-7</t>
  </si>
  <si>
    <t>tetrapropan-2-yl (dichloromethanediyl)bis(phosphonate)</t>
  </si>
  <si>
    <t>430-630-5</t>
  </si>
  <si>
    <t>10596-22-2</t>
  </si>
  <si>
    <t>015-183-00-2</t>
  </si>
  <si>
    <t>(1-hydroxydodecylidene)diphosphonic acid</t>
  </si>
  <si>
    <t>425-230-2</t>
  </si>
  <si>
    <t>16610-63-2</t>
  </si>
  <si>
    <t>015-184-00-8</t>
  </si>
  <si>
    <t>015-186-00-9</t>
  </si>
  <si>
    <t>227-011-5</t>
  </si>
  <si>
    <t>5598-13-0</t>
  </si>
  <si>
    <t>015-187-00-4</t>
  </si>
  <si>
    <t>417-540-1</t>
  </si>
  <si>
    <t>▼M8 —————</t>
  </si>
  <si>
    <t>015-189-00-5</t>
  </si>
  <si>
    <t>phenyl bis(2,4,6-trimethylbenzoyl)-phosphine oxide</t>
  </si>
  <si>
    <t>423-340-5</t>
  </si>
  <si>
    <t>162881-26-7</t>
  </si>
  <si>
    <t>015-190-00-0</t>
  </si>
  <si>
    <t>421-920-2</t>
  </si>
  <si>
    <t>154862-43-8</t>
  </si>
  <si>
    <t>3,9-bis[2,4-bis(1-methyl-1-phenylethyl)phenoxy]-2,4,8,10-tetraoxa-3,9-diphosphaspiro[5.5]undecane</t>
  </si>
  <si>
    <t>015-191-00-6</t>
  </si>
  <si>
    <t>dodecyldiphenyl phosphate</t>
  </si>
  <si>
    <t>431-760-5</t>
  </si>
  <si>
    <t>27460-02-2</t>
  </si>
  <si>
    <t>015-192-00-1</t>
  </si>
  <si>
    <t>432-770-2</t>
  </si>
  <si>
    <t>139189-30-3</t>
  </si>
  <si>
    <t>015-193-00-7</t>
  </si>
  <si>
    <t>442-960-7</t>
  </si>
  <si>
    <t>332350-93-3</t>
  </si>
  <si>
    <t>015-194-00-2</t>
  </si>
  <si>
    <t>tetrabutyl-phosphonium nonafluoro-butane-1-sulfonate</t>
  </si>
  <si>
    <t>444-440-5</t>
  </si>
  <si>
    <t>220689-12-3</t>
  </si>
  <si>
    <t>015-195-00-8</t>
  </si>
  <si>
    <t>433-860-4</t>
  </si>
  <si>
    <t>reaction mass of: dimethyl (2-(hydroxymethylcarbamoyl)ethyl)phosphonate;</t>
  </si>
  <si>
    <t>diethyl (2-(hydroxymethylcarbamoyl)ethyl)phosphonate;</t>
  </si>
  <si>
    <t>methyl ethyl (2-(hydroxymethylcarbamoyl)ethyl)phosphonate</t>
  </si>
  <si>
    <t>015-197-00-9</t>
  </si>
  <si>
    <t>bis(2,4,4-trimethylpentyl)dithiophosphonic acid</t>
  </si>
  <si>
    <t>420-160-9</t>
  </si>
  <si>
    <t>107667-02-7</t>
  </si>
  <si>
    <t>015-198-00-4</t>
  </si>
  <si>
    <t>(4-phenylbutyl)phosphinic acid</t>
  </si>
  <si>
    <t>420-450-5</t>
  </si>
  <si>
    <t>86552-32-1</t>
  </si>
  <si>
    <t>015-199-00-X</t>
  </si>
  <si>
    <t>tris[2-chloro-1-chloromethyl)ethyl] phosphate</t>
  </si>
  <si>
    <t>237-159-2</t>
  </si>
  <si>
    <t>GSH08</t>
  </si>
  <si>
    <t>indium phosphide</t>
  </si>
  <si>
    <t>STOT RE 1;</t>
  </si>
  <si>
    <t>H361f</t>
  </si>
  <si>
    <t>H372 (lungs)</t>
  </si>
  <si>
    <t>STOT RE 2;</t>
  </si>
  <si>
    <t>trixylyl phosphate</t>
  </si>
  <si>
    <t>H360F</t>
  </si>
  <si>
    <t>015-202-00-4</t>
  </si>
  <si>
    <t>tris(nonylphenyl) phosphite</t>
  </si>
  <si>
    <t>247-759-6</t>
  </si>
  <si>
    <t>015-203-00-X</t>
  </si>
  <si>
    <t>diphenyl(2,4,6-trimethylbenzoyl)phosphine oxide</t>
  </si>
  <si>
    <t>278-355-8</t>
  </si>
  <si>
    <t>75980-60-8</t>
  </si>
  <si>
    <t>H361f (causing atrophy of the testes)</t>
  </si>
  <si>
    <t>016-001-00-4</t>
  </si>
  <si>
    <t>hydrogen sulphide</t>
  </si>
  <si>
    <t>231-977-3</t>
  </si>
  <si>
    <t>7783-06-4</t>
  </si>
  <si>
    <t>016-002-00-X</t>
  </si>
  <si>
    <t>barium sulphide</t>
  </si>
  <si>
    <t>244-214-4</t>
  </si>
  <si>
    <t>21109-95-5</t>
  </si>
  <si>
    <t>016-003-00-5</t>
  </si>
  <si>
    <t>barium polysulphides</t>
  </si>
  <si>
    <t>256-814-3</t>
  </si>
  <si>
    <t>50864-67-0</t>
  </si>
  <si>
    <t>016-004-00-0</t>
  </si>
  <si>
    <t>calcium sulphide</t>
  </si>
  <si>
    <t>243-873-5</t>
  </si>
  <si>
    <t>20548-54-3</t>
  </si>
  <si>
    <t>016-005-00-6</t>
  </si>
  <si>
    <t>calcium polysulphides</t>
  </si>
  <si>
    <t>215-709-2</t>
  </si>
  <si>
    <t>1344-81-6</t>
  </si>
  <si>
    <t>016-006-00-1</t>
  </si>
  <si>
    <t>dipotassium sulphide;</t>
  </si>
  <si>
    <t>215-197-0</t>
  </si>
  <si>
    <t>1312-73-8</t>
  </si>
  <si>
    <t>potassium sulphide</t>
  </si>
  <si>
    <t>016-007-00-7</t>
  </si>
  <si>
    <t>potassium polysulphides</t>
  </si>
  <si>
    <t>253-390-1</t>
  </si>
  <si>
    <t>37199-66-9</t>
  </si>
  <si>
    <t>016-008-00-2</t>
  </si>
  <si>
    <t>ammonium polysulphides</t>
  </si>
  <si>
    <t>232-989-1</t>
  </si>
  <si>
    <t>9080-17-5</t>
  </si>
  <si>
    <t>016-009-00-8</t>
  </si>
  <si>
    <t>disodium sulfide;</t>
  </si>
  <si>
    <t>215-211-5</t>
  </si>
  <si>
    <t>1313-82-2</t>
  </si>
  <si>
    <t>sodium sulfide</t>
  </si>
  <si>
    <t>016-010-00-3</t>
  </si>
  <si>
    <t>sodium polysulphides</t>
  </si>
  <si>
    <t>215-686-9</t>
  </si>
  <si>
    <t>1344-08-7</t>
  </si>
  <si>
    <t>016-011-00-9</t>
  </si>
  <si>
    <t>sulphur dioxide</t>
  </si>
  <si>
    <t>231-195-2</t>
  </si>
  <si>
    <t>7446-09-5</t>
  </si>
  <si>
    <t>U5</t>
  </si>
  <si>
    <t>016-012-00-4</t>
  </si>
  <si>
    <t>disulphur dichloride;</t>
  </si>
  <si>
    <t>233-036-2</t>
  </si>
  <si>
    <t>10025-67-9</t>
  </si>
  <si>
    <t>sulfur monochloride</t>
  </si>
  <si>
    <t>016-013-00-X</t>
  </si>
  <si>
    <t>sulphur dichloride</t>
  </si>
  <si>
    <t>234-129-0</t>
  </si>
  <si>
    <t>10545-99-0</t>
  </si>
  <si>
    <t>016-014-00-5</t>
  </si>
  <si>
    <t>sulphur tetrachloride</t>
  </si>
  <si>
    <t>13451-08-6</t>
  </si>
  <si>
    <t>016-015-00-0</t>
  </si>
  <si>
    <t>thionyl dichloride;</t>
  </si>
  <si>
    <t>231-748-8</t>
  </si>
  <si>
    <t>7719-09-7</t>
  </si>
  <si>
    <t>thionyl chloride</t>
  </si>
  <si>
    <t>016-016-00-6</t>
  </si>
  <si>
    <t>sulphuryl chloride</t>
  </si>
  <si>
    <t>232-245-6</t>
  </si>
  <si>
    <t>7791-25-5</t>
  </si>
  <si>
    <t>016-017-00-1</t>
  </si>
  <si>
    <t>chlorosulphonic acid</t>
  </si>
  <si>
    <t>232-234-6</t>
  </si>
  <si>
    <t>7790-94-5</t>
  </si>
  <si>
    <t>016-018-00-7</t>
  </si>
  <si>
    <t>fluorosulphonic acid</t>
  </si>
  <si>
    <t>232-149-4</t>
  </si>
  <si>
    <t>7789-21-1</t>
  </si>
  <si>
    <t>016-019-00-2</t>
  </si>
  <si>
    <t>016-020-00-8</t>
  </si>
  <si>
    <t>231-639-5</t>
  </si>
  <si>
    <t>7664-93-9</t>
  </si>
  <si>
    <t>016-021-00-3</t>
  </si>
  <si>
    <t>methanethiol;</t>
  </si>
  <si>
    <t>200-822-1</t>
  </si>
  <si>
    <t>74-93-1</t>
  </si>
  <si>
    <t>Flam. Gas. 1</t>
  </si>
  <si>
    <t>methyl mercaptan</t>
  </si>
  <si>
    <t>016-022-00-9</t>
  </si>
  <si>
    <t>ethanethiol;</t>
  </si>
  <si>
    <t>200-837-3</t>
  </si>
  <si>
    <t>75-08-1</t>
  </si>
  <si>
    <t>ethyl mercaptan</t>
  </si>
  <si>
    <t>dimethyl sulphate</t>
  </si>
  <si>
    <t>016-024-00-X</t>
  </si>
  <si>
    <t>215-993-8</t>
  </si>
  <si>
    <t>1468-37-7</t>
  </si>
  <si>
    <t>016-025-00-5</t>
  </si>
  <si>
    <t>disul (ISO);</t>
  </si>
  <si>
    <t>205-259-5</t>
  </si>
  <si>
    <t>149-26-8</t>
  </si>
  <si>
    <t>2-(2,4-dichlorophenoxy)ethyl hydrogensulphate;</t>
  </si>
  <si>
    <t>2,4-DES</t>
  </si>
  <si>
    <t>016-026-00-0</t>
  </si>
  <si>
    <t>sulphamidic acid;</t>
  </si>
  <si>
    <t>226-218-8</t>
  </si>
  <si>
    <t>5329-14-6</t>
  </si>
  <si>
    <t>sulphamic acid;</t>
  </si>
  <si>
    <t>sulfamic acid</t>
  </si>
  <si>
    <t>diethyl sulphate</t>
  </si>
  <si>
    <t>016-028-00-1</t>
  </si>
  <si>
    <t>sodium dithionite;</t>
  </si>
  <si>
    <t>231-890-0</t>
  </si>
  <si>
    <t>7775-14-6</t>
  </si>
  <si>
    <t>H251</t>
  </si>
  <si>
    <t>sodium hydrosulphite</t>
  </si>
  <si>
    <t>016-029-00-7</t>
  </si>
  <si>
    <t>016-030-00-2</t>
  </si>
  <si>
    <t>203-180-0</t>
  </si>
  <si>
    <t>104-15-4</t>
  </si>
  <si>
    <t>016-031-00-8</t>
  </si>
  <si>
    <t>204-783-1</t>
  </si>
  <si>
    <t>126-33-0</t>
  </si>
  <si>
    <t>1,3-propanesultone;</t>
  </si>
  <si>
    <t>1,2-oxathiolane 2,2-dioxide</t>
  </si>
  <si>
    <t>dimethylsulfamoylchloride</t>
  </si>
  <si>
    <t>016-034-00-4</t>
  </si>
  <si>
    <t>tetrasodium 3,3'-(piperazine-1,4-diylbis((6-chloro-1,3,5-triazine-2,4-diyl)imino(2-acetamido)-4,1-phenyleneazo))bis(naphthalene-1,5-disulphonate)</t>
  </si>
  <si>
    <t>400-010-9</t>
  </si>
  <si>
    <t>81898-60-4</t>
  </si>
  <si>
    <t>016-035-00-X</t>
  </si>
  <si>
    <t>pentasodium 5-anilino-3-(4-(4-(6-chloro-4-(3-sulphonatoanilino)-1,3,5-triazin-2-ylamino)-2,5-dimethylphenylazo)-2,5-disulphonatophenylazo)-4-hydroxynaphthalene-2,7-disulphonate</t>
  </si>
  <si>
    <t>400-120-7</t>
  </si>
  <si>
    <t>016-036-00-5</t>
  </si>
  <si>
    <t>tetrasodium 5-(4,6-dichloro-5-cyanopyrimidin-2-ylamino)-4-hydroxy-2,3-azodinaphthalene-1,2,5,7-disulphonate</t>
  </si>
  <si>
    <t>400-130-1</t>
  </si>
  <si>
    <t>016-037-00-0</t>
  </si>
  <si>
    <t>disodium 1-amino-4-(4-benzenesulphonamido-3-sulphonatoanilino)anthraquinone-2-sulphonate</t>
  </si>
  <si>
    <t>400-350-8</t>
  </si>
  <si>
    <t>85153-93-1</t>
  </si>
  <si>
    <t>016-038-00-6</t>
  </si>
  <si>
    <t>400-380-1</t>
  </si>
  <si>
    <t>86393-35-3</t>
  </si>
  <si>
    <t>016-039-00-1</t>
  </si>
  <si>
    <t>tetrasodium 2-(6-chloro-4-(4-(2,5-dimethyl-4-(2,5-disulphonatophenylazo)phenylazo)-3-ureidoanilino)-1,3,5-triazin-2-ylamino)benzene-1,4-disulphonate</t>
  </si>
  <si>
    <t>400-430-2</t>
  </si>
  <si>
    <t>016-040-00-7</t>
  </si>
  <si>
    <t>reaction mass of disodium 6-(2,4-dihydroxyphenylazo)-3-(4-(4-(2,4-dihydroxyphenylazo)anilino)-3-sulphonatophenylazo)-4-hydroxynaphthalene-2-sulphonate and disodium 6-(2,4-diaminophenylazo)-3-(4-(4-(2,4-diaminophenylazo)anilino)-3-sulphonatophenylazo)-4-hydroxynaphthalene-2-sulphonate and trisodium 6-(2,4-dihydroxyphenylazo)-3-(4-(4-(7-(2,4-dihydroxyphenylazo)-1-hydroxy-3-sulphonato-2-naphthylazo)anilino)-3-sulphonatophenylazo)-4-hydroxynaphthalene-2-sulphonate</t>
  </si>
  <si>
    <t>400-570-4</t>
  </si>
  <si>
    <t>016-041-00-2</t>
  </si>
  <si>
    <t>calcium 2,5-dichloro-4-(4-((5-chloro-4-methyl-2-sulphonatophenyl)azo)-5-hydroxy-3-methylpyrazol-1-yl)benzenesulphonate</t>
  </si>
  <si>
    <t>400-710-4</t>
  </si>
  <si>
    <t>016-042-00-8</t>
  </si>
  <si>
    <t>400-790-0</t>
  </si>
  <si>
    <t>85665-97-0</t>
  </si>
  <si>
    <t>016-043-00-3</t>
  </si>
  <si>
    <t>401-010-1</t>
  </si>
  <si>
    <t>016-044-00-9</t>
  </si>
  <si>
    <t>401-320-7</t>
  </si>
  <si>
    <t>016-045-00-4</t>
  </si>
  <si>
    <t>lithium sodium hydrogen 4-amino-6-(5-(5-chloro-2,6-difluoropyrimidin-4-ylamino)-2-sulphonatophenylazo)-5-hydroxy-3-(4-(2-(sulphonatooxy)ethylsulphonyl)phenylazo)naphthalene-2,7-disulphonate</t>
  </si>
  <si>
    <t>401-560-2</t>
  </si>
  <si>
    <t>108624-00-6</t>
  </si>
  <si>
    <t>016-046-00-X</t>
  </si>
  <si>
    <t>sodium hydrogensulphate</t>
  </si>
  <si>
    <t>231-665-7</t>
  </si>
  <si>
    <t>7681-38-1</t>
  </si>
  <si>
    <t>016-047-00-5</t>
  </si>
  <si>
    <t>401-650-1</t>
  </si>
  <si>
    <t>85665-96-9</t>
  </si>
  <si>
    <t>016-048-00-0</t>
  </si>
  <si>
    <t>sodium 3,5-dichloro-2-(5-cyano-2,6-bis(3-hydroxypropylamino)-4-methylpyridin-3-ylazo)benzenesulphonate</t>
  </si>
  <si>
    <t>401-870-8</t>
  </si>
  <si>
    <t>016-049-00-6</t>
  </si>
  <si>
    <t>calcium octadecylxylenesulphonate</t>
  </si>
  <si>
    <t>402-040-8</t>
  </si>
  <si>
    <t>016-050-00-1</t>
  </si>
  <si>
    <t>402-150-6</t>
  </si>
  <si>
    <t>016-051-00-7</t>
  </si>
  <si>
    <t>402-170-5</t>
  </si>
  <si>
    <t>106359-91-5</t>
  </si>
  <si>
    <t>016-052-00-2</t>
  </si>
  <si>
    <t>benzyltributylammonium 4-hydroxynaphthalene-1-sulphonate</t>
  </si>
  <si>
    <t>402-240-5</t>
  </si>
  <si>
    <t>102561-46-6</t>
  </si>
  <si>
    <t>016-053-00-8</t>
  </si>
  <si>
    <t>402-460-1</t>
  </si>
  <si>
    <t>016-054-00-3</t>
  </si>
  <si>
    <t>sodium 4-(2,4,4-trimethylpentylcarbonyloxy)benzenesulfonate</t>
  </si>
  <si>
    <t>400-030-8</t>
  </si>
  <si>
    <t>016-055-00-9</t>
  </si>
  <si>
    <t>400-510-7</t>
  </si>
  <si>
    <t>016-056-00-4</t>
  </si>
  <si>
    <t>potassium hydrogensulphate</t>
  </si>
  <si>
    <t>231-594-1</t>
  </si>
  <si>
    <t>7646-93-7</t>
  </si>
  <si>
    <t>016-057-00-X</t>
  </si>
  <si>
    <t>styrene-4-sulfonyl chloride</t>
  </si>
  <si>
    <t>404-770-2</t>
  </si>
  <si>
    <t>2633-67-2</t>
  </si>
  <si>
    <t>016-058-00-5</t>
  </si>
  <si>
    <t>404-820-3</t>
  </si>
  <si>
    <t>016-059-00-0</t>
  </si>
  <si>
    <t>405-300-9</t>
  </si>
  <si>
    <t>17339-60-5</t>
  </si>
  <si>
    <t>016-060-00-6</t>
  </si>
  <si>
    <t>231-786-5</t>
  </si>
  <si>
    <t>7727-54-0</t>
  </si>
  <si>
    <t>016-061-00-1</t>
  </si>
  <si>
    <t>231-781-8</t>
  </si>
  <si>
    <t>7727-21-1</t>
  </si>
  <si>
    <t>016-062-00-7</t>
  </si>
  <si>
    <t>bensultap (ISO);</t>
  </si>
  <si>
    <t>17606-31-4</t>
  </si>
  <si>
    <t>016-063-00-2</t>
  </si>
  <si>
    <t>sodium metabisulphite</t>
  </si>
  <si>
    <t>231-673-0</t>
  </si>
  <si>
    <t>016-064-00-8</t>
  </si>
  <si>
    <t>231-548-0</t>
  </si>
  <si>
    <t>sodium bisulphite . . . %</t>
  </si>
  <si>
    <t>016-065-00-3</t>
  </si>
  <si>
    <t>sodium 1-amino-4-[2-methyl-5-(4-methylphenylsulfonylamino)phenylamino]anthraquinone-2-sulfonate</t>
  </si>
  <si>
    <t>400-100-8</t>
  </si>
  <si>
    <t>84057-97-6</t>
  </si>
  <si>
    <t>016-066-00-9</t>
  </si>
  <si>
    <t>404-070-7</t>
  </si>
  <si>
    <t>116912-62-0</t>
  </si>
  <si>
    <t>016-067-00-4</t>
  </si>
  <si>
    <t>(4-methylphenyl)mesitylene sulfonate</t>
  </si>
  <si>
    <t>407-530-5</t>
  </si>
  <si>
    <t>67811-06-7</t>
  </si>
  <si>
    <t>016-068-00-X</t>
  </si>
  <si>
    <t>sodium 3,5-bis(tetradecyloxycarbonyl)benzenesulfinate</t>
  </si>
  <si>
    <t>407-720-8</t>
  </si>
  <si>
    <t>155160-86-4</t>
  </si>
  <si>
    <t>016-069-00-5</t>
  </si>
  <si>
    <t>3,5-bis-(tetradecyloxycarbonyl)benzenesulfinic acid</t>
  </si>
  <si>
    <t>407-990-7</t>
  </si>
  <si>
    <t>141915-64-2</t>
  </si>
  <si>
    <t>016-070-00-0</t>
  </si>
  <si>
    <t>4-benzyloxy-4'-(2,3-epoxy-2-methylprop-1-yloxy)diphenylsulfone</t>
  </si>
  <si>
    <t>408-220-2</t>
  </si>
  <si>
    <t>016-071-00-6</t>
  </si>
  <si>
    <t>trisodium 3-amino-6,13-dichloro-10-((3-((4-chloro-6-(2-sulfophenylamino)-1,3,5-triazin-2-yl)amino)propyl) amino)-4,11-triphenoxydioxazinedisulfonate</t>
  </si>
  <si>
    <t>410-130-3</t>
  </si>
  <si>
    <t>136248-03-8</t>
  </si>
  <si>
    <t>016-072-00-1</t>
  </si>
  <si>
    <t>411-520-6</t>
  </si>
  <si>
    <t>112195-27-4</t>
  </si>
  <si>
    <t>016-073-00-7</t>
  </si>
  <si>
    <t>tetrakis(phenylmethyl)thioperoxydi(carbothioamide)</t>
  </si>
  <si>
    <t>404-310-0</t>
  </si>
  <si>
    <t>10591-85-2</t>
  </si>
  <si>
    <t>016-074-00-2</t>
  </si>
  <si>
    <t>6-fluoro-2-methyl-3-(4-methylthiobenzyl)indene</t>
  </si>
  <si>
    <t>405-410-7</t>
  </si>
  <si>
    <t>016-075-00-8</t>
  </si>
  <si>
    <t>2,2'-diallyl-4,4'-sulfonyldiphenol</t>
  </si>
  <si>
    <t>411-570-9</t>
  </si>
  <si>
    <t>41481-66-7</t>
  </si>
  <si>
    <t>016-076-00-3</t>
  </si>
  <si>
    <t>2,3-bis((2-mercaptoethyl)thio)-1-propanethiol</t>
  </si>
  <si>
    <t>411-290-7</t>
  </si>
  <si>
    <t>131538-00-6</t>
  </si>
  <si>
    <t>016-077-00-9</t>
  </si>
  <si>
    <t>412-890-1</t>
  </si>
  <si>
    <t>42413-03-6</t>
  </si>
  <si>
    <t>016-078-00-4</t>
  </si>
  <si>
    <t>413-300-5</t>
  </si>
  <si>
    <t>56187-04-3</t>
  </si>
  <si>
    <t>016-079-00-X</t>
  </si>
  <si>
    <t>412-920-3</t>
  </si>
  <si>
    <t>16695-22-0</t>
  </si>
  <si>
    <t>016-080-00-5</t>
  </si>
  <si>
    <t>412-320-1</t>
  </si>
  <si>
    <t>31361-99-6</t>
  </si>
  <si>
    <t>016-081-00-0</t>
  </si>
  <si>
    <t>418-350-1</t>
  </si>
  <si>
    <t>016-082-00-6</t>
  </si>
  <si>
    <t>ethoxysulfuron (ISO);</t>
  </si>
  <si>
    <t>126801-58-9</t>
  </si>
  <si>
    <t>1-(4,6-dimethoxypyrimidin-2-yl)-3-(2-ethoxyphenoxysulfonyl)urea</t>
  </si>
  <si>
    <t>016-083-00-1</t>
  </si>
  <si>
    <t>420-050-0</t>
  </si>
  <si>
    <t>135158-54-2</t>
  </si>
  <si>
    <t>016-084-00-7</t>
  </si>
  <si>
    <t>prosulfuron (ISO);</t>
  </si>
  <si>
    <t>94125-34-5</t>
  </si>
  <si>
    <t>1-(4-methoxy-6-methyl-1,3,5-triazin-2-yl)-3-[2-(3,3,3-trifluoropropyl)phenylsulfonyl]urea</t>
  </si>
  <si>
    <t>016-085-00-2</t>
  </si>
  <si>
    <t>flazasulfuron (ISO);</t>
  </si>
  <si>
    <t>104040-78-0</t>
  </si>
  <si>
    <t>1-(4,6-dimethoxypyrimidin-2-yl)-3-(3-trifluoromethyl-2-pyridylsulfonyl)urea</t>
  </si>
  <si>
    <t>016-086-00-8</t>
  </si>
  <si>
    <t>tetrasodium 10-amino-6,13-dichloro-3-(3-(4-(2,5-disulfonatoanilino)-6-fluoro-1,3,5-triazin-2-ylamino)prop-3-ylamino)-5,12-dioxa-7,14-diazapentacene-4,11-disulfonate</t>
  </si>
  <si>
    <t>402-590-9</t>
  </si>
  <si>
    <t>109125-56-6</t>
  </si>
  <si>
    <t>016-087-00-3</t>
  </si>
  <si>
    <t>403-490-8</t>
  </si>
  <si>
    <t>104558-95-4</t>
  </si>
  <si>
    <t>diphenyl(4-phenylthiophenyl)sulfonium hexafluorophosphate;</t>
  </si>
  <si>
    <t>propylene carbonate</t>
  </si>
  <si>
    <t>016-088-00-9</t>
  </si>
  <si>
    <t>4-(bis(4-(diethylamino)phenyl)methyl)benzene-1,2-dimethanesulfonic acid</t>
  </si>
  <si>
    <t>407-280-7</t>
  </si>
  <si>
    <t>71297-11-5</t>
  </si>
  <si>
    <t>016-089-00-4</t>
  </si>
  <si>
    <t>reaction mass of esters of 5,5',6,6',7,7'-hexahydroxy-3,3,3',3'-tetramethyl-1,1'-spirobiindan and 2-diazo-1,2-dihydro-1-oxo-5-sulfonaphthalene</t>
  </si>
  <si>
    <t>413-840-1</t>
  </si>
  <si>
    <t>Self-react. C ****</t>
  </si>
  <si>
    <t>H242</t>
  </si>
  <si>
    <t>016-090-00-X</t>
  </si>
  <si>
    <t>415-040-8</t>
  </si>
  <si>
    <t>14653-91-9</t>
  </si>
  <si>
    <t>016-091-00-5</t>
  </si>
  <si>
    <t>414-110-5</t>
  </si>
  <si>
    <t>016-092-00-0</t>
  </si>
  <si>
    <t>reaction mass of: 4,7-bis(mercaptomethyl)-3,6,9-trithia-1,11-undecanedithiol;</t>
  </si>
  <si>
    <t>427-050-1</t>
  </si>
  <si>
    <t>4,8-bis(mercaptomethyl)-3,6,9-trithia-1,11-undecanedithiol;</t>
  </si>
  <si>
    <t>5,7-bis(mercaptomethyl)-3,6,9-trithia-1,11-undecanedithiol</t>
  </si>
  <si>
    <t>016-093-00-6</t>
  </si>
  <si>
    <t>reaction mass of: 4-(7-hydroxy-2,4,4-trimethyl-2-chromanyl)resorcinol-4-yl-tris(6-diazo-5,6-dihydro-5-oxonaphthalen-1-sulfonate);</t>
  </si>
  <si>
    <t>414-770-4</t>
  </si>
  <si>
    <t>140698-96-0</t>
  </si>
  <si>
    <t>4-(7-hydroxy-2,4,4-trimethyl-2-chromanyl)resorcinolbis(6-diazo-5,6-dihydro-5-oxonaphthalen-1-sulfonate) (2:1)</t>
  </si>
  <si>
    <t>016-094-00-1</t>
  </si>
  <si>
    <t>sulfur</t>
  </si>
  <si>
    <t>231-722-6</t>
  </si>
  <si>
    <t>7704-34-9</t>
  </si>
  <si>
    <t>016-095-00-7</t>
  </si>
  <si>
    <t>reaction mass of: reaction product of 4,4'-methylenebis[2-(4-hydroxybenzyl)-3,6-dimethylphenol] and 6-diazo-5,6-dihydro-5-oxo-naphthalenesulfonate (1:2);</t>
  </si>
  <si>
    <t>417-980-4</t>
  </si>
  <si>
    <t>016-096-00-2</t>
  </si>
  <si>
    <t>thifensulfuron-methyl (ISO);</t>
  </si>
  <si>
    <t>79277-27-3</t>
  </si>
  <si>
    <t>methyl 3-(4-methoxy-6-methyl-1,3,5-triazin-2-ylcarbamoylsulfamoyl)thiophene-2-carboxylate</t>
  </si>
  <si>
    <t>016-097-00-8</t>
  </si>
  <si>
    <t>1-amino-2-methyl-2-propanethiol hydrochloride</t>
  </si>
  <si>
    <t>434-480-1</t>
  </si>
  <si>
    <t>32047-53-3</t>
  </si>
  <si>
    <t>017-001-00-7</t>
  </si>
  <si>
    <t>chlorine</t>
  </si>
  <si>
    <t>231-959-5</t>
  </si>
  <si>
    <t>7782-50-5</t>
  </si>
  <si>
    <t>017-002-00-2</t>
  </si>
  <si>
    <t>hydrogen chloride</t>
  </si>
  <si>
    <t>231-595-7</t>
  </si>
  <si>
    <t>7647-01-0</t>
  </si>
  <si>
    <t>017-002-01-X</t>
  </si>
  <si>
    <t>017-003-00-8</t>
  </si>
  <si>
    <t>barium chlorate</t>
  </si>
  <si>
    <t>236-760-7</t>
  </si>
  <si>
    <t>017-004-00-3</t>
  </si>
  <si>
    <t>potassium chlorate</t>
  </si>
  <si>
    <t>223-289-7</t>
  </si>
  <si>
    <t>3811-04-9</t>
  </si>
  <si>
    <t>017-005-00-9</t>
  </si>
  <si>
    <t>sodium chlorate</t>
  </si>
  <si>
    <t>231-887-4</t>
  </si>
  <si>
    <t>7775-09-9</t>
  </si>
  <si>
    <t>017-006-00-4</t>
  </si>
  <si>
    <t>231-512-4</t>
  </si>
  <si>
    <t>7601-90-3</t>
  </si>
  <si>
    <t>017-007-00-X</t>
  </si>
  <si>
    <t>barium perchlorate</t>
  </si>
  <si>
    <t>236-710-4</t>
  </si>
  <si>
    <t>017-008-00-5</t>
  </si>
  <si>
    <t>potassium perchlorate</t>
  </si>
  <si>
    <t>231-912-9</t>
  </si>
  <si>
    <t>017-009-00-0</t>
  </si>
  <si>
    <t>ammonium perchlorate</t>
  </si>
  <si>
    <t>232-235-1</t>
  </si>
  <si>
    <t>Expl. 1.1</t>
  </si>
  <si>
    <t>017-010-00-6</t>
  </si>
  <si>
    <t>sodium perchlorate</t>
  </si>
  <si>
    <t>231-511-9</t>
  </si>
  <si>
    <t>017-011-00-1</t>
  </si>
  <si>
    <t>231-668-3</t>
  </si>
  <si>
    <t>7681-52-9</t>
  </si>
  <si>
    <t>017-012-00-7</t>
  </si>
  <si>
    <t>calcium hypochlorite</t>
  </si>
  <si>
    <t>231-908-7</t>
  </si>
  <si>
    <t>7778-54-3</t>
  </si>
  <si>
    <t>017-013-00-2</t>
  </si>
  <si>
    <t>calcium chloride</t>
  </si>
  <si>
    <t>233-140-8</t>
  </si>
  <si>
    <t>10043-52-4</t>
  </si>
  <si>
    <t>017-014-00-8</t>
  </si>
  <si>
    <t>ammonium chloride</t>
  </si>
  <si>
    <t>235-186-4</t>
  </si>
  <si>
    <t>12125-02-9</t>
  </si>
  <si>
    <t>017-015-00-3</t>
  </si>
  <si>
    <t>(2-(aminomethyl)phenyl)acetylchloride hydrochloride</t>
  </si>
  <si>
    <t>417-410-4</t>
  </si>
  <si>
    <t>61807-67-8</t>
  </si>
  <si>
    <t>017-016-00-9</t>
  </si>
  <si>
    <t>methyltriphenylphosphonium chloride</t>
  </si>
  <si>
    <t>418-400-2</t>
  </si>
  <si>
    <t>1031-15-8</t>
  </si>
  <si>
    <t>017-017-00-4</t>
  </si>
  <si>
    <t>426-210-6</t>
  </si>
  <si>
    <t>120086-58-0</t>
  </si>
  <si>
    <t>017-018-00-X</t>
  </si>
  <si>
    <t>405-660-7</t>
  </si>
  <si>
    <t>017-019-00-5</t>
  </si>
  <si>
    <t>415-110-8</t>
  </si>
  <si>
    <t>54417-53-7</t>
  </si>
  <si>
    <t>017-020-00-0</t>
  </si>
  <si>
    <t>ethyl propoxy aluminium chloride</t>
  </si>
  <si>
    <t>421-790-7</t>
  </si>
  <si>
    <t>13014-29-4</t>
  </si>
  <si>
    <t>017-021-00-6</t>
  </si>
  <si>
    <t>behenamidopropyl-dimethyl-(dihydroxypropyl) ammonium chloride</t>
  </si>
  <si>
    <t>423-420-1</t>
  </si>
  <si>
    <t>136920-10-0</t>
  </si>
  <si>
    <t>017-023-00-7</t>
  </si>
  <si>
    <t>425-520-9</t>
  </si>
  <si>
    <t>197179-61-6</t>
  </si>
  <si>
    <t>017-026-00-3</t>
  </si>
  <si>
    <t>chlorine dioxide</t>
  </si>
  <si>
    <t>233-162-8</t>
  </si>
  <si>
    <t>10049-04-4</t>
  </si>
  <si>
    <t>017-026-01-0</t>
  </si>
  <si>
    <t>chlorine dioxide … %</t>
  </si>
  <si>
    <t>019-001-00-2</t>
  </si>
  <si>
    <t>potassium</t>
  </si>
  <si>
    <t>231-119-8</t>
  </si>
  <si>
    <t>7440-09-7</t>
  </si>
  <si>
    <t>019-002-00-8</t>
  </si>
  <si>
    <t>potassium hydroxide;</t>
  </si>
  <si>
    <t>215-181-3</t>
  </si>
  <si>
    <t>1310-58-3</t>
  </si>
  <si>
    <t>caustic potash</t>
  </si>
  <si>
    <t>019-003-00-3</t>
  </si>
  <si>
    <t>potassium (E,E)-hexa-2,4-dienoate</t>
  </si>
  <si>
    <t>246-376-1</t>
  </si>
  <si>
    <t>GSH07</t>
  </si>
  <si>
    <t>020-001-00-X</t>
  </si>
  <si>
    <t>calcium</t>
  </si>
  <si>
    <t>231-179-5</t>
  </si>
  <si>
    <t>7440-70-2</t>
  </si>
  <si>
    <t>020-002-00-5</t>
  </si>
  <si>
    <t>calcium cyanide</t>
  </si>
  <si>
    <t>209-740-0</t>
  </si>
  <si>
    <t>592-01-8</t>
  </si>
  <si>
    <t>020-003-00-0</t>
  </si>
  <si>
    <t>reaction mass of: dicalcium (bis(2-hydroxy-5-tetra-propenylphenylmethyl)methylamine)dihydroxide;</t>
  </si>
  <si>
    <t>420-470-4</t>
  </si>
  <si>
    <t>tri-calcium (tris(2-hydroxy-5-tetra-propenylphenylmethyl)methylamine)tri-hydroxide;</t>
  </si>
  <si>
    <t>poly[calcium ((2-hydroxy-5-tetra-propenyl-phenylmethyl)methylamine)hydroxide]</t>
  </si>
  <si>
    <t>022-001-00-5</t>
  </si>
  <si>
    <t>titanium tetrachloride</t>
  </si>
  <si>
    <t>231-441-9</t>
  </si>
  <si>
    <t>7550-45-0</t>
  </si>
  <si>
    <t>022-002-00-0</t>
  </si>
  <si>
    <t>titanium(4+) oxalate</t>
  </si>
  <si>
    <t>403-260-7</t>
  </si>
  <si>
    <t>022-003-00-6</t>
  </si>
  <si>
    <t>412-000-1</t>
  </si>
  <si>
    <t>125051-32-3</t>
  </si>
  <si>
    <t>022-004-00-1</t>
  </si>
  <si>
    <t>432-240-0</t>
  </si>
  <si>
    <t>12056-51-8</t>
  </si>
  <si>
    <t>022-005-00-7</t>
  </si>
  <si>
    <t>419-840-8</t>
  </si>
  <si>
    <t>169104-71-6</t>
  </si>
  <si>
    <t>Flam. Sol. 1****</t>
  </si>
  <si>
    <t>023-001-00-8</t>
  </si>
  <si>
    <t>divanadium pentaoxide;</t>
  </si>
  <si>
    <t>215-239-8</t>
  </si>
  <si>
    <t>1314-62-1</t>
  </si>
  <si>
    <t>vanadium pentoxide</t>
  </si>
  <si>
    <t>H361d ***</t>
  </si>
  <si>
    <t>chromium (VI) trioxide</t>
  </si>
  <si>
    <t>Carc. 1A</t>
  </si>
  <si>
    <t>potassium dichromate</t>
  </si>
  <si>
    <t>ammonium dichromate</t>
  </si>
  <si>
    <t>Ox. Sol. 2 ****</t>
  </si>
  <si>
    <t>G3</t>
  </si>
  <si>
    <t>sodium dichromate</t>
  </si>
  <si>
    <t>chromyl dichloride;</t>
  </si>
  <si>
    <t>T3</t>
  </si>
  <si>
    <t>chromic oxychloride</t>
  </si>
  <si>
    <t>potassium chromate</t>
  </si>
  <si>
    <t>zinc chromates including zinc potassium chromate</t>
  </si>
  <si>
    <t>calcium chromate</t>
  </si>
  <si>
    <t>strontium chromate</t>
  </si>
  <si>
    <t>dichromium tris(chromate);</t>
  </si>
  <si>
    <t>chromium III chromate;</t>
  </si>
  <si>
    <t>chromic chromate</t>
  </si>
  <si>
    <t>024-011-00-5</t>
  </si>
  <si>
    <t>400-110-2</t>
  </si>
  <si>
    <t>109125-51-1</t>
  </si>
  <si>
    <t>024-012-00-0</t>
  </si>
  <si>
    <t>trisodium bis(7-acetamido-2-(4-nitro-2-oxidophenylazo)-3-sulphonato-1-naphtholato)chromate(1-)</t>
  </si>
  <si>
    <t>400-810-8</t>
  </si>
  <si>
    <t>024-013-00-6</t>
  </si>
  <si>
    <t>trisodium (6-anilino-2-(5-nitro-2-oxidophenylazo)-3-sulphonato-1-naphtholato)(4-sulphonato-1,1'-azodi-2,2'naphtholato)chromate(1-)</t>
  </si>
  <si>
    <t>402-500-8</t>
  </si>
  <si>
    <t>024-014-00-1</t>
  </si>
  <si>
    <t>trisodium bis(2-(5-chloro-4-nitro-2-oxidophenylazo)-5-sulphonato-1-naphtholato)chromate(1-)</t>
  </si>
  <si>
    <t>402-870-0</t>
  </si>
  <si>
    <t>93952-24-0</t>
  </si>
  <si>
    <t>024-015-00-7</t>
  </si>
  <si>
    <t>disodium (3-methyl-4-(5-nitro-2-oxidophenylazo)-1-phenylpyrazololato)(1-(3-nitro-2-oxido-5-sulfonatophenylazo)-2-naphtholato)chromate(1-)</t>
  </si>
  <si>
    <t>404-930-1</t>
  </si>
  <si>
    <t>024-016-00-2</t>
  </si>
  <si>
    <t>tetradecylammonium bis(1-(5-chloro-2-oxidophenylazo)-2-naphtholato)chromate(1-)</t>
  </si>
  <si>
    <t>405-110-6</t>
  </si>
  <si>
    <t>88377-66-6</t>
  </si>
  <si>
    <t>sodium chromate</t>
  </si>
  <si>
    <t>024-019-00-9</t>
  </si>
  <si>
    <t>419-230-1</t>
  </si>
  <si>
    <t>024-020-00-4</t>
  </si>
  <si>
    <t>trisodium bis[(3'-nitro-5'-sulfonato(6-amino-2-[4-(2-hydroxy-1-naphtylazo)phenylsulfonylamino]pyrimidin-5-azo)benzene-2',4-diolato)]chromate(III)</t>
  </si>
  <si>
    <t>418-220-4</t>
  </si>
  <si>
    <t>024-021-00-X</t>
  </si>
  <si>
    <t>425-830-4</t>
  </si>
  <si>
    <t>025-001-00-3</t>
  </si>
  <si>
    <t>manganese dioxide</t>
  </si>
  <si>
    <t>215-202-6</t>
  </si>
  <si>
    <t>1313-13-9</t>
  </si>
  <si>
    <t>025-002-00-9</t>
  </si>
  <si>
    <t>potassium permanganate</t>
  </si>
  <si>
    <t>231-760-3</t>
  </si>
  <si>
    <t>7722-64-7</t>
  </si>
  <si>
    <t>025-003-00-4</t>
  </si>
  <si>
    <t>manganese sulphate</t>
  </si>
  <si>
    <t>232-089-9</t>
  </si>
  <si>
    <t>7785-87-7</t>
  </si>
  <si>
    <t>025-004-00-X</t>
  </si>
  <si>
    <t>411-760-1</t>
  </si>
  <si>
    <t>116633-53-5</t>
  </si>
  <si>
    <t>025-005-00-5</t>
  </si>
  <si>
    <t>417-660-4</t>
  </si>
  <si>
    <t>026-001-00-6</t>
  </si>
  <si>
    <t>(η-cumene)-(η-cyclopentadienyl)iron(II) hexafluoroantimonate</t>
  </si>
  <si>
    <t>407-840-0</t>
  </si>
  <si>
    <t>100011-37-8</t>
  </si>
  <si>
    <t>026-002-00-1</t>
  </si>
  <si>
    <t>(η-cumene)-(η-cyclopentadienyl)iron(II) trifluoromethane-sulfonate</t>
  </si>
  <si>
    <t>407-880-9</t>
  </si>
  <si>
    <t>117549-13-0</t>
  </si>
  <si>
    <t>026-003-00-7</t>
  </si>
  <si>
    <t>iron (II) sulfate</t>
  </si>
  <si>
    <t>231-753-5</t>
  </si>
  <si>
    <t>7720-78-7</t>
  </si>
  <si>
    <t>026-003-01-4</t>
  </si>
  <si>
    <t>7782-63-0</t>
  </si>
  <si>
    <t>ferrous sulfate heptahydrate</t>
  </si>
  <si>
    <t>026-004-00-2</t>
  </si>
  <si>
    <t>potassium ferrite</t>
  </si>
  <si>
    <t>430-010-4</t>
  </si>
  <si>
    <t>12160-44-0</t>
  </si>
  <si>
    <t>027-001-00-9</t>
  </si>
  <si>
    <t>cobalt</t>
  </si>
  <si>
    <t>231-158-0</t>
  </si>
  <si>
    <t>027-002-00-4</t>
  </si>
  <si>
    <t>cobalt oxide</t>
  </si>
  <si>
    <t>215-154-6</t>
  </si>
  <si>
    <t>027-003-00-X</t>
  </si>
  <si>
    <t>cobalt sulfide</t>
  </si>
  <si>
    <t>215-273-3</t>
  </si>
  <si>
    <t>cobalt dichloride</t>
  </si>
  <si>
    <t>cobalt sulfate</t>
  </si>
  <si>
    <t>cobalt di(acetate)</t>
  </si>
  <si>
    <t>027-007-00-1</t>
  </si>
  <si>
    <t>zinc hexacyanocobaltate(III), tertiary butyl alcohol/polypropylene glycol complex</t>
  </si>
  <si>
    <t>425-240-7</t>
  </si>
  <si>
    <t>027-008-00-7</t>
  </si>
  <si>
    <t>427-390-9</t>
  </si>
  <si>
    <t>cobalt dinitrate</t>
  </si>
  <si>
    <t>cobalt carbonate</t>
  </si>
  <si>
    <t>tetracarbonylnickel;</t>
  </si>
  <si>
    <t>nickel tetracarbonyl</t>
  </si>
  <si>
    <t>028-002-00-7</t>
  </si>
  <si>
    <t>nickel</t>
  </si>
  <si>
    <t>231-111-4</t>
  </si>
  <si>
    <t>S7</t>
  </si>
  <si>
    <t>028-002-01-4</t>
  </si>
  <si>
    <t>nickel powder;</t>
  </si>
  <si>
    <t>nickel monoxide; [1]</t>
  </si>
  <si>
    <t>nickel oxide; [2]</t>
  </si>
  <si>
    <t>bunsenite [3]</t>
  </si>
  <si>
    <t>nickel dioxide</t>
  </si>
  <si>
    <t>dinickel trioxide</t>
  </si>
  <si>
    <t>nickel (II) sulfide; [1]</t>
  </si>
  <si>
    <t>nickel sulfide; [2]</t>
  </si>
  <si>
    <t>millerite [3]</t>
  </si>
  <si>
    <t>trinickel disulfide;</t>
  </si>
  <si>
    <t>nickel subsulfide; [1]</t>
  </si>
  <si>
    <t>heazlewoodite [2]</t>
  </si>
  <si>
    <t>nickel dihydroxide; [1]</t>
  </si>
  <si>
    <t>nickel hydroxide [2]</t>
  </si>
  <si>
    <t>H360D***</t>
  </si>
  <si>
    <t>nickel sulfate</t>
  </si>
  <si>
    <t>nickel carbonate;</t>
  </si>
  <si>
    <t>basic nickel carbonate;</t>
  </si>
  <si>
    <t>carbonic acid, nickel (2+) salt; [1]</t>
  </si>
  <si>
    <t>carbonic acid, nickel salt; [2]</t>
  </si>
  <si>
    <t>[carbonato(2-)] tetrahydroxytrinickel [4]</t>
  </si>
  <si>
    <t>nickel dichloride</t>
  </si>
  <si>
    <t>nickel dinitrate; [1]</t>
  </si>
  <si>
    <t>nitric acid, nickel salt [2]</t>
  </si>
  <si>
    <t>nickel matte</t>
  </si>
  <si>
    <t>slimes and sludges, copper electrolytic refining, decopperised, nickel sulfate</t>
  </si>
  <si>
    <t>M=1</t>
  </si>
  <si>
    <t>slimes and sludges, copper electrolyte refining, decopperised</t>
  </si>
  <si>
    <t>nickel diperchlorate;</t>
  </si>
  <si>
    <t>perchloric acid, nickel(II) salt</t>
  </si>
  <si>
    <t>nickel dipotassium bis(sulfate); [1]</t>
  </si>
  <si>
    <t>diammonium nickel bis(sulfate) [2]</t>
  </si>
  <si>
    <t>nickel bis(sulfamidate);</t>
  </si>
  <si>
    <t>nickel sulfamate</t>
  </si>
  <si>
    <t>nickel bis(tetrafluoroborate)</t>
  </si>
  <si>
    <t>nickel diformate; [1]</t>
  </si>
  <si>
    <t>formic acid, nickel salt; [2]</t>
  </si>
  <si>
    <t>formic acid, copper nickel salt [3]</t>
  </si>
  <si>
    <t>nickel di(acetate); [1]</t>
  </si>
  <si>
    <t>nickel acetate [2]</t>
  </si>
  <si>
    <t>nickel dibenzoate</t>
  </si>
  <si>
    <t>nickel bis(4-cyclohexylbutyrate)</t>
  </si>
  <si>
    <t>nickel(II) stearate;</t>
  </si>
  <si>
    <t>nickel(II) octadecanoate</t>
  </si>
  <si>
    <t>nickel dilactate</t>
  </si>
  <si>
    <t>nickel(II) octanoate</t>
  </si>
  <si>
    <t>nickel difluoride; [1]</t>
  </si>
  <si>
    <t>nickel dibromide; [2]</t>
  </si>
  <si>
    <t>nickel diiodide; [3]</t>
  </si>
  <si>
    <t>nickel potassium fluoride [4]</t>
  </si>
  <si>
    <t>nickel hexafluorosilicate</t>
  </si>
  <si>
    <t>nickel selenate</t>
  </si>
  <si>
    <t>nickel hydrogen phosphate; [1]</t>
  </si>
  <si>
    <t>nickel bis(dihydrogen phosphate); [2]</t>
  </si>
  <si>
    <t>trinickel bis(orthophosphate); [3]</t>
  </si>
  <si>
    <t>dinickel diphosphate; [4]</t>
  </si>
  <si>
    <t>nickel bis(phosphinate); [5]</t>
  </si>
  <si>
    <t>nickel phosphinate; [6]</t>
  </si>
  <si>
    <t>phosphoric acid, calcium nickel salt; [7]</t>
  </si>
  <si>
    <t>diammonium nickel hexacyanoferrate</t>
  </si>
  <si>
    <t>nickel dicyanide</t>
  </si>
  <si>
    <t>nickel chromate</t>
  </si>
  <si>
    <t>nickel(II) silicate; [1]</t>
  </si>
  <si>
    <t>dinickel orthosilicate; [2]</t>
  </si>
  <si>
    <t>nickel silicate (3:4); [3]</t>
  </si>
  <si>
    <t>silicic acid, nickel salt; [4]</t>
  </si>
  <si>
    <t>trihydrogen hydroxybis[orthosilicato(4-)]trinickelate(3-) [5]</t>
  </si>
  <si>
    <t>dinickel hexacyanoferrate</t>
  </si>
  <si>
    <t>trinickel bis(arsenate);</t>
  </si>
  <si>
    <t>nickel(II) arsenate</t>
  </si>
  <si>
    <t>nickel oxalate; [1]</t>
  </si>
  <si>
    <t>oxalic acid, nickel salt [2]</t>
  </si>
  <si>
    <t>nickel telluride</t>
  </si>
  <si>
    <t>trinickel tetrasulfide</t>
  </si>
  <si>
    <t>trinickel bis(arsenite)</t>
  </si>
  <si>
    <t>cobalt nickel gray periclase;</t>
  </si>
  <si>
    <t>cobalt nickel dioxide; [2]</t>
  </si>
  <si>
    <t>cobalt nickel oxide [3]</t>
  </si>
  <si>
    <t>nickel tin trioxide;</t>
  </si>
  <si>
    <t>nickel stannate</t>
  </si>
  <si>
    <t>nickel triuranium decaoxide</t>
  </si>
  <si>
    <t>nickel dithiocyanate</t>
  </si>
  <si>
    <t>nickel dichromate</t>
  </si>
  <si>
    <t>nickel(II) selenite</t>
  </si>
  <si>
    <t>nickel selenide</t>
  </si>
  <si>
    <t>silicic acid, lead nickel salt</t>
  </si>
  <si>
    <t>nickel diarsenide; [1]</t>
  </si>
  <si>
    <t>nickel arsenide [2]</t>
  </si>
  <si>
    <t>nickel barium titanium primrose priderite;</t>
  </si>
  <si>
    <t>nickel dichlorate; [1]</t>
  </si>
  <si>
    <t>nickel dibromate; [2]</t>
  </si>
  <si>
    <t>ethyl hydrogen sulfate, nickel(II) salt [3]</t>
  </si>
  <si>
    <t>nickel(II) trifluoroacetate; [1]</t>
  </si>
  <si>
    <t>nickel(II) propionate; [2]</t>
  </si>
  <si>
    <t>nickel bis(benzenesulfonate); [3]</t>
  </si>
  <si>
    <t>nickel(II) hydrogen citrate; [4]</t>
  </si>
  <si>
    <t>citric acid, ammonium nickel salt; [5]</t>
  </si>
  <si>
    <t>citric acid, nickel salt; [6]</t>
  </si>
  <si>
    <t>nickel bis(2-ethylhexanoate); [7]</t>
  </si>
  <si>
    <t>2-ethylhexanoic acid, nickel salt; [8]</t>
  </si>
  <si>
    <t>nickel(II) isooctanoate; [10]</t>
  </si>
  <si>
    <t>nickel isooctanoate; [11]</t>
  </si>
  <si>
    <t>nickel bis(isononanoate); [12]</t>
  </si>
  <si>
    <t>nickel(II) neononanoate; [13]</t>
  </si>
  <si>
    <t>nickel(II) isodecanoate; [14]</t>
  </si>
  <si>
    <t>nickel(II) neoundecanoate; [17]</t>
  </si>
  <si>
    <t>nickel(II) palmitate; [20]</t>
  </si>
  <si>
    <t>2,7-naphthalenedisulfonic acid, nickel(II) salt; [31]</t>
  </si>
  <si>
    <t>nickel(II) sulfite; [1]</t>
  </si>
  <si>
    <t>nickel tellurium trioxide; [2]</t>
  </si>
  <si>
    <t>nickel boride (NiB); [1]</t>
  </si>
  <si>
    <t>dinickel boride; [2]</t>
  </si>
  <si>
    <t>trinickel boride; [3]</t>
  </si>
  <si>
    <t>nickel boride; [4]</t>
  </si>
  <si>
    <t>dinickel silicide; [5]</t>
  </si>
  <si>
    <t>nickel disilicide; [6]</t>
  </si>
  <si>
    <t>dinickel phosphide; [7]</t>
  </si>
  <si>
    <t>nickel boron phosphide [8]</t>
  </si>
  <si>
    <t>dialuminium nickel tetraoxide; [1]</t>
  </si>
  <si>
    <t>nickel titanium trioxide; [2]</t>
  </si>
  <si>
    <t>nickel titanium oxide; [3]</t>
  </si>
  <si>
    <t>nickel divanadium hexaoxide; [4]</t>
  </si>
  <si>
    <t>cobalt dimolybdenum nickel octaoxide; [5]</t>
  </si>
  <si>
    <t>nickel zirkonium trioxide; [6]</t>
  </si>
  <si>
    <t>molybdenum nickel tetraoxide; [7]</t>
  </si>
  <si>
    <t>nickel tungsten tetraoxide; [8]</t>
  </si>
  <si>
    <t>olivine, nickel green; [9]</t>
  </si>
  <si>
    <t>lithium nickel dioxide; [10]</t>
  </si>
  <si>
    <t>molybdenum nickel oxide; [11]</t>
  </si>
  <si>
    <t>cobalt lithium nickel oxide</t>
  </si>
  <si>
    <t>029-001-00-4</t>
  </si>
  <si>
    <t>copper chloride;</t>
  </si>
  <si>
    <t>231-842-9</t>
  </si>
  <si>
    <t>7758-89-6</t>
  </si>
  <si>
    <t>copper (I) chloride;</t>
  </si>
  <si>
    <t>cuprous chloride</t>
  </si>
  <si>
    <t>029-002-00-X</t>
  </si>
  <si>
    <t>dicopper oxide;</t>
  </si>
  <si>
    <t>215-270-7</t>
  </si>
  <si>
    <t>copper (I) oxide</t>
  </si>
  <si>
    <t>029-003-00-5</t>
  </si>
  <si>
    <t>215-657-0</t>
  </si>
  <si>
    <t>copper naphthenate</t>
  </si>
  <si>
    <t>029-004-00-0</t>
  </si>
  <si>
    <t>copper sulphate</t>
  </si>
  <si>
    <t>231-847-6</t>
  </si>
  <si>
    <t>029-005-00-6</t>
  </si>
  <si>
    <t>401-260-1</t>
  </si>
  <si>
    <t>029-006-00-1</t>
  </si>
  <si>
    <t>tris(octadec-9-enylammonium) (trisulfonatophthalocyaninato)copper(II)</t>
  </si>
  <si>
    <t>403-210-4</t>
  </si>
  <si>
    <t>029-007-00-7</t>
  </si>
  <si>
    <t>(trisodium (2-((3-(6-(2-chloro-5-sulfonato)anilino)-4-(3-carboxypyridinio)-1,3,5-triazin-2-ylamino)-2-oxido-5-sulfonatophenylazo)phenylmethylazo)-4-sulfonatobenzoato)copper(3-)) hydroxide</t>
  </si>
  <si>
    <t>404-670-9</t>
  </si>
  <si>
    <t>89797-01-3</t>
  </si>
  <si>
    <t>G</t>
  </si>
  <si>
    <t>029-008-00-2</t>
  </si>
  <si>
    <t>copper(II) methanesulfonate</t>
  </si>
  <si>
    <t>405-400-2</t>
  </si>
  <si>
    <t>54253-62-2</t>
  </si>
  <si>
    <t>029-009-00-8</t>
  </si>
  <si>
    <t>413-650-9</t>
  </si>
  <si>
    <t>93971-95-0</t>
  </si>
  <si>
    <t>029-010-00-3</t>
  </si>
  <si>
    <t>407-700-9</t>
  </si>
  <si>
    <t>101408-30-4</t>
  </si>
  <si>
    <t>029-011-00-9</t>
  </si>
  <si>
    <t>412-730-0</t>
  </si>
  <si>
    <t>150522-10-4</t>
  </si>
  <si>
    <t>029-012-00-4</t>
  </si>
  <si>
    <t>407-340-2</t>
  </si>
  <si>
    <t>124719-24-0</t>
  </si>
  <si>
    <t>029-013-00-X</t>
  </si>
  <si>
    <t>trisodium(2-(α-(3-(4-chloro-6-(2-(2-(vinylsulfonyl)ethoxy)ethylamino)-1,3,5-triazin-2-ylamino)-2-oxido-5-sulfonatophenylazo)benzylidenehydrazino)-4-sulfonatobenzoato)copper(II)</t>
  </si>
  <si>
    <t>407-580-8</t>
  </si>
  <si>
    <t>130201-51-3</t>
  </si>
  <si>
    <t>029-014-00-5</t>
  </si>
  <si>
    <t>419-610-7</t>
  </si>
  <si>
    <t>171866-24-3</t>
  </si>
  <si>
    <t>029-015-00-0</t>
  </si>
  <si>
    <t>copper thiocyanate</t>
  </si>
  <si>
    <t>214-183-1</t>
  </si>
  <si>
    <t>1111-67-7</t>
  </si>
  <si>
    <t>029-016-00-6</t>
  </si>
  <si>
    <t>copper(II) oxide</t>
  </si>
  <si>
    <t>215-269-1</t>
  </si>
  <si>
    <t>029-017-00-1</t>
  </si>
  <si>
    <t>dicopper chloride trihydroxide</t>
  </si>
  <si>
    <t>215-572-9</t>
  </si>
  <si>
    <t>1332-65-6</t>
  </si>
  <si>
    <t>029-018-00-7</t>
  </si>
  <si>
    <t>tetracopper hexahydroxide sulphate; [1]</t>
  </si>
  <si>
    <t>215-582-3 [1]</t>
  </si>
  <si>
    <t>1333-22-8 [1]</t>
  </si>
  <si>
    <t>tetracopper hexahydroxide sulphate hydrate [2]</t>
  </si>
  <si>
    <t>215-582-3 [2]</t>
  </si>
  <si>
    <t>12527-76-3 [2]</t>
  </si>
  <si>
    <t>029-019-01-X</t>
  </si>
  <si>
    <t>copper flakes (coated with aliphatic acid)</t>
  </si>
  <si>
    <t>029-020-00-8</t>
  </si>
  <si>
    <t>copper(II) carbonate--copper(II) hydroxide (1:1)</t>
  </si>
  <si>
    <t>235-113-6</t>
  </si>
  <si>
    <t>029-021-00-3</t>
  </si>
  <si>
    <t>copper dihydroxide;</t>
  </si>
  <si>
    <t>243-815-9</t>
  </si>
  <si>
    <t>copper(II) hydroxide</t>
  </si>
  <si>
    <t>029-022-00-9</t>
  </si>
  <si>
    <t>bordeaux mixture;</t>
  </si>
  <si>
    <t>8011-63-0</t>
  </si>
  <si>
    <t>reaction products of copper sulphate with calcium dihydroxide</t>
  </si>
  <si>
    <t>029-023-00-4</t>
  </si>
  <si>
    <t>copper sulphate pentahydrate</t>
  </si>
  <si>
    <t>030-001-00-1</t>
  </si>
  <si>
    <t>231-175-3</t>
  </si>
  <si>
    <t>7440-66-6</t>
  </si>
  <si>
    <t>030-001-01-9</t>
  </si>
  <si>
    <t>030-003-00-2</t>
  </si>
  <si>
    <t>zinc chloride</t>
  </si>
  <si>
    <t>231-592-0</t>
  </si>
  <si>
    <t>7646-85-7</t>
  </si>
  <si>
    <t>030-004-00-8</t>
  </si>
  <si>
    <t>dimethylzinc; [1]</t>
  </si>
  <si>
    <t>208-884-1 [1]</t>
  </si>
  <si>
    <t>544-97-8 [1]</t>
  </si>
  <si>
    <t>diethylzinc [2]</t>
  </si>
  <si>
    <t>209-161-3 [2]</t>
  </si>
  <si>
    <t>557-20-0 [2]</t>
  </si>
  <si>
    <t>030-005-00-3</t>
  </si>
  <si>
    <t>diamminediisocyanatozinc</t>
  </si>
  <si>
    <t>401-610-3</t>
  </si>
  <si>
    <t>030-006-00-9</t>
  </si>
  <si>
    <t>231-793-3 [1]</t>
  </si>
  <si>
    <t>7446-19-7 [1]</t>
  </si>
  <si>
    <t>zinc sulphate (anhydrous) [2]</t>
  </si>
  <si>
    <t>231-793-3 [2]</t>
  </si>
  <si>
    <t>7733-02-0 [2]</t>
  </si>
  <si>
    <t>030-007-00-4</t>
  </si>
  <si>
    <t>403-360-0</t>
  </si>
  <si>
    <t>42405-40-3</t>
  </si>
  <si>
    <t>030-008-00-X</t>
  </si>
  <si>
    <t>hydroxo(2-(benzenesulfonamido)benzoato)zinc(II)</t>
  </si>
  <si>
    <t>403-750-0</t>
  </si>
  <si>
    <t>113036-91-2</t>
  </si>
  <si>
    <t>030-009-00-5</t>
  </si>
  <si>
    <t>417-130-2</t>
  </si>
  <si>
    <t>030-010-00-0</t>
  </si>
  <si>
    <t>430-740-3</t>
  </si>
  <si>
    <t>030-011-00-6</t>
  </si>
  <si>
    <t>trizinc bis(orthophosphate)</t>
  </si>
  <si>
    <t>231-944-3</t>
  </si>
  <si>
    <t>7779-90-0</t>
  </si>
  <si>
    <t>030-012-00-1</t>
  </si>
  <si>
    <t>aluminium-magnesium-zinc-carbonate-hydroxide</t>
  </si>
  <si>
    <t>423-570-6</t>
  </si>
  <si>
    <t>169314-88-9</t>
  </si>
  <si>
    <t>030-013-00-7</t>
  </si>
  <si>
    <t>zinc oxide</t>
  </si>
  <si>
    <t>215-222-5</t>
  </si>
  <si>
    <t>030-015-00-8</t>
  </si>
  <si>
    <t>tetrazinc(2+)bis(hexacyanocobalt(3+))diacetate</t>
  </si>
  <si>
    <t>440-060-9</t>
  </si>
  <si>
    <t>gallium arsenide</t>
  </si>
  <si>
    <t>H372 (respiratory and haematopoietic systems)</t>
  </si>
  <si>
    <t>033-001-00-X</t>
  </si>
  <si>
    <t>arsenic</t>
  </si>
  <si>
    <t>231-148-6</t>
  </si>
  <si>
    <t>033-002-00-5</t>
  </si>
  <si>
    <t>arsenic compounds, with the exception of those specified elsewhere in this Annex</t>
  </si>
  <si>
    <t>A1</t>
  </si>
  <si>
    <t>diarsenic trioxide;</t>
  </si>
  <si>
    <t>arsenic trioxide</t>
  </si>
  <si>
    <t>diarsenic pentaoxide;</t>
  </si>
  <si>
    <t>arsenic pentoxide;</t>
  </si>
  <si>
    <t>arsenic oxide</t>
  </si>
  <si>
    <t>033-006-00-7</t>
  </si>
  <si>
    <t>arsine</t>
  </si>
  <si>
    <t>232-066-3</t>
  </si>
  <si>
    <t>033-007-00-2</t>
  </si>
  <si>
    <t>423-320-6</t>
  </si>
  <si>
    <t>4262-43-5</t>
  </si>
  <si>
    <t>034-001-00-2</t>
  </si>
  <si>
    <t>selenium</t>
  </si>
  <si>
    <t>231-957-4</t>
  </si>
  <si>
    <t>034-002-00-8</t>
  </si>
  <si>
    <t>selenium compounds with the exception of cadmium sulphoselenide and those specified elsewhere in this Annex</t>
  </si>
  <si>
    <t>STOT RE 2</t>
  </si>
  <si>
    <t>034-003-00-3</t>
  </si>
  <si>
    <t>sodium selenite</t>
  </si>
  <si>
    <t>233-267-9</t>
  </si>
  <si>
    <t>035-001-00-5</t>
  </si>
  <si>
    <t>bromine</t>
  </si>
  <si>
    <t>231-778-1</t>
  </si>
  <si>
    <t>7726-95-6</t>
  </si>
  <si>
    <t>035-002-00-0</t>
  </si>
  <si>
    <t>hydrogen bromide</t>
  </si>
  <si>
    <t>233-113-0</t>
  </si>
  <si>
    <t>10035-10-6</t>
  </si>
  <si>
    <t>035-002-01-8</t>
  </si>
  <si>
    <t>potassium bromate</t>
  </si>
  <si>
    <t>035-004-00-1</t>
  </si>
  <si>
    <t>2-hydroxyethylammonium perbromide</t>
  </si>
  <si>
    <t>407-440-6</t>
  </si>
  <si>
    <t>040-001-00-3</t>
  </si>
  <si>
    <t>zirconium powder (pyrophoric)</t>
  </si>
  <si>
    <t>231-176-9</t>
  </si>
  <si>
    <t>7440-67-7</t>
  </si>
  <si>
    <t>040-002-00-9</t>
  </si>
  <si>
    <t>zirconium powder, dry (non pyrophoric)</t>
  </si>
  <si>
    <t>040-003-00-4</t>
  </si>
  <si>
    <t>430-610-6</t>
  </si>
  <si>
    <t>226996-19-6</t>
  </si>
  <si>
    <t>042-001-00-9</t>
  </si>
  <si>
    <t>molybdenum trioxide</t>
  </si>
  <si>
    <t>215-204-7</t>
  </si>
  <si>
    <t>042-002-00-4</t>
  </si>
  <si>
    <t>tetrakis(dimethylditetradecylammonium) hexa-μ-oxotetra-μ3-oxodi-μ5-oxotetradecaoxooctamolybdate(4-)</t>
  </si>
  <si>
    <t>404-760-8</t>
  </si>
  <si>
    <t>117342-25-3</t>
  </si>
  <si>
    <t>042-003-00-X</t>
  </si>
  <si>
    <t>tetrakis(trimethylhexadecylammonium) hexa-mu-oxotetra-mu3-oxodi-mu5-oxotetradecaoxooctamolybdate(4-)</t>
  </si>
  <si>
    <t>404-860-1</t>
  </si>
  <si>
    <t>116810-46-9</t>
  </si>
  <si>
    <t>042-004-00-5</t>
  </si>
  <si>
    <t>412-780-3</t>
  </si>
  <si>
    <t>042-005-00-0</t>
  </si>
  <si>
    <t>434-240-6</t>
  </si>
  <si>
    <t>046-001-00-X</t>
  </si>
  <si>
    <t>425-270-0</t>
  </si>
  <si>
    <t>134620-00-1</t>
  </si>
  <si>
    <t>047-001-00-2</t>
  </si>
  <si>
    <t>silver nitrate</t>
  </si>
  <si>
    <t>231-853-9</t>
  </si>
  <si>
    <t>047-002-00-8</t>
  </si>
  <si>
    <t>polyphosphoric acid, copper, sodium, magnesium, calcium, silver and zinc salt</t>
  </si>
  <si>
    <t>416-850-4</t>
  </si>
  <si>
    <t>047-003-00-3</t>
  </si>
  <si>
    <t>silver zinc zeolite (Zeolite, LTA framework type, surface-modified with silver and zinc ions)</t>
  </si>
  <si>
    <t>H361d</t>
  </si>
  <si>
    <t>048-001-00-5</t>
  </si>
  <si>
    <t>cadmium (non-pyrophoric); [1]</t>
  </si>
  <si>
    <t>231-152-8 [1]</t>
  </si>
  <si>
    <t>7440-43-9 [1]</t>
  </si>
  <si>
    <t>cadmium oxide (non-pyrophoric) [2]</t>
  </si>
  <si>
    <t>215-146-2 [2]</t>
  </si>
  <si>
    <t>1306-19-0 [2]</t>
  </si>
  <si>
    <t>048-003-00-6</t>
  </si>
  <si>
    <t>cadmium diformate;</t>
  </si>
  <si>
    <t>224-729-0</t>
  </si>
  <si>
    <t>cadmiumformate</t>
  </si>
  <si>
    <t>048-004-00-1</t>
  </si>
  <si>
    <t>cadmium cyanide</t>
  </si>
  <si>
    <t>208-829-1</t>
  </si>
  <si>
    <t>048-005-00-7</t>
  </si>
  <si>
    <t>cadmiumhexafluorosilicate(2-);</t>
  </si>
  <si>
    <t>241-084-0</t>
  </si>
  <si>
    <t>cadmium fluorosilica</t>
  </si>
  <si>
    <t>cadmium fluoride</t>
  </si>
  <si>
    <t>* oral</t>
  </si>
  <si>
    <t>048-007-00-8</t>
  </si>
  <si>
    <t>cadmium iodide</t>
  </si>
  <si>
    <t>232-223-6</t>
  </si>
  <si>
    <t>cadmium chloride</t>
  </si>
  <si>
    <t>cadmium sulphate</t>
  </si>
  <si>
    <t>cadmium sulphide</t>
  </si>
  <si>
    <t>cadmium (pyrophoric)</t>
  </si>
  <si>
    <t>cadmium carbonate</t>
  </si>
  <si>
    <t>H372 (kidney, bone)</t>
  </si>
  <si>
    <t>cadmium hydroxide; cadmium dihydroxide</t>
  </si>
  <si>
    <t>cadmium nitrate;</t>
  </si>
  <si>
    <t>Carc. 1B; H350:</t>
  </si>
  <si>
    <t>cadmium dinitrate</t>
  </si>
  <si>
    <t>050-001-00-5</t>
  </si>
  <si>
    <t>tin tetrachloride;</t>
  </si>
  <si>
    <t>231-588-9</t>
  </si>
  <si>
    <t>7646-78-8</t>
  </si>
  <si>
    <t>stannic chloride</t>
  </si>
  <si>
    <t>050-002-00-0</t>
  </si>
  <si>
    <t>236-049-1</t>
  </si>
  <si>
    <t>13121-70-5</t>
  </si>
  <si>
    <t>050-003-00-6</t>
  </si>
  <si>
    <t>fentin acetate (ISO);</t>
  </si>
  <si>
    <t>212-984-0</t>
  </si>
  <si>
    <t>triphenyltin acetate</t>
  </si>
  <si>
    <t>050-004-00-1</t>
  </si>
  <si>
    <t>fentin hydroxide (ISO);</t>
  </si>
  <si>
    <t>200-990-6</t>
  </si>
  <si>
    <t>triphenyltin hydroxide</t>
  </si>
  <si>
    <t>050-005-00-7</t>
  </si>
  <si>
    <t>trimethyltin compounds, with the exception of those specified elsewhere in this Annex</t>
  </si>
  <si>
    <t>050-006-00-2</t>
  </si>
  <si>
    <t>triethyltin compounds, with the exception of those specified elsewhere in this Annex</t>
  </si>
  <si>
    <t>050-007-00-8</t>
  </si>
  <si>
    <t>tripropyltin compounds, with the exception of those specified elsewhere in this Annex</t>
  </si>
  <si>
    <t>tributyltin compounds, with the exception of those specified elsewhere in this annex</t>
  </si>
  <si>
    <t>Acute Tox. 4*</t>
  </si>
  <si>
    <t>050-009-00-9</t>
  </si>
  <si>
    <t>243-546-7 [1]</t>
  </si>
  <si>
    <t>20153-49-5 [1]</t>
  </si>
  <si>
    <t>hexapentyldistannoxane [2]</t>
  </si>
  <si>
    <t>247-143-7 [2]</t>
  </si>
  <si>
    <t>25637-27-8 [2]</t>
  </si>
  <si>
    <t>050-010-00-4</t>
  </si>
  <si>
    <t>fluorotrihexylstannane</t>
  </si>
  <si>
    <t>243-547-2</t>
  </si>
  <si>
    <t>20153-50-8</t>
  </si>
  <si>
    <t>050-011-00-X</t>
  </si>
  <si>
    <t>triphenyltin compounds, with the exception of those specified elsewhere in this Annex</t>
  </si>
  <si>
    <t>050-012-00-5</t>
  </si>
  <si>
    <t>215-910-5 [1]</t>
  </si>
  <si>
    <t>1449-55-4 [1]</t>
  </si>
  <si>
    <t>221-437-5 [2]</t>
  </si>
  <si>
    <t>3091-32-5 [2]</t>
  </si>
  <si>
    <t>230-358-5 [3]</t>
  </si>
  <si>
    <t>7067-44-9 [3]</t>
  </si>
  <si>
    <t>050-013-00-0</t>
  </si>
  <si>
    <t>trioctyltin compounds, with the exception of those specified elsewhere in this Annex</t>
  </si>
  <si>
    <t>050-017-00-2</t>
  </si>
  <si>
    <t>fenbutatin oxide (ISO);</t>
  </si>
  <si>
    <t>236-407-7</t>
  </si>
  <si>
    <t>bis(tris(2-methyl-2-phenylpropyl)tin)oxide</t>
  </si>
  <si>
    <t>050-018-00-8</t>
  </si>
  <si>
    <t>tin(II) methanesulphonate</t>
  </si>
  <si>
    <t>401-640-7</t>
  </si>
  <si>
    <t>53408-94-9</t>
  </si>
  <si>
    <t>050-019-00-3</t>
  </si>
  <si>
    <t>azocyclotin (ISO);</t>
  </si>
  <si>
    <t>255-209-1</t>
  </si>
  <si>
    <t>050-020-00-9</t>
  </si>
  <si>
    <t>trioctylstannane</t>
  </si>
  <si>
    <t>413-320-4</t>
  </si>
  <si>
    <t>869-59-0</t>
  </si>
  <si>
    <t>050-021-00-4</t>
  </si>
  <si>
    <t>dichlorodioctyl stannane</t>
  </si>
  <si>
    <t>222-583-2</t>
  </si>
  <si>
    <t>dibutyltin dichloride;</t>
  </si>
  <si>
    <t>050-023-00-5</t>
  </si>
  <si>
    <t>reaction mass of: bis[(2-ethyl-1-oxohexyl)oxy]dioctyl stannane;</t>
  </si>
  <si>
    <t>422-920-5</t>
  </si>
  <si>
    <t>((2-ethyl-1-oxohexyl)oxy)-(1-phenyl-1,3-decanedionyl)dioctyl stannane</t>
  </si>
  <si>
    <t>050-024-00-0</t>
  </si>
  <si>
    <t>432-230-6</t>
  </si>
  <si>
    <t>050-025-00-6</t>
  </si>
  <si>
    <t>trichloromethylstannane</t>
  </si>
  <si>
    <t>213-608-8</t>
  </si>
  <si>
    <t>993-16-8</t>
  </si>
  <si>
    <t>050-026-00-1</t>
  </si>
  <si>
    <t>2-ethylhexyl 10-ethyl-4-[[2-[(2-ethylhexyl)oxy]-2-oxoethyl]thio]-4-methyl-7-oxo-8-oxa-3,5-dithia-4-stannatetradecanoate</t>
  </si>
  <si>
    <t>260-828-5</t>
  </si>
  <si>
    <t>57583-34-3</t>
  </si>
  <si>
    <t>H360D</t>
  </si>
  <si>
    <t>050-028-00-2</t>
  </si>
  <si>
    <t>2-ethylhexyl 10-ethyl-4,4-dimethyl-7-oxo-8-oxa-3,5-dithia-4-stannatetradecanoate</t>
  </si>
  <si>
    <t>260-829-0</t>
  </si>
  <si>
    <t>H372 (nervous system, immune system)</t>
  </si>
  <si>
    <t>Skin Sens. 1A</t>
  </si>
  <si>
    <t>050-029-00-8</t>
  </si>
  <si>
    <t>dimethyltin dichloride</t>
  </si>
  <si>
    <t>212-039-2</t>
  </si>
  <si>
    <t>dibutyltin dilaurate; dibutyl[bis(dodecanoyloxy)]stannane</t>
  </si>
  <si>
    <t>H372 (immune system)</t>
  </si>
  <si>
    <t>051-001-00-8</t>
  </si>
  <si>
    <t>antimony trichloride</t>
  </si>
  <si>
    <t>233-047-2</t>
  </si>
  <si>
    <t>10025-91-9</t>
  </si>
  <si>
    <t>051-002-00-3</t>
  </si>
  <si>
    <t>antimony pentachloride</t>
  </si>
  <si>
    <t>231-601-8</t>
  </si>
  <si>
    <t>7647-18-9</t>
  </si>
  <si>
    <t>051-003-00-9</t>
  </si>
  <si>
    <t>051-004-00-4</t>
  </si>
  <si>
    <t>antimony trifluoride</t>
  </si>
  <si>
    <t>232-009-2</t>
  </si>
  <si>
    <t>7783-56-4</t>
  </si>
  <si>
    <t>051-005-00-X</t>
  </si>
  <si>
    <t>antimony trioxide</t>
  </si>
  <si>
    <t>215-175-0</t>
  </si>
  <si>
    <t>051-006-00-5</t>
  </si>
  <si>
    <t>diphenyl(4-phenylthiophenyl)sulfonium hexafluoroantimonate</t>
  </si>
  <si>
    <t>403-500-0</t>
  </si>
  <si>
    <t>051-007-00-0</t>
  </si>
  <si>
    <t>bis(4-dodecylphenyl)iodonium hexafluoroantimonate</t>
  </si>
  <si>
    <t>404-420-9</t>
  </si>
  <si>
    <t>71786-70-4</t>
  </si>
  <si>
    <t>053-001-00-3</t>
  </si>
  <si>
    <t>iodine</t>
  </si>
  <si>
    <t>231-442-4</t>
  </si>
  <si>
    <t>053-002-00-9</t>
  </si>
  <si>
    <t>hydrogen iodide</t>
  </si>
  <si>
    <t>233-109-9</t>
  </si>
  <si>
    <t>10034-85-2</t>
  </si>
  <si>
    <t>053-002-01-6</t>
  </si>
  <si>
    <t>053-003-00-4</t>
  </si>
  <si>
    <t>iodoxybenzene</t>
  </si>
  <si>
    <t>696-33-3</t>
  </si>
  <si>
    <t>Expl. ****</t>
  </si>
  <si>
    <t>****</t>
  </si>
  <si>
    <t>053-004-00-X</t>
  </si>
  <si>
    <t>calcium iodoxybenzoate</t>
  </si>
  <si>
    <t>053-005-00-5</t>
  </si>
  <si>
    <t>422-960-3</t>
  </si>
  <si>
    <t>178233-72-2</t>
  </si>
  <si>
    <t>056-001-00-1</t>
  </si>
  <si>
    <t>barium peroxide</t>
  </si>
  <si>
    <t>215-128-4</t>
  </si>
  <si>
    <t>056-002-00-7</t>
  </si>
  <si>
    <t>barium salts, with the exception of barium sulphate, salts of 1-azo-2-hydroxynaphthalenyl aryl sulphonic acid, and of salts specified elsewhere in this Annex</t>
  </si>
  <si>
    <t>056-003-00-2</t>
  </si>
  <si>
    <t>barium carbonate</t>
  </si>
  <si>
    <t>208-167-3</t>
  </si>
  <si>
    <t>513-77-9</t>
  </si>
  <si>
    <t>056-004-00-8</t>
  </si>
  <si>
    <t>barium chloride</t>
  </si>
  <si>
    <t>233-788-1</t>
  </si>
  <si>
    <t>064-001-00-8</t>
  </si>
  <si>
    <t>gadolinium(III)sulfite trihydrate</t>
  </si>
  <si>
    <t>456-900-2</t>
  </si>
  <si>
    <t>51285-81-5</t>
  </si>
  <si>
    <t>072-001-00-4</t>
  </si>
  <si>
    <t>411-740-2</t>
  </si>
  <si>
    <t>22411-22-9</t>
  </si>
  <si>
    <t>074-001-00-X</t>
  </si>
  <si>
    <t>hexasodium tungstate hydrate</t>
  </si>
  <si>
    <t>412-770-9</t>
  </si>
  <si>
    <t>12141-67-2</t>
  </si>
  <si>
    <t>074-002-00-5</t>
  </si>
  <si>
    <t>408-250-6</t>
  </si>
  <si>
    <t>076-001-00-5</t>
  </si>
  <si>
    <t>osmium tetraoxide;</t>
  </si>
  <si>
    <t>244-058-7</t>
  </si>
  <si>
    <t>20816-12-0</t>
  </si>
  <si>
    <t>osmic acid</t>
  </si>
  <si>
    <t>078-001-00-0</t>
  </si>
  <si>
    <t>tetrachloroplatinates with the exception of those specified elsewhere in this Annex</t>
  </si>
  <si>
    <t>078-002-00-6</t>
  </si>
  <si>
    <t>diammonium tetrachloroplatinate</t>
  </si>
  <si>
    <t>237-499-1</t>
  </si>
  <si>
    <t>13820-41-2</t>
  </si>
  <si>
    <t>078-003-00-1</t>
  </si>
  <si>
    <t>disodium tetrachloroplatinate</t>
  </si>
  <si>
    <t>233-051-4</t>
  </si>
  <si>
    <t>10026-00-3</t>
  </si>
  <si>
    <t>078-004-00-7</t>
  </si>
  <si>
    <t>dipotassium tetrachloroplatinate</t>
  </si>
  <si>
    <t>233-050-9</t>
  </si>
  <si>
    <t>10025-99-7</t>
  </si>
  <si>
    <t>078-005-00-2</t>
  </si>
  <si>
    <t>hexachloroplatinates with the exception of those specified elsewhere in this Annex</t>
  </si>
  <si>
    <t>078-006-00-8</t>
  </si>
  <si>
    <t>disodium hexachloroplatinate</t>
  </si>
  <si>
    <t>240-983-5</t>
  </si>
  <si>
    <t>16923-58-3</t>
  </si>
  <si>
    <t>078-007-00-3</t>
  </si>
  <si>
    <t>dipotassium hexachloroplatinate</t>
  </si>
  <si>
    <t>240-979-3</t>
  </si>
  <si>
    <t>16921-30-5</t>
  </si>
  <si>
    <t>078-008-00-9</t>
  </si>
  <si>
    <t>diammonium hexachloroplatinate</t>
  </si>
  <si>
    <t>240-973-0</t>
  </si>
  <si>
    <t>16919-58-7</t>
  </si>
  <si>
    <t>078-009-00-4</t>
  </si>
  <si>
    <t>hexachloroplatinic acid</t>
  </si>
  <si>
    <t>241-010-7</t>
  </si>
  <si>
    <t>16941-12-1</t>
  </si>
  <si>
    <t>078-010-00-X</t>
  </si>
  <si>
    <t>426-730-3</t>
  </si>
  <si>
    <t>123439-82-7</t>
  </si>
  <si>
    <t>078-011-00-5</t>
  </si>
  <si>
    <t>423-310-1</t>
  </si>
  <si>
    <t>61420-92-6</t>
  </si>
  <si>
    <t>H373</t>
  </si>
  <si>
    <t>078-012-00-0</t>
  </si>
  <si>
    <t>platinum(IV) nitrate/nitric acid solution</t>
  </si>
  <si>
    <t>432-400-1</t>
  </si>
  <si>
    <t>mercury</t>
  </si>
  <si>
    <t>080-002-00-6</t>
  </si>
  <si>
    <t>080-003-00-1</t>
  </si>
  <si>
    <t>dimercury dichloride;</t>
  </si>
  <si>
    <t>233-307-5</t>
  </si>
  <si>
    <t>mercurous chloride;</t>
  </si>
  <si>
    <t>calomel</t>
  </si>
  <si>
    <t>080-004-00-7</t>
  </si>
  <si>
    <t>organic compounds of mercury with the exception of those specified elsewhere in this Annex</t>
  </si>
  <si>
    <t>080-005-00-2</t>
  </si>
  <si>
    <t>mercury difulminate;</t>
  </si>
  <si>
    <t>211-057-8</t>
  </si>
  <si>
    <t>mercuric fulminate;</t>
  </si>
  <si>
    <t>fulminate of mercury</t>
  </si>
  <si>
    <t>080-005-01-X</t>
  </si>
  <si>
    <t>080-006-00-8</t>
  </si>
  <si>
    <t>dimercury dicyanide oxide;</t>
  </si>
  <si>
    <t>215-629-8</t>
  </si>
  <si>
    <t>mercuric oxycyanide</t>
  </si>
  <si>
    <t>080-007-00-3</t>
  </si>
  <si>
    <t>dimethylmercury; [1]</t>
  </si>
  <si>
    <t>209-805-3 [1]</t>
  </si>
  <si>
    <t>593-74-8 [1]</t>
  </si>
  <si>
    <t>diethylmercury [2]</t>
  </si>
  <si>
    <t>211-000-7 [2]</t>
  </si>
  <si>
    <t>627-44-1 [2]</t>
  </si>
  <si>
    <t>080-008-00-9</t>
  </si>
  <si>
    <t>200-242-9 [1]</t>
  </si>
  <si>
    <t>55-68-5 [1]</t>
  </si>
  <si>
    <t>202-866-7 [2]</t>
  </si>
  <si>
    <t>100-57-2 [2]</t>
  </si>
  <si>
    <t>basic phenylmercury nitrate [3]</t>
  </si>
  <si>
    <t>-[3]</t>
  </si>
  <si>
    <t>8003-05-2 [3]</t>
  </si>
  <si>
    <t>080-009-00-4</t>
  </si>
  <si>
    <t>2-methoxyethylmercury chloride</t>
  </si>
  <si>
    <t>204-659-7</t>
  </si>
  <si>
    <t>080-010-00-X</t>
  </si>
  <si>
    <t>mercury dichloride;</t>
  </si>
  <si>
    <t>231-299-8</t>
  </si>
  <si>
    <t>mercuric chloride</t>
  </si>
  <si>
    <t>080-011-00-5</t>
  </si>
  <si>
    <t>phenylmercury acetate</t>
  </si>
  <si>
    <t>200-532-5</t>
  </si>
  <si>
    <t>081-001-00-3</t>
  </si>
  <si>
    <t>thallium</t>
  </si>
  <si>
    <t>231-138-1</t>
  </si>
  <si>
    <t>081-002-00-9</t>
  </si>
  <si>
    <t>thallium compounds, with the exception of those specified elsewhere in this Annex</t>
  </si>
  <si>
    <t>081-003-00-4</t>
  </si>
  <si>
    <t>dithallium sulphate;</t>
  </si>
  <si>
    <t>231-201-3</t>
  </si>
  <si>
    <t>7446-18-6</t>
  </si>
  <si>
    <t>thallic sulphate</t>
  </si>
  <si>
    <t>lead compounds with the exception of those specified elsewhere in this Annex</t>
  </si>
  <si>
    <t>lead alkyls</t>
  </si>
  <si>
    <t>lead diazide;</t>
  </si>
  <si>
    <t>lead azide</t>
  </si>
  <si>
    <t>082-003-01-4</t>
  </si>
  <si>
    <t>lead chromate</t>
  </si>
  <si>
    <t>lead di(acetate)</t>
  </si>
  <si>
    <t>trilead bis(orthophosphate)</t>
  </si>
  <si>
    <t>lead acetate, basic</t>
  </si>
  <si>
    <t>lead(II) methanesulphonate</t>
  </si>
  <si>
    <t>lead hydrogen arsenate</t>
  </si>
  <si>
    <t>082-012-00-6</t>
  </si>
  <si>
    <t>barium calcium cesium lead samarium strontium bromide chloride fluoride iodide europium doped</t>
  </si>
  <si>
    <t>431-780-4</t>
  </si>
  <si>
    <t>199876-46-5</t>
  </si>
  <si>
    <t>lead powder;</t>
  </si>
  <si>
    <t>Lact.</t>
  </si>
  <si>
    <t>H362</t>
  </si>
  <si>
    <t>lead massive:</t>
  </si>
  <si>
    <t>092-001-00-8</t>
  </si>
  <si>
    <t>uranium</t>
  </si>
  <si>
    <t>231-170-6</t>
  </si>
  <si>
    <t>092-002-00-3</t>
  </si>
  <si>
    <t>uranium compounds with the exception of those specified elsewhere in this Annex</t>
  </si>
  <si>
    <t>601-001-00-4</t>
  </si>
  <si>
    <t>methane</t>
  </si>
  <si>
    <t>200-812-7</t>
  </si>
  <si>
    <t>74-82-8</t>
  </si>
  <si>
    <t>601-002-00-X</t>
  </si>
  <si>
    <t>ethane</t>
  </si>
  <si>
    <t>200-814-8</t>
  </si>
  <si>
    <t>74-84-0</t>
  </si>
  <si>
    <t>601-003-00-5</t>
  </si>
  <si>
    <t>propane</t>
  </si>
  <si>
    <t>200-827-9</t>
  </si>
  <si>
    <t>74-98-6</t>
  </si>
  <si>
    <t>601-004-00-0</t>
  </si>
  <si>
    <t>C U</t>
  </si>
  <si>
    <t>C S U</t>
  </si>
  <si>
    <t>601-005-00-6</t>
  </si>
  <si>
    <t>2,2-dimethylpropane;</t>
  </si>
  <si>
    <t>207-343-7</t>
  </si>
  <si>
    <t>463-82-1</t>
  </si>
  <si>
    <t>neopentane</t>
  </si>
  <si>
    <t>601-006-00-1</t>
  </si>
  <si>
    <t>pentane</t>
  </si>
  <si>
    <t>203-692-4</t>
  </si>
  <si>
    <t>109-66-0</t>
  </si>
  <si>
    <t>EUH066</t>
  </si>
  <si>
    <t>Asp. Tox. 1</t>
  </si>
  <si>
    <t>H304</t>
  </si>
  <si>
    <t>601-007-00-7</t>
  </si>
  <si>
    <t>203-523-4 [1]</t>
  </si>
  <si>
    <t>107-83-5 [1]</t>
  </si>
  <si>
    <t>202-481-4 [2]</t>
  </si>
  <si>
    <t>96-14-0 [2]</t>
  </si>
  <si>
    <t>3-methylpentane; [2]</t>
  </si>
  <si>
    <t>200-906-8 [3]</t>
  </si>
  <si>
    <t>75-83-2 [3]</t>
  </si>
  <si>
    <t>2,2-dimethylbutane; [3]</t>
  </si>
  <si>
    <t>201-193-6 [4]</t>
  </si>
  <si>
    <t>79-29-8 [4]</t>
  </si>
  <si>
    <t>2,3-dimethylbutane [4]</t>
  </si>
  <si>
    <t>601-008-00-2</t>
  </si>
  <si>
    <t>205-563-8 [1]</t>
  </si>
  <si>
    <t>142-82-5 [1]</t>
  </si>
  <si>
    <t>203-548-0 [2]</t>
  </si>
  <si>
    <t>108-08-7 [2]</t>
  </si>
  <si>
    <t>2,4-dimethylpentane; [2]</t>
  </si>
  <si>
    <t>207-346-3 [3]</t>
  </si>
  <si>
    <t>464-06-2 [3]</t>
  </si>
  <si>
    <t>2,2,3-trimethylbutane; [3]</t>
  </si>
  <si>
    <t>209-230-8 [4]</t>
  </si>
  <si>
    <t>562-49-2 [4]</t>
  </si>
  <si>
    <t>3,3-dimethylpentane; [4]</t>
  </si>
  <si>
    <t>209-280-0 [5]</t>
  </si>
  <si>
    <t>565-59-3 [5]</t>
  </si>
  <si>
    <t>2,3-dimethylpentane; [5]</t>
  </si>
  <si>
    <t>209-643-3 [6]</t>
  </si>
  <si>
    <t>589-34-4 [6]</t>
  </si>
  <si>
    <t>3-methylhexane; [6]</t>
  </si>
  <si>
    <t>209-680-5 [7]</t>
  </si>
  <si>
    <t>590-35-2 [7]</t>
  </si>
  <si>
    <t>2,2-dimethylpentane; [7]</t>
  </si>
  <si>
    <t>209-730-6 [8]</t>
  </si>
  <si>
    <t>591-76-4 [8]</t>
  </si>
  <si>
    <t>2-methylhexane; [8]</t>
  </si>
  <si>
    <t>210-529-0 [9]</t>
  </si>
  <si>
    <t>617-78-7 [9]</t>
  </si>
  <si>
    <t>3-ethylpentane; [9]</t>
  </si>
  <si>
    <t>250-610-8 [10]</t>
  </si>
  <si>
    <t>31394-54-4 [10]</t>
  </si>
  <si>
    <t>isoheptane; [10]</t>
  </si>
  <si>
    <t>601-009-00-8</t>
  </si>
  <si>
    <t>203-892-1 [1]</t>
  </si>
  <si>
    <t>111-65-9 [1]</t>
  </si>
  <si>
    <t>208-759-1 [2]</t>
  </si>
  <si>
    <t>540-84-1 [2]</t>
  </si>
  <si>
    <t>2,2,4-trimethylpentane; [2]</t>
  </si>
  <si>
    <t>209-207-2 [3]</t>
  </si>
  <si>
    <t>560-21-4 [3]</t>
  </si>
  <si>
    <t>2,3,3-trimethylpentane; [3]</t>
  </si>
  <si>
    <t>209-243-9 [4]</t>
  </si>
  <si>
    <t>563-16-6 [4]</t>
  </si>
  <si>
    <t>3,3-dimethylhexane; [4]</t>
  </si>
  <si>
    <t>209-266-4 [5]</t>
  </si>
  <si>
    <t>564-02-3 [5]</t>
  </si>
  <si>
    <t>2,2,3-trimethylpentane; [5]</t>
  </si>
  <si>
    <t>209-292-6 [6]</t>
  </si>
  <si>
    <t>565-75-3 [6]</t>
  </si>
  <si>
    <t>2,3,4-trimethylpentane; [6]</t>
  </si>
  <si>
    <t>209-504-7 [7]</t>
  </si>
  <si>
    <t>583-48-2 [7]</t>
  </si>
  <si>
    <t>3,4-dimethylhexane; [7]</t>
  </si>
  <si>
    <t>209-547-1 [8]</t>
  </si>
  <si>
    <t>584-94-1 [8]</t>
  </si>
  <si>
    <t>2,3-dimethylhexane; [8]</t>
  </si>
  <si>
    <t>209-649-6 [9]</t>
  </si>
  <si>
    <t>589-43-5 [9]</t>
  </si>
  <si>
    <t>2,4-dimethylhexane; [9]</t>
  </si>
  <si>
    <t>209-650-1 [10]</t>
  </si>
  <si>
    <t>589-53-7 [10]</t>
  </si>
  <si>
    <t>4-methylheptane; [10]</t>
  </si>
  <si>
    <t>209-660-6 [11]</t>
  </si>
  <si>
    <t>589-81-1 [11]</t>
  </si>
  <si>
    <t>3-methylheptane; [11]</t>
  </si>
  <si>
    <t>209-689-4 [12]</t>
  </si>
  <si>
    <t>590-73-8 [12]</t>
  </si>
  <si>
    <t>2,2-dimethylhexane; [12]</t>
  </si>
  <si>
    <t>209-745-8 [13]</t>
  </si>
  <si>
    <t>592-13-2 [13]</t>
  </si>
  <si>
    <t>2,5-dimethylhexane; [13]</t>
  </si>
  <si>
    <t>209-747-9 [14]</t>
  </si>
  <si>
    <t>592-27-8 [14]</t>
  </si>
  <si>
    <t>2-methylheptane; [14]</t>
  </si>
  <si>
    <t>209-855-6 [15]</t>
  </si>
  <si>
    <t>594-82-1 [15]</t>
  </si>
  <si>
    <t>2,2,3,3-tetramethylbutane; [15]</t>
  </si>
  <si>
    <t>210-187-2 [16]</t>
  </si>
  <si>
    <t>609-26-7 [16]</t>
  </si>
  <si>
    <t>3-ethyl-2-methylpentane; [16]</t>
  </si>
  <si>
    <t>210-621-0 [17]</t>
  </si>
  <si>
    <t>619-99-8 [17]</t>
  </si>
  <si>
    <t>3-ethylhexane; [17]</t>
  </si>
  <si>
    <t>213-923-0 [18]</t>
  </si>
  <si>
    <t>1067-08-9 [18]</t>
  </si>
  <si>
    <t>3-ethyl-3-methylpentane; [18]</t>
  </si>
  <si>
    <t>247-861-0 [19]</t>
  </si>
  <si>
    <t>26635-64-3 [19]</t>
  </si>
  <si>
    <t>isooctane; [19]</t>
  </si>
  <si>
    <t>601-010-00-3</t>
  </si>
  <si>
    <t>ethylene</t>
  </si>
  <si>
    <t>200-815-3</t>
  </si>
  <si>
    <t>74-85-1</t>
  </si>
  <si>
    <t>601-011-00-9</t>
  </si>
  <si>
    <t>propene;</t>
  </si>
  <si>
    <t>204-062-1</t>
  </si>
  <si>
    <t>115-07-1</t>
  </si>
  <si>
    <t>propylene</t>
  </si>
  <si>
    <t>601-012-00-4</t>
  </si>
  <si>
    <t>but-1-ene; [1]</t>
  </si>
  <si>
    <t>203-449-2 [1]</t>
  </si>
  <si>
    <t>106-98-9 [1]</t>
  </si>
  <si>
    <t>butene, mixed-1-and-2-isomers; [2]</t>
  </si>
  <si>
    <t>203-452-9 [2]</t>
  </si>
  <si>
    <t>107-01-7 [2]</t>
  </si>
  <si>
    <t>2-methylpropene; [3]</t>
  </si>
  <si>
    <t>204-066-3 [3]</t>
  </si>
  <si>
    <t>115-11-7 [3]</t>
  </si>
  <si>
    <t>209-673-7 [4]</t>
  </si>
  <si>
    <t>590-18-1 [4]</t>
  </si>
  <si>
    <t>210-855-3 [5]</t>
  </si>
  <si>
    <t>624-64-6 [5]</t>
  </si>
  <si>
    <t>1,3-butadiene;</t>
  </si>
  <si>
    <t>D U</t>
  </si>
  <si>
    <t>buta-1,3-diene</t>
  </si>
  <si>
    <t>isoprene (stabilised)</t>
  </si>
  <si>
    <t>2-methyl-1,3-butadiene</t>
  </si>
  <si>
    <t>601-015-00-0</t>
  </si>
  <si>
    <t>acetylene;</t>
  </si>
  <si>
    <t>200-816-9</t>
  </si>
  <si>
    <t>74-86-2</t>
  </si>
  <si>
    <t>ethyne</t>
  </si>
  <si>
    <t>601-016-00-6</t>
  </si>
  <si>
    <t>cyclopropane</t>
  </si>
  <si>
    <t>200-847-8</t>
  </si>
  <si>
    <t>75-19-4</t>
  </si>
  <si>
    <t>601-017-00-1</t>
  </si>
  <si>
    <t>cyclohexane</t>
  </si>
  <si>
    <t>203-806-2</t>
  </si>
  <si>
    <t>110-82-7</t>
  </si>
  <si>
    <t>601-018-00-7</t>
  </si>
  <si>
    <t>methylcyclohexane</t>
  </si>
  <si>
    <t>203-624-3</t>
  </si>
  <si>
    <t>108-87-2</t>
  </si>
  <si>
    <t>601-019-00-2</t>
  </si>
  <si>
    <t>1,4-dimethylcyclohexane</t>
  </si>
  <si>
    <t>209-663-2</t>
  </si>
  <si>
    <t>589-90-2</t>
  </si>
  <si>
    <t>benzene</t>
  </si>
  <si>
    <t>E</t>
  </si>
  <si>
    <t>601-021-00-3</t>
  </si>
  <si>
    <t>toluene</t>
  </si>
  <si>
    <t>203-625-9</t>
  </si>
  <si>
    <t>601-022-00-9</t>
  </si>
  <si>
    <t>202-422-2 [1]</t>
  </si>
  <si>
    <t>95-47-6 [1]</t>
  </si>
  <si>
    <t>203-396-5 [2]</t>
  </si>
  <si>
    <t>106-42-3 [2]</t>
  </si>
  <si>
    <t>203-576-3 [3]</t>
  </si>
  <si>
    <t>108-38-3 [3]</t>
  </si>
  <si>
    <t>xylene [4]</t>
  </si>
  <si>
    <t>215-535-7 [4]</t>
  </si>
  <si>
    <t>1330-20-7 [4]</t>
  </si>
  <si>
    <t>601-023-00-4</t>
  </si>
  <si>
    <t>ethylbenzene</t>
  </si>
  <si>
    <t>202-849-4</t>
  </si>
  <si>
    <t>100-41-4</t>
  </si>
  <si>
    <t>601-024-00-X</t>
  </si>
  <si>
    <t>cumene; [1]</t>
  </si>
  <si>
    <t>202-704-5 [1]</t>
  </si>
  <si>
    <t>98-82-8 [1]</t>
  </si>
  <si>
    <t>propylbenzene [2]</t>
  </si>
  <si>
    <t>203-132-9 [2]</t>
  </si>
  <si>
    <t>103-65-1 [2]</t>
  </si>
  <si>
    <t>601-025-00-5</t>
  </si>
  <si>
    <t>mesitylene;</t>
  </si>
  <si>
    <t>203-604-4</t>
  </si>
  <si>
    <t>108-67-8</t>
  </si>
  <si>
    <t>1,3,5-trimethylbenzene</t>
  </si>
  <si>
    <t>601-026-00-0</t>
  </si>
  <si>
    <t>styrene</t>
  </si>
  <si>
    <t>202-851-5</t>
  </si>
  <si>
    <t>601-027-00-6</t>
  </si>
  <si>
    <t>2-phenylpropene;</t>
  </si>
  <si>
    <t>202-705-0</t>
  </si>
  <si>
    <t>98-83-9</t>
  </si>
  <si>
    <t>α-methylstyrene</t>
  </si>
  <si>
    <t>601-028-00-1</t>
  </si>
  <si>
    <t>2-methylstyrene;</t>
  </si>
  <si>
    <t>210-256-7</t>
  </si>
  <si>
    <t>611-15-4</t>
  </si>
  <si>
    <t>2-vinyltoluene</t>
  </si>
  <si>
    <t>601-029-00-7</t>
  </si>
  <si>
    <t>205-341-0 [1]</t>
  </si>
  <si>
    <t>138-86-3 [1]</t>
  </si>
  <si>
    <t>227-813-5 [2]</t>
  </si>
  <si>
    <t>5989-27-5 [2]</t>
  </si>
  <si>
    <t>227-815-6 [3]</t>
  </si>
  <si>
    <t>5989-54-8 [3]</t>
  </si>
  <si>
    <t>d-limonene; [2]</t>
  </si>
  <si>
    <t>229-977-3 [4]</t>
  </si>
  <si>
    <t>6876-12-6 [4]</t>
  </si>
  <si>
    <t>231-732-0 [5]</t>
  </si>
  <si>
    <t>7705-14-8 [5]</t>
  </si>
  <si>
    <t>(±)-1-methyl-4-(1-methylvinyl)cyclohexene [5]</t>
  </si>
  <si>
    <t>601-030-00-2</t>
  </si>
  <si>
    <t>cyclopentane</t>
  </si>
  <si>
    <t>206-016-6</t>
  </si>
  <si>
    <t>287-92-3</t>
  </si>
  <si>
    <t>601-031-00-8</t>
  </si>
  <si>
    <t>2,4,4-trimethylpent-1-ene</t>
  </si>
  <si>
    <t>203-486-4</t>
  </si>
  <si>
    <t>107-39-1</t>
  </si>
  <si>
    <t>601-037-00-0</t>
  </si>
  <si>
    <t>n-hexane</t>
  </si>
  <si>
    <t>203-777-6</t>
  </si>
  <si>
    <t>110-54-3</t>
  </si>
  <si>
    <t>601-042-00-8</t>
  </si>
  <si>
    <t>biphenyl;</t>
  </si>
  <si>
    <t>202-163-5</t>
  </si>
  <si>
    <t>92-52-4</t>
  </si>
  <si>
    <t>diphenyl</t>
  </si>
  <si>
    <t>601-043-00-3</t>
  </si>
  <si>
    <t>1,2,4-trimethylbenzene</t>
  </si>
  <si>
    <t>202-436-9</t>
  </si>
  <si>
    <t>95-63-6</t>
  </si>
  <si>
    <t>601-044-00-9</t>
  </si>
  <si>
    <t>3a,4,7,7a-tetrahydro-4,7-methanoindene</t>
  </si>
  <si>
    <t>201-052-9</t>
  </si>
  <si>
    <t>77-73-6</t>
  </si>
  <si>
    <t>601-045-00-4</t>
  </si>
  <si>
    <t>1,2,3,4-tetrahydronaphthalene</t>
  </si>
  <si>
    <t>204-340-2</t>
  </si>
  <si>
    <t>119-64-2</t>
  </si>
  <si>
    <t>EUH019</t>
  </si>
  <si>
    <t>601-046-00-X</t>
  </si>
  <si>
    <t>7-methylocta-1,6-diene</t>
  </si>
  <si>
    <t>404-210-7</t>
  </si>
  <si>
    <t>42152-47-6</t>
  </si>
  <si>
    <t>601-047-00-5</t>
  </si>
  <si>
    <t>404-150-1</t>
  </si>
  <si>
    <t>17092-80-7</t>
  </si>
  <si>
    <t>chrysene</t>
  </si>
  <si>
    <t>601-051-00-7</t>
  </si>
  <si>
    <t>4-phenylbut-1-ene</t>
  </si>
  <si>
    <t>405-980-7</t>
  </si>
  <si>
    <t>768-56-9</t>
  </si>
  <si>
    <t>601-052-00-2</t>
  </si>
  <si>
    <t>naphthalene</t>
  </si>
  <si>
    <t>202-049-5</t>
  </si>
  <si>
    <t>601-053-00-8</t>
  </si>
  <si>
    <t>nonylphenol; [1]</t>
  </si>
  <si>
    <t>246-672-0 [1]</t>
  </si>
  <si>
    <t>25154-52-3 [1]</t>
  </si>
  <si>
    <t>4-nonylphenol, branched [2]</t>
  </si>
  <si>
    <t>284-325-5 [2]</t>
  </si>
  <si>
    <t>84852-15-3 [2]</t>
  </si>
  <si>
    <t>601-054-00-3</t>
  </si>
  <si>
    <t>405-570-8</t>
  </si>
  <si>
    <t>601-055-00-9</t>
  </si>
  <si>
    <t>410-190-0</t>
  </si>
  <si>
    <t>132983-41-6</t>
  </si>
  <si>
    <t>601-056-00-4</t>
  </si>
  <si>
    <t>405-470-4</t>
  </si>
  <si>
    <t>73807-39-3</t>
  </si>
  <si>
    <t>601-057-00-X</t>
  </si>
  <si>
    <t>421-130-8</t>
  </si>
  <si>
    <t>156679-41-3</t>
  </si>
  <si>
    <t>601-058-00-5</t>
  </si>
  <si>
    <t>di-L-para-menthene</t>
  </si>
  <si>
    <t>417-870-6</t>
  </si>
  <si>
    <t>83648-84-4</t>
  </si>
  <si>
    <t>601-059-00-0</t>
  </si>
  <si>
    <t>methyl 2-benzylidene-3-oxobutyrate</t>
  </si>
  <si>
    <t>420-940-9</t>
  </si>
  <si>
    <t>15768-07-7</t>
  </si>
  <si>
    <t>601-060-00-6</t>
  </si>
  <si>
    <t>417-610-1</t>
  </si>
  <si>
    <t>155522-09-1</t>
  </si>
  <si>
    <t>601-061-00-1</t>
  </si>
  <si>
    <t>(ethyl-1,2-ethanediyl)[-2-[[[(2-hydroxyethyl)methylamino]acetyl]-propyl]ω-(nonylphenoxy)poly]oxy-(methyl-1,2-ethanediyl)</t>
  </si>
  <si>
    <t>418-960-8</t>
  </si>
  <si>
    <t>601-062-00-7</t>
  </si>
  <si>
    <t>reaction mass of: branched triacontane;</t>
  </si>
  <si>
    <t>417-030-9</t>
  </si>
  <si>
    <t>151006-59-6</t>
  </si>
  <si>
    <t>branched dotriacontane;</t>
  </si>
  <si>
    <t>branched tetratriacontane;</t>
  </si>
  <si>
    <t>branched hexatriacontane</t>
  </si>
  <si>
    <t>601-063-00-2</t>
  </si>
  <si>
    <t>reaction mass of isomers of branched tetracosane</t>
  </si>
  <si>
    <t>417-060-2</t>
  </si>
  <si>
    <t>151006-61-0</t>
  </si>
  <si>
    <t>601-064-00-8</t>
  </si>
  <si>
    <t>417-070-7</t>
  </si>
  <si>
    <t>151006-62-1</t>
  </si>
  <si>
    <t>601-065-00-3</t>
  </si>
  <si>
    <t>416-930-9</t>
  </si>
  <si>
    <t>(1'α, 3'β, 6'α)-2,2,3', 7', 7'-pentamethylspiro(1,3-dioxane-5,2'-norcarane)</t>
  </si>
  <si>
    <t>601-066-00-9</t>
  </si>
  <si>
    <t>426-820-2</t>
  </si>
  <si>
    <t>78531-60-9</t>
  </si>
  <si>
    <t>triethyl arsenate</t>
  </si>
  <si>
    <t>601-068-00-X</t>
  </si>
  <si>
    <t>1,2-diacetoxybut-3-ene</t>
  </si>
  <si>
    <t>421-720-5</t>
  </si>
  <si>
    <t>18085-02-4</t>
  </si>
  <si>
    <t>601-069-00-5</t>
  </si>
  <si>
    <t>2-ethyl-1-(2-(1,3-dioxanyl)ethyl)-pyridinium bromide</t>
  </si>
  <si>
    <t>422-680-1</t>
  </si>
  <si>
    <t>287933-44-2</t>
  </si>
  <si>
    <t>601-070-00-0</t>
  </si>
  <si>
    <t>417-050-8</t>
  </si>
  <si>
    <t>151006-58-5</t>
  </si>
  <si>
    <t>601-071-00-6</t>
  </si>
  <si>
    <t>1-dimethoxymethyl-2-nitro-benzene</t>
  </si>
  <si>
    <t>423-830-9</t>
  </si>
  <si>
    <t>20627-73-0</t>
  </si>
  <si>
    <t>601-072-00-1</t>
  </si>
  <si>
    <t>reaction mass of: 1-(4-isopropylphenyl)-1-phenylethane;</t>
  </si>
  <si>
    <t>430-690-2</t>
  </si>
  <si>
    <t>52783-21-8</t>
  </si>
  <si>
    <t>1-(3-isopropylphenyl)-1-phenylethane;</t>
  </si>
  <si>
    <t>1-(2-isopropylphenyl)-1-phenylethane</t>
  </si>
  <si>
    <t>601-073-00-7</t>
  </si>
  <si>
    <t>1-bromo-3,5-difluorobenzene</t>
  </si>
  <si>
    <t>416-710-2</t>
  </si>
  <si>
    <t>461-96-1</t>
  </si>
  <si>
    <t>601-074-00-2</t>
  </si>
  <si>
    <t>reaction mass of: 4-(2,2,3-trimethylcyclopent-3-en-1-yl)-1-methyl-2-oxabicyclo[2.2.2]octane;</t>
  </si>
  <si>
    <t>422-040-1</t>
  </si>
  <si>
    <t>601-075-00-8</t>
  </si>
  <si>
    <t>418-770-5</t>
  </si>
  <si>
    <t>151882-81-4</t>
  </si>
  <si>
    <t>601-076-00-3</t>
  </si>
  <si>
    <t>ethynyl cyclopropane</t>
  </si>
  <si>
    <t>425-430-1</t>
  </si>
  <si>
    <t>6746-94-7</t>
  </si>
  <si>
    <t>601-077-00-9</t>
  </si>
  <si>
    <t>reaction mass of: 1-heptyl-4-ethyl-2,6,7-trioxabicyclo[2.2.2]octane;</t>
  </si>
  <si>
    <t>426-510-7</t>
  </si>
  <si>
    <t>196965-91-0</t>
  </si>
  <si>
    <t>1-nonyl-4-ethyl-2,6,7-trioxabicyclo[2.2.2]octane</t>
  </si>
  <si>
    <t>601-078-00-4</t>
  </si>
  <si>
    <t>reaction mass of: 1,7-dimethyl-2-[(3-methylbicyclo[2.2.1]hept-2-yl)methyl]bicyclo[2.2.1]heptane;</t>
  </si>
  <si>
    <t>427-040-5</t>
  </si>
  <si>
    <t>2,3-dimethyl-2-[(3-methylbicyclo[2.2.1]hept-2-yl)methyl]bicyclo[2.2.1]heptane</t>
  </si>
  <si>
    <t>601-079-00-X</t>
  </si>
  <si>
    <t>429-620-3</t>
  </si>
  <si>
    <t>601-080-00-5</t>
  </si>
  <si>
    <t>431-100-6</t>
  </si>
  <si>
    <t>601-081-00-0</t>
  </si>
  <si>
    <t>cyclohexadeca-1,9-diene</t>
  </si>
  <si>
    <t>431-730-1</t>
  </si>
  <si>
    <t>4277-06-9</t>
  </si>
  <si>
    <t>601-082-00-6</t>
  </si>
  <si>
    <t>reaction mass of: endo-2-methyl-exo-3-methyl-exo-2-[(exo-3-methylbicyclo[2.2.1]hept-exo-2-yl)methyl]bicyclo[2.2.1]heptane;</t>
  </si>
  <si>
    <t>434-420-4</t>
  </si>
  <si>
    <t>exo-2-methyl-exo-3-methyl-endo-2-[(endo-3-methylbicyclo[2.2.1]hept-exo-2-yl)methyl]bicyclo[2.2.1]heptane</t>
  </si>
  <si>
    <t>601-083-00-1</t>
  </si>
  <si>
    <t>5-endo-hexyl-bicyclo[2.2.1]hept-2-ene</t>
  </si>
  <si>
    <t>435-000-3</t>
  </si>
  <si>
    <t>22094-83-3</t>
  </si>
  <si>
    <t>601-084-00-7</t>
  </si>
  <si>
    <t>435-180-3</t>
  </si>
  <si>
    <t>5-exo-butyl-bicyclo[2.2.1]hept-2-ene (80:20)</t>
  </si>
  <si>
    <t>601-085-00-2</t>
  </si>
  <si>
    <t>isopentane;</t>
  </si>
  <si>
    <t>201-142-8</t>
  </si>
  <si>
    <t>78-78-4</t>
  </si>
  <si>
    <t>2-methylbutane</t>
  </si>
  <si>
    <t>601-087-00-3</t>
  </si>
  <si>
    <t>2,4,4-trimethylpentene</t>
  </si>
  <si>
    <t>246-690-9</t>
  </si>
  <si>
    <t>25167-70-8</t>
  </si>
  <si>
    <t>601-088-00-9</t>
  </si>
  <si>
    <t>4-vinylcyclohexene</t>
  </si>
  <si>
    <t>202-848-9</t>
  </si>
  <si>
    <t>100-40-3</t>
  </si>
  <si>
    <t>601-089-00-4</t>
  </si>
  <si>
    <t>muscalure; cis-tricos-9-ene</t>
  </si>
  <si>
    <t>248-505-7</t>
  </si>
  <si>
    <t>27519-02-4</t>
  </si>
  <si>
    <t>Skin Sens. 1B</t>
  </si>
  <si>
    <t>602-001-00-7</t>
  </si>
  <si>
    <t>chloromethane;</t>
  </si>
  <si>
    <t>200-817-4</t>
  </si>
  <si>
    <t>methyl chloride</t>
  </si>
  <si>
    <t>602-002-00-2</t>
  </si>
  <si>
    <t>bromomethane;</t>
  </si>
  <si>
    <t>200-813-2</t>
  </si>
  <si>
    <t>methylbromide</t>
  </si>
  <si>
    <t>H420</t>
  </si>
  <si>
    <t>Ozone 1</t>
  </si>
  <si>
    <t>602-003-00-8</t>
  </si>
  <si>
    <t>dibromomethane</t>
  </si>
  <si>
    <t>200-824-2</t>
  </si>
  <si>
    <t>74-95-3</t>
  </si>
  <si>
    <t>602-004-00-3</t>
  </si>
  <si>
    <t>dichloromethane;</t>
  </si>
  <si>
    <t>200-838-9</t>
  </si>
  <si>
    <t>methylene chloride</t>
  </si>
  <si>
    <t>602-005-00-9</t>
  </si>
  <si>
    <t>methyl iodide;</t>
  </si>
  <si>
    <t>200-819-5</t>
  </si>
  <si>
    <t>74-88-4</t>
  </si>
  <si>
    <t>iodomethane</t>
  </si>
  <si>
    <t>602-006-00-4</t>
  </si>
  <si>
    <t>chloroform;</t>
  </si>
  <si>
    <t>200-663-8</t>
  </si>
  <si>
    <t>67-66-3</t>
  </si>
  <si>
    <t>trichloromethane</t>
  </si>
  <si>
    <t>602-007-00-X</t>
  </si>
  <si>
    <t>bromoform;</t>
  </si>
  <si>
    <t>200-854-6</t>
  </si>
  <si>
    <t>75-25-2</t>
  </si>
  <si>
    <t>tribromomethane</t>
  </si>
  <si>
    <t>602-008-00-5</t>
  </si>
  <si>
    <t>carbon tetrachloride;</t>
  </si>
  <si>
    <t>200-262-8</t>
  </si>
  <si>
    <t>tetrachloromethane</t>
  </si>
  <si>
    <t>H372: C ≥ 1 %</t>
  </si>
  <si>
    <t>Aquatic</t>
  </si>
  <si>
    <t>Chronic 3</t>
  </si>
  <si>
    <t>602-009-00-0</t>
  </si>
  <si>
    <t>chloroethane</t>
  </si>
  <si>
    <t>200-830-5</t>
  </si>
  <si>
    <t>75-00-3</t>
  </si>
  <si>
    <t>1,2-dibromoethane</t>
  </si>
  <si>
    <t>602-011-00-1</t>
  </si>
  <si>
    <t>1,1-dichloroethane</t>
  </si>
  <si>
    <t>200-863-5</t>
  </si>
  <si>
    <t>75-34-3</t>
  </si>
  <si>
    <t>1,2-dichloroethane;</t>
  </si>
  <si>
    <t>ethylene dichloride</t>
  </si>
  <si>
    <t>602-013-00-2</t>
  </si>
  <si>
    <t>1,1,1-trichloroethane;</t>
  </si>
  <si>
    <t>200-756-3</t>
  </si>
  <si>
    <t>F</t>
  </si>
  <si>
    <t>methyl chloroform</t>
  </si>
  <si>
    <t>602-014-00-8</t>
  </si>
  <si>
    <t>1,1,2-trichloroethane</t>
  </si>
  <si>
    <t>201-166-9</t>
  </si>
  <si>
    <t>602-015-00-3</t>
  </si>
  <si>
    <t>1,1,2,2-tetrachloroethane</t>
  </si>
  <si>
    <t>201-197-8</t>
  </si>
  <si>
    <t>79-34-5</t>
  </si>
  <si>
    <t>602-016-00-9</t>
  </si>
  <si>
    <t>1,1,2,2-tetrabromoethane</t>
  </si>
  <si>
    <t>201-191-5</t>
  </si>
  <si>
    <t>79-27-6</t>
  </si>
  <si>
    <t>602-017-00-4</t>
  </si>
  <si>
    <t>pentachloroethane</t>
  </si>
  <si>
    <t>200-925-1</t>
  </si>
  <si>
    <t>76-01-7</t>
  </si>
  <si>
    <t>602-018-00-X</t>
  </si>
  <si>
    <t>1-chloropropane; [1]</t>
  </si>
  <si>
    <t>208-749-7 [1]</t>
  </si>
  <si>
    <t>540-54-5 [1]</t>
  </si>
  <si>
    <t>2-chloropropane [2]</t>
  </si>
  <si>
    <t>200-858-8 [2]</t>
  </si>
  <si>
    <t>75-29-6 [2]</t>
  </si>
  <si>
    <t>1-bromopropane;</t>
  </si>
  <si>
    <t>n-propyl bromide</t>
  </si>
  <si>
    <t>1,2-dichloropropane;</t>
  </si>
  <si>
    <t>propylene dichloride</t>
  </si>
  <si>
    <t>1,2-dibromo-3-chloropropane</t>
  </si>
  <si>
    <t>602-022-00-1</t>
  </si>
  <si>
    <t>1-chloropentane; [1]</t>
  </si>
  <si>
    <t>208-846-4 [1]</t>
  </si>
  <si>
    <t>543-59-9 [1]</t>
  </si>
  <si>
    <t>2-chloropentane; [2]</t>
  </si>
  <si>
    <t>210-885-7 [2]</t>
  </si>
  <si>
    <t>625-29-6 [2]</t>
  </si>
  <si>
    <t>3-chloropentane [3]</t>
  </si>
  <si>
    <t>210-467-4 [3]</t>
  </si>
  <si>
    <t>616-20-6 [3]</t>
  </si>
  <si>
    <t>vinyl chloride;</t>
  </si>
  <si>
    <t>chloroethylene</t>
  </si>
  <si>
    <t>bromoethylene</t>
  </si>
  <si>
    <t>602-025-00-8</t>
  </si>
  <si>
    <t>1,1-dichloroethylene;</t>
  </si>
  <si>
    <t>200-864-0</t>
  </si>
  <si>
    <t>75-35-4</t>
  </si>
  <si>
    <t>vinylidene chloride</t>
  </si>
  <si>
    <t>602-026-00-3</t>
  </si>
  <si>
    <t>1,2-dichloroethylene; [1]</t>
  </si>
  <si>
    <t>208-750-2 [1]</t>
  </si>
  <si>
    <t>540-59-0 [1]</t>
  </si>
  <si>
    <t>205-859-7 [2]</t>
  </si>
  <si>
    <t>156-59-2 [2]</t>
  </si>
  <si>
    <t>205-860-2 [3]</t>
  </si>
  <si>
    <t>156-60-5 [3]</t>
  </si>
  <si>
    <t>trichloroethylene;</t>
  </si>
  <si>
    <t>trichloroethene</t>
  </si>
  <si>
    <t>602-028-00-4</t>
  </si>
  <si>
    <t>tetrachloroethylene</t>
  </si>
  <si>
    <t>204-825-9</t>
  </si>
  <si>
    <t>127-18-4</t>
  </si>
  <si>
    <t>602-029-00-X</t>
  </si>
  <si>
    <t>3-chloropropene;</t>
  </si>
  <si>
    <t>203-457-6</t>
  </si>
  <si>
    <t>107-05-1</t>
  </si>
  <si>
    <t>allyl chloride</t>
  </si>
  <si>
    <t>602-030-00-5</t>
  </si>
  <si>
    <t>1,3-dichloropropene; [1]</t>
  </si>
  <si>
    <t>208-826-5 [1]</t>
  </si>
  <si>
    <t>542-75-6 [1]</t>
  </si>
  <si>
    <t>C D</t>
  </si>
  <si>
    <t>233-195-8 [2]</t>
  </si>
  <si>
    <t>10061-01-5 [2]</t>
  </si>
  <si>
    <t>602-031-00-0</t>
  </si>
  <si>
    <t>1,1-dichloropropene</t>
  </si>
  <si>
    <t>209-253-3</t>
  </si>
  <si>
    <t>563-58-6</t>
  </si>
  <si>
    <t>602-032-00-6</t>
  </si>
  <si>
    <t>3-chloro-2-methylpropene</t>
  </si>
  <si>
    <t>209-251-2</t>
  </si>
  <si>
    <t>563-47-3</t>
  </si>
  <si>
    <t>602-033-00-1</t>
  </si>
  <si>
    <t>chlorobenzene</t>
  </si>
  <si>
    <t>203-628-5</t>
  </si>
  <si>
    <t>108-90-7</t>
  </si>
  <si>
    <t>602-034-00-7</t>
  </si>
  <si>
    <t>1,2-dichlorobenzene;</t>
  </si>
  <si>
    <t>202-425-9</t>
  </si>
  <si>
    <t>95-50-1</t>
  </si>
  <si>
    <t>602-035-00-2</t>
  </si>
  <si>
    <t>1,4-dichlorobenzene;</t>
  </si>
  <si>
    <t>203-400-5</t>
  </si>
  <si>
    <t>106-46-7</t>
  </si>
  <si>
    <t>chloroprene (stabilised);</t>
  </si>
  <si>
    <t>2-chlorobuta-1,3-diene (stabilised)</t>
  </si>
  <si>
    <t>α-chlorotoluene;</t>
  </si>
  <si>
    <t>benzyl chloride</t>
  </si>
  <si>
    <t>benzotrichloride</t>
  </si>
  <si>
    <t>602-039-00-4</t>
  </si>
  <si>
    <t>polychlorobiphenyls;</t>
  </si>
  <si>
    <t>215-648-1</t>
  </si>
  <si>
    <t>PCB</t>
  </si>
  <si>
    <t>602-040-00-X</t>
  </si>
  <si>
    <t>2-chlorotoluene; [1]</t>
  </si>
  <si>
    <t>202-424-3 [1]</t>
  </si>
  <si>
    <t>95-49-8 [1]</t>
  </si>
  <si>
    <t>3-chlorotoluene; [2]</t>
  </si>
  <si>
    <t>203-580-5 [2]</t>
  </si>
  <si>
    <t>108-41-8 [2]</t>
  </si>
  <si>
    <t>4-chlorotoluene; [3]</t>
  </si>
  <si>
    <t>203-397-0 [3]</t>
  </si>
  <si>
    <t>106-43-4 [3]</t>
  </si>
  <si>
    <t>chlorotoluene [4]</t>
  </si>
  <si>
    <t>246-698-2 [4]</t>
  </si>
  <si>
    <t>25168-05-2 [4]</t>
  </si>
  <si>
    <t>602-041-00-5</t>
  </si>
  <si>
    <t>penthachloronaphthalene</t>
  </si>
  <si>
    <t>215-320-8</t>
  </si>
  <si>
    <t>602-042-00-0</t>
  </si>
  <si>
    <t>1,2,3,4,5,6-hexachlorcyclohexanes with the exception of those specified elsewhere in this Annex</t>
  </si>
  <si>
    <t>A C</t>
  </si>
  <si>
    <t>602-043-00-6</t>
  </si>
  <si>
    <t>lindane (ISO);</t>
  </si>
  <si>
    <t>γ-HCH or γ-BHC;</t>
  </si>
  <si>
    <t>γ-1,2,3,4,5,6-hexachlorocyclohexane</t>
  </si>
  <si>
    <t>602-044-00-1</t>
  </si>
  <si>
    <t>camphechlor (ISO);</t>
  </si>
  <si>
    <t>toxaphene;</t>
  </si>
  <si>
    <t>602-045-00-7</t>
  </si>
  <si>
    <t>DDT (ISO);</t>
  </si>
  <si>
    <t>clofenotane (INN);</t>
  </si>
  <si>
    <t>602-046-00-2</t>
  </si>
  <si>
    <t>heptachlor (ISO);</t>
  </si>
  <si>
    <t>1,4,5,6,7,8,8-heptachloro-3a,4,7,7a-tetrahydro-4,7-methanoindene</t>
  </si>
  <si>
    <t>602-047-00-8</t>
  </si>
  <si>
    <t>chlordane (ISO);</t>
  </si>
  <si>
    <t>1,2,4,5,6,7,8,8-octachloro-3a,4,7,7a-tetrahydro-4,7-methanoindan</t>
  </si>
  <si>
    <t>602-048-00-3</t>
  </si>
  <si>
    <t>aldrin (ISO)</t>
  </si>
  <si>
    <t>602-049-00-9</t>
  </si>
  <si>
    <t>dieldrin (ISO)</t>
  </si>
  <si>
    <t>602-050-00-4</t>
  </si>
  <si>
    <t>isodrin;</t>
  </si>
  <si>
    <t>207-366-2</t>
  </si>
  <si>
    <t>465-73-6</t>
  </si>
  <si>
    <t>(1α,4α,4aβ, 5β,8β,8aβ)-1,2,3,4,10,10-hexachloro-1,4,4a,5,8,8a-hexahydro-1,4:5,8-dimethanonaphthalene</t>
  </si>
  <si>
    <t>602-051-00-X</t>
  </si>
  <si>
    <t>endrin (ISO);</t>
  </si>
  <si>
    <t>1,2,3,4,10,10-hexachloro-6,7-epoxy-1,4,4a,5,6,7,8,8a-octahydro-1,4:5,8-dimethanonaphthalene</t>
  </si>
  <si>
    <t>602-052-00-5</t>
  </si>
  <si>
    <t>endosulfan (ISO);</t>
  </si>
  <si>
    <t>1,2,3,4,7,7-hexachloro-8,9,10-trinorborn-2-en-5,6-ylenedimethylene sulfite;</t>
  </si>
  <si>
    <t>1,4,5,6,7,7-hexachloro-8,9,10-trinorborn-5-en-2,3-ylenedimethylene sulfite</t>
  </si>
  <si>
    <t>602-053-00-0</t>
  </si>
  <si>
    <t>isobenzan (ISO);</t>
  </si>
  <si>
    <t>206-045-4</t>
  </si>
  <si>
    <t>297-78-9</t>
  </si>
  <si>
    <t>1,3,4,5,6,7,8,8-octachloro-1,3,3a,4,7,7a-hexahydro-4,7-methanoisobenzofuran</t>
  </si>
  <si>
    <t>602-054-00-6</t>
  </si>
  <si>
    <t>3-iodpropene;</t>
  </si>
  <si>
    <t>209-130-4</t>
  </si>
  <si>
    <t>556-56-9</t>
  </si>
  <si>
    <t>allyl iodide</t>
  </si>
  <si>
    <t>602-055-00-1</t>
  </si>
  <si>
    <t>bromoethane;</t>
  </si>
  <si>
    <t>200-825-8</t>
  </si>
  <si>
    <t>ethyl bromide</t>
  </si>
  <si>
    <t>602-056-00-7</t>
  </si>
  <si>
    <t>202-635-0</t>
  </si>
  <si>
    <t>98-08-8</t>
  </si>
  <si>
    <t>benzotrifluoride</t>
  </si>
  <si>
    <t>602-057-00-2</t>
  </si>
  <si>
    <t>α-bromotoluene;</t>
  </si>
  <si>
    <t>202-847-3</t>
  </si>
  <si>
    <t>100-39-0</t>
  </si>
  <si>
    <t>benzyl bromide</t>
  </si>
  <si>
    <t>602-058-00-8</t>
  </si>
  <si>
    <t>α, α-dichlorotoluene;</t>
  </si>
  <si>
    <t>202-709-2</t>
  </si>
  <si>
    <t>98-87-3</t>
  </si>
  <si>
    <t>benzylidene chloride;</t>
  </si>
  <si>
    <t>benzal chloride</t>
  </si>
  <si>
    <t>602-059-00-3</t>
  </si>
  <si>
    <t>1-chlorobutane;</t>
  </si>
  <si>
    <t>203-696-6</t>
  </si>
  <si>
    <t>109-69-3</t>
  </si>
  <si>
    <t>butyl chloride</t>
  </si>
  <si>
    <t>602-060-00-9</t>
  </si>
  <si>
    <t>bromobenzene</t>
  </si>
  <si>
    <t>203-623-8</t>
  </si>
  <si>
    <t>108-86-1</t>
  </si>
  <si>
    <t>602-061-00-4</t>
  </si>
  <si>
    <t>hexafluoropropene;</t>
  </si>
  <si>
    <t>204-127-4</t>
  </si>
  <si>
    <t>116-15-4</t>
  </si>
  <si>
    <t>hexafluoropropylene</t>
  </si>
  <si>
    <t>602-063-00-5</t>
  </si>
  <si>
    <t>heptachlor epoxide;</t>
  </si>
  <si>
    <t>213-831-0</t>
  </si>
  <si>
    <t>1024-57-3</t>
  </si>
  <si>
    <t>2,3-epoxy-1,4,5,6,7,8,8-heptachloro-3a,4,7,7a-tetrahydro-4,7-methanoindane</t>
  </si>
  <si>
    <t>1,3-dichloro-2-propanol</t>
  </si>
  <si>
    <t>hexachlorobenzene</t>
  </si>
  <si>
    <t>602-066-00-1</t>
  </si>
  <si>
    <t>204-274-4</t>
  </si>
  <si>
    <t>118-75-2</t>
  </si>
  <si>
    <t>602-067-00-7</t>
  </si>
  <si>
    <t>1,3-dichlorbenzene</t>
  </si>
  <si>
    <t>208-792-1</t>
  </si>
  <si>
    <t>541-73-1</t>
  </si>
  <si>
    <t>602-068-00-2</t>
  </si>
  <si>
    <t>ethylene bis(trichloroacetate)</t>
  </si>
  <si>
    <t>219-732-9</t>
  </si>
  <si>
    <t>2514-53-6</t>
  </si>
  <si>
    <t>602-069-00-8</t>
  </si>
  <si>
    <t>dichloroacetylene</t>
  </si>
  <si>
    <t>7572-29-4</t>
  </si>
  <si>
    <t>602-070-00-3</t>
  </si>
  <si>
    <t>401-930-3</t>
  </si>
  <si>
    <t>77227-99-7</t>
  </si>
  <si>
    <t>602-071-00-9</t>
  </si>
  <si>
    <t>bromobenzylbromotoluene, reaction mass of isomers</t>
  </si>
  <si>
    <t>402-210-1</t>
  </si>
  <si>
    <t>602-072-00-4</t>
  </si>
  <si>
    <t>278-404-3</t>
  </si>
  <si>
    <t>1,4-dichlorobut-2-ene</t>
  </si>
  <si>
    <t>602-074-00-5</t>
  </si>
  <si>
    <t>pentachlorobenzene</t>
  </si>
  <si>
    <t>210-172-0</t>
  </si>
  <si>
    <t>602-075-00-0</t>
  </si>
  <si>
    <t>4,4,5,5-tetrachloro-1,3-dioxolan-2-one</t>
  </si>
  <si>
    <t>404-060-2</t>
  </si>
  <si>
    <t>22432-68-4</t>
  </si>
  <si>
    <t>602-076-00-6</t>
  </si>
  <si>
    <t>2,3,4-trichlorobut-1-ene</t>
  </si>
  <si>
    <t>219-397-9</t>
  </si>
  <si>
    <t>2431-50-7</t>
  </si>
  <si>
    <t>602-077-00-1</t>
  </si>
  <si>
    <t>mirex</t>
  </si>
  <si>
    <t>602-078-00-7</t>
  </si>
  <si>
    <t>hexachlorocyclopentadiene</t>
  </si>
  <si>
    <t>201-029-3</t>
  </si>
  <si>
    <t>77-47-4</t>
  </si>
  <si>
    <t>602-079-00-2</t>
  </si>
  <si>
    <t>2,3-dichloropropene;</t>
  </si>
  <si>
    <t>201-153-8</t>
  </si>
  <si>
    <t>78-88-6</t>
  </si>
  <si>
    <t>2,3-dichloropropylene</t>
  </si>
  <si>
    <t>602-080-00-8</t>
  </si>
  <si>
    <t>602-081-00-3</t>
  </si>
  <si>
    <t>2-chloro-4,5-difluorobenzoic acid</t>
  </si>
  <si>
    <t>405-380-5</t>
  </si>
  <si>
    <t>602-082-00-9</t>
  </si>
  <si>
    <t>2,2,6,6-tetrakis(bromomethyl)-4-oxaheptane-1,7-diol</t>
  </si>
  <si>
    <t>408-020-5</t>
  </si>
  <si>
    <t>109678-33-3</t>
  </si>
  <si>
    <t>602-083-00-4</t>
  </si>
  <si>
    <t>diphenyl ether, pentabromo derivative pentabromodiphenyl ether</t>
  </si>
  <si>
    <t>251-084-2</t>
  </si>
  <si>
    <t>602-084-00-X</t>
  </si>
  <si>
    <t>1,1-dichloro-1-fluoroethane</t>
  </si>
  <si>
    <t>404-080-1</t>
  </si>
  <si>
    <t>602-086-00-0</t>
  </si>
  <si>
    <t>trifluoroiodomethane;</t>
  </si>
  <si>
    <t>219-014-5</t>
  </si>
  <si>
    <t>trifluoromethyl iodide</t>
  </si>
  <si>
    <t>602-087-00-6</t>
  </si>
  <si>
    <t>1,2,4-trichlorobenzene</t>
  </si>
  <si>
    <t>204-428-0</t>
  </si>
  <si>
    <t>120-82-1</t>
  </si>
  <si>
    <t>2,3-dibromopropan-1-ol;</t>
  </si>
  <si>
    <t>2,3-dibromo-1-propanol</t>
  </si>
  <si>
    <t>602-089-00-7</t>
  </si>
  <si>
    <t>4-bromo-2-chlorofluorobenzene</t>
  </si>
  <si>
    <t>405-580-2</t>
  </si>
  <si>
    <t>60811-21-4</t>
  </si>
  <si>
    <t>602-090-00-2</t>
  </si>
  <si>
    <t>1-allyl-3-chloro-4-fluorobenzene</t>
  </si>
  <si>
    <t>406-630-6</t>
  </si>
  <si>
    <t>121626-73-1</t>
  </si>
  <si>
    <t>602-091-00-8</t>
  </si>
  <si>
    <t>1,3-dichloro-4-fluorobenzene</t>
  </si>
  <si>
    <t>406-160-1</t>
  </si>
  <si>
    <t>1435-48-9</t>
  </si>
  <si>
    <t>602-092-00-3</t>
  </si>
  <si>
    <t>1-bromo-3,4,5-trifluorobenzene</t>
  </si>
  <si>
    <t>418-480-9</t>
  </si>
  <si>
    <t>138526-69-9</t>
  </si>
  <si>
    <t>602-095-00-X</t>
  </si>
  <si>
    <t>287-477-0</t>
  </si>
  <si>
    <t>602-096-00-5</t>
  </si>
  <si>
    <t>malachite green hydrochloride; [1]</t>
  </si>
  <si>
    <t>209-322-8 [1]</t>
  </si>
  <si>
    <t>569-64-2 [1]</t>
  </si>
  <si>
    <t>malachite green oxalate [2]</t>
  </si>
  <si>
    <t>219-441-7 [2]</t>
  </si>
  <si>
    <t>2437-29-8 [2]</t>
  </si>
  <si>
    <t>602-097-00-0</t>
  </si>
  <si>
    <t>1-bromo-9-(4,4,5,5,5-pentafluoropentylthio)nonane</t>
  </si>
  <si>
    <t>422-850-5</t>
  </si>
  <si>
    <t>148757-89-5</t>
  </si>
  <si>
    <t>602-098-00-6</t>
  </si>
  <si>
    <t>429-030-6</t>
  </si>
  <si>
    <t>57999-49-2</t>
  </si>
  <si>
    <t>602-099-00-1</t>
  </si>
  <si>
    <t>3-(4-fluorophenyl)-2-methylpropionylchloride</t>
  </si>
  <si>
    <t>426-370-7</t>
  </si>
  <si>
    <t>602-100-00-5</t>
  </si>
  <si>
    <t>420-640-8</t>
  </si>
  <si>
    <t>602-101-00-0</t>
  </si>
  <si>
    <t>427-020-6</t>
  </si>
  <si>
    <t>141772-37-4</t>
  </si>
  <si>
    <t>602-102-00-6</t>
  </si>
  <si>
    <t>1,1,1,3,3-pentafluorobutane</t>
  </si>
  <si>
    <t>430-250-1</t>
  </si>
  <si>
    <t>602-103-00-1</t>
  </si>
  <si>
    <t>1-(chlorophenylmethyl)-2-methylbenzene</t>
  </si>
  <si>
    <t>431-450-1</t>
  </si>
  <si>
    <t>41870-52-4</t>
  </si>
  <si>
    <t>602-104-00-7</t>
  </si>
  <si>
    <t>1,1,2,2,3,3,4-heptafluorocyclopentane</t>
  </si>
  <si>
    <t>430-710-1</t>
  </si>
  <si>
    <t>15290-77-4</t>
  </si>
  <si>
    <t>602-105-00-2</t>
  </si>
  <si>
    <t>sodium 1,1,2,2,3,3,4,4,4-nonafluoro-1-butanesulfinate</t>
  </si>
  <si>
    <t>422-100-7</t>
  </si>
  <si>
    <t>102061-82-5</t>
  </si>
  <si>
    <t>602-106-00-8</t>
  </si>
  <si>
    <t>2-bromo-4,6-difluoroaniline</t>
  </si>
  <si>
    <t>429-430-0</t>
  </si>
  <si>
    <t>444-14-4</t>
  </si>
  <si>
    <t>602-107-00-3</t>
  </si>
  <si>
    <t>3,3,4,4-tetrafluoro-4-iodo-1-butene</t>
  </si>
  <si>
    <t>439-500-2</t>
  </si>
  <si>
    <t>33831-83-3</t>
  </si>
  <si>
    <t>602-108-00-9</t>
  </si>
  <si>
    <t>(2,3,5,6-tetrafluorophenyl)methanol</t>
  </si>
  <si>
    <t>443-840-7</t>
  </si>
  <si>
    <t>4084-38-2</t>
  </si>
  <si>
    <t>602-109-00-4</t>
  </si>
  <si>
    <t>247-148-4 [1]</t>
  </si>
  <si>
    <t>25637-99-4[1]</t>
  </si>
  <si>
    <t>H361</t>
  </si>
  <si>
    <t>1,2,5,6,9,10-hexabromocyclododecane [2]</t>
  </si>
  <si>
    <t>221-695-9[2]</t>
  </si>
  <si>
    <t>3194-55-6[2]</t>
  </si>
  <si>
    <t>603-001-00-X</t>
  </si>
  <si>
    <t>methanol</t>
  </si>
  <si>
    <t>200-659-6</t>
  </si>
  <si>
    <t>603-002-00-5</t>
  </si>
  <si>
    <t>ethanol;</t>
  </si>
  <si>
    <t>200-578-6</t>
  </si>
  <si>
    <t>64-17-5</t>
  </si>
  <si>
    <t>ethyl alcohol</t>
  </si>
  <si>
    <t>603-003-00-0</t>
  </si>
  <si>
    <t>propan-1-ol;</t>
  </si>
  <si>
    <t>200-746-9</t>
  </si>
  <si>
    <t>71-23-8</t>
  </si>
  <si>
    <t>603-004-00-6</t>
  </si>
  <si>
    <t>butan-1-ol;</t>
  </si>
  <si>
    <t>200-751-6</t>
  </si>
  <si>
    <t>71-36-3</t>
  </si>
  <si>
    <t>603-005-00-1</t>
  </si>
  <si>
    <t>2-methylpropan-2-ol;</t>
  </si>
  <si>
    <t>200-889-7</t>
  </si>
  <si>
    <t>75-65-0</t>
  </si>
  <si>
    <t>603-006-00-7</t>
  </si>
  <si>
    <t>250-378-8</t>
  </si>
  <si>
    <t>603-007-00-2</t>
  </si>
  <si>
    <t>2-methylbutan-2-ol;</t>
  </si>
  <si>
    <t>200-908-9</t>
  </si>
  <si>
    <t>75-85-4</t>
  </si>
  <si>
    <t>603-008-00-8</t>
  </si>
  <si>
    <t>4-methylpentan-2-ol;</t>
  </si>
  <si>
    <t>203-551-7</t>
  </si>
  <si>
    <t>108-11-2</t>
  </si>
  <si>
    <t>methyl isobutyl carbinol</t>
  </si>
  <si>
    <t>603-009-00-3</t>
  </si>
  <si>
    <t>cyclohexanol</t>
  </si>
  <si>
    <t>203-630-6</t>
  </si>
  <si>
    <t>108-93-0</t>
  </si>
  <si>
    <t>603-010-00-9</t>
  </si>
  <si>
    <t>2-methylcyclohexanol, mixed isomers; [1]</t>
  </si>
  <si>
    <t>209-512-0 [1]</t>
  </si>
  <si>
    <t>583-59-5 [1]</t>
  </si>
  <si>
    <t>231-187-9 [2]</t>
  </si>
  <si>
    <t>7443-70-1 [2]</t>
  </si>
  <si>
    <t>231-186-3 [3]</t>
  </si>
  <si>
    <t>7443-52-9 [3]</t>
  </si>
  <si>
    <t>2-methoxyethanol;</t>
  </si>
  <si>
    <t>ethylene glycol monomethyl ether</t>
  </si>
  <si>
    <t>2-ethoxyethanol;</t>
  </si>
  <si>
    <t>ethylene glycol monoethyl ether</t>
  </si>
  <si>
    <t>603-013-00-5</t>
  </si>
  <si>
    <t>2-isopropoxyethanol;</t>
  </si>
  <si>
    <t>203-685-6</t>
  </si>
  <si>
    <t>109-59-1</t>
  </si>
  <si>
    <t>ethylene glycol monoisopropyl ether</t>
  </si>
  <si>
    <t>603-014-00-0</t>
  </si>
  <si>
    <t>2-butoxyethanol;</t>
  </si>
  <si>
    <t>203-905-0</t>
  </si>
  <si>
    <t>111-76-2</t>
  </si>
  <si>
    <t>butyl cellosolve</t>
  </si>
  <si>
    <t>603-015-00-6</t>
  </si>
  <si>
    <t>allyl alcohol</t>
  </si>
  <si>
    <t>203-470-7</t>
  </si>
  <si>
    <t>107-18-6</t>
  </si>
  <si>
    <t>603-016-00-1</t>
  </si>
  <si>
    <t>204-626-7</t>
  </si>
  <si>
    <t>123-42-2</t>
  </si>
  <si>
    <t>603-018-00-2</t>
  </si>
  <si>
    <t>furfuryl alcohol</t>
  </si>
  <si>
    <t>202-626-1</t>
  </si>
  <si>
    <t>98-00-0</t>
  </si>
  <si>
    <t>603-019-00-8</t>
  </si>
  <si>
    <t>dimethyl ether</t>
  </si>
  <si>
    <t>204-065-8</t>
  </si>
  <si>
    <t>115-10-6</t>
  </si>
  <si>
    <t>603-020-00-3</t>
  </si>
  <si>
    <t>ethyl methyl ether</t>
  </si>
  <si>
    <t>540-67-0</t>
  </si>
  <si>
    <t>603-021-00-9</t>
  </si>
  <si>
    <t>methyl vinyl ether</t>
  </si>
  <si>
    <t>203-475-4</t>
  </si>
  <si>
    <t>107-25-5</t>
  </si>
  <si>
    <t>603-022-00-4</t>
  </si>
  <si>
    <t>diethyl ether;</t>
  </si>
  <si>
    <t>200-467-2</t>
  </si>
  <si>
    <t>60-29-7</t>
  </si>
  <si>
    <t>ether</t>
  </si>
  <si>
    <t>ethylene oxide;</t>
  </si>
  <si>
    <t>oxirane</t>
  </si>
  <si>
    <t>603-024-00-5</t>
  </si>
  <si>
    <t>1,4-dioxane</t>
  </si>
  <si>
    <t>204-661-8</t>
  </si>
  <si>
    <t>123-91-1</t>
  </si>
  <si>
    <t>603-025-00-0</t>
  </si>
  <si>
    <t>tetrahydrofuran</t>
  </si>
  <si>
    <t>203-726-8</t>
  </si>
  <si>
    <t>109-99-9</t>
  </si>
  <si>
    <t>STOT SE 3;</t>
  </si>
  <si>
    <t>603-027-00-1</t>
  </si>
  <si>
    <t>ethanediol;</t>
  </si>
  <si>
    <t>203-473-3</t>
  </si>
  <si>
    <t>107-21-1</t>
  </si>
  <si>
    <t>ethylene glycol</t>
  </si>
  <si>
    <t>603-028-00-7</t>
  </si>
  <si>
    <t>2-chloroethanol;</t>
  </si>
  <si>
    <t>203-459-7</t>
  </si>
  <si>
    <t>107-07-3</t>
  </si>
  <si>
    <t>ethylene chlorohydrin</t>
  </si>
  <si>
    <t>603-029-00-2</t>
  </si>
  <si>
    <t>bis(2-chloroethyl) ether</t>
  </si>
  <si>
    <t>203-870-1</t>
  </si>
  <si>
    <t>111-44-4</t>
  </si>
  <si>
    <t>603-030-00-8</t>
  </si>
  <si>
    <t>2-aminoethanol;</t>
  </si>
  <si>
    <t>205-483-3</t>
  </si>
  <si>
    <t>141-43-5</t>
  </si>
  <si>
    <t>ethanolamine</t>
  </si>
  <si>
    <t>1,2-dimethoxyethane;</t>
  </si>
  <si>
    <t>ethylene glycol dimethyl ether;</t>
  </si>
  <si>
    <t>603-032-00-9</t>
  </si>
  <si>
    <t>ethylene dinitrate;</t>
  </si>
  <si>
    <t>211-063-0</t>
  </si>
  <si>
    <t>628-96-6</t>
  </si>
  <si>
    <t>ethylene glycol dinitrate</t>
  </si>
  <si>
    <t>603-033-00-4</t>
  </si>
  <si>
    <t>oxydiethylene dinitrate;</t>
  </si>
  <si>
    <t>211-745-8</t>
  </si>
  <si>
    <t>693-21-0</t>
  </si>
  <si>
    <t>Unst. Expl</t>
  </si>
  <si>
    <t>diethylene glycol dinitrate;</t>
  </si>
  <si>
    <t>digol dinitrate</t>
  </si>
  <si>
    <t>603-033-01-1</t>
  </si>
  <si>
    <t>digol dinitrate;</t>
  </si>
  <si>
    <t>603-034-00-X</t>
  </si>
  <si>
    <t>200-240-8</t>
  </si>
  <si>
    <t>55-63-0</t>
  </si>
  <si>
    <t>603-034-01-7</t>
  </si>
  <si>
    <t>603-035-00-5</t>
  </si>
  <si>
    <t>201-084-3</t>
  </si>
  <si>
    <t>78-11-5</t>
  </si>
  <si>
    <t>603-035-01-2</t>
  </si>
  <si>
    <t>603-036-00-0</t>
  </si>
  <si>
    <t>239-924-6</t>
  </si>
  <si>
    <t>15825-70-4</t>
  </si>
  <si>
    <t>603-036-01-8</t>
  </si>
  <si>
    <t>603-037-00-6</t>
  </si>
  <si>
    <t>603-038-00-1</t>
  </si>
  <si>
    <t>203-442-4</t>
  </si>
  <si>
    <t>106-92-3</t>
  </si>
  <si>
    <t>603-039-00-7</t>
  </si>
  <si>
    <t>219-376-4</t>
  </si>
  <si>
    <t>2426-08-6</t>
  </si>
  <si>
    <t>603-040-00-2</t>
  </si>
  <si>
    <t>204-699-5 [1]</t>
  </si>
  <si>
    <t>124-41-4 [1]</t>
  </si>
  <si>
    <t>Self-heat 1</t>
  </si>
  <si>
    <t>212-736-1 [2]</t>
  </si>
  <si>
    <t>865-33-8 [2]</t>
  </si>
  <si>
    <t>212-737-7 [3]</t>
  </si>
  <si>
    <t>865-34-9 [3]</t>
  </si>
  <si>
    <t>603-041-00-8</t>
  </si>
  <si>
    <t>213-029-0 [1]</t>
  </si>
  <si>
    <t>917-58-8 [1]</t>
  </si>
  <si>
    <t>205-487-5 [2]</t>
  </si>
  <si>
    <t>141-52-6 [2]</t>
  </si>
  <si>
    <t>603-042-00-3</t>
  </si>
  <si>
    <t>aluminium-tri-isopropoxide</t>
  </si>
  <si>
    <t>209-090-8</t>
  </si>
  <si>
    <t>555-31-7</t>
  </si>
  <si>
    <t>603-043-00-9</t>
  </si>
  <si>
    <t>26766-27-8</t>
  </si>
  <si>
    <t>603-044-00-4</t>
  </si>
  <si>
    <t>204-082-0</t>
  </si>
  <si>
    <t>115-32-2</t>
  </si>
  <si>
    <t>603-045-00-X</t>
  </si>
  <si>
    <t>203-560-6 [1]</t>
  </si>
  <si>
    <t>108-20-3 [1]</t>
  </si>
  <si>
    <t>203-869-6 [2]</t>
  </si>
  <si>
    <t>111-43-3 [2]</t>
  </si>
  <si>
    <t>603-047-00-0</t>
  </si>
  <si>
    <t>203-542-8</t>
  </si>
  <si>
    <t>108-01-0</t>
  </si>
  <si>
    <t>603-048-00-6</t>
  </si>
  <si>
    <t>202-845-2</t>
  </si>
  <si>
    <t>100-37-8</t>
  </si>
  <si>
    <t>603-049-00-1</t>
  </si>
  <si>
    <t>201-246-3</t>
  </si>
  <si>
    <t>80-06-8</t>
  </si>
  <si>
    <t>603-050-00-7</t>
  </si>
  <si>
    <t>1-(2-butoxypropoxy)propan-2-ol</t>
  </si>
  <si>
    <t>246-011-6</t>
  </si>
  <si>
    <t>24083-03-2</t>
  </si>
  <si>
    <t>603-051-00-2</t>
  </si>
  <si>
    <t>2-ethylbutan-1-ol</t>
  </si>
  <si>
    <t>202-621-4</t>
  </si>
  <si>
    <t>97-95-0</t>
  </si>
  <si>
    <t>603-052-00-8</t>
  </si>
  <si>
    <t>225-878-4</t>
  </si>
  <si>
    <t>5131-66-8</t>
  </si>
  <si>
    <t>603-053-00-3</t>
  </si>
  <si>
    <t>2-methylpentane-2,4-diol</t>
  </si>
  <si>
    <t>203-489-0</t>
  </si>
  <si>
    <t>107-41-5</t>
  </si>
  <si>
    <t>603-054-00-9</t>
  </si>
  <si>
    <t>205-575-3</t>
  </si>
  <si>
    <t>142-96-1</t>
  </si>
  <si>
    <t>propylene oxide;</t>
  </si>
  <si>
    <t>1,2-epoxypropane; methyloxirane</t>
  </si>
  <si>
    <t>603-056-00-X</t>
  </si>
  <si>
    <t>218-574-8 [1]</t>
  </si>
  <si>
    <t>2186-24-5 [1]</t>
  </si>
  <si>
    <t>218-575-3 [2]</t>
  </si>
  <si>
    <t>2186-25-6 [2]</t>
  </si>
  <si>
    <t>218-645-3 [3]</t>
  </si>
  <si>
    <t>2210-79-9 [3]</t>
  </si>
  <si>
    <t>247-711-4 [4]</t>
  </si>
  <si>
    <t>26447-14-3 [4]</t>
  </si>
  <si>
    <t>603-057-00-5</t>
  </si>
  <si>
    <t>benzyl alcohol</t>
  </si>
  <si>
    <t>202-859-9</t>
  </si>
  <si>
    <t>100-51-6</t>
  </si>
  <si>
    <t>603-058-00-0</t>
  </si>
  <si>
    <t>1,3-propylene oxide</t>
  </si>
  <si>
    <t>207-964-3</t>
  </si>
  <si>
    <t>503-30-0</t>
  </si>
  <si>
    <t>603-059-00-6</t>
  </si>
  <si>
    <t>hexan-1-ol</t>
  </si>
  <si>
    <t>203-852-3</t>
  </si>
  <si>
    <t>111-27-3</t>
  </si>
  <si>
    <t>603-062-00-2</t>
  </si>
  <si>
    <t>tetrahydrofuran-2,5-diyldimethanol</t>
  </si>
  <si>
    <t>203-239-0</t>
  </si>
  <si>
    <t>104-80-3</t>
  </si>
  <si>
    <t>603-064-00-3</t>
  </si>
  <si>
    <t>203-539-1</t>
  </si>
  <si>
    <t>107-98-2</t>
  </si>
  <si>
    <t>603-065-00-9</t>
  </si>
  <si>
    <t>202-987-5</t>
  </si>
  <si>
    <t>101-90-6</t>
  </si>
  <si>
    <t>603-066-00-4</t>
  </si>
  <si>
    <t>203-437-7</t>
  </si>
  <si>
    <t>106-87-6</t>
  </si>
  <si>
    <t>603-068-00-5</t>
  </si>
  <si>
    <t>130014-35-6</t>
  </si>
  <si>
    <t>603-069-00-0</t>
  </si>
  <si>
    <t>2,4,6-tris(dimethylaminomethyl)phenol</t>
  </si>
  <si>
    <t>202-013-9</t>
  </si>
  <si>
    <t>90-72-2</t>
  </si>
  <si>
    <t>603-070-00-6</t>
  </si>
  <si>
    <t>2-amino-2-methylpropanol</t>
  </si>
  <si>
    <t>204-709-8</t>
  </si>
  <si>
    <t>124-68-5</t>
  </si>
  <si>
    <t>603-071-00-1</t>
  </si>
  <si>
    <t>203-868-0</t>
  </si>
  <si>
    <t>603-072-00-7</t>
  </si>
  <si>
    <t>219-371-7</t>
  </si>
  <si>
    <t>2425-79-8</t>
  </si>
  <si>
    <t>603-073-00-2</t>
  </si>
  <si>
    <t>bis-[4-(2,3-epoxipropoxi)phenyl]propane</t>
  </si>
  <si>
    <t>216-823-5</t>
  </si>
  <si>
    <t>1675-54-3</t>
  </si>
  <si>
    <t>603-074-00-8</t>
  </si>
  <si>
    <t>500-033-5</t>
  </si>
  <si>
    <t>25068-38-6</t>
  </si>
  <si>
    <t>603-076-00-9</t>
  </si>
  <si>
    <t>203-788-6</t>
  </si>
  <si>
    <t>110-65-6</t>
  </si>
  <si>
    <t>603-077-00-4</t>
  </si>
  <si>
    <t>203-556-4</t>
  </si>
  <si>
    <t>108-16-7</t>
  </si>
  <si>
    <t>603-078-00-X</t>
  </si>
  <si>
    <t>203-471-2</t>
  </si>
  <si>
    <t>107-19-7</t>
  </si>
  <si>
    <t>603-079-00-5</t>
  </si>
  <si>
    <t>203-312-7</t>
  </si>
  <si>
    <t>105-59-9</t>
  </si>
  <si>
    <t>603-080-00-0</t>
  </si>
  <si>
    <t>203-710-0</t>
  </si>
  <si>
    <t>109-83-1</t>
  </si>
  <si>
    <t>GHS05 GHS07</t>
  </si>
  <si>
    <t>603-081-00-6</t>
  </si>
  <si>
    <t>203-874-3</t>
  </si>
  <si>
    <t>111-48-8</t>
  </si>
  <si>
    <t>603-082-00-1</t>
  </si>
  <si>
    <t>201-162-7</t>
  </si>
  <si>
    <t>78-96-6</t>
  </si>
  <si>
    <t>603-083-00-7</t>
  </si>
  <si>
    <t>203-820-9</t>
  </si>
  <si>
    <t>110-97-4</t>
  </si>
  <si>
    <t>603-085-00-8</t>
  </si>
  <si>
    <t>200-143-0</t>
  </si>
  <si>
    <t>603-086-00-3</t>
  </si>
  <si>
    <t>245-949-3</t>
  </si>
  <si>
    <t>23947-60-6</t>
  </si>
  <si>
    <t>603-087-00-9</t>
  </si>
  <si>
    <t>202-377-9</t>
  </si>
  <si>
    <t>94-96-2</t>
  </si>
  <si>
    <t>603-088-00-4</t>
  </si>
  <si>
    <t>222-598-4</t>
  </si>
  <si>
    <t>3547-33-9</t>
  </si>
  <si>
    <t>603-089-00-X</t>
  </si>
  <si>
    <t>7,7-dimethyl-3-oxa-6-azaoctan-1-ol</t>
  </si>
  <si>
    <t>400-390-6</t>
  </si>
  <si>
    <t>603-090-00-5</t>
  </si>
  <si>
    <t>2-(2-bromoethoxy)anisole</t>
  </si>
  <si>
    <t>402-010-4</t>
  </si>
  <si>
    <t>4463-59-6</t>
  </si>
  <si>
    <t>603-091-00-0</t>
  </si>
  <si>
    <t>402-470-6</t>
  </si>
  <si>
    <t>87172-89-2</t>
  </si>
  <si>
    <t>603-092-00-6</t>
  </si>
  <si>
    <t>2-methyl-4-phenylpentanol</t>
  </si>
  <si>
    <t>402-770-7</t>
  </si>
  <si>
    <t>92585-24-5</t>
  </si>
  <si>
    <t>603-093-00-1</t>
  </si>
  <si>
    <t>402-410-9</t>
  </si>
  <si>
    <t>87818-31-3</t>
  </si>
  <si>
    <t>603-094-00-7</t>
  </si>
  <si>
    <t>1,3-bis(2,3-epoxypropoxy)-2,2-dimethylpropane</t>
  </si>
  <si>
    <t>241-536-7</t>
  </si>
  <si>
    <t>17557-23-2</t>
  </si>
  <si>
    <t>603-095-00-2</t>
  </si>
  <si>
    <t>220-548-6</t>
  </si>
  <si>
    <t>2807-30-9</t>
  </si>
  <si>
    <t>603-096-00-8</t>
  </si>
  <si>
    <t>203-961-6</t>
  </si>
  <si>
    <t>112-34-5</t>
  </si>
  <si>
    <t>603-097-00-3</t>
  </si>
  <si>
    <t>204-528-4</t>
  </si>
  <si>
    <t>122-20-3</t>
  </si>
  <si>
    <t>603-098-00-9</t>
  </si>
  <si>
    <t>2-phenoxyethanol</t>
  </si>
  <si>
    <t>204-589-7</t>
  </si>
  <si>
    <t>603-099-00-4</t>
  </si>
  <si>
    <t>403-440-5</t>
  </si>
  <si>
    <t>93633-79-5</t>
  </si>
  <si>
    <t>603-100-00-8</t>
  </si>
  <si>
    <t>1,2-dimethoxypropane</t>
  </si>
  <si>
    <t>404-630-0</t>
  </si>
  <si>
    <t>7778-85-0</t>
  </si>
  <si>
    <t>603-101-00-3</t>
  </si>
  <si>
    <t>405-040-6</t>
  </si>
  <si>
    <t>603-102-00-9</t>
  </si>
  <si>
    <t>1,2-epoxybutane</t>
  </si>
  <si>
    <t>203-438-2</t>
  </si>
  <si>
    <t>106-88-7</t>
  </si>
  <si>
    <t>603-103-00-4</t>
  </si>
  <si>
    <t>271-846-8</t>
  </si>
  <si>
    <t>68609-97-2</t>
  </si>
  <si>
    <t>603-104-00-X</t>
  </si>
  <si>
    <t>262-095-7</t>
  </si>
  <si>
    <t>60168-88-9</t>
  </si>
  <si>
    <t>furan</t>
  </si>
  <si>
    <t>2-methoxypropanol</t>
  </si>
  <si>
    <t>603-107-00-6</t>
  </si>
  <si>
    <t>203-906-6</t>
  </si>
  <si>
    <t>603-108-00-1</t>
  </si>
  <si>
    <t>201-148-0</t>
  </si>
  <si>
    <t>78-83-1</t>
  </si>
  <si>
    <t>603-109-00-7</t>
  </si>
  <si>
    <t>425-340-0</t>
  </si>
  <si>
    <t>603-110-00-2</t>
  </si>
  <si>
    <t>426-130-1</t>
  </si>
  <si>
    <t>166301-21-9</t>
  </si>
  <si>
    <t>603-111-00-8</t>
  </si>
  <si>
    <t>426-530-6</t>
  </si>
  <si>
    <t>603-112-00-3</t>
  </si>
  <si>
    <t>cyclopentyl 2-phenylethyl ether</t>
  </si>
  <si>
    <t>428-340-9</t>
  </si>
  <si>
    <t>603-113-00-9</t>
  </si>
  <si>
    <t>6-glycidyloxynapht-1-yl oxymethyloxirane</t>
  </si>
  <si>
    <t>429-960-2</t>
  </si>
  <si>
    <t>27610-48-6</t>
  </si>
  <si>
    <t>603-114-00-4</t>
  </si>
  <si>
    <t>9-(2-propenyloxy)tricyclo[5.2.1.0(2,6)]dec-3(or-4-)-ene</t>
  </si>
  <si>
    <t>430-830-2</t>
  </si>
  <si>
    <t>26912-64-1</t>
  </si>
  <si>
    <t>603-115-00-X</t>
  </si>
  <si>
    <t>423-580-0</t>
  </si>
  <si>
    <t>603-116-00-5</t>
  </si>
  <si>
    <t>424-740-2</t>
  </si>
  <si>
    <t>138271-16-6</t>
  </si>
  <si>
    <t>603-117-00-0</t>
  </si>
  <si>
    <t>200-661-7</t>
  </si>
  <si>
    <t>67-63-0</t>
  </si>
  <si>
    <t>603-118-00-6</t>
  </si>
  <si>
    <t>6-dimethylaminohexan-1-ol</t>
  </si>
  <si>
    <t>404-680-3</t>
  </si>
  <si>
    <t>1862-07-3</t>
  </si>
  <si>
    <t>603-119-00-1</t>
  </si>
  <si>
    <t>1,1'-(1,3-phenylenedioxy)bis(3-(2-(prop-2-enyl)phenoxy)propan-2-ol)</t>
  </si>
  <si>
    <t>405-840-5</t>
  </si>
  <si>
    <t>603-120-00-7</t>
  </si>
  <si>
    <t>2-methyl-5-phenylpentanol</t>
  </si>
  <si>
    <t>405-890-8</t>
  </si>
  <si>
    <t>25634-93-9</t>
  </si>
  <si>
    <t>603-121-00-2</t>
  </si>
  <si>
    <t>4-[4-(1,3-dihydroxyprop-2-yl)phenylamino]-1,8-dihydroxy-5-nitroanthraquinone</t>
  </si>
  <si>
    <t>406-057-1</t>
  </si>
  <si>
    <t>114565-66-1</t>
  </si>
  <si>
    <t>603-122-00-8</t>
  </si>
  <si>
    <t>sodium 2-ethylhexanolate</t>
  </si>
  <si>
    <t>406-150-7</t>
  </si>
  <si>
    <t>38411-13-1</t>
  </si>
  <si>
    <t>603-123-00-3</t>
  </si>
  <si>
    <t>406-330-5</t>
  </si>
  <si>
    <t>122760-84-3</t>
  </si>
  <si>
    <t>603-124-00-9</t>
  </si>
  <si>
    <t>1,4-bis[2-(vinyloxy)ethoxy]benzene</t>
  </si>
  <si>
    <t>406-900-3</t>
  </si>
  <si>
    <t>84563-49-5</t>
  </si>
  <si>
    <t>603-125-00-4</t>
  </si>
  <si>
    <t>407-850-5</t>
  </si>
  <si>
    <t>89544-40-1</t>
  </si>
  <si>
    <t>603-126-00-X</t>
  </si>
  <si>
    <t>2-((4-methyl-2-nitrophenyl)amino)ethanol</t>
  </si>
  <si>
    <t>408-090-7</t>
  </si>
  <si>
    <t>100418-33-5</t>
  </si>
  <si>
    <t>603-127-00-5</t>
  </si>
  <si>
    <t>201-158-5 [1]</t>
  </si>
  <si>
    <t>78-92-2 [1]</t>
  </si>
  <si>
    <t>224-168-1 [2]</t>
  </si>
  <si>
    <t>4221-99-2 [2]</t>
  </si>
  <si>
    <t>238-967-8 [3]</t>
  </si>
  <si>
    <t>14898-79-4 [3]</t>
  </si>
  <si>
    <t>240-029-8 [4]</t>
  </si>
  <si>
    <t>15892-23-6 [4]</t>
  </si>
  <si>
    <t>603-128-00-0</t>
  </si>
  <si>
    <t>2-(phenylmethoxy)naphthalene</t>
  </si>
  <si>
    <t>405-490-3</t>
  </si>
  <si>
    <t>613-62-7</t>
  </si>
  <si>
    <t>603-129-00-6</t>
  </si>
  <si>
    <t>406-180-0</t>
  </si>
  <si>
    <t>57018-52-7</t>
  </si>
  <si>
    <t>603-130-00-1</t>
  </si>
  <si>
    <t>reaction mass of isomers of: α-((dimethyl)biphenyl)-ω-hydroxypoly(oxyethylene)</t>
  </si>
  <si>
    <t>406-325-8</t>
  </si>
  <si>
    <t>603-131-00-7</t>
  </si>
  <si>
    <t>407-290-1</t>
  </si>
  <si>
    <t>603-132-00-2</t>
  </si>
  <si>
    <t>2-hydroxymethyl-9-methyl-6-(1-methylethyl)-1,4-dioxaspiro[4.5]decane</t>
  </si>
  <si>
    <t>408-200-3</t>
  </si>
  <si>
    <t>63187-91-7</t>
  </si>
  <si>
    <t>603-133-00-8</t>
  </si>
  <si>
    <t>408-240-1</t>
  </si>
  <si>
    <t>603-134-00-3</t>
  </si>
  <si>
    <t>410-450-3</t>
  </si>
  <si>
    <t>603-135-00-9</t>
  </si>
  <si>
    <t>410-500-4</t>
  </si>
  <si>
    <t>603-136-00-4</t>
  </si>
  <si>
    <t>3-((4-(bis(2-hydroxyethyl)amino)-2-nitrophenyl)amino)-1-propanol</t>
  </si>
  <si>
    <t>410-910-3</t>
  </si>
  <si>
    <t>104226-19-9</t>
  </si>
  <si>
    <t>603-137-00-X</t>
  </si>
  <si>
    <t>411-130-6</t>
  </si>
  <si>
    <t>603-138-00-5</t>
  </si>
  <si>
    <t>403-140-4</t>
  </si>
  <si>
    <t>103694-68-4</t>
  </si>
  <si>
    <t>bis(2-methoxyethyl) ether</t>
  </si>
  <si>
    <t>603-140-00-6</t>
  </si>
  <si>
    <t>203-872-2</t>
  </si>
  <si>
    <t>111-46-6</t>
  </si>
  <si>
    <t>603-141-00-1</t>
  </si>
  <si>
    <t>413-780-6</t>
  </si>
  <si>
    <t>603-142-00-7</t>
  </si>
  <si>
    <t>2-(2-(2-hydroxyethoxy)ethyl)-2-aza-bicyclo[2.2.1]heptane</t>
  </si>
  <si>
    <t>407-360-1</t>
  </si>
  <si>
    <t>116230-20-7</t>
  </si>
  <si>
    <t>603-144-00-8</t>
  </si>
  <si>
    <t>413-530-6</t>
  </si>
  <si>
    <t>111850-00-1</t>
  </si>
  <si>
    <t>603-145-00-3</t>
  </si>
  <si>
    <t>2-isopropyl-2-(1-methylbutyl)-1,3-dimethoxypropane</t>
  </si>
  <si>
    <t>406-970-5</t>
  </si>
  <si>
    <t>129228-11-1</t>
  </si>
  <si>
    <t>603-146-00-9</t>
  </si>
  <si>
    <t>2-[(2-[2-(dimethylamino)ethoxy]ethyl)methylamino]ethanol</t>
  </si>
  <si>
    <t>406-080-7</t>
  </si>
  <si>
    <t>83016-70-0</t>
  </si>
  <si>
    <t>603-147-00-4</t>
  </si>
  <si>
    <t>406-030-4</t>
  </si>
  <si>
    <t>105812-81-5</t>
  </si>
  <si>
    <t>603-148-00-X</t>
  </si>
  <si>
    <t>1,4-bis[(vinyloxy)methyl]cyclohexane</t>
  </si>
  <si>
    <t>413-370-7</t>
  </si>
  <si>
    <t>17351-75-6</t>
  </si>
  <si>
    <t>603-149-00-5</t>
  </si>
  <si>
    <t>407-640-3</t>
  </si>
  <si>
    <t>63767-86-2</t>
  </si>
  <si>
    <t>603-150-00-0</t>
  </si>
  <si>
    <t>411-580-3</t>
  </si>
  <si>
    <t>107898-54-4</t>
  </si>
  <si>
    <t>603-151-00-6</t>
  </si>
  <si>
    <t>413-570-4</t>
  </si>
  <si>
    <t>603-152-00-1</t>
  </si>
  <si>
    <t>410-020-5</t>
  </si>
  <si>
    <t>5406-86-0</t>
  </si>
  <si>
    <t>603-153-00-7</t>
  </si>
  <si>
    <t>3-((2-nitro-4-(trifluoromethyl)phenyl)amino)propane-1,2-diol</t>
  </si>
  <si>
    <t>410-010-0</t>
  </si>
  <si>
    <t>104333-00-8</t>
  </si>
  <si>
    <t>603-154-00-2</t>
  </si>
  <si>
    <t>412-300-2</t>
  </si>
  <si>
    <t>139504-68-0</t>
  </si>
  <si>
    <t>603-156-00-3</t>
  </si>
  <si>
    <t>2-(2,4-dichlorophenyl)-2-(2-propenyl)oxirane</t>
  </si>
  <si>
    <t>411-210-0</t>
  </si>
  <si>
    <t>89544-48-9</t>
  </si>
  <si>
    <t>603-157-00-9</t>
  </si>
  <si>
    <t>6,9-bis(hexadecyloxymethyl)-4,7-dioxanonane-1,2,9-triol</t>
  </si>
  <si>
    <t>411-450-6</t>
  </si>
  <si>
    <t>143747-72-2</t>
  </si>
  <si>
    <t>603-158-00-4</t>
  </si>
  <si>
    <t>412-460-3</t>
  </si>
  <si>
    <t>603-159-00-X</t>
  </si>
  <si>
    <t>2-cyclododecylpropan-1-ol</t>
  </si>
  <si>
    <t>411-410-8</t>
  </si>
  <si>
    <t>118562-73-5</t>
  </si>
  <si>
    <t>603-160-00-5</t>
  </si>
  <si>
    <t>1,2-diethoxypropane</t>
  </si>
  <si>
    <t>412-180-1</t>
  </si>
  <si>
    <t>10221-57-5</t>
  </si>
  <si>
    <t>603-161-00-0</t>
  </si>
  <si>
    <t>1,3-diethoxypropane</t>
  </si>
  <si>
    <t>413-140-6</t>
  </si>
  <si>
    <t>3459-83-4</t>
  </si>
  <si>
    <t>603-162-00-6</t>
  </si>
  <si>
    <t>413-420-8</t>
  </si>
  <si>
    <t>144736-29-8</t>
  </si>
  <si>
    <t>603-163-00-1</t>
  </si>
  <si>
    <t>2-phenyl-1,3-propanediol</t>
  </si>
  <si>
    <t>411-810-2</t>
  </si>
  <si>
    <t>1570-95-2</t>
  </si>
  <si>
    <t>603-164-00-7</t>
  </si>
  <si>
    <t>412-420-5</t>
  </si>
  <si>
    <t>133909-99-6</t>
  </si>
  <si>
    <t>603-165-00-2</t>
  </si>
  <si>
    <t>417-470-1</t>
  </si>
  <si>
    <t>603-167-00-3</t>
  </si>
  <si>
    <t>407-920-5</t>
  </si>
  <si>
    <t>6390-69-8</t>
  </si>
  <si>
    <t>603-168-00-9</t>
  </si>
  <si>
    <t>3-(2-ethylhexyloxy)propane-1,2-diol</t>
  </si>
  <si>
    <t>408-080-2</t>
  </si>
  <si>
    <t>70445-33-9</t>
  </si>
  <si>
    <t>603-169-00-4</t>
  </si>
  <si>
    <t>415-550-0</t>
  </si>
  <si>
    <t>109887-53-8</t>
  </si>
  <si>
    <t>603-170-00-X</t>
  </si>
  <si>
    <t>415-990-3</t>
  </si>
  <si>
    <t>67739-11-1</t>
  </si>
  <si>
    <t>603-171-00-5</t>
  </si>
  <si>
    <t>5-thiazolylmethanol</t>
  </si>
  <si>
    <t>414-780-9</t>
  </si>
  <si>
    <t>38585-74-9</t>
  </si>
  <si>
    <t>603-172-00-0</t>
  </si>
  <si>
    <t>415-180-1</t>
  </si>
  <si>
    <t>773058-82-5</t>
  </si>
  <si>
    <t>603-173-00-6</t>
  </si>
  <si>
    <t>4,4-dimethyl-3,5,8-trioxabicyclo[5.1.0]octane</t>
  </si>
  <si>
    <t>421-750-9</t>
  </si>
  <si>
    <t>57280-22-5</t>
  </si>
  <si>
    <t>603-174-00-1</t>
  </si>
  <si>
    <t>4-cyclohexyl-2-methyl-2-butanol</t>
  </si>
  <si>
    <t>420-630-3</t>
  </si>
  <si>
    <t>83926-73-2</t>
  </si>
  <si>
    <t>603-175-00-7</t>
  </si>
  <si>
    <t>203-988-3</t>
  </si>
  <si>
    <t>112-59-4</t>
  </si>
  <si>
    <t>603-177-00-8</t>
  </si>
  <si>
    <t>216-374-5 [1]</t>
  </si>
  <si>
    <t>1569-02-4 [1]</t>
  </si>
  <si>
    <t>259-370-9 [2]</t>
  </si>
  <si>
    <t>54839-24-6 [2]</t>
  </si>
  <si>
    <t>603-178-00-3</t>
  </si>
  <si>
    <t>203-951-1</t>
  </si>
  <si>
    <t>112-25-4</t>
  </si>
  <si>
    <t>603-179-00-9</t>
  </si>
  <si>
    <t>200-014-9</t>
  </si>
  <si>
    <t>50-14-6</t>
  </si>
  <si>
    <t>603-180-00-4</t>
  </si>
  <si>
    <t>colecalciferol;</t>
  </si>
  <si>
    <t>200-673-2</t>
  </si>
  <si>
    <t>67-97-0</t>
  </si>
  <si>
    <t>603-181-00-X</t>
  </si>
  <si>
    <t>216-653-1</t>
  </si>
  <si>
    <t>1634-04-4</t>
  </si>
  <si>
    <t>603-182-00-5</t>
  </si>
  <si>
    <t>428-630-5</t>
  </si>
  <si>
    <t>603-183-00-0</t>
  </si>
  <si>
    <t>205-592-6</t>
  </si>
  <si>
    <t>143-22-6</t>
  </si>
  <si>
    <t>603-184-00-6</t>
  </si>
  <si>
    <t>2-(hydroxymethyl)-2-[[2-hydroxy-3-(isooctadecyloxy)propoxy]methyl]-1,3-propanediol</t>
  </si>
  <si>
    <t>416-380-1</t>
  </si>
  <si>
    <t>146925-83-9</t>
  </si>
  <si>
    <t>603-185-00-1</t>
  </si>
  <si>
    <t>2,4-dichloro-3-ethyl-6-nitrophenol</t>
  </si>
  <si>
    <t>420-740-1</t>
  </si>
  <si>
    <t>99817-36-4</t>
  </si>
  <si>
    <t>603-186-00-7</t>
  </si>
  <si>
    <t>419-050-3</t>
  </si>
  <si>
    <t>79944-37-9</t>
  </si>
  <si>
    <t>603-187-00-2</t>
  </si>
  <si>
    <t>2-((4,6-bis(4-(2-(1-methylpyridinium-4-yl)vinyl)phenylamino)-1,3,5-triazin-2-yl)(2-hydroxyethyl)amino)ethanol dichloride</t>
  </si>
  <si>
    <t>419-360-9</t>
  </si>
  <si>
    <t>163661-77-6</t>
  </si>
  <si>
    <t>603-188-00-8</t>
  </si>
  <si>
    <t>426-970-9</t>
  </si>
  <si>
    <t>603-189-00-3</t>
  </si>
  <si>
    <t>reaction mass of complexes of: titanium, 2,2'-oxydiethanol, ammonium lactate, nitrilotris(2-propanol) and ethylene glycol</t>
  </si>
  <si>
    <t>405-250-8</t>
  </si>
  <si>
    <t>603-190-00-9</t>
  </si>
  <si>
    <t>8,8-dimethyl-7-isopropyl-6,10-dioxaspiro[4.5]decane</t>
  </si>
  <si>
    <t>424-030-2</t>
  </si>
  <si>
    <t>62406-73-9</t>
  </si>
  <si>
    <t>603-191-00-4</t>
  </si>
  <si>
    <t>2-(4,6-bis(2,4-dimethylphenyl)-1,3,5-triazin-2-yl)-5-(3-((2-ethylhexyl)oxy)-2-hydroxypropoxy)phenol</t>
  </si>
  <si>
    <t>419-740-4</t>
  </si>
  <si>
    <t>137658-79-8</t>
  </si>
  <si>
    <t>603-192-00-X</t>
  </si>
  <si>
    <t>423-240-1</t>
  </si>
  <si>
    <t>125474-34-2</t>
  </si>
  <si>
    <t>603-193-00-5</t>
  </si>
  <si>
    <t>disodium 9,10-anthracenedioxide</t>
  </si>
  <si>
    <t>426-030-8</t>
  </si>
  <si>
    <t>46492-07-3</t>
  </si>
  <si>
    <t>603-195-00-6</t>
  </si>
  <si>
    <t>2-[4-(4-methoxyphenyl)-6-phenyl-1,3,5-triazin-2-yl]-phenol</t>
  </si>
  <si>
    <t>430-810-3</t>
  </si>
  <si>
    <t>154825-62-4</t>
  </si>
  <si>
    <t>603-196-00-1</t>
  </si>
  <si>
    <t>431-020-1</t>
  </si>
  <si>
    <t>41340-36-7</t>
  </si>
  <si>
    <t>603-197-00-7</t>
  </si>
  <si>
    <t>tebuconazole (ISO); 1-(4-chlorophenyl)-4,4-dimethyl-3-(1,2,4-triazol-1-ylmethyl)pentan-3-ol</t>
  </si>
  <si>
    <t>403-640-2</t>
  </si>
  <si>
    <t>603-199-00-8</t>
  </si>
  <si>
    <t>153233-91-1</t>
  </si>
  <si>
    <t>603-200-00-1</t>
  </si>
  <si>
    <t>200-752-1 [1]</t>
  </si>
  <si>
    <t>71-41-0 [1]</t>
  </si>
  <si>
    <t>209-526-7 [2]</t>
  </si>
  <si>
    <t>584-02-1 [2]</t>
  </si>
  <si>
    <t>603-201-00-7</t>
  </si>
  <si>
    <t>416-120-5</t>
  </si>
  <si>
    <t>603-202-00-2</t>
  </si>
  <si>
    <t>4,4,5,5,5-pentafluoropentan-1-ol</t>
  </si>
  <si>
    <t>421-360-9</t>
  </si>
  <si>
    <t>148043-73-6</t>
  </si>
  <si>
    <t>603-203-00-8</t>
  </si>
  <si>
    <t>427-580-1</t>
  </si>
  <si>
    <t>603-204-00-3</t>
  </si>
  <si>
    <t>428-110-8</t>
  </si>
  <si>
    <t>603-205-00-9</t>
  </si>
  <si>
    <t>426-200-1</t>
  </si>
  <si>
    <t>172015-79-1</t>
  </si>
  <si>
    <t>603-206-00-4</t>
  </si>
  <si>
    <t>2,2-dichloro-1,3-benzodioxol</t>
  </si>
  <si>
    <t>426-850-6</t>
  </si>
  <si>
    <t>2032-75-9</t>
  </si>
  <si>
    <t>603-207-00-X</t>
  </si>
  <si>
    <t>2-isobutyl-2-isopropyl-1,3-dimethoxypropane</t>
  </si>
  <si>
    <t>430-800-9</t>
  </si>
  <si>
    <t>129228-21-3</t>
  </si>
  <si>
    <t>603-209-00-0</t>
  </si>
  <si>
    <t>- [1]</t>
  </si>
  <si>
    <t>131929-60-7 [2]</t>
  </si>
  <si>
    <t>131929-63-0 [3]</t>
  </si>
  <si>
    <t>603-210-00-6</t>
  </si>
  <si>
    <t>2,4-diethyl-1,5-pentanediol</t>
  </si>
  <si>
    <t>429-310-8</t>
  </si>
  <si>
    <t>57987-55-0</t>
  </si>
  <si>
    <t>603-212-00-7</t>
  </si>
  <si>
    <t>214-946-9</t>
  </si>
  <si>
    <t>1222-05-5</t>
  </si>
  <si>
    <t>603-213-00-2</t>
  </si>
  <si>
    <t>213-611-4</t>
  </si>
  <si>
    <t>994-05-8</t>
  </si>
  <si>
    <t>603-214-00-8</t>
  </si>
  <si>
    <t>1,1-diisopropoxycyclohexane</t>
  </si>
  <si>
    <t>413-740-8</t>
  </si>
  <si>
    <t>1132-95-2</t>
  </si>
  <si>
    <t>603-215-00-3</t>
  </si>
  <si>
    <t>1-hydroxy-4-fluoro-1,4-diazoniabicyclo[2.2.2]octane bis(tetrafluoroborate)</t>
  </si>
  <si>
    <t>418-330-2</t>
  </si>
  <si>
    <t>162241-33-0</t>
  </si>
  <si>
    <t>Expl. 1.1****</t>
  </si>
  <si>
    <t>603-216-00-9</t>
  </si>
  <si>
    <t>422-660-2</t>
  </si>
  <si>
    <t>7480-35-5</t>
  </si>
  <si>
    <t>603-217-00-4</t>
  </si>
  <si>
    <t>423-560-1</t>
  </si>
  <si>
    <t>161717-32-4</t>
  </si>
  <si>
    <t>603-220-00-0</t>
  </si>
  <si>
    <t>432-890-5</t>
  </si>
  <si>
    <t>72955-94-3</t>
  </si>
  <si>
    <t>603-221-00-6</t>
  </si>
  <si>
    <t>603-222-00-1</t>
  </si>
  <si>
    <t>433-820-6</t>
  </si>
  <si>
    <t>118058-74-5</t>
  </si>
  <si>
    <t>603-223-00-7</t>
  </si>
  <si>
    <t>434-270-1</t>
  </si>
  <si>
    <t>6261-30-9</t>
  </si>
  <si>
    <t>603-224-00-2</t>
  </si>
  <si>
    <t>3-ethoxy-1,1,1,2,3,4,4,5,5,6,6,6-dodecafluoro-2-(trifluoromethyl)-hexane</t>
  </si>
  <si>
    <t>435-790-1</t>
  </si>
  <si>
    <t>297730-93-9</t>
  </si>
  <si>
    <t>603-225-00-8</t>
  </si>
  <si>
    <t>437-070-0</t>
  </si>
  <si>
    <t>13127-18-9</t>
  </si>
  <si>
    <t>603-226-00-3</t>
  </si>
  <si>
    <t>4,4'(4-(4-methoxyphenyl)-1,3,5-triazin-2,4-diyl)bisbenzene-1,3-diol</t>
  </si>
  <si>
    <t>444-500-0</t>
  </si>
  <si>
    <t>1440-00-2</t>
  </si>
  <si>
    <t>603-227-00-9</t>
  </si>
  <si>
    <t>445-060-2</t>
  </si>
  <si>
    <t>203574-04-3</t>
  </si>
  <si>
    <t>603-228-00-4</t>
  </si>
  <si>
    <t>419-620-1</t>
  </si>
  <si>
    <t>603-229-00-X</t>
  </si>
  <si>
    <t>420-800-7</t>
  </si>
  <si>
    <t>603-230-00-5</t>
  </si>
  <si>
    <t>440-030-5</t>
  </si>
  <si>
    <t>603-231-00-0</t>
  </si>
  <si>
    <t>443-220-6</t>
  </si>
  <si>
    <t>603-232-00-6</t>
  </si>
  <si>
    <t>3,3,8,8,10,10-hexamethyl-9-[1-(4-oxiranylmethoxy-phenyl)-ethoxy]-1,5-dioxa-9-aza-spiro[5.5]undecane</t>
  </si>
  <si>
    <t>444-420-6</t>
  </si>
  <si>
    <t>603-233-00-1</t>
  </si>
  <si>
    <t>444-430-0</t>
  </si>
  <si>
    <t>603-234-00-7</t>
  </si>
  <si>
    <t>444-480-3</t>
  </si>
  <si>
    <t>603-235-00-2</t>
  </si>
  <si>
    <t>linalool; 3,7-dimethyl-1,6-octadien-3-ol; dl-linalool; [1]</t>
  </si>
  <si>
    <t>201-134-4 [1]</t>
  </si>
  <si>
    <t>78-70-6 [1]</t>
  </si>
  <si>
    <t>coriandrol; (S)-3,7-dimethyl-1,6-octadien-3-ol; d-linalool; [2]</t>
  </si>
  <si>
    <t>204-810-7 [2]</t>
  </si>
  <si>
    <t>126-90-9 [2]</t>
  </si>
  <si>
    <t>licareol; (R)-3,7-dimethyl-1,6-octadien-3-ol; l-linalool [3]</t>
  </si>
  <si>
    <t>204-811-2 [3]</t>
  </si>
  <si>
    <t>126-91-0 [3]</t>
  </si>
  <si>
    <t>604-001-00-2</t>
  </si>
  <si>
    <t>203-632-7</t>
  </si>
  <si>
    <t>604-002-00-8</t>
  </si>
  <si>
    <t>pentachlorophenol</t>
  </si>
  <si>
    <t>201-778-6</t>
  </si>
  <si>
    <t>604-003-00-3</t>
  </si>
  <si>
    <t>205-025-2 [1]</t>
  </si>
  <si>
    <t>131-52-2 [1]</t>
  </si>
  <si>
    <t>231-911-3 [2]</t>
  </si>
  <si>
    <t>7778-73-6 [2]</t>
  </si>
  <si>
    <t>604-004-00-9</t>
  </si>
  <si>
    <t>203-577-9 [1]</t>
  </si>
  <si>
    <t>108-39-4 [1]</t>
  </si>
  <si>
    <t>202-423-8 [2]</t>
  </si>
  <si>
    <t>95-48-7 [2]</t>
  </si>
  <si>
    <t>203-398-6 [3]</t>
  </si>
  <si>
    <t>106-44-5 [3]</t>
  </si>
  <si>
    <t>215-293-2 [4]</t>
  </si>
  <si>
    <t>1319-77-3 [4]</t>
  </si>
  <si>
    <t>604-005-00-4</t>
  </si>
  <si>
    <t>204-617-8</t>
  </si>
  <si>
    <t>604-006-00-X</t>
  </si>
  <si>
    <t>202-439-5 [1]</t>
  </si>
  <si>
    <t>95-65-8 [1]</t>
  </si>
  <si>
    <t>202-461-5 [2]</t>
  </si>
  <si>
    <t>95-87-4 [2]</t>
  </si>
  <si>
    <t>203-321-6 [3]</t>
  </si>
  <si>
    <t>105-67-9 [3]</t>
  </si>
  <si>
    <t>208-395-3 [4]</t>
  </si>
  <si>
    <t>526-75-0 [4]</t>
  </si>
  <si>
    <t>209-400-1 [5]</t>
  </si>
  <si>
    <t>576-26-1 [5]</t>
  </si>
  <si>
    <t>215-089-3 [6]</t>
  </si>
  <si>
    <t>1300-71-6 [6]</t>
  </si>
  <si>
    <t>276-245-4 [7]</t>
  </si>
  <si>
    <t>71975-58-1 [7]</t>
  </si>
  <si>
    <t>604-007-00-5</t>
  </si>
  <si>
    <t>2-naphthol</t>
  </si>
  <si>
    <t>205-182-7</t>
  </si>
  <si>
    <t>135-19-3</t>
  </si>
  <si>
    <t>604-008-00-0</t>
  </si>
  <si>
    <t>202-433-2 [1]</t>
  </si>
  <si>
    <t>95-57-8 [1]</t>
  </si>
  <si>
    <t>203-402-6 [2]</t>
  </si>
  <si>
    <t>106-48-9 [2]</t>
  </si>
  <si>
    <t>203-582-6 [3]</t>
  </si>
  <si>
    <t>108-43-0 [3]</t>
  </si>
  <si>
    <t>246-691-4 [4]</t>
  </si>
  <si>
    <t>25167-80-0 [4]</t>
  </si>
  <si>
    <t>604-009-00-6</t>
  </si>
  <si>
    <t>201-762-9</t>
  </si>
  <si>
    <t>87-66-1</t>
  </si>
  <si>
    <t>604-010-00-1</t>
  </si>
  <si>
    <t>203-585-2</t>
  </si>
  <si>
    <t>108-46-3</t>
  </si>
  <si>
    <t>604-011-00-7</t>
  </si>
  <si>
    <t>2,4-dichlorophenol</t>
  </si>
  <si>
    <t>204-429-6</t>
  </si>
  <si>
    <t>120-83-2</t>
  </si>
  <si>
    <t>604-012-00-2</t>
  </si>
  <si>
    <t>216-381-3</t>
  </si>
  <si>
    <t>1570-64-5</t>
  </si>
  <si>
    <t>604-013-00-8</t>
  </si>
  <si>
    <t>2,3,4,6-tetrachlorophenol</t>
  </si>
  <si>
    <t>200-402-8</t>
  </si>
  <si>
    <t>58-90-2</t>
  </si>
  <si>
    <t>604-014-00-3</t>
  </si>
  <si>
    <t>chlorocresol;</t>
  </si>
  <si>
    <t>200-431-6</t>
  </si>
  <si>
    <t>4-chloro-3-methylphenol</t>
  </si>
  <si>
    <t>604-015-00-9</t>
  </si>
  <si>
    <t>200-733-8</t>
  </si>
  <si>
    <t>70-30-4</t>
  </si>
  <si>
    <t>604-016-00-4</t>
  </si>
  <si>
    <t>1,2-dihydroxybenzene;</t>
  </si>
  <si>
    <t>204-427-5</t>
  </si>
  <si>
    <t>120-80-9</t>
  </si>
  <si>
    <t>pyrocatechol</t>
  </si>
  <si>
    <t>604-017-00-X</t>
  </si>
  <si>
    <t>2,4,5-trichlorophenol</t>
  </si>
  <si>
    <t>202-467-8</t>
  </si>
  <si>
    <t>604-018-00-5</t>
  </si>
  <si>
    <t>2,4,6-trichlorophenol</t>
  </si>
  <si>
    <t>201-795-9</t>
  </si>
  <si>
    <t>604-019-00-0</t>
  </si>
  <si>
    <t>dichlorophen (ISO)</t>
  </si>
  <si>
    <t>202-567-1</t>
  </si>
  <si>
    <t>604-020-00-6</t>
  </si>
  <si>
    <t>201-993-5</t>
  </si>
  <si>
    <t>604-021-00-1</t>
  </si>
  <si>
    <t>205-055-6</t>
  </si>
  <si>
    <t>604-022-00-7</t>
  </si>
  <si>
    <t>2,2-dimethyl-1,3-benzodioxol-4-ol</t>
  </si>
  <si>
    <t>400-900-7</t>
  </si>
  <si>
    <t>22961-82-6</t>
  </si>
  <si>
    <t>604-023-00-2</t>
  </si>
  <si>
    <t>2,4-dichloro-3-ethylphenol</t>
  </si>
  <si>
    <t>401-060-4</t>
  </si>
  <si>
    <t>4,4-isobutylethylidenediphenol</t>
  </si>
  <si>
    <t>604-025-00-3</t>
  </si>
  <si>
    <t>2,5-bis(1,1-dimethylbutyl)hydroquinone</t>
  </si>
  <si>
    <t>400-220-0</t>
  </si>
  <si>
    <t>604-026-00-9</t>
  </si>
  <si>
    <t>2,2-spirobi(6-hydroxy-4,4,7-trimethylchromane)</t>
  </si>
  <si>
    <t>400-270-3</t>
  </si>
  <si>
    <t>604-027-00-4</t>
  </si>
  <si>
    <t>2-methyl-5-(1,1,3,3-tetramethylbutyl)hydroquinone</t>
  </si>
  <si>
    <t>400-530-6</t>
  </si>
  <si>
    <t>4-amino-3-fluorophenol</t>
  </si>
  <si>
    <t>604-029-00-5</t>
  </si>
  <si>
    <t>1-naphtol</t>
  </si>
  <si>
    <t>201-969-4</t>
  </si>
  <si>
    <t>90-15-3</t>
  </si>
  <si>
    <t>bisphenol A;</t>
  </si>
  <si>
    <t>4,4′-isopropylidenediphenol</t>
  </si>
  <si>
    <t>604-031-00-6</t>
  </si>
  <si>
    <t>guaiacol</t>
  </si>
  <si>
    <t>201-964-7</t>
  </si>
  <si>
    <t>90-05-1</t>
  </si>
  <si>
    <t>604-032-00-1</t>
  </si>
  <si>
    <t>thymol</t>
  </si>
  <si>
    <t>201-944-8</t>
  </si>
  <si>
    <t>89-83-8</t>
  </si>
  <si>
    <t>604-033-00-7</t>
  </si>
  <si>
    <t>isobutyl but-3-enoate</t>
  </si>
  <si>
    <t>401-170-2</t>
  </si>
  <si>
    <t>24342-03-8</t>
  </si>
  <si>
    <t>604-034-00-2</t>
  </si>
  <si>
    <t>403-330-7</t>
  </si>
  <si>
    <t>24197-34-0</t>
  </si>
  <si>
    <t>604-035-00-8</t>
  </si>
  <si>
    <t>4-nonylphenol, reaction products with formaldehyde and dodecane-1-thiol</t>
  </si>
  <si>
    <t>404-160-6</t>
  </si>
  <si>
    <t>604-036-00-3</t>
  </si>
  <si>
    <t>4,4'-oxybis(ethylenethio)diphenol</t>
  </si>
  <si>
    <t>404-590-4</t>
  </si>
  <si>
    <t>90884-29-0</t>
  </si>
  <si>
    <t>604-037-00-9</t>
  </si>
  <si>
    <t>203-606-5</t>
  </si>
  <si>
    <t>108-68-9</t>
  </si>
  <si>
    <t>604-038-00-4</t>
  </si>
  <si>
    <t>201-793-8 [1]</t>
  </si>
  <si>
    <t>88-04-0 [1]</t>
  </si>
  <si>
    <t>215-316-6 [2]</t>
  </si>
  <si>
    <t>1321-23-9 [2]</t>
  </si>
  <si>
    <t>604-039-00-X</t>
  </si>
  <si>
    <t>266-362-9</t>
  </si>
  <si>
    <t>66441-23-4</t>
  </si>
  <si>
    <t>604-040-00-5</t>
  </si>
  <si>
    <t>276-439-9</t>
  </si>
  <si>
    <t>72178-02-0</t>
  </si>
  <si>
    <t>604-041-00-0</t>
  </si>
  <si>
    <t>256-634-5 [1]</t>
  </si>
  <si>
    <t>50594-66-6 [1]</t>
  </si>
  <si>
    <t>263-560-7 [2]</t>
  </si>
  <si>
    <t>62476-59-9 [2]</t>
  </si>
  <si>
    <t>604-042-00-6</t>
  </si>
  <si>
    <t>4-nitrosophenol</t>
  </si>
  <si>
    <t>203-251-6</t>
  </si>
  <si>
    <t>104-91-6</t>
  </si>
  <si>
    <t>604-043-00-1</t>
  </si>
  <si>
    <t>203-083-3</t>
  </si>
  <si>
    <t>103-16-2</t>
  </si>
  <si>
    <t>604-044-00-7</t>
  </si>
  <si>
    <t>205-769-8</t>
  </si>
  <si>
    <t>150-76-5</t>
  </si>
  <si>
    <t>604-045-00-2</t>
  </si>
  <si>
    <t>2,3,5-trimethylhydroquinone</t>
  </si>
  <si>
    <t>211-838-3</t>
  </si>
  <si>
    <t>700-13-0</t>
  </si>
  <si>
    <t>604-046-00-8</t>
  </si>
  <si>
    <t>4-(4-isopropoxyphenylsulfonyl)phenol</t>
  </si>
  <si>
    <t>405-520-5</t>
  </si>
  <si>
    <t>95235-30-6</t>
  </si>
  <si>
    <t>604-047-00-3</t>
  </si>
  <si>
    <t>4-(4-tolyloxy)biphenyl</t>
  </si>
  <si>
    <t>405-730-7</t>
  </si>
  <si>
    <t>51601-57-1</t>
  </si>
  <si>
    <t>604-048-00-9</t>
  </si>
  <si>
    <t>4,4',4''-(ethan-1,1,1-triyl)triphenol</t>
  </si>
  <si>
    <t>405-800-7</t>
  </si>
  <si>
    <t>27955-94-8</t>
  </si>
  <si>
    <t>604-049-00-4</t>
  </si>
  <si>
    <t>4-4'-methylenebis(oxyethylenethio)diphenol</t>
  </si>
  <si>
    <t>407-480-4</t>
  </si>
  <si>
    <t>93589-69-6</t>
  </si>
  <si>
    <t>604-051-00-5</t>
  </si>
  <si>
    <t>401-110-5</t>
  </si>
  <si>
    <t>87113-78-8</t>
  </si>
  <si>
    <t>604-052-00-0</t>
  </si>
  <si>
    <t>403-800-1</t>
  </si>
  <si>
    <t>103597-45-1</t>
  </si>
  <si>
    <t>604-053-00-6</t>
  </si>
  <si>
    <t>2-methyl-4-(1,1-dimethylethyl)-6-(1-methyl-pentadecyl)-phenol</t>
  </si>
  <si>
    <t>410-760-9</t>
  </si>
  <si>
    <t>157661-93-3</t>
  </si>
  <si>
    <t>604-054-00-1</t>
  </si>
  <si>
    <t>412-020-0</t>
  </si>
  <si>
    <t>604-055-00-7</t>
  </si>
  <si>
    <t>2,2'-((3,3', 5,5'-tetramethyl-(1,1'-biphenyl)-4,4'-diyl)-bis(oxymethylene))-bis-oxirane</t>
  </si>
  <si>
    <t>413-900-7</t>
  </si>
  <si>
    <t>85954-11-6</t>
  </si>
  <si>
    <t>604-056-00-2</t>
  </si>
  <si>
    <t>2-(2-hydroxy-3,5-dinitroanilino)ethanol</t>
  </si>
  <si>
    <t>412-520-9</t>
  </si>
  <si>
    <t>99610-72-7</t>
  </si>
  <si>
    <t>604-057-00-8</t>
  </si>
  <si>
    <t>reaction mass of: isomers of 2-(2H-benzotriazol-2-yl)-4-methyl-(n)-dodecylphenol; isomers of 2-(2H-benzotriazol-2-yl)-4-methyl-(n)-tetracosylphenol; isomers of 2-(2H-benzotriazol-2-yl)-4-methyl-5,6-didodecyl-phenol. n = 5 or 6</t>
  </si>
  <si>
    <t>401-680-5</t>
  </si>
  <si>
    <t>604-058-00-3</t>
  </si>
  <si>
    <t>1,2-bis(3-methylphenoxy)ethane</t>
  </si>
  <si>
    <t>402-730-9</t>
  </si>
  <si>
    <t>54914-85-1</t>
  </si>
  <si>
    <t>604-059-00-9</t>
  </si>
  <si>
    <t>406-400-5</t>
  </si>
  <si>
    <t>604-060-00-4</t>
  </si>
  <si>
    <t>9,9-bis(4-hydroxyphenyl)fluorene</t>
  </si>
  <si>
    <t>406-950-6</t>
  </si>
  <si>
    <t>3236-71-3</t>
  </si>
  <si>
    <t>604-061-00-X</t>
  </si>
  <si>
    <t>407-740-7</t>
  </si>
  <si>
    <t>604-062-00-5</t>
  </si>
  <si>
    <t>2,4-dimethyl-6-(1-methyl-pentadecyl)phenol</t>
  </si>
  <si>
    <t>411-220-5</t>
  </si>
  <si>
    <t>604-063-00-0</t>
  </si>
  <si>
    <t>5,6-dihydroxyindole</t>
  </si>
  <si>
    <t>412-130-9</t>
  </si>
  <si>
    <t>3131-52-0</t>
  </si>
  <si>
    <t>604-064-00-6</t>
  </si>
  <si>
    <t>2-(4,6-diphenyl-1,3,5-triazin-2-yl)-5-((hexyl)oxy)-phenol</t>
  </si>
  <si>
    <t>411-380-6</t>
  </si>
  <si>
    <t>147315-50-2</t>
  </si>
  <si>
    <t>604-065-00-1</t>
  </si>
  <si>
    <t>4,4',4''-(1-methylpropan-1-yl-3-ylidene)tris(2-cyclohexyl-5-methylphenol)</t>
  </si>
  <si>
    <t>407-460-5</t>
  </si>
  <si>
    <t>111850-25-0</t>
  </si>
  <si>
    <t>604-066-00-7</t>
  </si>
  <si>
    <t>414-550-8</t>
  </si>
  <si>
    <t>604-067-00-2</t>
  </si>
  <si>
    <t>414-520-4</t>
  </si>
  <si>
    <t>604-068-00-8</t>
  </si>
  <si>
    <t>(±)-4-[2-[[3-(4-hydroxyphenyl)-1-methylpropyl]amino]-1-hydroxyethyl]phenol hydrochloride</t>
  </si>
  <si>
    <t>415-170-5</t>
  </si>
  <si>
    <t>90274-24-1</t>
  </si>
  <si>
    <t>604-069-00-3</t>
  </si>
  <si>
    <t>421-740-4</t>
  </si>
  <si>
    <t>51390-14-8</t>
  </si>
  <si>
    <t>604-070-00-9</t>
  </si>
  <si>
    <t>222-182-2</t>
  </si>
  <si>
    <t>604-071-00-4</t>
  </si>
  <si>
    <t>425-600-3</t>
  </si>
  <si>
    <t>110726-28-8</t>
  </si>
  <si>
    <t>604-072-00-X</t>
  </si>
  <si>
    <t>1,2-bis(phenoxymethyl)benzene</t>
  </si>
  <si>
    <t>428-620-0</t>
  </si>
  <si>
    <t>10403-74-4</t>
  </si>
  <si>
    <t>604-074-00-0</t>
  </si>
  <si>
    <t>201-236-9</t>
  </si>
  <si>
    <t>604-075-00-6</t>
  </si>
  <si>
    <t>phenolphthalein</t>
  </si>
  <si>
    <t>604-077-00-7</t>
  </si>
  <si>
    <t>2-benzotriazol-2-yl-4-methyl-6-(2-methylallyl)phenol</t>
  </si>
  <si>
    <t>419-750-9</t>
  </si>
  <si>
    <t>98809-58-6</t>
  </si>
  <si>
    <t>604-079-00-8</t>
  </si>
  <si>
    <t>4,4'-(1,3-phenylene-bis(1-methylethylidene))bis-phenol</t>
  </si>
  <si>
    <t>428-970-4</t>
  </si>
  <si>
    <t>13595-25-0</t>
  </si>
  <si>
    <t>604-080-00-3</t>
  </si>
  <si>
    <t>4-fluoro-3-trifluoromethylphenol</t>
  </si>
  <si>
    <t>432-560-0</t>
  </si>
  <si>
    <t>61721-07-1</t>
  </si>
  <si>
    <t>604-081-00-9</t>
  </si>
  <si>
    <t>1,1-bis(4-hydroxyphenyl)-1-phenylethane</t>
  </si>
  <si>
    <t>433-130-5</t>
  </si>
  <si>
    <t>1571-75-1</t>
  </si>
  <si>
    <t>2-chloro-6-fluoro-phenol</t>
  </si>
  <si>
    <t>604-083-00-X</t>
  </si>
  <si>
    <t>439-270-3</t>
  </si>
  <si>
    <t>260408-02-4</t>
  </si>
  <si>
    <t>604-084-00-5</t>
  </si>
  <si>
    <t>1-ethoxy-2,3-difluorobenzene</t>
  </si>
  <si>
    <t>441-000-4</t>
  </si>
  <si>
    <t>121219-07-6</t>
  </si>
  <si>
    <t>604-087-00-1</t>
  </si>
  <si>
    <t>433-640-8</t>
  </si>
  <si>
    <t>EUH044</t>
  </si>
  <si>
    <t>604-089-00-2</t>
  </si>
  <si>
    <t>444-970-7</t>
  </si>
  <si>
    <t>604-090-00-8</t>
  </si>
  <si>
    <t>4-tert-butylphenol</t>
  </si>
  <si>
    <t>202-679-0</t>
  </si>
  <si>
    <t>98-54-4</t>
  </si>
  <si>
    <t>604-091-00-3</t>
  </si>
  <si>
    <t>etofenprox (ISO); 2-(4-ethoxyphenyl)-2-methylpropyl 3-phenoxybenzyl ether</t>
  </si>
  <si>
    <t>407-980-2</t>
  </si>
  <si>
    <t>M = 1 000</t>
  </si>
  <si>
    <t>phenol, dodecyl-, branched; [1]</t>
  </si>
  <si>
    <t>phenol, 2-dodecyl-, branched; [2]</t>
  </si>
  <si>
    <t>phenol, 3-dodecyl-, branched; [3]</t>
  </si>
  <si>
    <t>phenol, 4-dodecyl-, branched; [4]</t>
  </si>
  <si>
    <t>[4]</t>
  </si>
  <si>
    <t>phenol, (tetrapropenyl) derivatives [5]</t>
  </si>
  <si>
    <t>[5]</t>
  </si>
  <si>
    <t>604-093-00-4</t>
  </si>
  <si>
    <t>clorofene;</t>
  </si>
  <si>
    <t>204-385-8</t>
  </si>
  <si>
    <t>120-32-1</t>
  </si>
  <si>
    <t>M = 1</t>
  </si>
  <si>
    <t>chlorophene;</t>
  </si>
  <si>
    <t>2-benzyl-4-chlorophenol</t>
  </si>
  <si>
    <t>H373 (kidney)</t>
  </si>
  <si>
    <t>formaldehyde …%</t>
  </si>
  <si>
    <t>B, D</t>
  </si>
  <si>
    <t>Acute Tox. 3*</t>
  </si>
  <si>
    <t>605-002-00-0</t>
  </si>
  <si>
    <t>203-812-5</t>
  </si>
  <si>
    <t>110-88-3</t>
  </si>
  <si>
    <t>605-003-00-6</t>
  </si>
  <si>
    <t>acetaldehyde;</t>
  </si>
  <si>
    <t>200-836-8</t>
  </si>
  <si>
    <t>ethanal</t>
  </si>
  <si>
    <t>605-004-00-1</t>
  </si>
  <si>
    <t>204-639-8</t>
  </si>
  <si>
    <t>123-63-7</t>
  </si>
  <si>
    <t>605-005-00-7</t>
  </si>
  <si>
    <t>203-600-2</t>
  </si>
  <si>
    <t>108-62-3</t>
  </si>
  <si>
    <t>605-006-00-2</t>
  </si>
  <si>
    <t>butyraldehyde</t>
  </si>
  <si>
    <t>204-646-6</t>
  </si>
  <si>
    <t>123-72-8</t>
  </si>
  <si>
    <t>605-007-00-8</t>
  </si>
  <si>
    <t>208-589-8</t>
  </si>
  <si>
    <t>534-15-6</t>
  </si>
  <si>
    <t>605-008-00-3</t>
  </si>
  <si>
    <t>203-453-4</t>
  </si>
  <si>
    <t>107-02-8</t>
  </si>
  <si>
    <t>605-009-00-9</t>
  </si>
  <si>
    <t>224-030-0 [1]</t>
  </si>
  <si>
    <t>4170-30-3 [1]</t>
  </si>
  <si>
    <t>204-647-1 [2]</t>
  </si>
  <si>
    <t>123-73-9 [2]</t>
  </si>
  <si>
    <t>605-010-00-4</t>
  </si>
  <si>
    <t>2-furaldehyde</t>
  </si>
  <si>
    <t>202-627-7</t>
  </si>
  <si>
    <t>98-01-1</t>
  </si>
  <si>
    <t>605-011-00-X</t>
  </si>
  <si>
    <t>201-956-3</t>
  </si>
  <si>
    <t>89-98-5</t>
  </si>
  <si>
    <t>605-012-00-5</t>
  </si>
  <si>
    <t>benzaldehyde</t>
  </si>
  <si>
    <t>202-860-4</t>
  </si>
  <si>
    <t>100-52-7</t>
  </si>
  <si>
    <t>605-013-00-0</t>
  </si>
  <si>
    <t>chloralose (INN);</t>
  </si>
  <si>
    <t>240-016-7</t>
  </si>
  <si>
    <t>15879-93-3</t>
  </si>
  <si>
    <t>(R)-1,2-O-(2,2,2-trichloroethylidene)-α-D-glucofuranose; glucochloralose; anhydroglucochloral</t>
  </si>
  <si>
    <t>605-014-00-6</t>
  </si>
  <si>
    <t>206-117-5</t>
  </si>
  <si>
    <t>302-17-0</t>
  </si>
  <si>
    <t>605-015-00-1</t>
  </si>
  <si>
    <t>203-310-6</t>
  </si>
  <si>
    <t>105-57-7</t>
  </si>
  <si>
    <t>605-016-00-7</t>
  </si>
  <si>
    <t>203-474-9</t>
  </si>
  <si>
    <t>107-22-2</t>
  </si>
  <si>
    <t>605-017-00-2</t>
  </si>
  <si>
    <t>1,3-dioxolane</t>
  </si>
  <si>
    <t>211-463-5</t>
  </si>
  <si>
    <t>646-06-0</t>
  </si>
  <si>
    <t>605-018-00-8</t>
  </si>
  <si>
    <t>204-623-0</t>
  </si>
  <si>
    <t>123-38-6</t>
  </si>
  <si>
    <t>605-019-00-3</t>
  </si>
  <si>
    <t>citral</t>
  </si>
  <si>
    <t>226-394-6</t>
  </si>
  <si>
    <t>5392-40-5</t>
  </si>
  <si>
    <t>605-021-00-4</t>
  </si>
  <si>
    <t>formaldehyde, reaction products with butylphenol</t>
  </si>
  <si>
    <t>294-145-9</t>
  </si>
  <si>
    <t>91673-30-2</t>
  </si>
  <si>
    <t>605-022-00-X</t>
  </si>
  <si>
    <t>glutaral; glutaraldehyde;</t>
  </si>
  <si>
    <t>203-856-5</t>
  </si>
  <si>
    <t>1,5-pentanedial</t>
  </si>
  <si>
    <t>605-023-00-5</t>
  </si>
  <si>
    <t>5-chloro-2-(4-chlorophenoxy)phenol;</t>
  </si>
  <si>
    <t>429-290-0</t>
  </si>
  <si>
    <t>[DCPP]</t>
  </si>
  <si>
    <t>605-024-00-0</t>
  </si>
  <si>
    <t>2-bromo-5-hydroxy-4-methoxybenzaldehyde</t>
  </si>
  <si>
    <t>426-540-0</t>
  </si>
  <si>
    <t>2973-59-3</t>
  </si>
  <si>
    <t>605-025-00-6</t>
  </si>
  <si>
    <t>chloroacetaldehyde</t>
  </si>
  <si>
    <t>203-472-8</t>
  </si>
  <si>
    <t>107-20-0</t>
  </si>
  <si>
    <t>605-026-00-1</t>
  </si>
  <si>
    <t>2,5,7,7-tetramethyloctanal</t>
  </si>
  <si>
    <t>405-690-0</t>
  </si>
  <si>
    <t>114119-97-0</t>
  </si>
  <si>
    <t>605-027-00-7</t>
  </si>
  <si>
    <t>410-480-7</t>
  </si>
  <si>
    <t>605-028-00-2</t>
  </si>
  <si>
    <t>β-methyl-3-(1-methylethyl)-benzenepropanal</t>
  </si>
  <si>
    <t>412-050-4</t>
  </si>
  <si>
    <t>125109-85-5</t>
  </si>
  <si>
    <t>605-029-00-8</t>
  </si>
  <si>
    <t>2-cyclohexylpropanal</t>
  </si>
  <si>
    <t>412-270-0</t>
  </si>
  <si>
    <t>2109-22-0</t>
  </si>
  <si>
    <t>605-030-00-3</t>
  </si>
  <si>
    <t>411-510-1</t>
  </si>
  <si>
    <t>3353-51-3</t>
  </si>
  <si>
    <t>605-031-00-9</t>
  </si>
  <si>
    <t>421-890-0</t>
  </si>
  <si>
    <t>605-032-00-4</t>
  </si>
  <si>
    <t>425-370-4</t>
  </si>
  <si>
    <t>93957-50-7</t>
  </si>
  <si>
    <t>605-033-00-X</t>
  </si>
  <si>
    <t>425-910-9</t>
  </si>
  <si>
    <t>32480-08-3</t>
  </si>
  <si>
    <t>605-034-00-5</t>
  </si>
  <si>
    <t>429-860-9</t>
  </si>
  <si>
    <t>605-035-00-0</t>
  </si>
  <si>
    <t>426-330-9</t>
  </si>
  <si>
    <t>177964-68-0</t>
  </si>
  <si>
    <t>605-036-00-6</t>
  </si>
  <si>
    <t>2-bromomalonaldehyde</t>
  </si>
  <si>
    <t>430-470-6</t>
  </si>
  <si>
    <t>2065-75-0</t>
  </si>
  <si>
    <t>605-037-00-1</t>
  </si>
  <si>
    <t>421-800-1</t>
  </si>
  <si>
    <t>120578-03-2</t>
  </si>
  <si>
    <t>605-038-00-7</t>
  </si>
  <si>
    <t>3-methyl-5-phenylpentan-1-al</t>
  </si>
  <si>
    <t>433-900-0</t>
  </si>
  <si>
    <t>55066-49-4</t>
  </si>
  <si>
    <t>605-039-00-2</t>
  </si>
  <si>
    <t>3,4-dihydroxy-5-nitrobenzaldehyde</t>
  </si>
  <si>
    <t>441-810-8</t>
  </si>
  <si>
    <t>116313-85-0</t>
  </si>
  <si>
    <t>605-040-00-8</t>
  </si>
  <si>
    <t>hydroxyisohexyl 3-cyclohexene carboxaldehyde (INCI); reaction mass of 4-(4-hydroxy-4-methylpentyl)cyclohex-3-ene-1-carbaldehyde and 3-(4-hydroxy-4-methylpentyl)cyclohex-3-ene-1-carbaldehyde; [1]</t>
  </si>
  <si>
    <t>130066-44-3 [1]</t>
  </si>
  <si>
    <t>4-(4-hydroxy-4-methylpentyl)cyclohex-3-ene-1-carbaldehyde; [2]</t>
  </si>
  <si>
    <t>250-863-4 [2]</t>
  </si>
  <si>
    <t>31906-04-4 [2]</t>
  </si>
  <si>
    <t>3-(4-hydroxy-4-methylpentyl)cyclohex-3-ene-1-carbaldehyde [3]</t>
  </si>
  <si>
    <t>257-187-9 [3]</t>
  </si>
  <si>
    <t>51414-25-6 [3]</t>
  </si>
  <si>
    <t>606-001-00-8</t>
  </si>
  <si>
    <t>200-662-2</t>
  </si>
  <si>
    <t>67-64-1</t>
  </si>
  <si>
    <t>606-002-00-3</t>
  </si>
  <si>
    <t>201-159-0</t>
  </si>
  <si>
    <t>78-93-3</t>
  </si>
  <si>
    <t>606-003-00-9</t>
  </si>
  <si>
    <t>203-388-1</t>
  </si>
  <si>
    <t>106-35-4</t>
  </si>
  <si>
    <t>606-004-00-4</t>
  </si>
  <si>
    <t>203-550-1</t>
  </si>
  <si>
    <t>108-10-1</t>
  </si>
  <si>
    <t>606-005-00-X</t>
  </si>
  <si>
    <t>203-620-1</t>
  </si>
  <si>
    <t>108-83-8</t>
  </si>
  <si>
    <t>606-006-00-5</t>
  </si>
  <si>
    <t>202-490-3</t>
  </si>
  <si>
    <t>96-22-0</t>
  </si>
  <si>
    <t>606-007-00-0</t>
  </si>
  <si>
    <t>209-264-3</t>
  </si>
  <si>
    <t>563-80-4</t>
  </si>
  <si>
    <t>606-009-00-1</t>
  </si>
  <si>
    <t>205-502-5</t>
  </si>
  <si>
    <t>141-79-7</t>
  </si>
  <si>
    <t>606-010-00-7</t>
  </si>
  <si>
    <t>cyclohexanone</t>
  </si>
  <si>
    <t>203-631-1</t>
  </si>
  <si>
    <t>108-94-1</t>
  </si>
  <si>
    <t>606-011-00-2</t>
  </si>
  <si>
    <t>2-methylcyclohexanone</t>
  </si>
  <si>
    <t>209-513-6</t>
  </si>
  <si>
    <t>583-60-8</t>
  </si>
  <si>
    <t>606-012-00-8</t>
  </si>
  <si>
    <t>201-126-0</t>
  </si>
  <si>
    <t>78-59-1</t>
  </si>
  <si>
    <t>606-013-00-3</t>
  </si>
  <si>
    <t>203-405-2</t>
  </si>
  <si>
    <t>106-51-4</t>
  </si>
  <si>
    <t>chlorophacinone (ISO);</t>
  </si>
  <si>
    <t>Repr. 1B; H360D:</t>
  </si>
  <si>
    <t>2-[(4-chlorophenyl)(phenyl)acetyl]-1H-indene-1,3(2H)-dione</t>
  </si>
  <si>
    <t>STOT RE 2; H373 (blood):</t>
  </si>
  <si>
    <t>H372 (blood)</t>
  </si>
  <si>
    <t>606-016-00-X</t>
  </si>
  <si>
    <t>201-462-8</t>
  </si>
  <si>
    <t>83-26-1</t>
  </si>
  <si>
    <t>606-017-00-5</t>
  </si>
  <si>
    <t>211-617-1</t>
  </si>
  <si>
    <t>674-82-8</t>
  </si>
  <si>
    <t>606-018-00-0</t>
  </si>
  <si>
    <t>204-210-5</t>
  </si>
  <si>
    <t>117-80-6</t>
  </si>
  <si>
    <t>606-019-00-6</t>
  </si>
  <si>
    <t>606-020-00-1</t>
  </si>
  <si>
    <t>5-methylheptan-3-one</t>
  </si>
  <si>
    <t>208-793-7</t>
  </si>
  <si>
    <t>541-85-5</t>
  </si>
  <si>
    <t>N-methyl-2-pyrrolidone; 1-methyl-2-pyrrolidone</t>
  </si>
  <si>
    <t>606-022-00-2</t>
  </si>
  <si>
    <t>1-phenyl-3-pyrazolidone</t>
  </si>
  <si>
    <t>202-155-1</t>
  </si>
  <si>
    <t>92-43-3</t>
  </si>
  <si>
    <t>606-023-00-8</t>
  </si>
  <si>
    <t>4-methoxy-4-methylpentan-2-one</t>
  </si>
  <si>
    <t>203-512-4</t>
  </si>
  <si>
    <t>107-70-0</t>
  </si>
  <si>
    <t>606-024-00-3</t>
  </si>
  <si>
    <t>203-767-1</t>
  </si>
  <si>
    <t>110-43-0</t>
  </si>
  <si>
    <t>606-025-00-9</t>
  </si>
  <si>
    <t>cyclopentanone</t>
  </si>
  <si>
    <t>204-435-9</t>
  </si>
  <si>
    <t>120-92-3</t>
  </si>
  <si>
    <t>606-026-00-4</t>
  </si>
  <si>
    <t>203-737-8</t>
  </si>
  <si>
    <t>110-12-3</t>
  </si>
  <si>
    <t>606-027-00-X</t>
  </si>
  <si>
    <t>204-608-9</t>
  </si>
  <si>
    <t>123-19-3</t>
  </si>
  <si>
    <t>606-028-00-5</t>
  </si>
  <si>
    <t>209-294-7</t>
  </si>
  <si>
    <t>565-80-0</t>
  </si>
  <si>
    <t>606-029-00-0</t>
  </si>
  <si>
    <t>204-634-0</t>
  </si>
  <si>
    <t>123-54-6</t>
  </si>
  <si>
    <t>606-030-00-6</t>
  </si>
  <si>
    <t>209-731-1</t>
  </si>
  <si>
    <t>591-78-6</t>
  </si>
  <si>
    <t>606-032-00-7</t>
  </si>
  <si>
    <t>hexachloroacetone</t>
  </si>
  <si>
    <t>204-129-5</t>
  </si>
  <si>
    <t>116-16-5</t>
  </si>
  <si>
    <t>606-033-00-2</t>
  </si>
  <si>
    <t>243-761-6</t>
  </si>
  <si>
    <t>20354-26-1</t>
  </si>
  <si>
    <t>606-034-00-8</t>
  </si>
  <si>
    <t>244-209-7</t>
  </si>
  <si>
    <t>21087-64-9</t>
  </si>
  <si>
    <t>606-035-00-3</t>
  </si>
  <si>
    <t>216-920-2</t>
  </si>
  <si>
    <t>1698-60-8</t>
  </si>
  <si>
    <t>606-036-00-9</t>
  </si>
  <si>
    <t>219-455-3</t>
  </si>
  <si>
    <t>2439-01-2</t>
  </si>
  <si>
    <t>606-037-00-4</t>
  </si>
  <si>
    <t>256-103-8</t>
  </si>
  <si>
    <t>606-038-00-X</t>
  </si>
  <si>
    <t>201-434-5</t>
  </si>
  <si>
    <t>82-66-6</t>
  </si>
  <si>
    <t>606-039-00-5</t>
  </si>
  <si>
    <t>400-680-2</t>
  </si>
  <si>
    <t>606-040-00-0</t>
  </si>
  <si>
    <t>401-840-4</t>
  </si>
  <si>
    <t>55845-90-4</t>
  </si>
  <si>
    <t>606-042-00-1</t>
  </si>
  <si>
    <t>acetophenone</t>
  </si>
  <si>
    <t>202-708-7</t>
  </si>
  <si>
    <t>98-86-2</t>
  </si>
  <si>
    <t>606-043-00-7</t>
  </si>
  <si>
    <t>405-340-7</t>
  </si>
  <si>
    <t>13019-04-0</t>
  </si>
  <si>
    <t>606-044-00-2</t>
  </si>
  <si>
    <t>2,4,6-trimethylbenzophenone</t>
  </si>
  <si>
    <t>403-150-9</t>
  </si>
  <si>
    <t>954-16-5</t>
  </si>
  <si>
    <t>606-045-00-8</t>
  </si>
  <si>
    <t>243-215-7</t>
  </si>
  <si>
    <t>19666-30-9</t>
  </si>
  <si>
    <t>606-046-00-3</t>
  </si>
  <si>
    <t>401-700-2</t>
  </si>
  <si>
    <t>3100-36-5</t>
  </si>
  <si>
    <t>606-047-00-9</t>
  </si>
  <si>
    <t>404-360-3</t>
  </si>
  <si>
    <t>119313-12-1</t>
  </si>
  <si>
    <t>606-048-00-4</t>
  </si>
  <si>
    <t>406-480-1</t>
  </si>
  <si>
    <t>606-049-00-X</t>
  </si>
  <si>
    <t>406-700-6</t>
  </si>
  <si>
    <t>78531-61-0</t>
  </si>
  <si>
    <t>606-050-00-5</t>
  </si>
  <si>
    <t>412-480-2</t>
  </si>
  <si>
    <t>72453-58-8</t>
  </si>
  <si>
    <t>606-051-00-0</t>
  </si>
  <si>
    <t>4-pentylcyclohexanone</t>
  </si>
  <si>
    <t>406-670-4</t>
  </si>
  <si>
    <t>61203-83-6</t>
  </si>
  <si>
    <t>606-052-00-6</t>
  </si>
  <si>
    <t>410-410-5</t>
  </si>
  <si>
    <t>54574-82-2</t>
  </si>
  <si>
    <t>606-053-00-1</t>
  </si>
  <si>
    <t>96525-23-4</t>
  </si>
  <si>
    <t>606-054-00-7</t>
  </si>
  <si>
    <t>isoxaflutole (ISO); 5-cyclopropyl-1,2-oxazol-4-yl α,α,α-trifluoro-2-mesyl-p-tolyl ketone</t>
  </si>
  <si>
    <t>141112-29-0</t>
  </si>
  <si>
    <t>606-055-00-2</t>
  </si>
  <si>
    <t>411-180-9</t>
  </si>
  <si>
    <t>92836-10-7</t>
  </si>
  <si>
    <t>606-056-00-8</t>
  </si>
  <si>
    <t>4-chloro-3',4'-dimethoxybenzophenone</t>
  </si>
  <si>
    <t>404-610-1</t>
  </si>
  <si>
    <t>116412-83-0</t>
  </si>
  <si>
    <t>606-057-00-3</t>
  </si>
  <si>
    <t>4-propylcyclohexanone</t>
  </si>
  <si>
    <t>406-810-4</t>
  </si>
  <si>
    <t>40649-36-3</t>
  </si>
  <si>
    <t>606-058-00-9</t>
  </si>
  <si>
    <t>4'-fluoro-2,2-dimethoxyacetophenone</t>
  </si>
  <si>
    <t>407-500-1</t>
  </si>
  <si>
    <t>21983-80-2</t>
  </si>
  <si>
    <t>606-059-00-4</t>
  </si>
  <si>
    <t>412-390-3</t>
  </si>
  <si>
    <t>86386-75-6</t>
  </si>
  <si>
    <t>606-060-00-X</t>
  </si>
  <si>
    <t>412-950-7</t>
  </si>
  <si>
    <t>606-061-00-5</t>
  </si>
  <si>
    <t>(3-chlorophenyl)-(4-methoxy-3-nitrophenyl)methanone</t>
  </si>
  <si>
    <t>423-290-4</t>
  </si>
  <si>
    <t>66938-41-8</t>
  </si>
  <si>
    <t>tetrahydrothiopyran-3-carboxaldehyde</t>
  </si>
  <si>
    <t>606-063-00-6</t>
  </si>
  <si>
    <t>410-980-5</t>
  </si>
  <si>
    <t>112704-51-5</t>
  </si>
  <si>
    <t>606-064-00-1</t>
  </si>
  <si>
    <t>pregn-5-ene-3,20-dione bis(ethylene ketal)</t>
  </si>
  <si>
    <t>407-450-0</t>
  </si>
  <si>
    <t>7093-55-2</t>
  </si>
  <si>
    <t>606-065-00-7</t>
  </si>
  <si>
    <t>1-(4-morpholinophenyl)butan-1-one</t>
  </si>
  <si>
    <t>413-790-0</t>
  </si>
  <si>
    <t>606-066-00-2</t>
  </si>
  <si>
    <t>410-440-9</t>
  </si>
  <si>
    <t>164058-20-2</t>
  </si>
  <si>
    <t>606-067-00-8</t>
  </si>
  <si>
    <t>414-870-8</t>
  </si>
  <si>
    <t>96792-67-5</t>
  </si>
  <si>
    <t>606-068-00-3</t>
  </si>
  <si>
    <t>2,7,11-trimethyl-13-(2,6,6-trimethylcyclohex-1-en-1-yl)tridecahexaen-2,4,6,8,10,12-al</t>
  </si>
  <si>
    <t>415-770-7</t>
  </si>
  <si>
    <t>1638-05-7</t>
  </si>
  <si>
    <t>606-069-00-9</t>
  </si>
  <si>
    <t>spiro[1,3-dioxolane-2,5'-(4',4',8',8'-tetramethyl-hexahydro-3',9'-methanonaphthalene)]</t>
  </si>
  <si>
    <t>415-460-1</t>
  </si>
  <si>
    <t>154171-76-3</t>
  </si>
  <si>
    <t>606-070-00-4</t>
  </si>
  <si>
    <t>414-790-3</t>
  </si>
  <si>
    <t>138164-12-2</t>
  </si>
  <si>
    <t>606-071-00-X</t>
  </si>
  <si>
    <t>17-spiro(5,5-dimethyl-1,3-dioxan-2-yl)androsta-1,4-diene-3-one</t>
  </si>
  <si>
    <t>421-050-3</t>
  </si>
  <si>
    <t>13258-43-0</t>
  </si>
  <si>
    <t>606-072-00-5</t>
  </si>
  <si>
    <t>3-acetyl-1-phenyl-pyrrolidine-2,4-dione</t>
  </si>
  <si>
    <t>421-600-2</t>
  </si>
  <si>
    <t>719-86-8</t>
  </si>
  <si>
    <t>606-074-00-6</t>
  </si>
  <si>
    <t>425-570-1</t>
  </si>
  <si>
    <t>606-075-00-1</t>
  </si>
  <si>
    <t>1-benzyl-5-ethoxyimidazolidine-2,4-dione</t>
  </si>
  <si>
    <t>417-340-4</t>
  </si>
  <si>
    <t>65855-02-9</t>
  </si>
  <si>
    <t>606-076-00-7</t>
  </si>
  <si>
    <t>1-((2-quinolinyl-carbonyl)oxy)-2,5-pyrrolidinedione</t>
  </si>
  <si>
    <t>418-630-3</t>
  </si>
  <si>
    <t>136465-99-1</t>
  </si>
  <si>
    <t>606-077-00-2</t>
  </si>
  <si>
    <t>418-650-2</t>
  </si>
  <si>
    <t>104872-06-2</t>
  </si>
  <si>
    <t>606-078-00-8</t>
  </si>
  <si>
    <t>1-octylazepin-2-one</t>
  </si>
  <si>
    <t>420-040-6</t>
  </si>
  <si>
    <t>59227-88-2</t>
  </si>
  <si>
    <t>606-079-00-3</t>
  </si>
  <si>
    <t>420-590-7</t>
  </si>
  <si>
    <t>606-081-00-4</t>
  </si>
  <si>
    <t>(3β, 5α, 6β)-3-(acetyloxy)-5-bromo-6-hydroxy-androstan-17-one</t>
  </si>
  <si>
    <t>419-790-7</t>
  </si>
  <si>
    <t>4229-69-0</t>
  </si>
  <si>
    <t>606-082-00-X</t>
  </si>
  <si>
    <t>406-930-7</t>
  </si>
  <si>
    <t>606-083-00-5</t>
  </si>
  <si>
    <t>407-750-1</t>
  </si>
  <si>
    <t>137193-60-3</t>
  </si>
  <si>
    <t>606-084-00-0</t>
  </si>
  <si>
    <t>1-(4-methoxy-5-benzofuranyl)-3-phenyl-1,3-propanedione</t>
  </si>
  <si>
    <t>414-540-3</t>
  </si>
  <si>
    <t>484-33-3</t>
  </si>
  <si>
    <t>606-085-00-6</t>
  </si>
  <si>
    <t>418-530-1</t>
  </si>
  <si>
    <t>79200-56-9</t>
  </si>
  <si>
    <t>606-086-00-1</t>
  </si>
  <si>
    <t>1-(3,3-dimethylcyclohexyl)pent-4-en-1-one</t>
  </si>
  <si>
    <t>422-330-8</t>
  </si>
  <si>
    <t>56973-87-6</t>
  </si>
  <si>
    <t>606-087-00-7</t>
  </si>
  <si>
    <t>422-460-5</t>
  </si>
  <si>
    <t>137234-87-8</t>
  </si>
  <si>
    <t>606-088-00-2</t>
  </si>
  <si>
    <t>2,4,4,7-tetramethyl-6-octen-3-one</t>
  </si>
  <si>
    <t>422-520-0</t>
  </si>
  <si>
    <t>74338-72-0</t>
  </si>
  <si>
    <t>606-089-00-8</t>
  </si>
  <si>
    <t>423-220-2</t>
  </si>
  <si>
    <t>12223-77-7</t>
  </si>
  <si>
    <t>606-090-00-3</t>
  </si>
  <si>
    <t>1-[3-[(dimethylamino)methyl]-4-hydroxyphenyl]ethanone</t>
  </si>
  <si>
    <t>430-920-1</t>
  </si>
  <si>
    <t>73096-98-7</t>
  </si>
  <si>
    <t>606-091-00-9</t>
  </si>
  <si>
    <t>6-chloro-5-(2-chloroethyl)-1,3-dihydroindol-2-one</t>
  </si>
  <si>
    <t>421-320-0</t>
  </si>
  <si>
    <t>118289-55-7</t>
  </si>
  <si>
    <t>606-092-00-4</t>
  </si>
  <si>
    <t>422-320-3</t>
  </si>
  <si>
    <t>606-093-00-X</t>
  </si>
  <si>
    <t>414-470-3</t>
  </si>
  <si>
    <t>95885-13-5</t>
  </si>
  <si>
    <t>606-094-00-5</t>
  </si>
  <si>
    <t>417-460-7</t>
  </si>
  <si>
    <t>606-095-00-0</t>
  </si>
  <si>
    <t>421-830-3</t>
  </si>
  <si>
    <t>49805-30-3</t>
  </si>
  <si>
    <t>606-096-00-6</t>
  </si>
  <si>
    <t>424-170-4</t>
  </si>
  <si>
    <t>130603-71-3</t>
  </si>
  <si>
    <t>606-097-00-1</t>
  </si>
  <si>
    <t>2,2''-dihydroxy-4,4''-(2-hydroxy-propane-1,3-diyldioxy)dibenzophenone</t>
  </si>
  <si>
    <t>424-210-0</t>
  </si>
  <si>
    <t>23911-85-5</t>
  </si>
  <si>
    <t>606-098-00-7</t>
  </si>
  <si>
    <t>1-benzyl-5-(hexadecyloxy)-2,4-imidazolidinedione</t>
  </si>
  <si>
    <t>431-220-9</t>
  </si>
  <si>
    <t>158574-65-3</t>
  </si>
  <si>
    <t>606-099-00-2</t>
  </si>
  <si>
    <t>5-methoxy-4'-(trifluoromethyl)valerophenone</t>
  </si>
  <si>
    <t>425-000-1</t>
  </si>
  <si>
    <t>61718-80-7</t>
  </si>
  <si>
    <t>2-butyryl-3-hydroxy-5-thiocyclohexan-3-yl-cyclohex-2-en-1-one</t>
  </si>
  <si>
    <t>606-101-00-1</t>
  </si>
  <si>
    <t>426-050-7</t>
  </si>
  <si>
    <t>165038-51-7</t>
  </si>
  <si>
    <t>606-102-00-7</t>
  </si>
  <si>
    <t>4-(3-triethoxysilylpropoxy)-2-hydroxybenzophenone</t>
  </si>
  <si>
    <t>431-490-8</t>
  </si>
  <si>
    <t>79876-59-8</t>
  </si>
  <si>
    <t>606-103-00-2</t>
  </si>
  <si>
    <t>426-460-6</t>
  </si>
  <si>
    <t>606-104-00-8</t>
  </si>
  <si>
    <t>426-830-7</t>
  </si>
  <si>
    <t>78531-59-6</t>
  </si>
  <si>
    <t>606-105-00-3</t>
  </si>
  <si>
    <t>3,4,3', 4'-tetraphenyl-1,1'-ethandiylbispyrol-2,5-dione</t>
  </si>
  <si>
    <t>431-500-0</t>
  </si>
  <si>
    <t>226065-73-2</t>
  </si>
  <si>
    <t>606-106-00-9</t>
  </si>
  <si>
    <t>427-320-7</t>
  </si>
  <si>
    <t>83626-30-6</t>
  </si>
  <si>
    <t>606-107-00-4</t>
  </si>
  <si>
    <t>8-azaspiro[4.5]decane-7,9-dione</t>
  </si>
  <si>
    <t>427-770-4</t>
  </si>
  <si>
    <t>1075-89-4</t>
  </si>
  <si>
    <t>606-108-00-X</t>
  </si>
  <si>
    <t>1,1,1,2,2,4,5,5,5-nonafluoro-4-(trifluoromethyl)-3-pentanone</t>
  </si>
  <si>
    <t>436-710-6</t>
  </si>
  <si>
    <t>756-13-8</t>
  </si>
  <si>
    <t>606-109-00-5</t>
  </si>
  <si>
    <t>2-(4-methyl-3-pentenyl)anthraquinone</t>
  </si>
  <si>
    <t>428-320-1</t>
  </si>
  <si>
    <t>71308-16-2</t>
  </si>
  <si>
    <t>606-110-00-0</t>
  </si>
  <si>
    <t>428-330-4</t>
  </si>
  <si>
    <t>2833-30-9</t>
  </si>
  <si>
    <t>606-111-00-6</t>
  </si>
  <si>
    <t>5-amino-6-methyl-1,3-dihydrobenzoimidazol-2-one</t>
  </si>
  <si>
    <t>428-410-9</t>
  </si>
  <si>
    <t>67014-36-2</t>
  </si>
  <si>
    <t>606-112-00-1</t>
  </si>
  <si>
    <t>428-690-2</t>
  </si>
  <si>
    <t>1668-86-6</t>
  </si>
  <si>
    <t>606-113-00-7</t>
  </si>
  <si>
    <t>1-[4-(4-benzoylphenylsulfanyl)phenyl]-2-methyl-2-(4-methylphenylsulfonyl)propan-1-one</t>
  </si>
  <si>
    <t>429-040-0</t>
  </si>
  <si>
    <t>272460-97-6</t>
  </si>
  <si>
    <t>606-114-00-2</t>
  </si>
  <si>
    <t>4,4', 5,5', 6,6', 7,7'-octachloro-(2,2')biisoindolyl-1,1', 3,3'-tetraone</t>
  </si>
  <si>
    <t>429-150-9</t>
  </si>
  <si>
    <t>67887-47-2</t>
  </si>
  <si>
    <t>606-115-00-8</t>
  </si>
  <si>
    <t>139001-49-3</t>
  </si>
  <si>
    <t>606-116-00-3</t>
  </si>
  <si>
    <t>149979-41-9</t>
  </si>
  <si>
    <t>606-117-00-9</t>
  </si>
  <si>
    <t>2,6-bis(1,1-dimethylethyl)-4-(phenylenemethylene)cyclohexa-2,5-dien-1-one</t>
  </si>
  <si>
    <t>429-460-4</t>
  </si>
  <si>
    <t>7078-98-0</t>
  </si>
  <si>
    <t>606-118-00-4</t>
  </si>
  <si>
    <t>429-640-2</t>
  </si>
  <si>
    <t>52870-46-9</t>
  </si>
  <si>
    <t>606-119-00-X</t>
  </si>
  <si>
    <t>429-900-5</t>
  </si>
  <si>
    <t>606-120-00-5</t>
  </si>
  <si>
    <t>2,5-dihydroxy-5-methyl-3-(morpholin-4-yl)-2-cyclopenten-1-one</t>
  </si>
  <si>
    <t>430-170-5</t>
  </si>
  <si>
    <t>114625-74-0</t>
  </si>
  <si>
    <t>606-121-00-0</t>
  </si>
  <si>
    <t>430-460-1</t>
  </si>
  <si>
    <t>133636-82-5</t>
  </si>
  <si>
    <t>606-122-00-6</t>
  </si>
  <si>
    <t>3-(2-bromopropionoyl)-4,4-dimethyl-1,3-oxazolan-2-one</t>
  </si>
  <si>
    <t>430-820-8</t>
  </si>
  <si>
    <t>114341-88-7</t>
  </si>
  <si>
    <t>606-123-00-1</t>
  </si>
  <si>
    <t>4-hexadecyl-1-phenylpyrazolidin-3-one</t>
  </si>
  <si>
    <t>430-840-7</t>
  </si>
  <si>
    <t>606-124-00-7</t>
  </si>
  <si>
    <t>1-cyclopropyl-3-(2-methylthio-4-trifluoromethylphenyl)-1,3-propanedione</t>
  </si>
  <si>
    <t>421-080-7</t>
  </si>
  <si>
    <t>161462-35-7</t>
  </si>
  <si>
    <t>606-125-00-2</t>
  </si>
  <si>
    <t>1-benzylimidazolidine-2,4-dione</t>
  </si>
  <si>
    <t>421-340-1</t>
  </si>
  <si>
    <t>6777-05-5</t>
  </si>
  <si>
    <t>606-126-00-8</t>
  </si>
  <si>
    <t>1,4-bis(2,3-dihydroxypropylamino)anthraquinone</t>
  </si>
  <si>
    <t>421-470-7</t>
  </si>
  <si>
    <t>99788-75-7</t>
  </si>
  <si>
    <t>606-128-00-9</t>
  </si>
  <si>
    <t>422-650-8</t>
  </si>
  <si>
    <t>148935-94-8</t>
  </si>
  <si>
    <t>606-129-00-4</t>
  </si>
  <si>
    <t>423-090-7</t>
  </si>
  <si>
    <t>156732-13-7</t>
  </si>
  <si>
    <t>606-130-00-X</t>
  </si>
  <si>
    <t>4-(1,4-dioxa-spiro[4.5]dec-8-yl)-cyclohexanone</t>
  </si>
  <si>
    <t>423-860-2</t>
  </si>
  <si>
    <t>56309-94-5</t>
  </si>
  <si>
    <t>cyclic 3-(1,2-ethanediylacetale)-estra-5(10),9(11)-diene-3,17-dione</t>
  </si>
  <si>
    <t>606-132-00-0</t>
  </si>
  <si>
    <t>(6β)-6,19-epoxyandrost-4-ene-3,17-dione</t>
  </si>
  <si>
    <t>433-490-3</t>
  </si>
  <si>
    <t>6563-83-3</t>
  </si>
  <si>
    <t>606-134-00-1</t>
  </si>
  <si>
    <t>androsta-1,4,9(11)-triene-3,17-dione</t>
  </si>
  <si>
    <t>433-560-3</t>
  </si>
  <si>
    <t>15375-21-0</t>
  </si>
  <si>
    <t>606-135-00-7</t>
  </si>
  <si>
    <t>cyclohexadecanone</t>
  </si>
  <si>
    <t>438-930-8</t>
  </si>
  <si>
    <t>2550-52-9</t>
  </si>
  <si>
    <t>606-136-00-2</t>
  </si>
  <si>
    <t>444-350-6</t>
  </si>
  <si>
    <t>133413-70-4</t>
  </si>
  <si>
    <t>606-137-00-8</t>
  </si>
  <si>
    <t>444-750-0</t>
  </si>
  <si>
    <t>211387-26-7</t>
  </si>
  <si>
    <t>606-138-00-3</t>
  </si>
  <si>
    <t>(2-butyl-5-nitrobenzofuran-3-yl)[4-(3-dibutylaminopropoxy)phenyl]methanone</t>
  </si>
  <si>
    <t>444-800-1</t>
  </si>
  <si>
    <t>141645-23-0</t>
  </si>
  <si>
    <t>606-139-00-9</t>
  </si>
  <si>
    <t>444-830-5</t>
  </si>
  <si>
    <t>124379-29-9</t>
  </si>
  <si>
    <t>606-140-00-4</t>
  </si>
  <si>
    <t>2-hydroxy-1-(4-(4-(2-hydroxy-2-methylpropionyl)benzyl)phenyl)-2-methylpropan-1-one</t>
  </si>
  <si>
    <t>444-860-9</t>
  </si>
  <si>
    <t>474510-57-1</t>
  </si>
  <si>
    <t>606-141-00-X</t>
  </si>
  <si>
    <t>sodium 3-(methoxycarbonyl)-4-oxo-3,4,5,6-tetrahydro-2-pyridinolate</t>
  </si>
  <si>
    <t>418-410-7</t>
  </si>
  <si>
    <t>606-142-00-5</t>
  </si>
  <si>
    <t>434-290-9</t>
  </si>
  <si>
    <t>606-143-00-0</t>
  </si>
  <si>
    <t>_ [1]</t>
  </si>
  <si>
    <t>71751-41-2 [1]</t>
  </si>
  <si>
    <t>H372 (nervous system)</t>
  </si>
  <si>
    <t>265-610-3 [2]</t>
  </si>
  <si>
    <t>65195-55-3 [2]</t>
  </si>
  <si>
    <t>606-144-00-6</t>
  </si>
  <si>
    <t>57960-19-7</t>
  </si>
  <si>
    <t>606-145-00-1</t>
  </si>
  <si>
    <t>99105-77-8</t>
  </si>
  <si>
    <t>H373 (kidneys)</t>
  </si>
  <si>
    <t>606-146-00-7</t>
  </si>
  <si>
    <t>tralkoxydim (ISO); 2-(N-ethoxypropanimidoyl)-3-hydroxy-5-mesitylcyclohex-2-en-1-one</t>
  </si>
  <si>
    <t>87820-88-0</t>
  </si>
  <si>
    <t>606-147-00-2</t>
  </si>
  <si>
    <t>405-230-9</t>
  </si>
  <si>
    <t>101205-02-1</t>
  </si>
  <si>
    <t>606-148-00-8</t>
  </si>
  <si>
    <t>carvone (ISO);</t>
  </si>
  <si>
    <t>202-759-5 [1]</t>
  </si>
  <si>
    <t>99-49-0 [1]</t>
  </si>
  <si>
    <t>2-methyl-5-(prop-1-en-2-yl)cyclohex-2-en-1-one; [1]</t>
  </si>
  <si>
    <t>218-827-2 [2]</t>
  </si>
  <si>
    <t>2244-16-8 [2]</t>
  </si>
  <si>
    <t>d-carvone; (5S)-2-methyl-5-(prop-1-en-2-yl)cyclohex-2-en-1-one; [2]</t>
  </si>
  <si>
    <t>229-352-5 [3]</t>
  </si>
  <si>
    <t>6485-40-1 [3]</t>
  </si>
  <si>
    <t>l-carvone; (5R)-2-methyl-5-(prop-1-en-2-yl)cyclohex-2-en-1-one [3]</t>
  </si>
  <si>
    <t>606-149-00-3</t>
  </si>
  <si>
    <t>tembotrione (ISO); 2-{2-chloro-4-(methylsulfonyl)-3-[(2,2,2-trifluoroethoxy)methyl]benzoyl}cyclohexane-1,3-dione</t>
  </si>
  <si>
    <t>335104-84-2</t>
  </si>
  <si>
    <t>H373 (eyes, kidneys, liver)</t>
  </si>
  <si>
    <t>606-150-00-9</t>
  </si>
  <si>
    <t>clethodim (ISO); (5RS)-2-{(1EZ)-1-[(2E)-3-chloroallyloxyimino]propyl}-5-[(2RS)-2-(ethylthio)propyl]-3-hydroxycyclohex-2-en-1-one</t>
  </si>
  <si>
    <t>99129-21-2</t>
  </si>
  <si>
    <t>anthraquinone</t>
  </si>
  <si>
    <t>607-001-00-0</t>
  </si>
  <si>
    <t>200-579-1</t>
  </si>
  <si>
    <t>64-18-6</t>
  </si>
  <si>
    <t>607-002-00-6</t>
  </si>
  <si>
    <t>200-580-7</t>
  </si>
  <si>
    <t>64-19-7</t>
  </si>
  <si>
    <t>607-003-00-1</t>
  </si>
  <si>
    <t>chloroacetic acid</t>
  </si>
  <si>
    <t>201-178-4</t>
  </si>
  <si>
    <t>79-11-8</t>
  </si>
  <si>
    <t>607-004-00-7</t>
  </si>
  <si>
    <t>200-927-2</t>
  </si>
  <si>
    <t>76-03-9</t>
  </si>
  <si>
    <t>607-005-00-2</t>
  </si>
  <si>
    <t>211-479-2</t>
  </si>
  <si>
    <t>650-51-1</t>
  </si>
  <si>
    <t>607-006-00-8</t>
  </si>
  <si>
    <t>oxalic acid</t>
  </si>
  <si>
    <t>205-634-3</t>
  </si>
  <si>
    <t>144-62-7</t>
  </si>
  <si>
    <t>607-007-00-3</t>
  </si>
  <si>
    <t>607-008-00-9</t>
  </si>
  <si>
    <t>acetic anhydride</t>
  </si>
  <si>
    <t>203-564-8</t>
  </si>
  <si>
    <t>108-24-7</t>
  </si>
  <si>
    <t>607-009-00-4</t>
  </si>
  <si>
    <t>phthalic anhydride</t>
  </si>
  <si>
    <t>201-607-5</t>
  </si>
  <si>
    <t>607-010-00-X</t>
  </si>
  <si>
    <t>propionic anhydride</t>
  </si>
  <si>
    <t>204-638-2</t>
  </si>
  <si>
    <t>123-62-6</t>
  </si>
  <si>
    <t>607-011-00-5</t>
  </si>
  <si>
    <t>acetyl chloride</t>
  </si>
  <si>
    <t>200-865-6</t>
  </si>
  <si>
    <t>75-36-5</t>
  </si>
  <si>
    <t>607-012-00-0</t>
  </si>
  <si>
    <t>benzoyl chloride</t>
  </si>
  <si>
    <t>202-710-8</t>
  </si>
  <si>
    <t>98-88-4</t>
  </si>
  <si>
    <t>607-013-00-6</t>
  </si>
  <si>
    <t>dimethyl carbonate</t>
  </si>
  <si>
    <t>210-478-4</t>
  </si>
  <si>
    <t>616-38-6</t>
  </si>
  <si>
    <t>607-014-00-1</t>
  </si>
  <si>
    <t>methyl formate</t>
  </si>
  <si>
    <t>203-481-7</t>
  </si>
  <si>
    <t>107-31-3</t>
  </si>
  <si>
    <t>607-015-00-7</t>
  </si>
  <si>
    <t>ethyl formate</t>
  </si>
  <si>
    <t>203-721-0</t>
  </si>
  <si>
    <t>109-94-4</t>
  </si>
  <si>
    <t>607-016-00-2</t>
  </si>
  <si>
    <t>203-798-0 [1]</t>
  </si>
  <si>
    <t>110-74-7 [1]</t>
  </si>
  <si>
    <t>210-901-2 [2]</t>
  </si>
  <si>
    <t>625-55-8 [2]</t>
  </si>
  <si>
    <t>607-017-00-8</t>
  </si>
  <si>
    <t>209-772-5 [1]</t>
  </si>
  <si>
    <t>592-84-7 [1]</t>
  </si>
  <si>
    <t>212-105-0 [2]</t>
  </si>
  <si>
    <t>762-75-4 [2]</t>
  </si>
  <si>
    <t>208-818-1 [3]</t>
  </si>
  <si>
    <t>542-55-2 [3]</t>
  </si>
  <si>
    <t>607-018-00-3</t>
  </si>
  <si>
    <t>203-769-2 [1]</t>
  </si>
  <si>
    <t>110-45-2 [1]</t>
  </si>
  <si>
    <t>252-343-2 [2]</t>
  </si>
  <si>
    <t>35073-27-9 [2]</t>
  </si>
  <si>
    <t>607-019-00-9</t>
  </si>
  <si>
    <t>methyl chloroformate</t>
  </si>
  <si>
    <t>201-187-3</t>
  </si>
  <si>
    <t>79-22-1</t>
  </si>
  <si>
    <t>607-020-00-4</t>
  </si>
  <si>
    <t>ethyl chloroformate</t>
  </si>
  <si>
    <t>208-778-5</t>
  </si>
  <si>
    <t>541-41-3</t>
  </si>
  <si>
    <t>607-021-00-X</t>
  </si>
  <si>
    <t>methyl acetate</t>
  </si>
  <si>
    <t>201-185-2</t>
  </si>
  <si>
    <t>79-20-9</t>
  </si>
  <si>
    <t>607-022-00-5</t>
  </si>
  <si>
    <t>ethyl acetate</t>
  </si>
  <si>
    <t>205-500-4</t>
  </si>
  <si>
    <t>141-78-6</t>
  </si>
  <si>
    <t>607-023-00-0</t>
  </si>
  <si>
    <t>vinyl acetate</t>
  </si>
  <si>
    <t>203-545-4</t>
  </si>
  <si>
    <t>108-05-4</t>
  </si>
  <si>
    <t>607-024-00-6</t>
  </si>
  <si>
    <t>203-686-1 [1]</t>
  </si>
  <si>
    <t>109-60-4 [1]</t>
  </si>
  <si>
    <t>203-561-1 [2]</t>
  </si>
  <si>
    <t>108-21-4 [2]</t>
  </si>
  <si>
    <t>607-025-00-1</t>
  </si>
  <si>
    <t>204-658-1</t>
  </si>
  <si>
    <t>123-86-4</t>
  </si>
  <si>
    <t>607-026-00-7</t>
  </si>
  <si>
    <t>203-300-1 [1]</t>
  </si>
  <si>
    <t>105-46-4 [1]</t>
  </si>
  <si>
    <t>203-745-1 [2]</t>
  </si>
  <si>
    <t>110-19-0 [2]</t>
  </si>
  <si>
    <t>208-760-7 [3]</t>
  </si>
  <si>
    <t>540-88-5 [3]</t>
  </si>
  <si>
    <t>607-027-00-2</t>
  </si>
  <si>
    <t>methyl propionate</t>
  </si>
  <si>
    <t>209-060-4</t>
  </si>
  <si>
    <t>554-12-1</t>
  </si>
  <si>
    <t>607-028-00-8</t>
  </si>
  <si>
    <t>ethyl propionate</t>
  </si>
  <si>
    <t>203-291-4</t>
  </si>
  <si>
    <t>105-37-3</t>
  </si>
  <si>
    <t>607-029-00-3</t>
  </si>
  <si>
    <t>209-669-5 [1]</t>
  </si>
  <si>
    <t>590-01-2 [1]</t>
  </si>
  <si>
    <t>591-34-4 [2]</t>
  </si>
  <si>
    <t>208-746-0 [3]</t>
  </si>
  <si>
    <t>540-42-1 [3]</t>
  </si>
  <si>
    <t>607-030-00-9</t>
  </si>
  <si>
    <t>propyl propionate</t>
  </si>
  <si>
    <t>203-389-7</t>
  </si>
  <si>
    <t>106-36-5</t>
  </si>
  <si>
    <t>607-031-00-4</t>
  </si>
  <si>
    <t>butyl butyrate</t>
  </si>
  <si>
    <t>203-656-8</t>
  </si>
  <si>
    <t>109-21-7</t>
  </si>
  <si>
    <t>607-032-00-X</t>
  </si>
  <si>
    <t>ethyl acrylate</t>
  </si>
  <si>
    <t>205-438-8</t>
  </si>
  <si>
    <t>140-88-5</t>
  </si>
  <si>
    <t>607-033-00-5</t>
  </si>
  <si>
    <t>202-615-1</t>
  </si>
  <si>
    <t>97-88-1</t>
  </si>
  <si>
    <t>607-034-00-0</t>
  </si>
  <si>
    <t>202-500-6</t>
  </si>
  <si>
    <t>96-33-3</t>
  </si>
  <si>
    <t>607-035-00-6</t>
  </si>
  <si>
    <t>201-297-1</t>
  </si>
  <si>
    <t>80-62-6</t>
  </si>
  <si>
    <t>607-038-00-2</t>
  </si>
  <si>
    <t>203-933-3</t>
  </si>
  <si>
    <t>112-07-2</t>
  </si>
  <si>
    <t>607-039-00-8</t>
  </si>
  <si>
    <t>202-361-1</t>
  </si>
  <si>
    <t>94-75-7</t>
  </si>
  <si>
    <t>607-040-00-3</t>
  </si>
  <si>
    <t>salts of 2,4-D</t>
  </si>
  <si>
    <t>607-041-00-9</t>
  </si>
  <si>
    <t>202-273-3</t>
  </si>
  <si>
    <t>93-76-5</t>
  </si>
  <si>
    <t>607-042-00-4</t>
  </si>
  <si>
    <t>607-043-00-X</t>
  </si>
  <si>
    <t>217-635-6</t>
  </si>
  <si>
    <t>1918-00-9</t>
  </si>
  <si>
    <t>607-044-00-5</t>
  </si>
  <si>
    <t>218-951-7 [1]</t>
  </si>
  <si>
    <t>2300-66-5 [1]</t>
  </si>
  <si>
    <t>233-002-7 [2]</t>
  </si>
  <si>
    <t>10007-85-9 [2]</t>
  </si>
  <si>
    <t>607-045-00-0</t>
  </si>
  <si>
    <t>204-390-5</t>
  </si>
  <si>
    <t>120-36-5</t>
  </si>
  <si>
    <t>607-046-00-6</t>
  </si>
  <si>
    <t>salts of dichlorprop</t>
  </si>
  <si>
    <t>607-047-00-1</t>
  </si>
  <si>
    <t>202-271-2</t>
  </si>
  <si>
    <t>93-72-1</t>
  </si>
  <si>
    <t>607-048-00-7</t>
  </si>
  <si>
    <t>607-049-00-2</t>
  </si>
  <si>
    <t>230-386-8 [1]</t>
  </si>
  <si>
    <t>7085-19-0 [1]</t>
  </si>
  <si>
    <t>202-264-4 [2]</t>
  </si>
  <si>
    <t>708519-0 [2]</t>
  </si>
  <si>
    <t>607-050-00-8</t>
  </si>
  <si>
    <t>salts of mecoprop</t>
  </si>
  <si>
    <t>607-051-00-3</t>
  </si>
  <si>
    <t>202-360-6</t>
  </si>
  <si>
    <t>94-74-6</t>
  </si>
  <si>
    <t>607-052-00-9</t>
  </si>
  <si>
    <t>salts and esters of MCPA</t>
  </si>
  <si>
    <t>607-053-00-4</t>
  </si>
  <si>
    <t>202-365-3</t>
  </si>
  <si>
    <t>94-81-5</t>
  </si>
  <si>
    <t>607-054-00-X</t>
  </si>
  <si>
    <t>salts and esters of MCPB</t>
  </si>
  <si>
    <t>607-055-00-5</t>
  </si>
  <si>
    <t>204-959-8</t>
  </si>
  <si>
    <t>129-67-9</t>
  </si>
  <si>
    <t>warfarin (ISO);</t>
  </si>
  <si>
    <t>201-377-6</t>
  </si>
  <si>
    <t>Repr. 1A; H360D:</t>
  </si>
  <si>
    <t>4-hydroxy-3-(3-oxo-1-phenylbutyl)-2H-chromen-2-one; [1]</t>
  </si>
  <si>
    <t>[1]</t>
  </si>
  <si>
    <t>5543-57-7</t>
  </si>
  <si>
    <t>(S)-4-hydroxy-3-(3-oxo-1-phenylbutyl)-2-benzopyrone; [2]</t>
  </si>
  <si>
    <t>226-907-3</t>
  </si>
  <si>
    <t>(R)-4-hydroxy-3-(3-oxo-1-phenylbutyl)-2-benzopyrone [3]</t>
  </si>
  <si>
    <t>5543-58-8</t>
  </si>
  <si>
    <t>226-908-9</t>
  </si>
  <si>
    <t>607-057-00-6</t>
  </si>
  <si>
    <t>201-378-1</t>
  </si>
  <si>
    <t>81-82-3</t>
  </si>
  <si>
    <t>607-058-00-1</t>
  </si>
  <si>
    <t>204-195-5</t>
  </si>
  <si>
    <t>117-52-2</t>
  </si>
  <si>
    <t>coumatetralyl (ISO); 4-hydroxy-3-(1,2,3,4-tetrahydro-1-naphthyl)coumarin</t>
  </si>
  <si>
    <t>607-060-00-2</t>
  </si>
  <si>
    <t>200-632-9</t>
  </si>
  <si>
    <t>66-76-2</t>
  </si>
  <si>
    <t>607-061-00-8</t>
  </si>
  <si>
    <t>201-177-9</t>
  </si>
  <si>
    <t>79-10-7</t>
  </si>
  <si>
    <t>607-062-00-3</t>
  </si>
  <si>
    <t>205-480-7</t>
  </si>
  <si>
    <t>141-32-2</t>
  </si>
  <si>
    <t>607-063-00-9</t>
  </si>
  <si>
    <t>isobutyric acid</t>
  </si>
  <si>
    <t>201-195-7</t>
  </si>
  <si>
    <t>79-31-2</t>
  </si>
  <si>
    <t>607-064-00-4</t>
  </si>
  <si>
    <t>benzyl chloroformate</t>
  </si>
  <si>
    <t>207-925-0</t>
  </si>
  <si>
    <t>501-53-1</t>
  </si>
  <si>
    <t>607-065-00-X</t>
  </si>
  <si>
    <t>bromoacetic acid</t>
  </si>
  <si>
    <t>201-175-8</t>
  </si>
  <si>
    <t>79-08-3</t>
  </si>
  <si>
    <t>607-066-00-5</t>
  </si>
  <si>
    <t>dichloroacetic acid</t>
  </si>
  <si>
    <t>201-207-0</t>
  </si>
  <si>
    <t>79-43-6</t>
  </si>
  <si>
    <t>607-067-00-0</t>
  </si>
  <si>
    <t>dichloroacetyl chloride</t>
  </si>
  <si>
    <t>201-199-9</t>
  </si>
  <si>
    <t>79-36-7</t>
  </si>
  <si>
    <t>607-068-00-6</t>
  </si>
  <si>
    <t>iodoacetic acid</t>
  </si>
  <si>
    <t>200-590-1</t>
  </si>
  <si>
    <t>64-69-7</t>
  </si>
  <si>
    <t>607-069-00-1</t>
  </si>
  <si>
    <t>ethyl bromoacetate</t>
  </si>
  <si>
    <t>203-290-9</t>
  </si>
  <si>
    <t>105-36-2</t>
  </si>
  <si>
    <t>607-070-00-7</t>
  </si>
  <si>
    <t>ethyl chloroacetate</t>
  </si>
  <si>
    <t>203-294-0</t>
  </si>
  <si>
    <t>105-39-5</t>
  </si>
  <si>
    <t>607-071-00-2</t>
  </si>
  <si>
    <t>ethyl methacrylate</t>
  </si>
  <si>
    <t>202-597-5</t>
  </si>
  <si>
    <t>97-63-2</t>
  </si>
  <si>
    <t>607-072-00-8</t>
  </si>
  <si>
    <t>2-hydroxyethyl acrylate</t>
  </si>
  <si>
    <t>212-454-9</t>
  </si>
  <si>
    <t>818-61-1</t>
  </si>
  <si>
    <t>607-073-00-3</t>
  </si>
  <si>
    <t>204-581-3</t>
  </si>
  <si>
    <t>122-88-3</t>
  </si>
  <si>
    <t>607-074-00-9</t>
  </si>
  <si>
    <t>201-599-3</t>
  </si>
  <si>
    <t>85-34-7</t>
  </si>
  <si>
    <t>607-075-00-4</t>
  </si>
  <si>
    <t>238-413-5</t>
  </si>
  <si>
    <t>14437-17-3</t>
  </si>
  <si>
    <t>607-076-00-X</t>
  </si>
  <si>
    <t>219-459-5</t>
  </si>
  <si>
    <t>2439-10-3</t>
  </si>
  <si>
    <t>607-077-00-5</t>
  </si>
  <si>
    <t>136-25-4</t>
  </si>
  <si>
    <t>607-078-00-0</t>
  </si>
  <si>
    <t>4301-50-2</t>
  </si>
  <si>
    <t>607-079-00-6</t>
  </si>
  <si>
    <t>4234-79-1</t>
  </si>
  <si>
    <t>607-080-00-1</t>
  </si>
  <si>
    <t>chloroacetyl chloride</t>
  </si>
  <si>
    <t>201-171-6</t>
  </si>
  <si>
    <t>79-04-9</t>
  </si>
  <si>
    <t>607-081-00-7</t>
  </si>
  <si>
    <t>fluoroacetic acid</t>
  </si>
  <si>
    <t>205-631-7</t>
  </si>
  <si>
    <t>144-49-0</t>
  </si>
  <si>
    <t>607-082-00-2</t>
  </si>
  <si>
    <t>fluoroacetates, soluble</t>
  </si>
  <si>
    <t>607-083-00-8</t>
  </si>
  <si>
    <t>202-366-9</t>
  </si>
  <si>
    <t>94-82-6</t>
  </si>
  <si>
    <t>607-084-00-3</t>
  </si>
  <si>
    <t>salts of 2,4-DB</t>
  </si>
  <si>
    <t>607-085-00-9</t>
  </si>
  <si>
    <t>benzyl benzoate</t>
  </si>
  <si>
    <t>204-402-9</t>
  </si>
  <si>
    <t>120-51-4</t>
  </si>
  <si>
    <t>607-086-00-4</t>
  </si>
  <si>
    <t>diallyl phthalate</t>
  </si>
  <si>
    <t>205-016-3</t>
  </si>
  <si>
    <t>131-17-9</t>
  </si>
  <si>
    <t>607-088-00-5</t>
  </si>
  <si>
    <t>201-204-4</t>
  </si>
  <si>
    <t>79-41-4</t>
  </si>
  <si>
    <t>607-089-00-0</t>
  </si>
  <si>
    <t>201-176-3</t>
  </si>
  <si>
    <t>79-09-4</t>
  </si>
  <si>
    <t>607-090-00-6</t>
  </si>
  <si>
    <t>thioglycolic acid</t>
  </si>
  <si>
    <t>200-677-4</t>
  </si>
  <si>
    <t>68-11-1</t>
  </si>
  <si>
    <t>607-091-00-1</t>
  </si>
  <si>
    <t>trifluoroacetic acid . . . %</t>
  </si>
  <si>
    <t>200-929-3</t>
  </si>
  <si>
    <t>76-05-1</t>
  </si>
  <si>
    <t>607-092-00-7</t>
  </si>
  <si>
    <t>208-930-0 [1]</t>
  </si>
  <si>
    <t>547-64-8 [1]</t>
  </si>
  <si>
    <t>218-449-8 [2]</t>
  </si>
  <si>
    <t>2155-30-8 [2]</t>
  </si>
  <si>
    <t>241-420-6 [3]</t>
  </si>
  <si>
    <t>17392-83-5 [3]</t>
  </si>
  <si>
    <t>248-704-9 [4]</t>
  </si>
  <si>
    <t>27871-49-4 [4]</t>
  </si>
  <si>
    <t>607-093-00-2</t>
  </si>
  <si>
    <t>propionyl chloride</t>
  </si>
  <si>
    <t>201-170-0</t>
  </si>
  <si>
    <t>79-03-8</t>
  </si>
  <si>
    <t>B D</t>
  </si>
  <si>
    <t>607-094-00-8</t>
  </si>
  <si>
    <t>peracetic acid . . . %</t>
  </si>
  <si>
    <t>201-186-8</t>
  </si>
  <si>
    <t>79-21-0</t>
  </si>
  <si>
    <t>607-095-00-3</t>
  </si>
  <si>
    <t>maleic acid</t>
  </si>
  <si>
    <t>203-742-5</t>
  </si>
  <si>
    <t>110-16-7</t>
  </si>
  <si>
    <t>607-096-00-9</t>
  </si>
  <si>
    <t>maleic anhydride</t>
  </si>
  <si>
    <t>203-571-6</t>
  </si>
  <si>
    <t>108-31-6</t>
  </si>
  <si>
    <t>607-097-00-4</t>
  </si>
  <si>
    <t>607-098-00-X</t>
  </si>
  <si>
    <t>201-898-9</t>
  </si>
  <si>
    <t>89-32-7</t>
  </si>
  <si>
    <t>607-099-00-5</t>
  </si>
  <si>
    <t>201-605-4 [1]</t>
  </si>
  <si>
    <t>85-43-8 [1]</t>
  </si>
  <si>
    <t>213-308-7 [2]</t>
  </si>
  <si>
    <t>935-79-5 [2]</t>
  </si>
  <si>
    <t>219-374-3 [3]</t>
  </si>
  <si>
    <t>2426-02-0 [3]</t>
  </si>
  <si>
    <t>247-570-9 [4]</t>
  </si>
  <si>
    <t>26266-63-7 [4]</t>
  </si>
  <si>
    <t>607-100-00-9</t>
  </si>
  <si>
    <t>219-348-1</t>
  </si>
  <si>
    <t>2421-28-5</t>
  </si>
  <si>
    <t>607-101-00-4</t>
  </si>
  <si>
    <t>204-077-3</t>
  </si>
  <si>
    <t>115-27-5</t>
  </si>
  <si>
    <t>607-102-00-X</t>
  </si>
  <si>
    <t>201-604-9 [1]</t>
  </si>
  <si>
    <t>85-42-7 [1]</t>
  </si>
  <si>
    <t>236-086-3 [2]</t>
  </si>
  <si>
    <t>13149-00-3 [2]</t>
  </si>
  <si>
    <t>238-009-9 [3]</t>
  </si>
  <si>
    <t>14166-21-3 [3]</t>
  </si>
  <si>
    <t>607-103-00-5</t>
  </si>
  <si>
    <t>succinic anhydride</t>
  </si>
  <si>
    <t>203-570-0</t>
  </si>
  <si>
    <t>108-30-5</t>
  </si>
  <si>
    <t>607-104-00-0</t>
  </si>
  <si>
    <t>cyclopentane-1,2,3,4-tetracarboxylic dianhydride</t>
  </si>
  <si>
    <t>227-964-7</t>
  </si>
  <si>
    <t>6053-68-5</t>
  </si>
  <si>
    <t>607-105-00-6</t>
  </si>
  <si>
    <t>204-957-7 [1]</t>
  </si>
  <si>
    <t>129-64-6 [1]</t>
  </si>
  <si>
    <t>212-557-9 [2]</t>
  </si>
  <si>
    <t>826-62-0 [2]</t>
  </si>
  <si>
    <t>220-384-5 [3]</t>
  </si>
  <si>
    <t>2746-19-2 [3]</t>
  </si>
  <si>
    <t>607-106-00-1</t>
  </si>
  <si>
    <t>8,9-dinorborn-5-ene-2,3-dicarboxylic anhydride</t>
  </si>
  <si>
    <t>123748-85-6</t>
  </si>
  <si>
    <t>607-107-00-7</t>
  </si>
  <si>
    <t>2-ethylhexyl acrylate</t>
  </si>
  <si>
    <t>203-080-7</t>
  </si>
  <si>
    <t>103-11-7</t>
  </si>
  <si>
    <t>607-108-00-2</t>
  </si>
  <si>
    <t>220-852-9 [1]</t>
  </si>
  <si>
    <t>2918-23-2 [1]</t>
  </si>
  <si>
    <t>213-663-8 [2]</t>
  </si>
  <si>
    <t>999-61-1 [2]</t>
  </si>
  <si>
    <t>247-118-0 [3]</t>
  </si>
  <si>
    <t>25584-83-2 [3]</t>
  </si>
  <si>
    <t>607-109-00-8</t>
  </si>
  <si>
    <t>235-921-9</t>
  </si>
  <si>
    <t>13048-33-4</t>
  </si>
  <si>
    <t>607-110-00-3</t>
  </si>
  <si>
    <t>pentaerythritol triacrylate</t>
  </si>
  <si>
    <t>222-540-8</t>
  </si>
  <si>
    <t>3524-68-3</t>
  </si>
  <si>
    <t>607-111-00-9</t>
  </si>
  <si>
    <t>239-701-3</t>
  </si>
  <si>
    <t>15625-89-5</t>
  </si>
  <si>
    <t>607-112-00-4</t>
  </si>
  <si>
    <t>218-741-5</t>
  </si>
  <si>
    <t>2223-82-7</t>
  </si>
  <si>
    <t>607-113-00-X</t>
  </si>
  <si>
    <t>isobutyl methacrylate</t>
  </si>
  <si>
    <t>202-613-0</t>
  </si>
  <si>
    <t>97-86-9</t>
  </si>
  <si>
    <t>607-114-00-5</t>
  </si>
  <si>
    <t>ethylene dimethacrylate</t>
  </si>
  <si>
    <t>202-617-2</t>
  </si>
  <si>
    <t>97-90-5</t>
  </si>
  <si>
    <t>607-115-00-0</t>
  </si>
  <si>
    <t>isobutyl acrylate</t>
  </si>
  <si>
    <t>203-417-8</t>
  </si>
  <si>
    <t>106-63-8</t>
  </si>
  <si>
    <t>607-116-00-6</t>
  </si>
  <si>
    <t>cyclohexyl acrylate</t>
  </si>
  <si>
    <t>221-319-3</t>
  </si>
  <si>
    <t>3066-71-5</t>
  </si>
  <si>
    <t>607-117-00-1</t>
  </si>
  <si>
    <t>203-440-3</t>
  </si>
  <si>
    <t>106-90-1</t>
  </si>
  <si>
    <t>607-118-00-7</t>
  </si>
  <si>
    <t>243-105-9</t>
  </si>
  <si>
    <t>19485-03-1</t>
  </si>
  <si>
    <t>607-119-00-2</t>
  </si>
  <si>
    <t>213-979-6</t>
  </si>
  <si>
    <t>1070-70-8</t>
  </si>
  <si>
    <t>607-120-00-8</t>
  </si>
  <si>
    <t>223-791-6</t>
  </si>
  <si>
    <t>4074-88-8</t>
  </si>
  <si>
    <t>607-121-00-3</t>
  </si>
  <si>
    <t>8,9,10-trinorborn-2-yl acrylate</t>
  </si>
  <si>
    <t>10027-06-2</t>
  </si>
  <si>
    <t>607-122-00-9</t>
  </si>
  <si>
    <t>pentaerythritol tetraacrylate</t>
  </si>
  <si>
    <t>225-644-1</t>
  </si>
  <si>
    <t>4986-89-4</t>
  </si>
  <si>
    <t>H372 (respiratory tract) (inhalation)</t>
  </si>
  <si>
    <t>607-124-00-X</t>
  </si>
  <si>
    <t>2-hydroxyethyl methacrylate</t>
  </si>
  <si>
    <t>212-782-2</t>
  </si>
  <si>
    <t>868-77-9</t>
  </si>
  <si>
    <t>607-125-00-5</t>
  </si>
  <si>
    <t>213-090-3 [1]</t>
  </si>
  <si>
    <t>923-26-2 [1]</t>
  </si>
  <si>
    <t>220-426-2 [2]</t>
  </si>
  <si>
    <t>2761-09-3 [2]</t>
  </si>
  <si>
    <t>607-126-00-0</t>
  </si>
  <si>
    <t>216-853-9</t>
  </si>
  <si>
    <t>1680-21-3</t>
  </si>
  <si>
    <t>607-127-00-6</t>
  </si>
  <si>
    <t>2-diethylaminoethyl methacrylate</t>
  </si>
  <si>
    <t>203-275-7</t>
  </si>
  <si>
    <t>105-16-8</t>
  </si>
  <si>
    <t>607-128-00-1</t>
  </si>
  <si>
    <t>223-228-4</t>
  </si>
  <si>
    <t>3775-90-4</t>
  </si>
  <si>
    <t>607-129-00-7</t>
  </si>
  <si>
    <t>202-598-0 [1]</t>
  </si>
  <si>
    <t>97-64-3 [1]</t>
  </si>
  <si>
    <t>211-694-1 [2]</t>
  </si>
  <si>
    <t>687-47-8 [2]</t>
  </si>
  <si>
    <t>607-130-00-2</t>
  </si>
  <si>
    <t>211-047-3 [1]</t>
  </si>
  <si>
    <t>628-63-7 [1]</t>
  </si>
  <si>
    <t>204-662-3 [2]</t>
  </si>
  <si>
    <t>123-92-2 [2]</t>
  </si>
  <si>
    <t>210-946-8 [3]</t>
  </si>
  <si>
    <t>626-38-0 [3]</t>
  </si>
  <si>
    <t>210-843-8 [4]</t>
  </si>
  <si>
    <t>624-41-9 [4]</t>
  </si>
  <si>
    <t>282-263-3 [5]</t>
  </si>
  <si>
    <t>84145-37-9 [5]</t>
  </si>
  <si>
    <t>607-131-00-8</t>
  </si>
  <si>
    <t>203-322-1 [1]</t>
  </si>
  <si>
    <t>105-68-0 [1]</t>
  </si>
  <si>
    <t>210-852-7 [2]</t>
  </si>
  <si>
    <t>624-54-4 [2]</t>
  </si>
  <si>
    <t>219-449-0 [3]</t>
  </si>
  <si>
    <t>2438-20-2 [3]</t>
  </si>
  <si>
    <t>607-132-00-3</t>
  </si>
  <si>
    <t>2-dimethylaminoethyl methacrylate</t>
  </si>
  <si>
    <t>220-688-8</t>
  </si>
  <si>
    <t>2867-47-2</t>
  </si>
  <si>
    <t>607-133-00-9</t>
  </si>
  <si>
    <t>607-134-00-4</t>
  </si>
  <si>
    <t>monoalkyl or monoaryl or monoalkyaryl esters of methacrylic acid with the exception of those specified elsewhere in this Annex</t>
  </si>
  <si>
    <t>607-135-00-X</t>
  </si>
  <si>
    <t>butyric acid</t>
  </si>
  <si>
    <t>203-532-3</t>
  </si>
  <si>
    <t>107-92-6</t>
  </si>
  <si>
    <t>607-136-00-5</t>
  </si>
  <si>
    <t>butyryl chloride</t>
  </si>
  <si>
    <t>205-498-5</t>
  </si>
  <si>
    <t>141-75-3</t>
  </si>
  <si>
    <t>607-137-00-0</t>
  </si>
  <si>
    <t>methyl acetoacetate</t>
  </si>
  <si>
    <t>203-299-8</t>
  </si>
  <si>
    <t>105-45-3</t>
  </si>
  <si>
    <t>607-138-00-6</t>
  </si>
  <si>
    <t>209-750-5</t>
  </si>
  <si>
    <t>592-34-7</t>
  </si>
  <si>
    <t>607-139-00-1</t>
  </si>
  <si>
    <t>2-chloropropionic acid</t>
  </si>
  <si>
    <t>209-952-3</t>
  </si>
  <si>
    <t>598-78-7</t>
  </si>
  <si>
    <t>607-140-00-7</t>
  </si>
  <si>
    <t>isobutyryl chloride</t>
  </si>
  <si>
    <t>201-194-1</t>
  </si>
  <si>
    <t>79-30-1</t>
  </si>
  <si>
    <t>607-141-00-2</t>
  </si>
  <si>
    <t>oxydiethylene bis(chloroformate)</t>
  </si>
  <si>
    <t>203-430-9</t>
  </si>
  <si>
    <t>106-75-2</t>
  </si>
  <si>
    <t>607-142-00-8</t>
  </si>
  <si>
    <t>203-687-7</t>
  </si>
  <si>
    <t>109-61-5</t>
  </si>
  <si>
    <t>607-143-00-3</t>
  </si>
  <si>
    <t>valeric acid</t>
  </si>
  <si>
    <t>203-677-2</t>
  </si>
  <si>
    <t>109-52-4</t>
  </si>
  <si>
    <t>607-144-00-9</t>
  </si>
  <si>
    <t>adipic acid</t>
  </si>
  <si>
    <t>204-673-3</t>
  </si>
  <si>
    <t>124-04-9</t>
  </si>
  <si>
    <t>607-145-00-4</t>
  </si>
  <si>
    <t>methanesulphonic acid</t>
  </si>
  <si>
    <t>200-898-6</t>
  </si>
  <si>
    <t>75-75-2</t>
  </si>
  <si>
    <t>607-146-00-X</t>
  </si>
  <si>
    <t>fumaric acid</t>
  </si>
  <si>
    <t>203-743-0</t>
  </si>
  <si>
    <t>110-17-8</t>
  </si>
  <si>
    <t>607-147-00-5</t>
  </si>
  <si>
    <t>202-464-1</t>
  </si>
  <si>
    <t>95-92-1</t>
  </si>
  <si>
    <t>607-148-00-0</t>
  </si>
  <si>
    <t>200-002-3</t>
  </si>
  <si>
    <t>50-01-1</t>
  </si>
  <si>
    <t>607-150-00-1</t>
  </si>
  <si>
    <t>205-660-5</t>
  </si>
  <si>
    <t>145-73-3</t>
  </si>
  <si>
    <t>607-151-00-7</t>
  </si>
  <si>
    <t>219-006-1</t>
  </si>
  <si>
    <t>2312-35-8</t>
  </si>
  <si>
    <t>607-152-00-2</t>
  </si>
  <si>
    <t>200-026-4</t>
  </si>
  <si>
    <t>50-31-7</t>
  </si>
  <si>
    <t>607-153-00-8</t>
  </si>
  <si>
    <t>223-297-0</t>
  </si>
  <si>
    <t>3813-05-6</t>
  </si>
  <si>
    <t>607-154-00-3</t>
  </si>
  <si>
    <t>244-845-5</t>
  </si>
  <si>
    <t>22212-55-1</t>
  </si>
  <si>
    <t>607-155-00-9</t>
  </si>
  <si>
    <t>2079-00-7</t>
  </si>
  <si>
    <t>607-156-00-4</t>
  </si>
  <si>
    <t>201-270-4</t>
  </si>
  <si>
    <t>80-33-1</t>
  </si>
  <si>
    <t>difenacoum (ISO); 3-(3-biphenyl-4-yl-1,2,3,4-tetrahydro-1-naphthyl)-4-hydroxycoumarin</t>
  </si>
  <si>
    <t>607-158-00-5</t>
  </si>
  <si>
    <t>223-498-3</t>
  </si>
  <si>
    <t>3926-62-3</t>
  </si>
  <si>
    <t>607-159-00-0</t>
  </si>
  <si>
    <t>208-110-2</t>
  </si>
  <si>
    <t>510-15-6</t>
  </si>
  <si>
    <t>607-160-00-6</t>
  </si>
  <si>
    <t>51337-71-4</t>
  </si>
  <si>
    <t>607-161-00-1</t>
  </si>
  <si>
    <t>diethanolamine salt of 4-CPA</t>
  </si>
  <si>
    <t>607-162-00-7</t>
  </si>
  <si>
    <t>200-923-0 [1]</t>
  </si>
  <si>
    <t>75-99-0 [1]</t>
  </si>
  <si>
    <t>204-828-5 [2]</t>
  </si>
  <si>
    <t>127-20-8 [2]</t>
  </si>
  <si>
    <t>607-163-00-2</t>
  </si>
  <si>
    <t>208-293-9</t>
  </si>
  <si>
    <t>520-45-6</t>
  </si>
  <si>
    <t>607-164-00-8</t>
  </si>
  <si>
    <t>224-580-1</t>
  </si>
  <si>
    <t>4418-26-2</t>
  </si>
  <si>
    <t>607-165-00-3</t>
  </si>
  <si>
    <t>257-141-8</t>
  </si>
  <si>
    <t>51338-27-3</t>
  </si>
  <si>
    <t>607-166-00-9</t>
  </si>
  <si>
    <t>219-634-6</t>
  </si>
  <si>
    <t>2487-01-6</t>
  </si>
  <si>
    <t>607-167-00-4</t>
  </si>
  <si>
    <t>sodium 3-chloroacrylate</t>
  </si>
  <si>
    <t>4312-97-4</t>
  </si>
  <si>
    <t>607-168-00-X</t>
  </si>
  <si>
    <t>83-59-0</t>
  </si>
  <si>
    <t>607-169-00-5</t>
  </si>
  <si>
    <t>sodium fluoroacetate</t>
  </si>
  <si>
    <t>200-548-2</t>
  </si>
  <si>
    <t>62-74-8</t>
  </si>
  <si>
    <t>607-170-00-0</t>
  </si>
  <si>
    <t>250-859-2</t>
  </si>
  <si>
    <t>31895-22-4</t>
  </si>
  <si>
    <t>brodifacoum (ISO);</t>
  </si>
  <si>
    <t>607-173-00-7</t>
  </si>
  <si>
    <t>dimethyl (3-methyl-4-(5-nitro-3-ethoxycarbonyl-2-thienyl)azo)phenylnitrilodipropionate</t>
  </si>
  <si>
    <t>400-460-6</t>
  </si>
  <si>
    <t>607-174-00-2</t>
  </si>
  <si>
    <t>reaction mass of dodecyl 3-(2,2,4,4-tetramethyl-21-oxo-7-oxa-3,20-diazadispiro(5,1,11,2)henicosan-20-yl)propionate and tetradecyl 3-(2,2,4,4-tetramethyl-21-oxo-7-oxa-3,20-diazadispiro(5,1,11,2)henicosan-20-yl)propionate</t>
  </si>
  <si>
    <t>400-580-9</t>
  </si>
  <si>
    <t>607-175-00-8</t>
  </si>
  <si>
    <t>methyl 2-(2-nitrobenzylidene)acetoacetate</t>
  </si>
  <si>
    <t>400-650-9</t>
  </si>
  <si>
    <t>39562-27-1</t>
  </si>
  <si>
    <t>607-176-00-3</t>
  </si>
  <si>
    <t>400-830-7</t>
  </si>
  <si>
    <t>607-177-00-9</t>
  </si>
  <si>
    <t>401-190-1</t>
  </si>
  <si>
    <t>101200-48-0</t>
  </si>
  <si>
    <t>607-178-00-4</t>
  </si>
  <si>
    <t>401-340-6</t>
  </si>
  <si>
    <t>83055-99-6</t>
  </si>
  <si>
    <t>607-179-00-X</t>
  </si>
  <si>
    <t>(benzothiazol-2-ylthio)succinic acid</t>
  </si>
  <si>
    <t>401-450-4</t>
  </si>
  <si>
    <t>95154-01-1</t>
  </si>
  <si>
    <t>607-180-00-5</t>
  </si>
  <si>
    <t>potassium 2-hydroxycarbazole-1-carboxylate</t>
  </si>
  <si>
    <t>401-630-2</t>
  </si>
  <si>
    <t>96566-70-0</t>
  </si>
  <si>
    <t>607-181-00-0</t>
  </si>
  <si>
    <t>3,5-dichloro-2,4-difluorobenzoyl fluoride</t>
  </si>
  <si>
    <t>401-800-6</t>
  </si>
  <si>
    <t>101513-70-6</t>
  </si>
  <si>
    <t>607-182-00-6</t>
  </si>
  <si>
    <t>methyl 3-sulphamoyl-2-thenoate</t>
  </si>
  <si>
    <t>402-050-2</t>
  </si>
  <si>
    <t>607-183-00-1</t>
  </si>
  <si>
    <t>402-280-3</t>
  </si>
  <si>
    <t>607-184-00-7</t>
  </si>
  <si>
    <t>402-290-8</t>
  </si>
  <si>
    <t>85702-90-5</t>
  </si>
  <si>
    <t>607-185-00-2</t>
  </si>
  <si>
    <t>402-650-4</t>
  </si>
  <si>
    <t>1117-37-9</t>
  </si>
  <si>
    <t>607-186-00-8</t>
  </si>
  <si>
    <t>402-780-1</t>
  </si>
  <si>
    <t>84087-01-4</t>
  </si>
  <si>
    <t>607-187-00-3</t>
  </si>
  <si>
    <t>bis(2,2,6,6-tetramethyl-4-piperidyl) succinate</t>
  </si>
  <si>
    <t>402-940-0</t>
  </si>
  <si>
    <t>62782-03-0</t>
  </si>
  <si>
    <t>607-188-00-9</t>
  </si>
  <si>
    <t>402-970-4</t>
  </si>
  <si>
    <t>607-189-00-4</t>
  </si>
  <si>
    <t>trimethylenediaminetetraacetic acid</t>
  </si>
  <si>
    <t>400-400-9</t>
  </si>
  <si>
    <t>1939-36-2</t>
  </si>
  <si>
    <t>607-191-00-5</t>
  </si>
  <si>
    <t>isobutyl 3,4-epoxybutyrate</t>
  </si>
  <si>
    <t>401-920-9</t>
  </si>
  <si>
    <t>100181-71-3</t>
  </si>
  <si>
    <t>607-192-00-0</t>
  </si>
  <si>
    <t>402-360-8</t>
  </si>
  <si>
    <t>92511-22-3</t>
  </si>
  <si>
    <t>607-194-00-1</t>
  </si>
  <si>
    <t>203-572-1</t>
  </si>
  <si>
    <t>108-32-7</t>
  </si>
  <si>
    <t>607-195-00-7</t>
  </si>
  <si>
    <t>2-methoxy-1-methylethyl acetate</t>
  </si>
  <si>
    <t>203-603-9</t>
  </si>
  <si>
    <t>108-65-6</t>
  </si>
  <si>
    <t>607-196-00-2</t>
  </si>
  <si>
    <t>heptanoic acid</t>
  </si>
  <si>
    <t>203-838-7</t>
  </si>
  <si>
    <t>111-14-8</t>
  </si>
  <si>
    <t>607-197-00-8</t>
  </si>
  <si>
    <t>nonanoic acid</t>
  </si>
  <si>
    <t>203-931-2</t>
  </si>
  <si>
    <t>112-05-0</t>
  </si>
  <si>
    <t>607-198-00-3</t>
  </si>
  <si>
    <t>propyl 3,4,5-trihydroxybenzoate</t>
  </si>
  <si>
    <t>204-498-2</t>
  </si>
  <si>
    <t>121-79-9</t>
  </si>
  <si>
    <t>607-199-00-9</t>
  </si>
  <si>
    <t>octyl 3,4,5-trihydroxybenzoate</t>
  </si>
  <si>
    <t>213-853-0</t>
  </si>
  <si>
    <t>1034-01-1</t>
  </si>
  <si>
    <t>607-200-00-2</t>
  </si>
  <si>
    <t>dodecyl 3,4,5-trihydroxybenzoate</t>
  </si>
  <si>
    <t>214-620-6</t>
  </si>
  <si>
    <t>1166-52-5</t>
  </si>
  <si>
    <t>607-201-00-8</t>
  </si>
  <si>
    <t>thiocarbonyl chloride</t>
  </si>
  <si>
    <t>207-341-6</t>
  </si>
  <si>
    <t>463-71-8</t>
  </si>
  <si>
    <t>2-ethylhexyl[[[3,5-bis(1,1-dimethylethyl)-4-hydroxyphenyl]methyl]thio]acetate</t>
  </si>
  <si>
    <t>607-204-00-4</t>
  </si>
  <si>
    <t>(chlorophenyl)(chlorotolyl)methane, mixed isomers</t>
  </si>
  <si>
    <t>400-140-6</t>
  </si>
  <si>
    <t>607-205-00-X</t>
  </si>
  <si>
    <t>methyl chloroacetate</t>
  </si>
  <si>
    <t>202-501-1</t>
  </si>
  <si>
    <t>96-34-4</t>
  </si>
  <si>
    <t>607-206-00-5</t>
  </si>
  <si>
    <t>isopropyl chloroacetate</t>
  </si>
  <si>
    <t>203-301-7</t>
  </si>
  <si>
    <t>105-48-6</t>
  </si>
  <si>
    <t>607-207-00-0</t>
  </si>
  <si>
    <t>402-560-5</t>
  </si>
  <si>
    <t>87237-48-7</t>
  </si>
  <si>
    <t>607-208-00-6</t>
  </si>
  <si>
    <t>4,8,12-trimethyltrideca-3,7,11-trienoic acid, mixed isomers</t>
  </si>
  <si>
    <t>403-000-2</t>
  </si>
  <si>
    <t>91853-67-7</t>
  </si>
  <si>
    <t>607-209-00-1</t>
  </si>
  <si>
    <t>403-030-6</t>
  </si>
  <si>
    <t>607-211-00-2</t>
  </si>
  <si>
    <t>403-270-1</t>
  </si>
  <si>
    <t>6386-39-6</t>
  </si>
  <si>
    <t>607-212-00-8</t>
  </si>
  <si>
    <t>403-300-3</t>
  </si>
  <si>
    <t>607-213-00-3</t>
  </si>
  <si>
    <t>403-320-2</t>
  </si>
  <si>
    <t>67567-23-1</t>
  </si>
  <si>
    <t>607-214-00-9</t>
  </si>
  <si>
    <t>403-510-5</t>
  </si>
  <si>
    <t>19247-05-3</t>
  </si>
  <si>
    <t>607-215-00-4</t>
  </si>
  <si>
    <t>403-920-4</t>
  </si>
  <si>
    <t>107551-67-7</t>
  </si>
  <si>
    <t>607-216-00-X</t>
  </si>
  <si>
    <t>403-950-8</t>
  </si>
  <si>
    <t>607-217-00-5</t>
  </si>
  <si>
    <t>2-ethoxyethyl 2-(4-(2,6-dihydro-2,6-dioxo-7-phenyl-1,5-dioxaindacen-3-yl)phenoxy)acetate</t>
  </si>
  <si>
    <t>403-960-2</t>
  </si>
  <si>
    <t>607-218-00-0</t>
  </si>
  <si>
    <t>403-980-1</t>
  </si>
  <si>
    <t>15165-67-0</t>
  </si>
  <si>
    <t>607-219-00-6</t>
  </si>
  <si>
    <t>bis(2-ethylhexyl) dithiodiacetate</t>
  </si>
  <si>
    <t>404-510-8</t>
  </si>
  <si>
    <t>62268-47-7</t>
  </si>
  <si>
    <t>607-221-00-7</t>
  </si>
  <si>
    <t>6-docosyloxy-1-hydroxy-4-(1-(4-hydroxy-3-methylphenanthren-1-yl)-3-oxo-2-oxaphenalen-1-yl)naphthalene-2-carboxylic acid</t>
  </si>
  <si>
    <t>404-550-6</t>
  </si>
  <si>
    <t>607-222-00-2</t>
  </si>
  <si>
    <t>6-(2,3-dimethylmaleimido)hexyl methacrylate</t>
  </si>
  <si>
    <t>404-870-6</t>
  </si>
  <si>
    <t>63740-41-0</t>
  </si>
  <si>
    <t>607-223-00-8</t>
  </si>
  <si>
    <t>405-060-5</t>
  </si>
  <si>
    <t>118712-89-3</t>
  </si>
  <si>
    <t>607-224-00-3</t>
  </si>
  <si>
    <t>methyl 2-(3-nitrobenzylidene)acetoacetate</t>
  </si>
  <si>
    <t>405-270-7</t>
  </si>
  <si>
    <t>39562-17-9</t>
  </si>
  <si>
    <t>607-225-00-9</t>
  </si>
  <si>
    <t>3-azidosulfonylbenzoic acid</t>
  </si>
  <si>
    <t>405-310-3</t>
  </si>
  <si>
    <t>15980-11-7</t>
  </si>
  <si>
    <t>H241</t>
  </si>
  <si>
    <t>607-226-00-4</t>
  </si>
  <si>
    <t>reaction mass of 2-acryloyloxyethyl hydrogen cyclohexane-1,2-dicarboxylate and 2-methacryloyloxyethyl hydrogen cyclohexane-1,2-dicarboxylate</t>
  </si>
  <si>
    <t>405-360-6</t>
  </si>
  <si>
    <t>607-227-00-X</t>
  </si>
  <si>
    <t>potassium 2-amino-2-methylpropionate octahydrate</t>
  </si>
  <si>
    <t>405-560-3</t>
  </si>
  <si>
    <t>120447-91-8</t>
  </si>
  <si>
    <t>bis(2-methoxyethyl) phthalate</t>
  </si>
  <si>
    <t>607-229-00-0</t>
  </si>
  <si>
    <t>diethylcarbamoyl chloride</t>
  </si>
  <si>
    <t>201-798-5</t>
  </si>
  <si>
    <t>88-10-8</t>
  </si>
  <si>
    <t>607-230-00-6</t>
  </si>
  <si>
    <t>2-ethylhexanoic acid</t>
  </si>
  <si>
    <t>205-743-6</t>
  </si>
  <si>
    <t>149-57-5</t>
  </si>
  <si>
    <t>607-231-00-1</t>
  </si>
  <si>
    <t>216-935-4</t>
  </si>
  <si>
    <t>1702-17-6</t>
  </si>
  <si>
    <t>607-232-00-7</t>
  </si>
  <si>
    <t>pyridate (ISO);</t>
  </si>
  <si>
    <t>259-686-7</t>
  </si>
  <si>
    <t>55512-33-9</t>
  </si>
  <si>
    <t>607-233-00-2</t>
  </si>
  <si>
    <t>hexyl acrylate</t>
  </si>
  <si>
    <t>219-698-5</t>
  </si>
  <si>
    <t>2499-95-8</t>
  </si>
  <si>
    <t>607-234-00-8</t>
  </si>
  <si>
    <t>207-397-1</t>
  </si>
  <si>
    <t>467-69-6</t>
  </si>
  <si>
    <t>607-235-00-3</t>
  </si>
  <si>
    <t>205-275-2</t>
  </si>
  <si>
    <t>137-05-3</t>
  </si>
  <si>
    <t>607-236-00-9</t>
  </si>
  <si>
    <t>ethyl 2-cyanoacrylate</t>
  </si>
  <si>
    <t>230-391-5</t>
  </si>
  <si>
    <t>7085-85-0</t>
  </si>
  <si>
    <t>607-237-00-4</t>
  </si>
  <si>
    <t>276-942-3</t>
  </si>
  <si>
    <t>72850-64-7</t>
  </si>
  <si>
    <t>607-238-00-X</t>
  </si>
  <si>
    <t>102851-06-9</t>
  </si>
  <si>
    <t>607-239-00-5</t>
  </si>
  <si>
    <t>254-485-0</t>
  </si>
  <si>
    <t>39515-41-8</t>
  </si>
  <si>
    <t>607-240-00-0</t>
  </si>
  <si>
    <t>216-906-6 [1]</t>
  </si>
  <si>
    <t>1694-82-2 [1]</t>
  </si>
  <si>
    <t>222-323-8 [2]</t>
  </si>
  <si>
    <t>3425-89-6 [2]</t>
  </si>
  <si>
    <t>226-247-6 [3]</t>
  </si>
  <si>
    <t>5333-84-6 [3]</t>
  </si>
  <si>
    <t>234-290-7 [4]</t>
  </si>
  <si>
    <t>11070-44-3 [4]</t>
  </si>
  <si>
    <t>247-830-1 [5]</t>
  </si>
  <si>
    <t>26590-20-5 [5]</t>
  </si>
  <si>
    <t>251-823-9 [6]</t>
  </si>
  <si>
    <t>34090-76-1 [6]</t>
  </si>
  <si>
    <t>255-853-3 [7]</t>
  </si>
  <si>
    <t>42498-58-8 [7]</t>
  </si>
  <si>
    <t>607-241-00-6</t>
  </si>
  <si>
    <t>243-072-0 [1]</t>
  </si>
  <si>
    <t>19438-60-9 [1]</t>
  </si>
  <si>
    <t>247-094-1 [2]</t>
  </si>
  <si>
    <t>25550-51-0 [2]</t>
  </si>
  <si>
    <t>256-356-4 [3]</t>
  </si>
  <si>
    <t>48122-14-1 [3]</t>
  </si>
  <si>
    <t>260-566-1 [4]</t>
  </si>
  <si>
    <t>57110-29-9 [4]</t>
  </si>
  <si>
    <t>607-242-00-1</t>
  </si>
  <si>
    <t>tetrachlorophthalic anhydride</t>
  </si>
  <si>
    <t>204-171-4</t>
  </si>
  <si>
    <t>117-08-8</t>
  </si>
  <si>
    <t>607-243-00-7</t>
  </si>
  <si>
    <t>217-846-3 [1]</t>
  </si>
  <si>
    <t>1982-69-0 [1]</t>
  </si>
  <si>
    <t>246-590-5 [2]</t>
  </si>
  <si>
    <t>25059-78-3 [2]</t>
  </si>
  <si>
    <t>258-527-9 [3]</t>
  </si>
  <si>
    <t>53404-28-7 [3]</t>
  </si>
  <si>
    <t>607-244-00-2</t>
  </si>
  <si>
    <t>isooctyl acrylate</t>
  </si>
  <si>
    <t>249-707-8</t>
  </si>
  <si>
    <t>29590-42-9</t>
  </si>
  <si>
    <t>607-245-00-8</t>
  </si>
  <si>
    <t>tert-butyl acrylate</t>
  </si>
  <si>
    <t>216-768-7</t>
  </si>
  <si>
    <t>1663-39-4</t>
  </si>
  <si>
    <t>607-246-00-3</t>
  </si>
  <si>
    <t>202-473-0</t>
  </si>
  <si>
    <t>96-05-9</t>
  </si>
  <si>
    <t>607-247-00-9</t>
  </si>
  <si>
    <t>dodecyl methacrylate</t>
  </si>
  <si>
    <t>205-570-6</t>
  </si>
  <si>
    <t>142-90-5</t>
  </si>
  <si>
    <t>607-248-00-4</t>
  </si>
  <si>
    <t>205-073-4</t>
  </si>
  <si>
    <t>132-67-2</t>
  </si>
  <si>
    <t>607-249-00-X</t>
  </si>
  <si>
    <t>(1-methyl-1,2-ethanediyl)bis[oxy(methyl-2,1-ethanediyl)] diacrylate</t>
  </si>
  <si>
    <t>256-032-2</t>
  </si>
  <si>
    <t>42978-66-5</t>
  </si>
  <si>
    <t>607-250-00-5</t>
  </si>
  <si>
    <t>204-255-0</t>
  </si>
  <si>
    <t>118-48-9</t>
  </si>
  <si>
    <t>2-methoxypropyl acetate</t>
  </si>
  <si>
    <t>607-252-00-6</t>
  </si>
  <si>
    <t>415-130-7</t>
  </si>
  <si>
    <t>91465-08-6</t>
  </si>
  <si>
    <t>M=10000</t>
  </si>
  <si>
    <t>607-253-00-1</t>
  </si>
  <si>
    <t>269-855-7</t>
  </si>
  <si>
    <t>607-254-00-7</t>
  </si>
  <si>
    <t>607-255-00-2</t>
  </si>
  <si>
    <t>69377-81-7</t>
  </si>
  <si>
    <t>607-256-00-8</t>
  </si>
  <si>
    <t>131860-33-8</t>
  </si>
  <si>
    <t>607-257-00-3</t>
  </si>
  <si>
    <t>isopropyl propionate</t>
  </si>
  <si>
    <t>211-300-8</t>
  </si>
  <si>
    <t>637-78-5</t>
  </si>
  <si>
    <t>607-258-00-9</t>
  </si>
  <si>
    <t>dodecyl 3-(2-(3-benzyl-4-ethoxy-2,5-dioxoimidazolidin-1-yl)-3-(4-methoxybenzoyl)acetamido)-4-chlorobenzoate</t>
  </si>
  <si>
    <t>403-990-6</t>
  </si>
  <si>
    <t>70950-45-7</t>
  </si>
  <si>
    <t>607-259-00-4</t>
  </si>
  <si>
    <t>404-130-2</t>
  </si>
  <si>
    <t>105560-93-8</t>
  </si>
  <si>
    <t>607-260-00-X</t>
  </si>
  <si>
    <t>ethyl 2-(3-nitrobenzylidene)acetoacetate</t>
  </si>
  <si>
    <t>404-490-0</t>
  </si>
  <si>
    <t>39562-16-8</t>
  </si>
  <si>
    <t>607-261-00-5</t>
  </si>
  <si>
    <t>404-800-4</t>
  </si>
  <si>
    <t>118832-72-7</t>
  </si>
  <si>
    <t>607-262-00-0</t>
  </si>
  <si>
    <t>7-chloro-1-cyclopropyl-6-fluoro-1,4-dihydro-4-oxoquinoline-3-carboxylic acid</t>
  </si>
  <si>
    <t>405-050-0</t>
  </si>
  <si>
    <t>86393-33-1</t>
  </si>
  <si>
    <t>607-263-00-6</t>
  </si>
  <si>
    <t>405-680-6</t>
  </si>
  <si>
    <t>607-264-00-1</t>
  </si>
  <si>
    <t>2-chloro-4-(methylsulfonyl)benzoic acid</t>
  </si>
  <si>
    <t>406-520-8</t>
  </si>
  <si>
    <t>53250-83-2</t>
  </si>
  <si>
    <t>607-265-00-7</t>
  </si>
  <si>
    <t>ethyl-2-chloro-2,2-diphenylacetate</t>
  </si>
  <si>
    <t>406-580-5</t>
  </si>
  <si>
    <t>52460-86-3</t>
  </si>
  <si>
    <t>607-266-00-2</t>
  </si>
  <si>
    <t>406-890-0</t>
  </si>
  <si>
    <t>130296-87-6</t>
  </si>
  <si>
    <t>607-267-00-8</t>
  </si>
  <si>
    <t>407-620-4</t>
  </si>
  <si>
    <t>33610-13-8</t>
  </si>
  <si>
    <t>607-268-00-3</t>
  </si>
  <si>
    <t>407-770-0</t>
  </si>
  <si>
    <t>61597-96-4</t>
  </si>
  <si>
    <t>607-269-00-9</t>
  </si>
  <si>
    <t>407-960-3</t>
  </si>
  <si>
    <t>94050-90-5</t>
  </si>
  <si>
    <t>607-270-00-4</t>
  </si>
  <si>
    <t>410-730-5</t>
  </si>
  <si>
    <t>90498-90-1</t>
  </si>
  <si>
    <t>607-271-00-X</t>
  </si>
  <si>
    <t>2-isopropyl-5-methylcyclohexyloxycarbonyloxy-2-hydroxypropane</t>
  </si>
  <si>
    <t>417-420-9</t>
  </si>
  <si>
    <t>156324-82-2</t>
  </si>
  <si>
    <t>607-272-00-5</t>
  </si>
  <si>
    <t>279-752-9 [1]</t>
  </si>
  <si>
    <t>81406-37-3 [1]</t>
  </si>
  <si>
    <t>154486-27-8 [2]</t>
  </si>
  <si>
    <t>607-273-00-0</t>
  </si>
  <si>
    <t>ammonium 7-(2,6-dimethyl-8-(2,2-dimethylbutyryloxy)-1,2,6,7,8,8a-hexahydro-1-naphthyl)-3,5-dihydroxyheptanoate</t>
  </si>
  <si>
    <t>404-520-2</t>
  </si>
  <si>
    <t>607-274-00-6</t>
  </si>
  <si>
    <t>405-350-1</t>
  </si>
  <si>
    <t>54527-73-0</t>
  </si>
  <si>
    <t>607-275-00-1</t>
  </si>
  <si>
    <t>sodium benzoyloxybenzene-4-sulfonate</t>
  </si>
  <si>
    <t>405-450-5</t>
  </si>
  <si>
    <t>66531-87-1</t>
  </si>
  <si>
    <t>607-276-00-7</t>
  </si>
  <si>
    <t>bis[(1-methylimidazol)-(2-ethyl-hexanoate)], zinc complex</t>
  </si>
  <si>
    <t>405-635-0</t>
  </si>
  <si>
    <t>607-277-00-2</t>
  </si>
  <si>
    <t>405-720-2</t>
  </si>
  <si>
    <t>607-278-00-8</t>
  </si>
  <si>
    <t>405-760-0</t>
  </si>
  <si>
    <t>607-279-00-3</t>
  </si>
  <si>
    <t>405-960-8</t>
  </si>
  <si>
    <t>607-280-00-9</t>
  </si>
  <si>
    <t>sodium 4-chloro-1-hydroxybutane-1-sulfonate</t>
  </si>
  <si>
    <t>406-190-5</t>
  </si>
  <si>
    <t>54322-20-2</t>
  </si>
  <si>
    <t>607-281-00-4</t>
  </si>
  <si>
    <t>407-000-3</t>
  </si>
  <si>
    <t>127519-17-9</t>
  </si>
  <si>
    <t>607-282-00-X</t>
  </si>
  <si>
    <t>2-acetoxymethyl-4-benzyloxybut-1-yl acetate</t>
  </si>
  <si>
    <t>407-140-5</t>
  </si>
  <si>
    <t>131266-10-9</t>
  </si>
  <si>
    <t>607-283-00-5</t>
  </si>
  <si>
    <t>408-040-4</t>
  </si>
  <si>
    <t>15121-89-8</t>
  </si>
  <si>
    <t>607-284-00-0</t>
  </si>
  <si>
    <t>410-040-4</t>
  </si>
  <si>
    <t>136213-76-8</t>
  </si>
  <si>
    <t>607-285-00-6</t>
  </si>
  <si>
    <t>410-065-0</t>
  </si>
  <si>
    <t>607-286-00-1</t>
  </si>
  <si>
    <t>reaction mass of: sodium/potassium 7-[[[3-[[4-((2-hydroxy-naphthyl)azo)phenyl]azo]phenyl]sulfonyl]amino]-naphthalene-1,3-disulfonate</t>
  </si>
  <si>
    <t>410-070-8</t>
  </si>
  <si>
    <t>141880-36-6</t>
  </si>
  <si>
    <t>607-287-00-7</t>
  </si>
  <si>
    <t>410-140-8</t>
  </si>
  <si>
    <t>607-288-00-2</t>
  </si>
  <si>
    <t>410-160-7</t>
  </si>
  <si>
    <t>148732-74-5</t>
  </si>
  <si>
    <t>607-289-00-8</t>
  </si>
  <si>
    <t>3-(3-(4-(2,4-bis(1,1-dimethylpropyl)phenoxy)butylaminocarbonyl-4-hydroxy-1-naphthalenyl)thio)propanoic acid</t>
  </si>
  <si>
    <t>410-370-9</t>
  </si>
  <si>
    <t>105488-33-3</t>
  </si>
  <si>
    <t>607-290-00-3</t>
  </si>
  <si>
    <t>410-540-2</t>
  </si>
  <si>
    <t>607-291-00-9</t>
  </si>
  <si>
    <t>410-630-1</t>
  </si>
  <si>
    <t>104051-92-5</t>
  </si>
  <si>
    <t>607-292-00-4</t>
  </si>
  <si>
    <t>410-640-6</t>
  </si>
  <si>
    <t>607-293-00-X</t>
  </si>
  <si>
    <t>410-650-0</t>
  </si>
  <si>
    <t>607-294-00-5</t>
  </si>
  <si>
    <t>sodium 2-benzoyloxy-1-hydroxyethane-sulfonate</t>
  </si>
  <si>
    <t>410-680-4</t>
  </si>
  <si>
    <t>607-295-00-0</t>
  </si>
  <si>
    <t>410-800-5</t>
  </si>
  <si>
    <t>607-296-00-6</t>
  </si>
  <si>
    <t>reaction mass of: pentaerythriol tetraesters with heptanoic acid and 2-ethylhexanoic acid</t>
  </si>
  <si>
    <t>410-830-9</t>
  </si>
  <si>
    <t>607-297-00-1</t>
  </si>
  <si>
    <t>410-960-6</t>
  </si>
  <si>
    <t>92761-26-7</t>
  </si>
  <si>
    <t>607-298-00-7</t>
  </si>
  <si>
    <t>2-(trimethylammonium)ethoxycarboxybenzene-4-sulfonate</t>
  </si>
  <si>
    <t>411-010-3</t>
  </si>
  <si>
    <t>607-299-00-2</t>
  </si>
  <si>
    <t>methyl 3-(acetylthio)-2-methyl-propanoate</t>
  </si>
  <si>
    <t>411-040-7</t>
  </si>
  <si>
    <t>97101-46-7</t>
  </si>
  <si>
    <t>607-300-00-6</t>
  </si>
  <si>
    <t>411-430-7</t>
  </si>
  <si>
    <t>607-301-00-1</t>
  </si>
  <si>
    <t>411-860-5</t>
  </si>
  <si>
    <t>607-302-00-7</t>
  </si>
  <si>
    <t>411-910-6</t>
  </si>
  <si>
    <t>607-303-00-2</t>
  </si>
  <si>
    <t>1-cyclopropyl-6,7-difluoro-1,4-dihydro-4-oxoquinoline-3-carboxylic acid</t>
  </si>
  <si>
    <t>413-760-7</t>
  </si>
  <si>
    <t>93107-30-3</t>
  </si>
  <si>
    <t>607-305-00-3</t>
  </si>
  <si>
    <t>79241-46-6</t>
  </si>
  <si>
    <t>607-306-00-9</t>
  </si>
  <si>
    <t>282-714-4</t>
  </si>
  <si>
    <t>84332-86-5</t>
  </si>
  <si>
    <t>607-308-00-X</t>
  </si>
  <si>
    <t>esters of 2,4-D</t>
  </si>
  <si>
    <t>607-309-00-5</t>
  </si>
  <si>
    <t>128639-02-1</t>
  </si>
  <si>
    <t>607-310-00-0</t>
  </si>
  <si>
    <t>143390-89-0</t>
  </si>
  <si>
    <t>607-311-00-6</t>
  </si>
  <si>
    <t>246-591-0</t>
  </si>
  <si>
    <t>25059-80-7</t>
  </si>
  <si>
    <t>methoxyacetic acid</t>
  </si>
  <si>
    <t>607-313-00-7</t>
  </si>
  <si>
    <t>neodecanoyl chloride</t>
  </si>
  <si>
    <t>254-875-0</t>
  </si>
  <si>
    <t>40292-82-8</t>
  </si>
  <si>
    <t>607-314-00-2</t>
  </si>
  <si>
    <t>247-525-3</t>
  </si>
  <si>
    <t>26225-79-6</t>
  </si>
  <si>
    <t>607-315-00-8</t>
  </si>
  <si>
    <t>213-997-4</t>
  </si>
  <si>
    <t>1071-83-6</t>
  </si>
  <si>
    <t>607-316-00-3</t>
  </si>
  <si>
    <t>81591-81-3</t>
  </si>
  <si>
    <t>607-319-00-X</t>
  </si>
  <si>
    <t>258-256-6</t>
  </si>
  <si>
    <t>M=1000000</t>
  </si>
  <si>
    <t>607-320-00-5</t>
  </si>
  <si>
    <t>bis[4-(ethenyloxy)butyl] 1,3-benzenedicarboxylate</t>
  </si>
  <si>
    <t>413-930-0</t>
  </si>
  <si>
    <t>130066-57-8</t>
  </si>
  <si>
    <t>607-321-00-0</t>
  </si>
  <si>
    <t>412-470-8</t>
  </si>
  <si>
    <t>73246-45-4</t>
  </si>
  <si>
    <t>607-322-00-6</t>
  </si>
  <si>
    <t>4-(4,4-dimethyl-3-oxo-pyrazolidin-1-yl)-benzoic acid</t>
  </si>
  <si>
    <t>413-120-7</t>
  </si>
  <si>
    <t>107144-30-9</t>
  </si>
  <si>
    <t>607-323-00-1</t>
  </si>
  <si>
    <t>413-850-6</t>
  </si>
  <si>
    <t>123968-25-2</t>
  </si>
  <si>
    <t>607-324-00-7</t>
  </si>
  <si>
    <t>413-800-3</t>
  </si>
  <si>
    <t>607-325-00-2</t>
  </si>
  <si>
    <t>411-150-5</t>
  </si>
  <si>
    <t>29617-66-1</t>
  </si>
  <si>
    <t>607-326-00-8</t>
  </si>
  <si>
    <t>410-720-0</t>
  </si>
  <si>
    <t>141847-13-4</t>
  </si>
  <si>
    <t>607-327-00-3</t>
  </si>
  <si>
    <t>2-(2-iodoethyl)-1,3-propanediol diacetate</t>
  </si>
  <si>
    <t>411-780-0</t>
  </si>
  <si>
    <t>127047-77-2</t>
  </si>
  <si>
    <t>607-328-00-9</t>
  </si>
  <si>
    <t>methyl 4-bromomethyl-3-methoxybenzoate</t>
  </si>
  <si>
    <t>410-310-1</t>
  </si>
  <si>
    <t>70264-94-7</t>
  </si>
  <si>
    <t>607-329-00-4</t>
  </si>
  <si>
    <t>411-250-9</t>
  </si>
  <si>
    <t>607-330-00-X</t>
  </si>
  <si>
    <t>410-860-2</t>
  </si>
  <si>
    <t>79815-20-6</t>
  </si>
  <si>
    <t>607-332-00-0</t>
  </si>
  <si>
    <t>cyclopentyl chloroformate</t>
  </si>
  <si>
    <t>411-460-0</t>
  </si>
  <si>
    <t>50715-28-1</t>
  </si>
  <si>
    <t>607-333-00-6</t>
  </si>
  <si>
    <t>405-670-1</t>
  </si>
  <si>
    <t>607-334-00-1</t>
  </si>
  <si>
    <t>ethyl 1-ethyl-6,7,8-trifluoro-1,4-dihydro-4-oxoquinoline-3-carboxylate</t>
  </si>
  <si>
    <t>405-880-3</t>
  </si>
  <si>
    <t>100501-62-0</t>
  </si>
  <si>
    <t>607-335-00-7</t>
  </si>
  <si>
    <t>406-250-0</t>
  </si>
  <si>
    <t>72619-32-0</t>
  </si>
  <si>
    <t>607-336-00-2</t>
  </si>
  <si>
    <t>406-560-6</t>
  </si>
  <si>
    <t>122760-85-4</t>
  </si>
  <si>
    <t>607-337-00-8</t>
  </si>
  <si>
    <t>406-052-4</t>
  </si>
  <si>
    <t>125078-60-6</t>
  </si>
  <si>
    <t>607-338-00-3</t>
  </si>
  <si>
    <t>2-methylpropyl 2-hydroxy-2-methylbut-3-enoate</t>
  </si>
  <si>
    <t>406-235-9</t>
  </si>
  <si>
    <t>72531-53-4</t>
  </si>
  <si>
    <t>607-339-00-9</t>
  </si>
  <si>
    <t>2,3,4,5-tetrachlorobenzoylchloride</t>
  </si>
  <si>
    <t>406-760-3</t>
  </si>
  <si>
    <t>42221-52-3</t>
  </si>
  <si>
    <t>607-340-00-4</t>
  </si>
  <si>
    <t>1,3-bis(4-benzoyl-3-hydroxyphenoxy)prop-2-yl acetate</t>
  </si>
  <si>
    <t>406-990-4</t>
  </si>
  <si>
    <t>607-341-00-X</t>
  </si>
  <si>
    <t>406-790-7</t>
  </si>
  <si>
    <t>26116-56-3</t>
  </si>
  <si>
    <t>607-342-00-5</t>
  </si>
  <si>
    <t>4-chlorobutyl veratrate</t>
  </si>
  <si>
    <t>410-950-1</t>
  </si>
  <si>
    <t>69788-75-6</t>
  </si>
  <si>
    <t>607-343-00-0</t>
  </si>
  <si>
    <t>407-410-2</t>
  </si>
  <si>
    <t>607-344-00-6</t>
  </si>
  <si>
    <t>407-810-7</t>
  </si>
  <si>
    <t>607-345-00-1</t>
  </si>
  <si>
    <t>413-580-9</t>
  </si>
  <si>
    <t>113963-87-4</t>
  </si>
  <si>
    <t>607-346-00-7</t>
  </si>
  <si>
    <t>3-icosyl-4-henicosylidene-2-oxetanone</t>
  </si>
  <si>
    <t>401-210-9</t>
  </si>
  <si>
    <t>83708-14-9</t>
  </si>
  <si>
    <t>607-347-00-2</t>
  </si>
  <si>
    <t>413-340-3</t>
  </si>
  <si>
    <t>119299-10-4</t>
  </si>
  <si>
    <t>607-348-00-8</t>
  </si>
  <si>
    <t>413-360-2</t>
  </si>
  <si>
    <t>607-349-00-3</t>
  </si>
  <si>
    <t>411-270-8</t>
  </si>
  <si>
    <t>607-350-00-9</t>
  </si>
  <si>
    <t>bis(4-(1,2-bis(ethoxycarbonyl)ethylamino)-3-methylcyclohexyl)methane</t>
  </si>
  <si>
    <t>412-060-9</t>
  </si>
  <si>
    <t>136210-32-7</t>
  </si>
  <si>
    <t>607-351-00-4</t>
  </si>
  <si>
    <t>407-550-4</t>
  </si>
  <si>
    <t>69184-17-4</t>
  </si>
  <si>
    <t>607-352-00-X</t>
  </si>
  <si>
    <t>4,4'-oxydiphthalic anhydride</t>
  </si>
  <si>
    <t>412-830-4</t>
  </si>
  <si>
    <t>1823-59-2</t>
  </si>
  <si>
    <t>607-353-00-5</t>
  </si>
  <si>
    <t>407-520-0</t>
  </si>
  <si>
    <t>80657-64-3</t>
  </si>
  <si>
    <t>607-354-00-0</t>
  </si>
  <si>
    <t>ethyl 2-cyclohexylpropionate</t>
  </si>
  <si>
    <t>412-280-5</t>
  </si>
  <si>
    <t>2511-00-4</t>
  </si>
  <si>
    <t>607-355-00-6</t>
  </si>
  <si>
    <t>411-530-0</t>
  </si>
  <si>
    <t>15024-10-9</t>
  </si>
  <si>
    <t>607-356-00-1</t>
  </si>
  <si>
    <t>412-540-8</t>
  </si>
  <si>
    <t>607-357-00-7</t>
  </si>
  <si>
    <t>412-450-9</t>
  </si>
  <si>
    <t>131766-73-9</t>
  </si>
  <si>
    <t>607-358-00-2</t>
  </si>
  <si>
    <t>412-670-5</t>
  </si>
  <si>
    <t>54275-93-3</t>
  </si>
  <si>
    <t>607-359-00-8</t>
  </si>
  <si>
    <t>412-800-0</t>
  </si>
  <si>
    <t>76109-32-5</t>
  </si>
  <si>
    <t>607-360-00-3</t>
  </si>
  <si>
    <t>sodium 3-acetoacetylamino-4-methoxytolyl-6-sulfonate</t>
  </si>
  <si>
    <t>411-680-7</t>
  </si>
  <si>
    <t>133167-77-8</t>
  </si>
  <si>
    <t>607-361-00-9</t>
  </si>
  <si>
    <t>411-950-4</t>
  </si>
  <si>
    <t>96562-58-2</t>
  </si>
  <si>
    <t>607-362-00-4</t>
  </si>
  <si>
    <t>413-500-2</t>
  </si>
  <si>
    <t>607-363-00-X</t>
  </si>
  <si>
    <t>methyl-3-methoxyacrylate</t>
  </si>
  <si>
    <t>412-900-4</t>
  </si>
  <si>
    <t>5788-17-0</t>
  </si>
  <si>
    <t>607-364-00-5</t>
  </si>
  <si>
    <t>3-phenyl-7-[4-(tetrahydrofurfuryloxy)phenyl]-1,5-dioxa-s-indacen-2,6-dione</t>
  </si>
  <si>
    <t>413-330-9</t>
  </si>
  <si>
    <t>134724-55-3</t>
  </si>
  <si>
    <t>607-365-00-0</t>
  </si>
  <si>
    <t>410-620-7</t>
  </si>
  <si>
    <t>119154-86-8</t>
  </si>
  <si>
    <t>607-366-00-6</t>
  </si>
  <si>
    <t>3,5-dimethylbenzoyl chloride</t>
  </si>
  <si>
    <t>413-010-9</t>
  </si>
  <si>
    <t>6613-44-1</t>
  </si>
  <si>
    <t>607-367-00-1</t>
  </si>
  <si>
    <t>411-640-9</t>
  </si>
  <si>
    <t>153352-59-1</t>
  </si>
  <si>
    <t>607-368-00-7</t>
  </si>
  <si>
    <t>411-650-3</t>
  </si>
  <si>
    <t>110895-43-7</t>
  </si>
  <si>
    <t>607-369-00-2</t>
  </si>
  <si>
    <t>411-660-8</t>
  </si>
  <si>
    <t>147027-04-1</t>
  </si>
  <si>
    <t>607-370-00-8</t>
  </si>
  <si>
    <t>2-[[2-(acetyloxy)-3-(1,1-dimethyl-ethyl)-5-methylphenyl]methyl]-6-(1,1-dimethylethyl)-4-methylphenol</t>
  </si>
  <si>
    <t>412-210-3</t>
  </si>
  <si>
    <t>41620-33-1</t>
  </si>
  <si>
    <t>607-371-00-3</t>
  </si>
  <si>
    <t>413-410-3</t>
  </si>
  <si>
    <t>88150-62-3</t>
  </si>
  <si>
    <t>607-372-00-9</t>
  </si>
  <si>
    <t>412-410-0</t>
  </si>
  <si>
    <t>607-374-00-X</t>
  </si>
  <si>
    <t>5-amino-2,4,6-triiodo-1,3-benzenedicarbonyldichloride</t>
  </si>
  <si>
    <t>417-220-1</t>
  </si>
  <si>
    <t>37441-29-5</t>
  </si>
  <si>
    <t>flocoumafen (ISO); reaction mass of: cis-4-hydroxy-3-(1,2,3,4-tetrahydro-3-(4-(4-trifluoromethylbenzyloxy)phenyl)-1-naphthyl)coumarin and trans-4-hydroxy-3-(1,2,3,4-tetrahydro-3-(4-(4-trifluoromethylbenzyloxy)phenyl)-1-naphthyl)coumarin</t>
  </si>
  <si>
    <t>607-376-00-0</t>
  </si>
  <si>
    <t>benzyl 2,4-dibromobutanoate</t>
  </si>
  <si>
    <t>420-710-8</t>
  </si>
  <si>
    <t>23085-60-1</t>
  </si>
  <si>
    <t>607-377-00-6</t>
  </si>
  <si>
    <t>419-160-1</t>
  </si>
  <si>
    <t>90657-55-9</t>
  </si>
  <si>
    <t>607-378-00-1</t>
  </si>
  <si>
    <t>405-990-1</t>
  </si>
  <si>
    <t>97148-39-5</t>
  </si>
  <si>
    <t>607-379-00-7</t>
  </si>
  <si>
    <t>401-230-8</t>
  </si>
  <si>
    <t>607-380-00-2</t>
  </si>
  <si>
    <t>407-320-3</t>
  </si>
  <si>
    <t>607-381-00-8</t>
  </si>
  <si>
    <t>413-710-4</t>
  </si>
  <si>
    <t>607-382-00-3</t>
  </si>
  <si>
    <t>2-((4-amino-2-nitrophenyl)amino)benzoic acid</t>
  </si>
  <si>
    <t>411-260-3</t>
  </si>
  <si>
    <t>117907-43-4</t>
  </si>
  <si>
    <t>607-383-00-9</t>
  </si>
  <si>
    <t>415-430-8</t>
  </si>
  <si>
    <t>86403-32-9</t>
  </si>
  <si>
    <t>607-384-00-4</t>
  </si>
  <si>
    <t>413-750-2</t>
  </si>
  <si>
    <t>171090-93-0</t>
  </si>
  <si>
    <t>607-385-00-X</t>
  </si>
  <si>
    <t>414-590-6</t>
  </si>
  <si>
    <t>125229-74-5</t>
  </si>
  <si>
    <t>607-386-00-5</t>
  </si>
  <si>
    <t>412-580-6</t>
  </si>
  <si>
    <t>174591-51-6</t>
  </si>
  <si>
    <t>607-387-00-0</t>
  </si>
  <si>
    <t>412-590-0</t>
  </si>
  <si>
    <t>58856-63-6</t>
  </si>
  <si>
    <t>607-388-00-6</t>
  </si>
  <si>
    <t>4-ethylamino-3-nitrobenzoic acid</t>
  </si>
  <si>
    <t>412-090-2</t>
  </si>
  <si>
    <t>2788-74-1</t>
  </si>
  <si>
    <t>607-389-00-1</t>
  </si>
  <si>
    <t>414-130-4</t>
  </si>
  <si>
    <t>119710-96-2</t>
  </si>
  <si>
    <t>607-390-00-7</t>
  </si>
  <si>
    <t>1,2,3,4-tetrahydro-6-nitro-quinoxaline</t>
  </si>
  <si>
    <t>414-270-6</t>
  </si>
  <si>
    <t>41959-35-7</t>
  </si>
  <si>
    <t>607-391-00-2</t>
  </si>
  <si>
    <t>dimethylcyclopropane-1,1-dicarboxylate</t>
  </si>
  <si>
    <t>414-240-2</t>
  </si>
  <si>
    <t>6914-71-2</t>
  </si>
  <si>
    <t>607-392-00-8</t>
  </si>
  <si>
    <t>2-phenoxyethyl 4-((5-cyano-1,6-dihydro-2-hydroxy-1,4-dimethyl-6-oxo-3-pyridinyl)azo)benzoate</t>
  </si>
  <si>
    <t>414-260-1</t>
  </si>
  <si>
    <t>88938-37-8</t>
  </si>
  <si>
    <t>607-393-00-3</t>
  </si>
  <si>
    <t>415-750-8</t>
  </si>
  <si>
    <t>106447-44-3</t>
  </si>
  <si>
    <t>607-394-00-9</t>
  </si>
  <si>
    <t>5-methylpyrazine-2-carboxylic acid</t>
  </si>
  <si>
    <t>413-260-9</t>
  </si>
  <si>
    <t>5521-55-1</t>
  </si>
  <si>
    <t>607-395-00-4</t>
  </si>
  <si>
    <t>410-230-7</t>
  </si>
  <si>
    <t>607-396-00-X</t>
  </si>
  <si>
    <t>bis(1,2,2,6,6-pentamethyl-4-piperidinyl) 2-(4-methoxybenzylidene)malonate</t>
  </si>
  <si>
    <t>414-840-4</t>
  </si>
  <si>
    <t>147783-69-5</t>
  </si>
  <si>
    <t>607-397-00-5</t>
  </si>
  <si>
    <t>415-930-6</t>
  </si>
  <si>
    <t>607-398-00-0</t>
  </si>
  <si>
    <t>414-820-5</t>
  </si>
  <si>
    <t>125630-94-6</t>
  </si>
  <si>
    <t>607-399-00-6</t>
  </si>
  <si>
    <t>2,2-dimethyl 3-methyl-3-butenyl propanoate</t>
  </si>
  <si>
    <t>415-610-6</t>
  </si>
  <si>
    <t>104468-21-5</t>
  </si>
  <si>
    <t>607-400-00-X</t>
  </si>
  <si>
    <t>methyl 3-[[(dibutylamino)thioxomethyl]thio]propanoate</t>
  </si>
  <si>
    <t>414-400-1</t>
  </si>
  <si>
    <t>32750-89-3</t>
  </si>
  <si>
    <t>607-401-00-5</t>
  </si>
  <si>
    <t>ethyl 3-hydroxy-5-oxo-3-cyclohexene-1-carboxylate</t>
  </si>
  <si>
    <t>414-450-4</t>
  </si>
  <si>
    <t>88805-65-6</t>
  </si>
  <si>
    <t>607-402-00-0</t>
  </si>
  <si>
    <t>414-500-5</t>
  </si>
  <si>
    <t>153441-77-1</t>
  </si>
  <si>
    <t>607-403-00-6</t>
  </si>
  <si>
    <t>414-810-0</t>
  </si>
  <si>
    <t>607-404-00-1</t>
  </si>
  <si>
    <t>415-190-4</t>
  </si>
  <si>
    <t>607-405-00-7</t>
  </si>
  <si>
    <t>415-380-7</t>
  </si>
  <si>
    <t>148348-12-3</t>
  </si>
  <si>
    <t>607-406-00-2</t>
  </si>
  <si>
    <t>potassium 2,5-dichlorobenzoate</t>
  </si>
  <si>
    <t>415-700-5</t>
  </si>
  <si>
    <t>184637-62-5</t>
  </si>
  <si>
    <t>607-407-00-8</t>
  </si>
  <si>
    <t>ethyl 2-carboxy-3-(2-thienyl)propionate</t>
  </si>
  <si>
    <t>415-680-8</t>
  </si>
  <si>
    <t>143468-96-6</t>
  </si>
  <si>
    <t>607-408-00-3</t>
  </si>
  <si>
    <t>415-710-1</t>
  </si>
  <si>
    <t>184637-63-6</t>
  </si>
  <si>
    <t>607-409-00-9</t>
  </si>
  <si>
    <t>415-840-7</t>
  </si>
  <si>
    <t>607-410-00-4</t>
  </si>
  <si>
    <t>mono[2-(dimethylamino)ethyl]monohydrogen-2-(hexadec-2-enyl)butanedioate and/or mono[2-(dimethylamino)ethyl]monohydrogen-3-(hexadec-2-enyl)butanedioate</t>
  </si>
  <si>
    <t>415-880-5</t>
  </si>
  <si>
    <t>779343-34-9</t>
  </si>
  <si>
    <t>607-412-00-5</t>
  </si>
  <si>
    <t>ethyl 2-(1-cyanocyclohexyl)acetate</t>
  </si>
  <si>
    <t>415-970-4</t>
  </si>
  <si>
    <t>133481-10-4</t>
  </si>
  <si>
    <t>607-413-00-0</t>
  </si>
  <si>
    <t>trans-4-phenyl-L-proline</t>
  </si>
  <si>
    <t>416-020-1</t>
  </si>
  <si>
    <t>96314-26-0</t>
  </si>
  <si>
    <t>607-415-00-1</t>
  </si>
  <si>
    <t>419-590-1</t>
  </si>
  <si>
    <t>607-416-00-7</t>
  </si>
  <si>
    <t>420-730-7</t>
  </si>
  <si>
    <t>607-417-00-2</t>
  </si>
  <si>
    <t>3-chloropropyl chloroformiate</t>
  </si>
  <si>
    <t>425-770-9</t>
  </si>
  <si>
    <t>628-11-5</t>
  </si>
  <si>
    <t>607-418-00-8</t>
  </si>
  <si>
    <t>2-ethylhexyl 4-aminobenzoate</t>
  </si>
  <si>
    <t>420-170-3</t>
  </si>
  <si>
    <t>26218-04-2</t>
  </si>
  <si>
    <t>607-419-00-3</t>
  </si>
  <si>
    <t>422-240-9</t>
  </si>
  <si>
    <t>166596-68-5</t>
  </si>
  <si>
    <t>607-420-00-9</t>
  </si>
  <si>
    <t>2,2-bis(hydroxymethyl)butanoic acid</t>
  </si>
  <si>
    <t>424-090-1</t>
  </si>
  <si>
    <t>10097-02-6</t>
  </si>
  <si>
    <t>607-421-00-4</t>
  </si>
  <si>
    <t>257-842-9</t>
  </si>
  <si>
    <t>607-422-00-X</t>
  </si>
  <si>
    <t>607-423-00-5</t>
  </si>
  <si>
    <t>esters of mecoprop and of mecoprop-P</t>
  </si>
  <si>
    <t>607-424-00-0</t>
  </si>
  <si>
    <t>141517-21-7</t>
  </si>
  <si>
    <t>607-425-00-6</t>
  </si>
  <si>
    <t>260-979-7</t>
  </si>
  <si>
    <t>57837-19-1</t>
  </si>
  <si>
    <t>607-427-00-7</t>
  </si>
  <si>
    <t>260-300-4</t>
  </si>
  <si>
    <t>56634-95-8</t>
  </si>
  <si>
    <t>607-428-00-2</t>
  </si>
  <si>
    <t>tetrasodium ethylene diamine tetraacetate</t>
  </si>
  <si>
    <t>200-573-9</t>
  </si>
  <si>
    <t>64-02-8</t>
  </si>
  <si>
    <t>607-429-00-8</t>
  </si>
  <si>
    <t>200-449-4</t>
  </si>
  <si>
    <t>60-00-4</t>
  </si>
  <si>
    <t>607-431-00-9</t>
  </si>
  <si>
    <t>245-387-9</t>
  </si>
  <si>
    <t>23031-36-9</t>
  </si>
  <si>
    <t>607-432-00-4</t>
  </si>
  <si>
    <t>87392-12-9 [1]</t>
  </si>
  <si>
    <t>178961-20-1 [2]</t>
  </si>
  <si>
    <t>607-433-00-X</t>
  </si>
  <si>
    <t>607-434-00-5</t>
  </si>
  <si>
    <t>240-539-0</t>
  </si>
  <si>
    <t>16484-77-8</t>
  </si>
  <si>
    <t>607-435-00-0</t>
  </si>
  <si>
    <t>416-810-6</t>
  </si>
  <si>
    <t>111969-64-3</t>
  </si>
  <si>
    <t>607-436-00-6</t>
  </si>
  <si>
    <t>2-hydroxy-3-(2-ethyl-4-methylimidazoyl)propyl neodecanoate</t>
  </si>
  <si>
    <t>417-350-9</t>
  </si>
  <si>
    <t>607-437-00-1</t>
  </si>
  <si>
    <t>3-(4-aminophenyl)-2-cyano-2-propenoic acid</t>
  </si>
  <si>
    <t>417-480-6</t>
  </si>
  <si>
    <t>252977-62-1</t>
  </si>
  <si>
    <t>607-438-00-7</t>
  </si>
  <si>
    <t>methyl-2-[(aminosulfonyl)methyl]benzoate</t>
  </si>
  <si>
    <t>419-010-5</t>
  </si>
  <si>
    <t>112941-26-1</t>
  </si>
  <si>
    <t>607-439-00-2</t>
  </si>
  <si>
    <t>methyl tetrahydro-2-furancarboxylate</t>
  </si>
  <si>
    <t>420-670-1</t>
  </si>
  <si>
    <t>37443-42-8</t>
  </si>
  <si>
    <t>607-440-00-8</t>
  </si>
  <si>
    <t>methyl 2-aminosulfonyl-6-(trifluoromethyl)pyridine-3-c arboxylate</t>
  </si>
  <si>
    <t>421-220-7</t>
  </si>
  <si>
    <t>144740-59-0</t>
  </si>
  <si>
    <t>607-441-00-3</t>
  </si>
  <si>
    <t>3-[3-(2-dodecyloxy-5-methylphenylcarbamoyl)-4-hydroxy-1-naphthylthio]propionic acid</t>
  </si>
  <si>
    <t>421-490-6</t>
  </si>
  <si>
    <t>167684-63-1</t>
  </si>
  <si>
    <t>607-442-00-9</t>
  </si>
  <si>
    <t>benzyl [hydroxy-(4-phenylbutyl)phosphinyl] acetate</t>
  </si>
  <si>
    <t>416-050-5</t>
  </si>
  <si>
    <t>87460-09-1</t>
  </si>
  <si>
    <t>607-444-00-X</t>
  </si>
  <si>
    <t>416-230-3</t>
  </si>
  <si>
    <t>35541-81-2</t>
  </si>
  <si>
    <t>607-445-00-5</t>
  </si>
  <si>
    <t>Iron (III) tris(4-methylbenzenesulfonate)</t>
  </si>
  <si>
    <t>420-960-8</t>
  </si>
  <si>
    <t>77214-82-5</t>
  </si>
  <si>
    <t>607-446-00-0</t>
  </si>
  <si>
    <t>methyl 2-[4-(2-chloro-4-nitrophenylazo)-3-(1-oxopropyl)amino]phenylaminopropionate</t>
  </si>
  <si>
    <t>416-240-8</t>
  </si>
  <si>
    <t>155522-12-6</t>
  </si>
  <si>
    <t>607-447-00-6</t>
  </si>
  <si>
    <t>sodium 4-[4-(4-hydroxyphenylazo)phenylamino]-3-nitrobenzenesulfonate</t>
  </si>
  <si>
    <t>416-370-5</t>
  </si>
  <si>
    <t>156738-27-1</t>
  </si>
  <si>
    <t>607-448-00-1</t>
  </si>
  <si>
    <t>2,3,5,6-tetrafluorobenzoic acid</t>
  </si>
  <si>
    <t>416-800-1</t>
  </si>
  <si>
    <t>652-18-6</t>
  </si>
  <si>
    <t>607-449-00-7</t>
  </si>
  <si>
    <t>417-080-1</t>
  </si>
  <si>
    <t>Self-react. D ****</t>
  </si>
  <si>
    <t>607-450-00-2</t>
  </si>
  <si>
    <t>419-040-9</t>
  </si>
  <si>
    <t>89604-92-2</t>
  </si>
  <si>
    <t>607-451-00-8</t>
  </si>
  <si>
    <t>4-[4-amino-5-hydroxy-3-(4-(2-sulfoxyethylsulfonyl)phenylazo)-2,7-disulfonapht-6-ylazo]-6-[3-(4-amino-5-hydroxy-3-(4-(2-sulfoxyethylsulfonyl)phenylazo)-2,7-disulfonapht-6-ylazo]phenylcarbonylamino]benzenesulfonic acid, sodium salt</t>
  </si>
  <si>
    <t>417-640-5</t>
  </si>
  <si>
    <t>161935-19-9</t>
  </si>
  <si>
    <t>607-453-00-9</t>
  </si>
  <si>
    <t>418-100-1</t>
  </si>
  <si>
    <t>172964-15-7</t>
  </si>
  <si>
    <t>607-454-00-4</t>
  </si>
  <si>
    <t>418-170-3</t>
  </si>
  <si>
    <t>116193-72-7</t>
  </si>
  <si>
    <t>607-455-00-X</t>
  </si>
  <si>
    <t>1-amino-4-(3-[4-chloro-6-(2,5-di-sulfophenylamino)-1,3,5-triazin-2-ylamino]-2,2-dimethyl-propylamino)-anthraquinone-2-sulfonic acid, sodium/lithium salt</t>
  </si>
  <si>
    <t>419-520-8</t>
  </si>
  <si>
    <t>172890-93-6</t>
  </si>
  <si>
    <t>607-456-00-5</t>
  </si>
  <si>
    <t>3-amino-4-chlorobenzoic acid, hexadecyl ester</t>
  </si>
  <si>
    <t>419-700-6</t>
  </si>
  <si>
    <t>143269-74-3</t>
  </si>
  <si>
    <t>607-457-00-0</t>
  </si>
  <si>
    <t>tetrasodium dihydrogen 1,1''-dihydroxy-8,8''-[p-phenylbis(imino-{6-[4-(2-aminoethyl)piperazin-1-yl]}-1,3,5-triazine-4,2-diyl-imino)]bis(2,2'-azonaphthalene-1',3,6-trisulfonate)</t>
  </si>
  <si>
    <t>420-350-1</t>
  </si>
  <si>
    <t>172277-97-3</t>
  </si>
  <si>
    <t>607-458-00-6</t>
  </si>
  <si>
    <t>420-850-1</t>
  </si>
  <si>
    <t>607-459-00-1</t>
  </si>
  <si>
    <t>isopentyl 4-{2-[5-cyano-1,2,3,6-tetrahydro-1-(2-isopropoxyethoxy-carbonylmethyl)-4-methyl-2,6-dioxo-3-pyridylidene]hydrazino}benzoate</t>
  </si>
  <si>
    <t>418-930-4</t>
  </si>
  <si>
    <t>607-460-00-7</t>
  </si>
  <si>
    <t>3-tridecyloxy-propyl-ammonium 9-octadecenoate</t>
  </si>
  <si>
    <t>418-990-1</t>
  </si>
  <si>
    <t>778577-53-0</t>
  </si>
  <si>
    <t>607-461-00-2</t>
  </si>
  <si>
    <t>421-160-1</t>
  </si>
  <si>
    <t>607-462-00-8</t>
  </si>
  <si>
    <t>421-230-1</t>
  </si>
  <si>
    <t>88230-35-7</t>
  </si>
  <si>
    <t>607-463-00-3</t>
  </si>
  <si>
    <t>3-(phenothiazin-10-yl)propionic acid</t>
  </si>
  <si>
    <t>421-260-5</t>
  </si>
  <si>
    <t>362-03-8</t>
  </si>
  <si>
    <t>607-464-00-9</t>
  </si>
  <si>
    <t>421-280-4</t>
  </si>
  <si>
    <t>607-465-00-4</t>
  </si>
  <si>
    <t>tris(2-hydroxyethyl)ammonium 7-{4-[4-(2-cyanoamino-4-hydroxy-6-oxidopyrimidin-5-ylazo)benzamido]-2-ethoxy-phenylazo}naphthalene-1,3-disulfonate</t>
  </si>
  <si>
    <t>421-440-3</t>
  </si>
  <si>
    <t>778583-04-3</t>
  </si>
  <si>
    <t>607-466-00-X</t>
  </si>
  <si>
    <t>421-480-1</t>
  </si>
  <si>
    <t>607-467-00-5</t>
  </si>
  <si>
    <t>1,1,3,3-tetrabutyl-1,3-ditinoxydicaprylate</t>
  </si>
  <si>
    <t>419-430-9</t>
  </si>
  <si>
    <t>56533-00-7</t>
  </si>
  <si>
    <t>607-468-00-0</t>
  </si>
  <si>
    <t>419-450-8</t>
  </si>
  <si>
    <t>607-469-00-6</t>
  </si>
  <si>
    <t>disodium 7-((4,6-bis(3-diethylaminopropylamino)-1,3,5-triazine-2-yl)amino)-4-hydroxy-3-(4-(4-sulfonatophenylazo)phenylazo)-2-naphthalene sulfonate</t>
  </si>
  <si>
    <t>419-460-2</t>
  </si>
  <si>
    <t>120029-06-3</t>
  </si>
  <si>
    <t>607-470-00-1</t>
  </si>
  <si>
    <t>potassium sodium 6,13-dichloro-3,10-bis{2-[4-[3-(2-hydroxysulphonyloxyethanesulfonyl)phenylamino]-6-(2,5-disulfonatophenylamino)-1,3,5-triazin-2-ylamino]ethylamino}benzo[5,6][1,4]oxazino[2,3-b]phenoxazine-4,11-disulfonate</t>
  </si>
  <si>
    <t>414-100-0</t>
  </si>
  <si>
    <t>154336-20-6</t>
  </si>
  <si>
    <t>607-471-00-7</t>
  </si>
  <si>
    <t>1,6-bis((dibenzylthiocarbamoyl)disulfanyl)hexane</t>
  </si>
  <si>
    <t>429-280-6</t>
  </si>
  <si>
    <t>151900-44-6</t>
  </si>
  <si>
    <t>607-473-00-8</t>
  </si>
  <si>
    <t>426-590-3</t>
  </si>
  <si>
    <t>187412-41-5</t>
  </si>
  <si>
    <t>607-474-00-3</t>
  </si>
  <si>
    <t>(4-(4-(4-dimethylaminobenzyliden-1-yl)-3-methyl-5-oxo-2-pyrazolin-1-yl)benzoic acid</t>
  </si>
  <si>
    <t>410-430-4</t>
  </si>
  <si>
    <t>117573-89-4</t>
  </si>
  <si>
    <t>607-475-00-9</t>
  </si>
  <si>
    <t>412-940-2</t>
  </si>
  <si>
    <t>148878-18-6</t>
  </si>
  <si>
    <t>607-476-00-4</t>
  </si>
  <si>
    <t>414-070-9</t>
  </si>
  <si>
    <t>129050-62-0</t>
  </si>
  <si>
    <t>607-477-00-X</t>
  </si>
  <si>
    <t>(1α5α6α)-6-nitro-3-benzyl-3-azabicyclo[3.1.0]hexane methanesulfonate salt</t>
  </si>
  <si>
    <t>426-740-8</t>
  </si>
  <si>
    <t>607-478-00-5</t>
  </si>
  <si>
    <t>tetramethylammonium hydrogen phthalate</t>
  </si>
  <si>
    <t>416-900-5</t>
  </si>
  <si>
    <t>79723-02-7</t>
  </si>
  <si>
    <t>607-479-00-0</t>
  </si>
  <si>
    <t>hexadecyl 4-chloro-3-[2-(5,5-dimethyl-2,4-dioxo-1,3-oxazolidin-3-yl)-4,4-dimethyl-3-oxopentamido]benzoate</t>
  </si>
  <si>
    <t>418-550-9</t>
  </si>
  <si>
    <t>168689-49-4</t>
  </si>
  <si>
    <t>607-481-00-1</t>
  </si>
  <si>
    <t>430-290-8</t>
  </si>
  <si>
    <t>607-482-00-7</t>
  </si>
  <si>
    <t>430-360-8</t>
  </si>
  <si>
    <t>84793-24-8</t>
  </si>
  <si>
    <t>607-484-00-8</t>
  </si>
  <si>
    <t>430-480-0</t>
  </si>
  <si>
    <t>221452-67-1</t>
  </si>
  <si>
    <t>607-485-00-3</t>
  </si>
  <si>
    <t>430-510-2</t>
  </si>
  <si>
    <t>607-486-00-9</t>
  </si>
  <si>
    <t>potassium sodium 5'-(6-chloro-4-(2-(2-vinylsulfonylethoxy)ethylamino)-1,3,5-triazin-2-ylamino)-4'-hydroxy-2,3'-azodinaphthalene-1,2', 5,7'-disulfonate</t>
  </si>
  <si>
    <t>402-110-8</t>
  </si>
  <si>
    <t>110081-40-8</t>
  </si>
  <si>
    <t>607-488-00-X</t>
  </si>
  <si>
    <t>ethyl (2-acetylamino-5-fluoro-4-isothiocyanatophenoxy)acetate</t>
  </si>
  <si>
    <t>414-210-9</t>
  </si>
  <si>
    <t>147379-38-2</t>
  </si>
  <si>
    <t>607-489-00-5</t>
  </si>
  <si>
    <t>414-890-7</t>
  </si>
  <si>
    <t>71302-79-9</t>
  </si>
  <si>
    <t>607-490-00-0</t>
  </si>
  <si>
    <t>415-060-7</t>
  </si>
  <si>
    <t>607-491-00-6</t>
  </si>
  <si>
    <t>427-140-9</t>
  </si>
  <si>
    <t>607-492-00-1</t>
  </si>
  <si>
    <t>2-(1-(3',3'-dimethyl-1'-cyclohexyl)ethoxy)-2-methyl propyl propanoate</t>
  </si>
  <si>
    <t>415-490-5</t>
  </si>
  <si>
    <t>141773-73-1</t>
  </si>
  <si>
    <t>607-493-00-7</t>
  </si>
  <si>
    <t>415-670-3</t>
  </si>
  <si>
    <t>78850-37-0</t>
  </si>
  <si>
    <t>607-494-00-2</t>
  </si>
  <si>
    <t>bis(2-ethylhexyl)octylphosphonate</t>
  </si>
  <si>
    <t>417-170-0</t>
  </si>
  <si>
    <t>52894-02-7</t>
  </si>
  <si>
    <t>607-495-00-8</t>
  </si>
  <si>
    <t>sodium 4-sulfophenyl-6-((1-oxononyl)amino)hexanoate</t>
  </si>
  <si>
    <t>417-550-6</t>
  </si>
  <si>
    <t>168151-92-6</t>
  </si>
  <si>
    <t>607-496-00-3</t>
  </si>
  <si>
    <t>418-310-3</t>
  </si>
  <si>
    <t>126050-54-2</t>
  </si>
  <si>
    <t>607-497-00-9</t>
  </si>
  <si>
    <t>cerium oxide isostearate</t>
  </si>
  <si>
    <t>419-760-3</t>
  </si>
  <si>
    <t>607-498-00-4</t>
  </si>
  <si>
    <t>421-370-3</t>
  </si>
  <si>
    <t>3681-73-0</t>
  </si>
  <si>
    <t>607-499-00-X</t>
  </si>
  <si>
    <t>bis(dimethyl-(2-hydroxyethyl)ammonium) 1,2-ethanediyl-bis(2-hexadecenylsuccinate)</t>
  </si>
  <si>
    <t>421-660-1</t>
  </si>
  <si>
    <t>607-500-00-3</t>
  </si>
  <si>
    <t>calcium 2,2,bis[(5-tetrapropylene-2-hydroxy)phenyl]ethanoate</t>
  </si>
  <si>
    <t>421-670-4</t>
  </si>
  <si>
    <t>607-501-00-9</t>
  </si>
  <si>
    <t>reaction mass of: triphenylthiophosphate and tertiary butylated phenyl derivatives</t>
  </si>
  <si>
    <t>421-820-9</t>
  </si>
  <si>
    <t>192268-65-8</t>
  </si>
  <si>
    <t>607-502-00-4</t>
  </si>
  <si>
    <t>422-200-0</t>
  </si>
  <si>
    <t>178277-55-9</t>
  </si>
  <si>
    <t>607-503-00-X</t>
  </si>
  <si>
    <t>422-210-5</t>
  </si>
  <si>
    <t>68957-94-8</t>
  </si>
  <si>
    <t>607-504-00-5</t>
  </si>
  <si>
    <t>diammonium 1-hydroxy-2-(4-(4-carboxyphenylazo)-2,5-dimethoxyphenylazo)-7-amino-3-naphthalenesulfonate</t>
  </si>
  <si>
    <t>422-670-7</t>
  </si>
  <si>
    <t>607-505-00-0</t>
  </si>
  <si>
    <t>pentasodium 7-(4-(4-(5-amino-4-sulfonato-2-(4-((2-(sulfonato-ethoxy)sulfonyl)phenylazo)phenylamino)-6-chloro-1,3,5-triazin-2-yl)amino-2-ureidophenylazo)naphtalene-1,3,6-trisulfonate</t>
  </si>
  <si>
    <t>422-930-1</t>
  </si>
  <si>
    <t>607-506-00-6</t>
  </si>
  <si>
    <t>422-970-8</t>
  </si>
  <si>
    <t>607-507-00-1</t>
  </si>
  <si>
    <t>422-980-2</t>
  </si>
  <si>
    <t>187026-95-5</t>
  </si>
  <si>
    <t>607-508-00-7</t>
  </si>
  <si>
    <t>disodium 3,3'-[iminobis[sulfonyl-4,1-phenylene-(5-hydroxy-3-methylpyrazole-1,4-diyl)azo-4,1-phenylenesulfonylimino-(4-amino-6-hydroxypyrimidine-2,5-diyl)azo-4,1-phenylenesulfonylimino(4-amino-6-hydroxypyrimidine-2,5-diyl)azo]bis(benzenesulfonate)]</t>
  </si>
  <si>
    <t>423-110-4</t>
  </si>
  <si>
    <t>607-509-00-2</t>
  </si>
  <si>
    <t>2-phenoxyethyl 4-aminobenzoate</t>
  </si>
  <si>
    <t>430-880-5</t>
  </si>
  <si>
    <t>88938-23-2</t>
  </si>
  <si>
    <t>607-510-00-8</t>
  </si>
  <si>
    <t>427-200-4</t>
  </si>
  <si>
    <t>76646-91-8</t>
  </si>
  <si>
    <t>607-511-00-3</t>
  </si>
  <si>
    <t>423-750-4</t>
  </si>
  <si>
    <t>607-512-00-9</t>
  </si>
  <si>
    <t>trisodium 2,4-diamino-3,5-bis-[4-(2-sulfonatoethoxy)sulfonyl)phenylazo]benzenesulfonate</t>
  </si>
  <si>
    <t>423-970-0</t>
  </si>
  <si>
    <t>182926-43-8</t>
  </si>
  <si>
    <t>607-513-00-4</t>
  </si>
  <si>
    <t>423-200-3</t>
  </si>
  <si>
    <t>607-514-00-X</t>
  </si>
  <si>
    <t>427-240-2</t>
  </si>
  <si>
    <t>134841-35-3</t>
  </si>
  <si>
    <t>607-515-00-5</t>
  </si>
  <si>
    <t>429-650-7</t>
  </si>
  <si>
    <t>147732-60-3</t>
  </si>
  <si>
    <t>607-516-00-0</t>
  </si>
  <si>
    <t>429-670-6</t>
  </si>
  <si>
    <t>105996-54-1</t>
  </si>
  <si>
    <t>607-517-00-6</t>
  </si>
  <si>
    <t>430-300-0</t>
  </si>
  <si>
    <t>76932-17-7</t>
  </si>
  <si>
    <t>607-518-00-1</t>
  </si>
  <si>
    <t>3-oxoandrost-4-ene-17-β-carboxylic acid</t>
  </si>
  <si>
    <t>414-990-0</t>
  </si>
  <si>
    <t>302-97-6</t>
  </si>
  <si>
    <t>607-519-00-7</t>
  </si>
  <si>
    <t>427-280-0</t>
  </si>
  <si>
    <t>176429-27-9</t>
  </si>
  <si>
    <t>607-520-00-2</t>
  </si>
  <si>
    <t>427-740-0</t>
  </si>
  <si>
    <t>607-521-00-8</t>
  </si>
  <si>
    <t>429-270-1</t>
  </si>
  <si>
    <t>136210-30-5</t>
  </si>
  <si>
    <t>607-522-00-3</t>
  </si>
  <si>
    <t>429-720-7</t>
  </si>
  <si>
    <t>184246-86-4</t>
  </si>
  <si>
    <t>607-523-00-9</t>
  </si>
  <si>
    <t>430-200-7</t>
  </si>
  <si>
    <t>607-524-00-4</t>
  </si>
  <si>
    <t>430-310-5</t>
  </si>
  <si>
    <t>607-525-00-X</t>
  </si>
  <si>
    <t>431-520-1</t>
  </si>
  <si>
    <t>64485-90-1</t>
  </si>
  <si>
    <t>607-526-00-5</t>
  </si>
  <si>
    <t>15263-53-3</t>
  </si>
  <si>
    <t>607-527-00-0</t>
  </si>
  <si>
    <t>423-180-6</t>
  </si>
  <si>
    <t>607-528-00-6</t>
  </si>
  <si>
    <t>430-900-2</t>
  </si>
  <si>
    <t>192725-50-1</t>
  </si>
  <si>
    <t>607-529-00-1</t>
  </si>
  <si>
    <t>426-070-6</t>
  </si>
  <si>
    <t>67299-45-0</t>
  </si>
  <si>
    <t>607-530-00-7</t>
  </si>
  <si>
    <t>406-040-9</t>
  </si>
  <si>
    <t>125643-61-0</t>
  </si>
  <si>
    <t>607-531-00-2</t>
  </si>
  <si>
    <t>methyl 3-amino-4,6-dibromo-2-methyl-benzoate</t>
  </si>
  <si>
    <t>425-190-6</t>
  </si>
  <si>
    <t>119916-05-1</t>
  </si>
  <si>
    <t>607-532-00-8</t>
  </si>
  <si>
    <t>425-510-4</t>
  </si>
  <si>
    <t>167944-94-7</t>
  </si>
  <si>
    <t>607-533-00-3</t>
  </si>
  <si>
    <t>pentasodium monohydrogen 6-chloro-3,10-bis[2-[4-chloro-6-(2,4-disulfophenylamino)-1,3,5-triazin-2-yl-amino]ethylamino]-13-ethylbenzo[5.6][1.4]oxazino[2,3-b]phenoxazine-4,11-disulfonate</t>
  </si>
  <si>
    <t>414-910-4</t>
  </si>
  <si>
    <t>607-534-00-9</t>
  </si>
  <si>
    <t>ethyl 2-(3-benzoylphenyl)propanoate</t>
  </si>
  <si>
    <t>414-920-9</t>
  </si>
  <si>
    <t>60658-04-0</t>
  </si>
  <si>
    <t>607-535-00-4</t>
  </si>
  <si>
    <t>potassium 4-iodo-2-sulfonato-benzoic acid</t>
  </si>
  <si>
    <t>426-620-5</t>
  </si>
  <si>
    <t>607-536-00-X</t>
  </si>
  <si>
    <t>(2,6-xylyloxy) acetic acid</t>
  </si>
  <si>
    <t>430-910-7</t>
  </si>
  <si>
    <t>13335-71-2</t>
  </si>
  <si>
    <t>607-537-00-5</t>
  </si>
  <si>
    <t>isopropylammonium 2-(3-benzoylphenyl)propionate</t>
  </si>
  <si>
    <t>417-970-1</t>
  </si>
  <si>
    <t>607-539-00-6</t>
  </si>
  <si>
    <t>propyl((4-(5-oxo-3-propylisoxazolidin-4-ylidenmethin)phenyl)propoxycarbonylmethyleneamino)acetate</t>
  </si>
  <si>
    <t>431-000-2</t>
  </si>
  <si>
    <t>198705-81-6</t>
  </si>
  <si>
    <t>607-540-00-1</t>
  </si>
  <si>
    <t>1-(mercaptomethyl)cyclopropylacetic acid</t>
  </si>
  <si>
    <t>420-240-3</t>
  </si>
  <si>
    <t>162515-68-6</t>
  </si>
  <si>
    <t>607-541-00-7</t>
  </si>
  <si>
    <t>[(1-methyl-1,2-ethanediyl)bis[nitrilobis(methylene)]]tetrakis(phosphonic acid)</t>
  </si>
  <si>
    <t>421-940-1</t>
  </si>
  <si>
    <t>28698-31-9</t>
  </si>
  <si>
    <t>607-542-00-2</t>
  </si>
  <si>
    <t>methyl 2-(4-butanesulfonamidophenoxy)tetradecanoate</t>
  </si>
  <si>
    <t>422-110-1</t>
  </si>
  <si>
    <t>607-543-00-8</t>
  </si>
  <si>
    <t>427-480-8</t>
  </si>
  <si>
    <t>176429-22-4</t>
  </si>
  <si>
    <t>607-544-00-3</t>
  </si>
  <si>
    <t>ethyl 6,8-difluoro-1-(formylmethylamino)-1,4-dihydro-7-(4-methyl)piperazin-1-yl)-4-oxo-quinoline-3-carboxylate</t>
  </si>
  <si>
    <t>427-490-2</t>
  </si>
  <si>
    <t>158585-86-5</t>
  </si>
  <si>
    <t>607-545-00-9</t>
  </si>
  <si>
    <t>1,2-dimethyl-3-(1-methylethenyl)cyclopentyl acetate</t>
  </si>
  <si>
    <t>424-070-0</t>
  </si>
  <si>
    <t>94346-09-5</t>
  </si>
  <si>
    <t>607-546-00-4</t>
  </si>
  <si>
    <t>424-290-7</t>
  </si>
  <si>
    <t>188070-47-5</t>
  </si>
  <si>
    <t>607-547-00-X</t>
  </si>
  <si>
    <t>18-methylnonadecyl 2,2-dimethylpropanoate</t>
  </si>
  <si>
    <t>424-370-1</t>
  </si>
  <si>
    <t>125496-22-2</t>
  </si>
  <si>
    <t>607-548-00-5</t>
  </si>
  <si>
    <t>431-010-7</t>
  </si>
  <si>
    <t>154486-26-7</t>
  </si>
  <si>
    <t>607-549-00-0</t>
  </si>
  <si>
    <t>424-430-7</t>
  </si>
  <si>
    <t>125778-19-0</t>
  </si>
  <si>
    <t>607-550-00-6</t>
  </si>
  <si>
    <t>2-amino-4-bromo-5-chlorobenzoic acid</t>
  </si>
  <si>
    <t>424-700-4</t>
  </si>
  <si>
    <t>607-551-00-1</t>
  </si>
  <si>
    <t>tetrabutylammonium 2-amino-6-iodopurinate</t>
  </si>
  <si>
    <t>424-710-9</t>
  </si>
  <si>
    <t>156126-48-6</t>
  </si>
  <si>
    <t>607-552-00-7</t>
  </si>
  <si>
    <t>424-830-1</t>
  </si>
  <si>
    <t>607-553-00-2</t>
  </si>
  <si>
    <t>7-amino-4-hydroxy-2-naphthalenesulfonic acid, coupled with 5 (or 8) -amino-8 (or 5)-[[4-[[4-[[4-amino-6(or 7)-sulfo-1-naphthyl]azo]phenyl]amino]-3-sulfophenyl]azo]-2-naphthalenesulfonic acid and 4-hydroxy-7-(phenylamino)-2-naphthalenesulfonic acid, sodium salt</t>
  </si>
  <si>
    <t>424-850-0</t>
  </si>
  <si>
    <t>607-554-00-8</t>
  </si>
  <si>
    <t>2,4-diamino-5-[4-[(2-sulfoxyl ethyl)sulfonyl]phenylazo]benzenesulfonic acid</t>
  </si>
  <si>
    <t>424-870-1</t>
  </si>
  <si>
    <t>27624-67-5</t>
  </si>
  <si>
    <t>607-555-00-3</t>
  </si>
  <si>
    <t>1,1,3,3-tetramethylbutylperoxypivalate</t>
  </si>
  <si>
    <t>424-980-8</t>
  </si>
  <si>
    <t>22288-41-1</t>
  </si>
  <si>
    <t>Org. Perox. D</t>
  </si>
  <si>
    <t>607-556-00-9</t>
  </si>
  <si>
    <t>2-acetoxymethylene-4-acetylphenylacetate</t>
  </si>
  <si>
    <t>425-160-2</t>
  </si>
  <si>
    <t>24085-06-1</t>
  </si>
  <si>
    <t>607-557-00-4</t>
  </si>
  <si>
    <t>425-210-3</t>
  </si>
  <si>
    <t>169939-84-8</t>
  </si>
  <si>
    <t>607-558-00-X</t>
  </si>
  <si>
    <t>425-250-1</t>
  </si>
  <si>
    <t>147027-10-9</t>
  </si>
  <si>
    <t>607-559-00-5</t>
  </si>
  <si>
    <t>coconut oil, reaction products with glycerol esters of 3,5-bis(1,1-dimethylethyl)-4-hydroxybenzenepropanoic acid</t>
  </si>
  <si>
    <t>425-400-6</t>
  </si>
  <si>
    <t>179986-09-5</t>
  </si>
  <si>
    <t>607-560-00-0</t>
  </si>
  <si>
    <t>431-210-4</t>
  </si>
  <si>
    <t>50905-10-7</t>
  </si>
  <si>
    <t>607-561-00-6</t>
  </si>
  <si>
    <t>425-460-3</t>
  </si>
  <si>
    <t>607-562-00-1</t>
  </si>
  <si>
    <t>425-530-3</t>
  </si>
  <si>
    <t>98769-75-6</t>
  </si>
  <si>
    <t>607-563-00-7</t>
  </si>
  <si>
    <t>5,7-dichloro-4-hydroxyquinoline-3-carboxylic acid</t>
  </si>
  <si>
    <t>431-250-2</t>
  </si>
  <si>
    <t>171850-30-9</t>
  </si>
  <si>
    <t>607-564-00-2</t>
  </si>
  <si>
    <t>1,6-hexanediammonium, sodium 5-sulfato-1,3-benzenedicarboxylate</t>
  </si>
  <si>
    <t>425-730-0</t>
  </si>
  <si>
    <t>51178-75-7</t>
  </si>
  <si>
    <t>607-565-00-8</t>
  </si>
  <si>
    <t>425-820-1</t>
  </si>
  <si>
    <t>88150-42-9</t>
  </si>
  <si>
    <t>607-566-00-3</t>
  </si>
  <si>
    <t>426-140-6</t>
  </si>
  <si>
    <t>607-567-00-9</t>
  </si>
  <si>
    <t>potassium 3-iodo-6-methylbenzenesulfonate</t>
  </si>
  <si>
    <t>426-300-5</t>
  </si>
  <si>
    <t>607-568-00-4</t>
  </si>
  <si>
    <t>potassium 2-chloro-3-(benzyloxy)propionate</t>
  </si>
  <si>
    <t>426-350-8</t>
  </si>
  <si>
    <t>138666-92-9</t>
  </si>
  <si>
    <t>607-569-00-X</t>
  </si>
  <si>
    <t>426-470-0</t>
  </si>
  <si>
    <t>607-570-00-5</t>
  </si>
  <si>
    <t>426-520-1</t>
  </si>
  <si>
    <t>71420-85-4</t>
  </si>
  <si>
    <t>607-571-00-0</t>
  </si>
  <si>
    <t>2-cyclopentene-1-acetic acid, 3-hydroxy-2-pentyl-, methyl ester acetate</t>
  </si>
  <si>
    <t>431-400-7</t>
  </si>
  <si>
    <t>57374-49-9</t>
  </si>
  <si>
    <t>607-572-00-6</t>
  </si>
  <si>
    <t>426-790-0</t>
  </si>
  <si>
    <t>162208-27-7</t>
  </si>
  <si>
    <t>607-573-00-1</t>
  </si>
  <si>
    <t>426-840-1</t>
  </si>
  <si>
    <t>607-574-00-7</t>
  </si>
  <si>
    <t>426-890-4</t>
  </si>
  <si>
    <t>77341-67-4</t>
  </si>
  <si>
    <t>607-575-00-2</t>
  </si>
  <si>
    <t>4-(5-(5-[1-(4-carboxyphenyl)hexahydro-2,4,6-trioxopyrimidin-5-ylidene]penta-1,3-dienyl)-1,2,3,4-tetrahydro-6-hydroxy-2,4-dioxopyrimidin-1-yl)benzoic acid-triethylamine salt</t>
  </si>
  <si>
    <t>426-900-7</t>
  </si>
  <si>
    <t>607-576-00-8</t>
  </si>
  <si>
    <t>427-030-0</t>
  </si>
  <si>
    <t>607-577-00-3</t>
  </si>
  <si>
    <t>427-100-0</t>
  </si>
  <si>
    <t>607-578-00-9</t>
  </si>
  <si>
    <t>427-110-5</t>
  </si>
  <si>
    <t>607-579-00-4</t>
  </si>
  <si>
    <t>431-430-0</t>
  </si>
  <si>
    <t>103976-28-9</t>
  </si>
  <si>
    <t>607-580-00-X</t>
  </si>
  <si>
    <t>ethyl 7-chloro-1-(2,4-difluorophenyl)-6-fluoro-1,4-dihydro-4-oxo-1,8-naphthyridine-3-carboxylate</t>
  </si>
  <si>
    <t>422-360-1</t>
  </si>
  <si>
    <t>100491-29-0</t>
  </si>
  <si>
    <t>607-581-00-5</t>
  </si>
  <si>
    <t>ethyl 2-ethoxy-4-carboxymethylbenzoate</t>
  </si>
  <si>
    <t>427-630-2</t>
  </si>
  <si>
    <t>99469-99-5</t>
  </si>
  <si>
    <t>607-582-00-0</t>
  </si>
  <si>
    <t>427-650-1</t>
  </si>
  <si>
    <t>607-583-00-6</t>
  </si>
  <si>
    <t>4-amino-3-[[4-[[2-(sulfooxy)ethyl]sulfonyl]phenyl]azo]-1-naphthalene sulfonic acid</t>
  </si>
  <si>
    <t>427-680-5</t>
  </si>
  <si>
    <t>188907-52-0</t>
  </si>
  <si>
    <t>607-584-00-1</t>
  </si>
  <si>
    <t>trisodium 3-[2-acetylamino-4-[4-chloro-6-[4-(2-sulfonatoxyethylsulfonyl)phenylamino]-1,3,5-triazine-2-ylamino]phenylazo]naphthalene-1,5-disulfonate</t>
  </si>
  <si>
    <t>427-710-7</t>
  </si>
  <si>
    <t>215612-56-9</t>
  </si>
  <si>
    <t>607-585-00-7</t>
  </si>
  <si>
    <t>strontium 2-[(2-hydroxy-6-sulfonato-1-naphthyl)azo]naphthalene-1-sulfonate</t>
  </si>
  <si>
    <t>427-930-3</t>
  </si>
  <si>
    <t>607-586-00-2</t>
  </si>
  <si>
    <t>dodecyl 3-amino-4-chlorobenzoate</t>
  </si>
  <si>
    <t>428-020-9</t>
  </si>
  <si>
    <t>6195-20-6</t>
  </si>
  <si>
    <t>607-587-00-8</t>
  </si>
  <si>
    <t>428-030-3</t>
  </si>
  <si>
    <t>67914-69-6</t>
  </si>
  <si>
    <t>607-588-00-3</t>
  </si>
  <si>
    <t>428-050-2</t>
  </si>
  <si>
    <t>607-589-00-9</t>
  </si>
  <si>
    <t>tetrakis(1,2,2,6,6-pentamethyl-4-piperidyl)-1,2,3,4-butanetetracarboxylate</t>
  </si>
  <si>
    <t>428-070-1</t>
  </si>
  <si>
    <t>91788-83-9</t>
  </si>
  <si>
    <t>607-590-00-4</t>
  </si>
  <si>
    <t>hexadecyl 3-[2-(5,5-dimethyl-2,4-dioxo-1,3-oxazolidin-3-yl)-4,4-dimethyl-3-oxovaleramido]-4-isopropoxybenzoate</t>
  </si>
  <si>
    <t>428-140-1</t>
  </si>
  <si>
    <t>210706-50-6</t>
  </si>
  <si>
    <t>607-591-00-X</t>
  </si>
  <si>
    <t>428-400-4</t>
  </si>
  <si>
    <t>607-592-00-5</t>
  </si>
  <si>
    <t>428-870-0</t>
  </si>
  <si>
    <t>607-593-00-0</t>
  </si>
  <si>
    <t>429-000-2</t>
  </si>
  <si>
    <t>159235-16-2</t>
  </si>
  <si>
    <t>607-594-00-6</t>
  </si>
  <si>
    <t>429-020-1</t>
  </si>
  <si>
    <t>204254-96-6</t>
  </si>
  <si>
    <t>607-595-00-1</t>
  </si>
  <si>
    <t>429-120-5</t>
  </si>
  <si>
    <t>208535-04-0</t>
  </si>
  <si>
    <t>607-596-00-7</t>
  </si>
  <si>
    <t>ethyl 2-(4-phenoxyphenyl)lactate</t>
  </si>
  <si>
    <t>429-220-9</t>
  </si>
  <si>
    <t>132584-17-9</t>
  </si>
  <si>
    <t>607-597-00-2</t>
  </si>
  <si>
    <t>429-230-3</t>
  </si>
  <si>
    <t>607-598-00-8</t>
  </si>
  <si>
    <t>trisodium 3-amino-4-[4-[4-(2-(2-ethenylsulfonylethoxy)ethylamino)-6-fluoro-1,3,5-triazine-2-ylamino]-2-sulfophenylazo]-5-hydroxynaphthalene-2,7-disulfonate</t>
  </si>
  <si>
    <t>429-240-8</t>
  </si>
  <si>
    <t>212652-59-0</t>
  </si>
  <si>
    <t>607-599-00-3</t>
  </si>
  <si>
    <t>1,1-dimethylpropyl 3,5,5-trimethylperoxyhexanoate</t>
  </si>
  <si>
    <t>431-610-9</t>
  </si>
  <si>
    <t>68860-54-8</t>
  </si>
  <si>
    <t>607-600-00-7</t>
  </si>
  <si>
    <t>431-700-8</t>
  </si>
  <si>
    <t>607-601-00-2</t>
  </si>
  <si>
    <t>1,4-dihydroxy-2,2,6,6-tetramethyl piperidinium-2-hydroxy-1,2,3-propanetricarboxylate</t>
  </si>
  <si>
    <t>429-370-5</t>
  </si>
  <si>
    <t>220410-74-2</t>
  </si>
  <si>
    <t>607-602-00-8</t>
  </si>
  <si>
    <t>ethyl (3-cyanomethyl-3,4-dihydro-4-oxophthalazin-1-yl)acetate</t>
  </si>
  <si>
    <t>429-680-0</t>
  </si>
  <si>
    <t>122665-86-5</t>
  </si>
  <si>
    <t>607-603-00-3</t>
  </si>
  <si>
    <t>lithium sodium 4,4', 4''-(nitrilotris(ethane-2,1-diylimino(6-chloro-1,3,5-triazine-4,2-diyl)imino))tris(5-hydroxy-6-(1-sulfonaphthalene-2-ylazo)-2,7-naphthalene)disulfonate</t>
  </si>
  <si>
    <t>429-730-1</t>
  </si>
  <si>
    <t>193562-37-7</t>
  </si>
  <si>
    <t>607-604-00-9</t>
  </si>
  <si>
    <t>guanidinium benzoate</t>
  </si>
  <si>
    <t>429-820-0</t>
  </si>
  <si>
    <t>26739-54-8</t>
  </si>
  <si>
    <t>607-605-00-4</t>
  </si>
  <si>
    <t>methyl 4-iodo-2-(3-(4-methoxy-6-methyl-1,3,5-triazine-2-yl)ureidosulfonyl)benzoate</t>
  </si>
  <si>
    <t>429-890-2</t>
  </si>
  <si>
    <t>144550-06-1</t>
  </si>
  <si>
    <t>607-606-00-X</t>
  </si>
  <si>
    <t>430-100-3</t>
  </si>
  <si>
    <t>86978-24-7</t>
  </si>
  <si>
    <t>607-607-00-5</t>
  </si>
  <si>
    <t>430-180-1</t>
  </si>
  <si>
    <t>607-608-00-0</t>
  </si>
  <si>
    <t>430-210-1</t>
  </si>
  <si>
    <t>607-609-00-6</t>
  </si>
  <si>
    <t>430-220-6</t>
  </si>
  <si>
    <t>141942-85-0</t>
  </si>
  <si>
    <t>607-610-00-1</t>
  </si>
  <si>
    <t>trisodium 4-hydroxy-6-(sulfonatomethylamino)-5-(2-(2-sulfatoethylsulfonyl)phenylazo)naphthalene-2-sulfonate</t>
  </si>
  <si>
    <t>430-280-3</t>
  </si>
  <si>
    <t>607-611-00-7</t>
  </si>
  <si>
    <t>methyl 3-amino-2,2,3-trimethylbutyrate</t>
  </si>
  <si>
    <t>431-720-7</t>
  </si>
  <si>
    <t>90886-53-6</t>
  </si>
  <si>
    <t>607-612-00-2</t>
  </si>
  <si>
    <t>432-190-1</t>
  </si>
  <si>
    <t>182176-52-9</t>
  </si>
  <si>
    <t>607-613-00-8</t>
  </si>
  <si>
    <t>432-790-1</t>
  </si>
  <si>
    <t>STOT SE 2</t>
  </si>
  <si>
    <t>H371 (eyes)</t>
  </si>
  <si>
    <t>607-614-00-3</t>
  </si>
  <si>
    <t>426-480-5</t>
  </si>
  <si>
    <t>63562-33-4</t>
  </si>
  <si>
    <t>607-615-00-9</t>
  </si>
  <si>
    <t>reaction product of thioglycerol and mercaptoacetic acid consisting mainly of 3-mercapto-1,2-bismercaptoacetoxypropane and oligomers of this substance</t>
  </si>
  <si>
    <t>431-120-5</t>
  </si>
  <si>
    <t>607-616-00-4</t>
  </si>
  <si>
    <t>2,4-dichloro-5-fluorobenzoylchloride</t>
  </si>
  <si>
    <t>428-390-1</t>
  </si>
  <si>
    <t>86393-34-2</t>
  </si>
  <si>
    <t>607-617-00-X</t>
  </si>
  <si>
    <t>bis(2-ethylhexyl)-4,5-epoxycyclohexane-1,2-dicarboxylate</t>
  </si>
  <si>
    <t>430-700-5</t>
  </si>
  <si>
    <t>10138-36-0</t>
  </si>
  <si>
    <t>607-618-00-5</t>
  </si>
  <si>
    <t>204-987-0</t>
  </si>
  <si>
    <t>130-37-0</t>
  </si>
  <si>
    <t>607-619-00-0</t>
  </si>
  <si>
    <t>277-543-7</t>
  </si>
  <si>
    <t>73581-79-0</t>
  </si>
  <si>
    <t>607-620-00-6</t>
  </si>
  <si>
    <t>trisodium nitrilotriacetate</t>
  </si>
  <si>
    <t>225-768-6</t>
  </si>
  <si>
    <t>5064-31-3</t>
  </si>
  <si>
    <t>607-621-00-1</t>
  </si>
  <si>
    <t>607-622-00-7</t>
  </si>
  <si>
    <t>2-ethylhexyl-2-ethylhexanoate</t>
  </si>
  <si>
    <t>231-057-1</t>
  </si>
  <si>
    <t>7425-14-1</t>
  </si>
  <si>
    <t>diisobutyl phthalate</t>
  </si>
  <si>
    <t>607-625-00-3</t>
  </si>
  <si>
    <t>clodinafop-propargyl (ISO)</t>
  </si>
  <si>
    <t>105512-06-9</t>
  </si>
  <si>
    <t>607-627-00-4</t>
  </si>
  <si>
    <t>416-360-0</t>
  </si>
  <si>
    <t>162221-28-5</t>
  </si>
  <si>
    <t>607-628-00-X</t>
  </si>
  <si>
    <t>419-240-6</t>
  </si>
  <si>
    <t>171054-89-0</t>
  </si>
  <si>
    <t>607-629-00-5</t>
  </si>
  <si>
    <t>[[2-methyl-1-(1-oxopropoxy)propoxy](4-phenylbutyl)phosphinyl] acetic acid</t>
  </si>
  <si>
    <t>419-270-1</t>
  </si>
  <si>
    <t>123599-82-6</t>
  </si>
  <si>
    <t>607-630-00-0</t>
  </si>
  <si>
    <t>acrylic acid, 3-(trimethoxysilyl)propyl ester</t>
  </si>
  <si>
    <t>419-560-6</t>
  </si>
  <si>
    <t>4369-14-6</t>
  </si>
  <si>
    <t>607-631-00-6</t>
  </si>
  <si>
    <t>442-300-8</t>
  </si>
  <si>
    <t>607-632-00-1</t>
  </si>
  <si>
    <t>420-210-1</t>
  </si>
  <si>
    <t>111244-14-5</t>
  </si>
  <si>
    <t>607-633-00-7</t>
  </si>
  <si>
    <t>440-480-2</t>
  </si>
  <si>
    <t>341026-59-3</t>
  </si>
  <si>
    <t>607-634-00-2</t>
  </si>
  <si>
    <t>420-610-4</t>
  </si>
  <si>
    <t>36394-75-9</t>
  </si>
  <si>
    <t>607-635-00-8</t>
  </si>
  <si>
    <t>422-090-4</t>
  </si>
  <si>
    <t>172737-80-3</t>
  </si>
  <si>
    <t>607-636-00-3</t>
  </si>
  <si>
    <t>1-bromo-2-methylpropyl propionate</t>
  </si>
  <si>
    <t>422-900-6</t>
  </si>
  <si>
    <t>158894-67-8</t>
  </si>
  <si>
    <t>607-637-00-9</t>
  </si>
  <si>
    <t>423-730-5</t>
  </si>
  <si>
    <t>250688-43-8</t>
  </si>
  <si>
    <t>607-638-00-4</t>
  </si>
  <si>
    <t>2-hydroxybenzoic acid 2-butyloctyl ester</t>
  </si>
  <si>
    <t>431-090-3</t>
  </si>
  <si>
    <t>190085-41-7</t>
  </si>
  <si>
    <t>607-639-00-X</t>
  </si>
  <si>
    <t>2-(2-oxo-5-(1,1,3,3-tetramethylbutyl)-2,3-dihydro-1-benzofuran-3-yl)-4-(1,1,3,3-tetramethylbutyl)phenyl acetate</t>
  </si>
  <si>
    <t>431-770-1</t>
  </si>
  <si>
    <t>216698-07-6</t>
  </si>
  <si>
    <t>607-641-00-0</t>
  </si>
  <si>
    <t>431-930-9</t>
  </si>
  <si>
    <t>43028-69-9</t>
  </si>
  <si>
    <t>607-642-00-6</t>
  </si>
  <si>
    <t>3,6,9-trithiaundecamethylene-1,11-dimethacrylate</t>
  </si>
  <si>
    <t>432-210-7</t>
  </si>
  <si>
    <t>141631-22-3</t>
  </si>
  <si>
    <t>607-643-00-1</t>
  </si>
  <si>
    <t>432-310-0</t>
  </si>
  <si>
    <t>617-55-0</t>
  </si>
  <si>
    <t>607-644-00-7</t>
  </si>
  <si>
    <t>methyl 2,2-dimethyl-6-methylenecyclohexanecarboxylate</t>
  </si>
  <si>
    <t>432-350-9</t>
  </si>
  <si>
    <t>81752-87-6</t>
  </si>
  <si>
    <t>607-645-00-2</t>
  </si>
  <si>
    <t>tetrasodium 2-(4-fluoro-6-(methyl-(2-(sulfatoethylsulfonyl)ethyl)amino)-1,3,5-triazin-2-ylamino)-5-hydroxy-6-(4-methyl-2-sulfonatophenylazo)naphthalene-1,7-disulfonate</t>
  </si>
  <si>
    <t>432-550-6</t>
  </si>
  <si>
    <t>243858-01-7</t>
  </si>
  <si>
    <t>607-646-00-8</t>
  </si>
  <si>
    <t>432-960-5</t>
  </si>
  <si>
    <t>124655-09-0</t>
  </si>
  <si>
    <t>607-647-00-3</t>
  </si>
  <si>
    <t>433-530-1</t>
  </si>
  <si>
    <t>143446-73-5</t>
  </si>
  <si>
    <t>607-649-00-4</t>
  </si>
  <si>
    <t>[3-(chlorocarbonyl)-2-methylphenyl]acetate</t>
  </si>
  <si>
    <t>433-690-0</t>
  </si>
  <si>
    <t>167678-46-8</t>
  </si>
  <si>
    <t>607-650-00-X</t>
  </si>
  <si>
    <t>2-methyl-1,5-pentanediamine-1,3-benzenedicarboxylate</t>
  </si>
  <si>
    <t>433-910-5</t>
  </si>
  <si>
    <t>145153-52-2</t>
  </si>
  <si>
    <t>607-651-00-5</t>
  </si>
  <si>
    <t>sodium 2-(nonanoyloxy)benzenesulfonate</t>
  </si>
  <si>
    <t>434-360-9</t>
  </si>
  <si>
    <t>91125-43-8</t>
  </si>
  <si>
    <t>607-652-00-0</t>
  </si>
  <si>
    <t>434-630-6</t>
  </si>
  <si>
    <t>60372-77-2</t>
  </si>
  <si>
    <t>607-653-00-6</t>
  </si>
  <si>
    <t>tetrakis(bis(2-hydroxyethyl)methylammonium) 3-(4-(7-acetylamino-1-hydroxy-3-sulfonatonaphthalen-2-ylazo)-5-methoxy-2-sulfonatophenylazo)-7-(4-amino-3-sulfonatophenylamino)-4-hydroxynaphthalene-2-sulfonate</t>
  </si>
  <si>
    <t>434-840-8</t>
  </si>
  <si>
    <t>225786-91-4</t>
  </si>
  <si>
    <t>607-654-00-1</t>
  </si>
  <si>
    <t>434-990-4</t>
  </si>
  <si>
    <t>7331-52-4</t>
  </si>
  <si>
    <t>607-655-00-7</t>
  </si>
  <si>
    <t>ethyl 6,8-dichlorooctanoate</t>
  </si>
  <si>
    <t>435-080-1</t>
  </si>
  <si>
    <t>1070-64-0</t>
  </si>
  <si>
    <t>607-656-00-2</t>
  </si>
  <si>
    <t>sodium salt of 4-amino-3,6-bis[[5-[[4-chloro-6-[(2-methyl-4-sulfophenyl)amino]-1,3,5-triazin-2-yl]amino]-2-sulfophenyl]azo]-5-hydroxy-2,7-naphthalenedisulfonic acid</t>
  </si>
  <si>
    <t>435-350-7</t>
  </si>
  <si>
    <t>141250-43-3</t>
  </si>
  <si>
    <t>607-657-00-8</t>
  </si>
  <si>
    <t>pentasodium 7-(4-(4-(3-(2-sulfatoethanesulfonyl)phenylamino)-6-(4-(2-sulfatoethanesulfonyl)phenylamino)-1,3,5-triazin-2-ylamino)-2-ureidophenylazo)naphthalene-1,3,6-trisulfonate</t>
  </si>
  <si>
    <t>436-920-8</t>
  </si>
  <si>
    <t>172399-10-9</t>
  </si>
  <si>
    <t>607-658-00-3</t>
  </si>
  <si>
    <t>3,10-diamino-6,13-dichloro-2-((6-(((4-(1,1-dimethylethyl)phenyl)sulfonyl)amino)-2-naphthalenyl)sulfonyl)-4,11-triphenodioxazinedisulfonic acid, lithium potassium sodium salt</t>
  </si>
  <si>
    <t>440-770-9</t>
  </si>
  <si>
    <t>371921-63-0</t>
  </si>
  <si>
    <t>607-659-00-9</t>
  </si>
  <si>
    <t>442-030-0</t>
  </si>
  <si>
    <t>321912-47-4</t>
  </si>
  <si>
    <t>607-660-00-4</t>
  </si>
  <si>
    <t>442-230-8</t>
  </si>
  <si>
    <t>321679-52-1</t>
  </si>
  <si>
    <t>607-661-00-X</t>
  </si>
  <si>
    <t>1,1-dimethylethyl 4'-(bromomethyl)biphenyl-2-carboxylate</t>
  </si>
  <si>
    <t>442-850-9</t>
  </si>
  <si>
    <t>114772-40-6</t>
  </si>
  <si>
    <t>607-662-00-5</t>
  </si>
  <si>
    <t>methyl 2-(acetylamino)-3-chloropropionate</t>
  </si>
  <si>
    <t>442-860-3</t>
  </si>
  <si>
    <t>87333-22-0</t>
  </si>
  <si>
    <t>607-663-00-0</t>
  </si>
  <si>
    <t>bis(2-ethylhexyl) naphthalene-2,6-dicarboxylate</t>
  </si>
  <si>
    <t>442-980-6</t>
  </si>
  <si>
    <t>127474-91-3</t>
  </si>
  <si>
    <t>607-664-00-6</t>
  </si>
  <si>
    <t>methyl 2-chlorosulfonyl-4-(methanesulfonylaminomethyl) benzoate</t>
  </si>
  <si>
    <t>443-120-2</t>
  </si>
  <si>
    <t>393509-79-0</t>
  </si>
  <si>
    <t>607-665-00-1</t>
  </si>
  <si>
    <t>443-150-6</t>
  </si>
  <si>
    <t>101226-85-1</t>
  </si>
  <si>
    <t>607-666-00-7</t>
  </si>
  <si>
    <t>443-560-5</t>
  </si>
  <si>
    <t>88784-33-2</t>
  </si>
  <si>
    <t>607-667-00-2</t>
  </si>
  <si>
    <t>chloro-1-ethylcyclohexyl carbonate</t>
  </si>
  <si>
    <t>444-950-8</t>
  </si>
  <si>
    <t>99464-83-2</t>
  </si>
  <si>
    <t>607-668-00-8</t>
  </si>
  <si>
    <t>445-770-2</t>
  </si>
  <si>
    <t>42031-28-7</t>
  </si>
  <si>
    <t>607-669-00-3</t>
  </si>
  <si>
    <t>methyl (9-acetoxy-3,8,10-triethyl-7,8,10-trimethyl-1,5-dioxa-9-aza-spiro[5.5]undec-3-yl)octadecanoate</t>
  </si>
  <si>
    <t>445-990-9</t>
  </si>
  <si>
    <t>376588-17-9</t>
  </si>
  <si>
    <t>607-670-00-9</t>
  </si>
  <si>
    <t>448-700-9</t>
  </si>
  <si>
    <t>500791-70-8</t>
  </si>
  <si>
    <t>607-671-00-4</t>
  </si>
  <si>
    <t>diethyl 1,4-cyclohexanedicarboxylate</t>
  </si>
  <si>
    <t>417-310-0</t>
  </si>
  <si>
    <t>72903-27-6</t>
  </si>
  <si>
    <t>607-672-00-X</t>
  </si>
  <si>
    <t>419-000-0</t>
  </si>
  <si>
    <t>607-673-00-5</t>
  </si>
  <si>
    <t>1-ethyl-5,6,7,8-tetrahydroquinolinium tosylate</t>
  </si>
  <si>
    <t>419-570-0</t>
  </si>
  <si>
    <t>607-675-00-6</t>
  </si>
  <si>
    <t>422-260-8</t>
  </si>
  <si>
    <t>607-676-00-1</t>
  </si>
  <si>
    <t>423-670-1</t>
  </si>
  <si>
    <t>607-677-00-7</t>
  </si>
  <si>
    <t>424-660-8</t>
  </si>
  <si>
    <t>607-678-00-2</t>
  </si>
  <si>
    <t>427-090-8</t>
  </si>
  <si>
    <t>607-679-00-8</t>
  </si>
  <si>
    <t>431-440-5</t>
  </si>
  <si>
    <t>607-680-00-3</t>
  </si>
  <si>
    <t>432-810-9</t>
  </si>
  <si>
    <t>607-681-00-9</t>
  </si>
  <si>
    <t>432-910-2</t>
  </si>
  <si>
    <t>607-682-00-4</t>
  </si>
  <si>
    <t>complex reaction mass of Chinese gum rosin post reacted with acrylic acid</t>
  </si>
  <si>
    <t>434-230-1</t>
  </si>
  <si>
    <t>144413-22-9</t>
  </si>
  <si>
    <t>607-683-00-X</t>
  </si>
  <si>
    <t>435-450-0</t>
  </si>
  <si>
    <t>607-684-00-5</t>
  </si>
  <si>
    <t>435-660-2</t>
  </si>
  <si>
    <t>243662-67-1</t>
  </si>
  <si>
    <t>607-685-00-0</t>
  </si>
  <si>
    <t>ammonium 2-cocoyloxyethanesulfonate</t>
  </si>
  <si>
    <t>441-050-7</t>
  </si>
  <si>
    <t>607-686-00-6</t>
  </si>
  <si>
    <t>6,6'-bis(diazo-5,5', 6,6'-tetrahydro-5,5'-dioxo)[methylene-bis(5-(6-diazo-5,6-dihydro-5-oxo-1-naphthylsulphonyloxy)-6-methyl-2-phenylene]di(naphthalene-1-sulfonate)</t>
  </si>
  <si>
    <t>441-550-5</t>
  </si>
  <si>
    <t>607-687-00-1</t>
  </si>
  <si>
    <t>442-800-6</t>
  </si>
  <si>
    <t>607-688-00-7</t>
  </si>
  <si>
    <t>444-320-2</t>
  </si>
  <si>
    <t>607-689-00-2</t>
  </si>
  <si>
    <t>444-920-4</t>
  </si>
  <si>
    <t>607-690-00-8</t>
  </si>
  <si>
    <t>432-860-1</t>
  </si>
  <si>
    <t>255387-46-3</t>
  </si>
  <si>
    <t>607-691-00-3</t>
  </si>
  <si>
    <t>448-690-6</t>
  </si>
  <si>
    <t>607-692-00-9</t>
  </si>
  <si>
    <t>446-470-4</t>
  </si>
  <si>
    <t>607-693-00-4</t>
  </si>
  <si>
    <t>hexyl 2-(1-(diethylaminohydroxyphenyl)methanoyl)benzoate</t>
  </si>
  <si>
    <t>443-860-6</t>
  </si>
  <si>
    <t>302776-68-7</t>
  </si>
  <si>
    <t>607-694-00-X</t>
  </si>
  <si>
    <t>ethyl 5,5-diphenyl-2-isoxazoline-3-carboxylate</t>
  </si>
  <si>
    <t>443-870-0</t>
  </si>
  <si>
    <t>163520-33-0</t>
  </si>
  <si>
    <t>607-696-00-0</t>
  </si>
  <si>
    <t>pentyl formate</t>
  </si>
  <si>
    <t>211-340-6</t>
  </si>
  <si>
    <t>638-49-3</t>
  </si>
  <si>
    <t>607-697-00-6</t>
  </si>
  <si>
    <t>20487-40-5</t>
  </si>
  <si>
    <t>607-699-00-7</t>
  </si>
  <si>
    <t>M = 100 000</t>
  </si>
  <si>
    <t>607-700-00-0</t>
  </si>
  <si>
    <t>173584-44-6 [1]</t>
  </si>
  <si>
    <t>144171-61-9 [2]</t>
  </si>
  <si>
    <t>H372 (blood, nervous system, heart)</t>
  </si>
  <si>
    <t>dihexyl phthalate</t>
  </si>
  <si>
    <t>Eye Dam.1</t>
  </si>
  <si>
    <t>perfluorooctanoic acid</t>
  </si>
  <si>
    <t>607-705-00-8</t>
  </si>
  <si>
    <t>benzoic acid</t>
  </si>
  <si>
    <t>200-618-2</t>
  </si>
  <si>
    <t>65-85-0</t>
  </si>
  <si>
    <t>607-706-00-3</t>
  </si>
  <si>
    <t>methyl 2,5-dichlorobenzoate</t>
  </si>
  <si>
    <t>220-815-7</t>
  </si>
  <si>
    <t>2905-69-3</t>
  </si>
  <si>
    <t>607-707-00-9</t>
  </si>
  <si>
    <t>fenoxaprop-P-ethyl (ISO); ethyl (2R)-2-{4-[(6-chloro-1,3-benzoxazol-2-yl)oxy]phenoxy}propanoate</t>
  </si>
  <si>
    <t>71283-80-2</t>
  </si>
  <si>
    <t>607-708-00-4</t>
  </si>
  <si>
    <t>octanoic acid</t>
  </si>
  <si>
    <t>204-677-5</t>
  </si>
  <si>
    <t>124-07-2</t>
  </si>
  <si>
    <t>607-709-00-X</t>
  </si>
  <si>
    <t>decanoic acid</t>
  </si>
  <si>
    <t>206-376-4</t>
  </si>
  <si>
    <t>334-48-5</t>
  </si>
  <si>
    <t>607-711-00-0</t>
  </si>
  <si>
    <t>spirotetramat (ISO); (5s,8s)-3-(2,5-dimethylphenyl)-8-methoxy-2-oxo-1-azaspiro[4,5]dec-3-en-4-yl ethyl carbonate</t>
  </si>
  <si>
    <t>203313-25-1</t>
  </si>
  <si>
    <t>607-712-00-6</t>
  </si>
  <si>
    <t>dodemorph acetate; 4-cyclododecyl-2,6-dimethylmorpholin-4-ium acetate</t>
  </si>
  <si>
    <t>250-778-2</t>
  </si>
  <si>
    <t>31717-87-0</t>
  </si>
  <si>
    <t>H373 (liver)</t>
  </si>
  <si>
    <t>607-713-00-1</t>
  </si>
  <si>
    <t>fenpyroximate (ISO); tert-butyl 4-[({(E)-[(1,3-dimethyl-5-phenoxy-1H-pyrazol-4-yl)methylene]amino}oxy)methyl]benzoate</t>
  </si>
  <si>
    <t>134098-61-6</t>
  </si>
  <si>
    <t>GHS06 GHS09</t>
  </si>
  <si>
    <t>607-714-00-7</t>
  </si>
  <si>
    <t>triflusulfuron-methyl; methyl 2-({[4-(dimethylamino)-6-(2,2,2-trifluoroethoxy)-1,3,5-triazin-2-yl]carbamoyl}sulfamoyl)-3-methylbenzoate</t>
  </si>
  <si>
    <t>126535-15-7</t>
  </si>
  <si>
    <t>607-715-00-2</t>
  </si>
  <si>
    <t>bifenazate (ISO); isopropyl 2-(4-methoxybiphenyl-3-yl)hydrazinecarboxylate</t>
  </si>
  <si>
    <t>442-820-5</t>
  </si>
  <si>
    <t>149877-41-8</t>
  </si>
  <si>
    <t>difethialone (ISO);</t>
  </si>
  <si>
    <t>perfluorononan-1-oic acid [1] and its sodium [2] and ammonium [3] salts</t>
  </si>
  <si>
    <t>H372 (liver, thymus, spleen)</t>
  </si>
  <si>
    <t>dicyclohexyl phthalate</t>
  </si>
  <si>
    <t>nonadecafluorodecanoic acid; [1]</t>
  </si>
  <si>
    <t>206-400-3 [1] 221-470-5 [2]</t>
  </si>
  <si>
    <t>335-76-2 [1] 3108-42-7 [2]</t>
  </si>
  <si>
    <t>H373 (gastrointestinal tract, respiratory tract)</t>
  </si>
  <si>
    <t>607-722-00-0</t>
  </si>
  <si>
    <t>2,3,5,6-tetrafluoro-4-(methoxymethyl)benzyl (Z)-(1R,3R)-3-(2-cyanoprop-1-enyl)-2,2-dimethylcyclopropanecarboxylate;</t>
  </si>
  <si>
    <t>1065124-65-3</t>
  </si>
  <si>
    <t>epsilon-momfluorothrin</t>
  </si>
  <si>
    <t>H371 (nervous system)</t>
  </si>
  <si>
    <t>607-723-00-6</t>
  </si>
  <si>
    <t>tefluthrin (ISO);</t>
  </si>
  <si>
    <t>79538-32-2</t>
  </si>
  <si>
    <t>M = 10 000</t>
  </si>
  <si>
    <t>2,3,5,6-tetrafluoro-4-methylbenzyl (1RS,3RS)-3-[(Z)-2-chloro-3,3,3-trifluoroprop-1-enyl]-2,2-dimethylcyclopropanecarboxylate</t>
  </si>
  <si>
    <t>608-001-00-3</t>
  </si>
  <si>
    <t>200-835-2</t>
  </si>
  <si>
    <t>608-002-00-9</t>
  </si>
  <si>
    <t>trichloroacetonitrile</t>
  </si>
  <si>
    <t>208-885-7</t>
  </si>
  <si>
    <t>545-06-2</t>
  </si>
  <si>
    <t>acrylonitrile</t>
  </si>
  <si>
    <t>608-004-00-X</t>
  </si>
  <si>
    <t>200-909-4</t>
  </si>
  <si>
    <t>75-86-5</t>
  </si>
  <si>
    <t>608-005-00-5</t>
  </si>
  <si>
    <t>203-700-6</t>
  </si>
  <si>
    <t>109-74-0</t>
  </si>
  <si>
    <t>608-006-00-0</t>
  </si>
  <si>
    <t>216-882-7</t>
  </si>
  <si>
    <t>1689-84-5</t>
  </si>
  <si>
    <t>608-007-00-6</t>
  </si>
  <si>
    <t>216-881-1</t>
  </si>
  <si>
    <t>1689-83-4</t>
  </si>
  <si>
    <t>608-008-00-1</t>
  </si>
  <si>
    <t>chloroacetonitrile</t>
  </si>
  <si>
    <t>203-467-0</t>
  </si>
  <si>
    <t>107-14-2</t>
  </si>
  <si>
    <t>608-009-00-7</t>
  </si>
  <si>
    <t>malononitrile</t>
  </si>
  <si>
    <t>203-703-2</t>
  </si>
  <si>
    <t>109-77-3</t>
  </si>
  <si>
    <t>608-010-00-2</t>
  </si>
  <si>
    <t>204-817-5</t>
  </si>
  <si>
    <t>126-98-7</t>
  </si>
  <si>
    <t>608-011-00-8</t>
  </si>
  <si>
    <t>207-306-5</t>
  </si>
  <si>
    <t>460-19-5</t>
  </si>
  <si>
    <t>608-012-00-3</t>
  </si>
  <si>
    <t>benzonitrile</t>
  </si>
  <si>
    <t>202-855-7</t>
  </si>
  <si>
    <t>100-47-0</t>
  </si>
  <si>
    <t>608-013-00-9</t>
  </si>
  <si>
    <t>2-chlorobenzonitrile</t>
  </si>
  <si>
    <t>212-836-5</t>
  </si>
  <si>
    <t>873-32-5</t>
  </si>
  <si>
    <t>608-014-00-4</t>
  </si>
  <si>
    <t>217-588-1</t>
  </si>
  <si>
    <t>608-015-00-X</t>
  </si>
  <si>
    <t>214-787-5</t>
  </si>
  <si>
    <t>1194-65-6</t>
  </si>
  <si>
    <t>608-016-00-5</t>
  </si>
  <si>
    <t>1,4-Dicyano-2,3,5,6-tetra-chloro-benzene</t>
  </si>
  <si>
    <t>401-550-8</t>
  </si>
  <si>
    <t>1897-41-2</t>
  </si>
  <si>
    <t>608-017-00-0</t>
  </si>
  <si>
    <t>216-885-3</t>
  </si>
  <si>
    <t>1689-99-2</t>
  </si>
  <si>
    <t>608-018-00-6</t>
  </si>
  <si>
    <t>223-375-4</t>
  </si>
  <si>
    <t>3861-47-0</t>
  </si>
  <si>
    <t>608-019-00-1</t>
  </si>
  <si>
    <t>201-132-3</t>
  </si>
  <si>
    <t>78-67-1</t>
  </si>
  <si>
    <t>Self-react. C</t>
  </si>
  <si>
    <t>608-020-00-7</t>
  </si>
  <si>
    <t>diphenoxymethylenecyanamide</t>
  </si>
  <si>
    <t>427-300-8</t>
  </si>
  <si>
    <t>79463-77-7</t>
  </si>
  <si>
    <t>608-021-00-2</t>
  </si>
  <si>
    <t>3-(2-(diaminomethyleneamino)thiazol-4-ylmethylthio)propionitrile</t>
  </si>
  <si>
    <t>403-710-2</t>
  </si>
  <si>
    <t>76823-93-3</t>
  </si>
  <si>
    <t>608-022-00-8</t>
  </si>
  <si>
    <t>3,7-dimethyloctanenitrile</t>
  </si>
  <si>
    <t>403-620-3</t>
  </si>
  <si>
    <t>40188-41-8</t>
  </si>
  <si>
    <t>608-023-00-3</t>
  </si>
  <si>
    <t>406-140-2</t>
  </si>
  <si>
    <t>114369-43-6</t>
  </si>
  <si>
    <t>608-024-00-9</t>
  </si>
  <si>
    <t>407-650-8</t>
  </si>
  <si>
    <t>97460-76-9</t>
  </si>
  <si>
    <t>608-025-00-4</t>
  </si>
  <si>
    <t>2-nitro-4,5-bis(benzyloxy)phenylacetonitrile</t>
  </si>
  <si>
    <t>410-970-0</t>
  </si>
  <si>
    <t>117568-27-1</t>
  </si>
  <si>
    <t>608-026-00-X</t>
  </si>
  <si>
    <t>3-cyano-3,5,5-trimethylcyclohexanone</t>
  </si>
  <si>
    <t>411-490-4</t>
  </si>
  <si>
    <t>7027-11-4</t>
  </si>
  <si>
    <t>608-027-00-5</t>
  </si>
  <si>
    <t>412-660-0</t>
  </si>
  <si>
    <t>608-028-00-0</t>
  </si>
  <si>
    <t>4-(2-cyano-3-phenylamino acryloyloxymethyl)-cyclohexyl-methyl 2-cyano-3-phenylamino)-acrylate</t>
  </si>
  <si>
    <t>413-510-7</t>
  </si>
  <si>
    <t>147374-67-2</t>
  </si>
  <si>
    <t>608-029-00-6</t>
  </si>
  <si>
    <t>1,2-dihydro-6-hydroxy-4-methyl-1-[3-(1-methylethoxy)propyl]-2-oxo-3-pyridinecarbonitrile</t>
  </si>
  <si>
    <t>411-990-2</t>
  </si>
  <si>
    <t>68612-94-2</t>
  </si>
  <si>
    <t>608-030-00-1</t>
  </si>
  <si>
    <t>412-340-0</t>
  </si>
  <si>
    <t>147741-93-3</t>
  </si>
  <si>
    <t>608-031-00-7</t>
  </si>
  <si>
    <t>2-benzyl-2-methyl-3-butenitrile</t>
  </si>
  <si>
    <t>407-870-4</t>
  </si>
  <si>
    <t>97384-48-0</t>
  </si>
  <si>
    <t>608-032-00-2</t>
  </si>
  <si>
    <t>acetamiprid (ISO);</t>
  </si>
  <si>
    <t>135410-20-7</t>
  </si>
  <si>
    <t>608-033-00-8</t>
  </si>
  <si>
    <t>407-970-8</t>
  </si>
  <si>
    <t>75511-91-0</t>
  </si>
  <si>
    <t>608-034-00-3</t>
  </si>
  <si>
    <t>608-035-00-9</t>
  </si>
  <si>
    <t>(±)-α-[(2-acetyl-5-methylphenyl)-amino]-2,6-dichlorobenzene-aceto-nitrile</t>
  </si>
  <si>
    <t>419-290-9</t>
  </si>
  <si>
    <t>608-036-00-4</t>
  </si>
  <si>
    <t>3-(2-{4-[2-(4-cyanophenyl)vinyl]phenyl}vinyl)benzonitrile</t>
  </si>
  <si>
    <t>419-060-8</t>
  </si>
  <si>
    <t>79026-02-1</t>
  </si>
  <si>
    <t>608-037-00-X</t>
  </si>
  <si>
    <t>422-190-8</t>
  </si>
  <si>
    <t>608-038-00-5</t>
  </si>
  <si>
    <t>2,2,4-trimethyl-4-phenyl-butane-nitrile</t>
  </si>
  <si>
    <t>422-580-8</t>
  </si>
  <si>
    <t>75490-39-0</t>
  </si>
  <si>
    <t>608-039-00-0</t>
  </si>
  <si>
    <t>2-phenylhexanenitrile</t>
  </si>
  <si>
    <t>423-460-8</t>
  </si>
  <si>
    <t>3508-98-3</t>
  </si>
  <si>
    <t>608-040-00-6</t>
  </si>
  <si>
    <t>423-490-1</t>
  </si>
  <si>
    <t>130755-46-3</t>
  </si>
  <si>
    <t>608-041-00-1</t>
  </si>
  <si>
    <t>4'-((2-butyl-4-oxo-1,3-diazaspiro[4.4]non-1-ene-3-yl)methyl)(1,1'-biphenyl)-2-carbonitrile</t>
  </si>
  <si>
    <t>423-500-4</t>
  </si>
  <si>
    <t>138401-24-8</t>
  </si>
  <si>
    <t>608-042-00-7</t>
  </si>
  <si>
    <t>421-810-4</t>
  </si>
  <si>
    <t>194602-27-2</t>
  </si>
  <si>
    <t>608-043-00-2</t>
  </si>
  <si>
    <t>415-220-6</t>
  </si>
  <si>
    <t>142653-61-0</t>
  </si>
  <si>
    <t>608-044-00-8</t>
  </si>
  <si>
    <t>2-cyclohexylidene-2-phenylacetonitrile</t>
  </si>
  <si>
    <t>423-740-1</t>
  </si>
  <si>
    <t>10461-98-0</t>
  </si>
  <si>
    <t>608-046-00-9</t>
  </si>
  <si>
    <t>5-(4-chloro-2-nitro-phenylazo)-1,2-dihydro-6-hydroxy-1,4-dimethyl-2-oxo-pyridine-3-carbonitrile</t>
  </si>
  <si>
    <t>425-310-7</t>
  </si>
  <si>
    <t>77889-90-8</t>
  </si>
  <si>
    <t>608-047-00-4</t>
  </si>
  <si>
    <t>2-piperidin-1-yl-benzonitrile</t>
  </si>
  <si>
    <t>427-330-1</t>
  </si>
  <si>
    <t>72752-52-4</t>
  </si>
  <si>
    <t>608-048-00-X</t>
  </si>
  <si>
    <t>1-(3-cyclopentyloxy-4-methoxyphenyl)-4-oxo-cyclohexanecarbonitrile</t>
  </si>
  <si>
    <t>427-450-4</t>
  </si>
  <si>
    <t>152630-47-2</t>
  </si>
  <si>
    <t>608-049-00-5</t>
  </si>
  <si>
    <t>2-(4-(4-(butyl-(1-methylhexyl)amino)phenyl)-3-cyano-5-oxo-1,5-dihydropyrrol-2-ylidene)propandinitrile</t>
  </si>
  <si>
    <t>429-180-2</t>
  </si>
  <si>
    <t>157362-53-3</t>
  </si>
  <si>
    <t>608-050-00-0</t>
  </si>
  <si>
    <t>reaction mass of: 5-(2-cyano-4-nitrophenylazo)-2-(2-(2-hydroxyethoxy)ethylamino)-4-methyl-6-phenylaminonicotinonitrile;</t>
  </si>
  <si>
    <t>429-760-5</t>
  </si>
  <si>
    <t>5-(2-cyano-4-nitrophenylazo)-6-(2-(2-hydroxyethoxy)ethylamino)-4-methyl-2-phenylaminonicotinonitrile</t>
  </si>
  <si>
    <t>608-051-00-6</t>
  </si>
  <si>
    <t>430-760-2</t>
  </si>
  <si>
    <t>219861-18-4</t>
  </si>
  <si>
    <t>608-052-00-1</t>
  </si>
  <si>
    <t>430-770-7</t>
  </si>
  <si>
    <t>128173-52-4</t>
  </si>
  <si>
    <t>608-053-00-7</t>
  </si>
  <si>
    <t>430-780-1</t>
  </si>
  <si>
    <t>103146-25-4</t>
  </si>
  <si>
    <t>608-054-00-2</t>
  </si>
  <si>
    <t>430-790-6</t>
  </si>
  <si>
    <t>608-055-00-8</t>
  </si>
  <si>
    <t>fipronil (ISO);</t>
  </si>
  <si>
    <t>424-610-5</t>
  </si>
  <si>
    <t>M = 1 000</t>
  </si>
  <si>
    <t>(±)-5-amino-1-(2,6-dichloro-α,α,α-trifluoro-para-tolyl)-4-trifluoromethylsulfinyl-pyrazole-3-carbonitrile</t>
  </si>
  <si>
    <t>H372*</t>
  </si>
  <si>
    <t>608-056-00-3</t>
  </si>
  <si>
    <t>429-340-1</t>
  </si>
  <si>
    <t>608-057-00-9</t>
  </si>
  <si>
    <t>4-(cyanomethyl)-4-methylmorpholin-4-ium hydrogen sulfate</t>
  </si>
  <si>
    <t>431-200-1</t>
  </si>
  <si>
    <t>208538-34-5</t>
  </si>
  <si>
    <t>608-058-00-4</t>
  </si>
  <si>
    <t>esfenvalerate (ISO);</t>
  </si>
  <si>
    <t>(S)-α-cyano-3-phenoxybenzyl-(S)-2-(4-chlorophenyl)-3-methylbutyrate</t>
  </si>
  <si>
    <t>608-059-00-X</t>
  </si>
  <si>
    <t>421-240-6</t>
  </si>
  <si>
    <t>120068-79-3</t>
  </si>
  <si>
    <t>608-060-00-5</t>
  </si>
  <si>
    <t>5-methyl-2-[(2-nitrophenyl)amino]-3-thiophenecarbonitrile</t>
  </si>
  <si>
    <t>421-300-1</t>
  </si>
  <si>
    <t>138564-59-7</t>
  </si>
  <si>
    <t>608-062-00-6</t>
  </si>
  <si>
    <t>2-fluoro-4-hydroxybenzonitrile</t>
  </si>
  <si>
    <t>422-810-7</t>
  </si>
  <si>
    <t>82380-18-5</t>
  </si>
  <si>
    <t>608-063-00-1</t>
  </si>
  <si>
    <t>441-070-6</t>
  </si>
  <si>
    <t>61826-76-4</t>
  </si>
  <si>
    <t>608-064-00-7</t>
  </si>
  <si>
    <t>cyanomethyltrimethylammoniummethylsulfate</t>
  </si>
  <si>
    <t>433-720-2</t>
  </si>
  <si>
    <t>608-065-00-2</t>
  </si>
  <si>
    <t>salts of bromoxynil with the exception of those specified elsewhere in this Annex</t>
  </si>
  <si>
    <t>608-066-00-8</t>
  </si>
  <si>
    <t>salts of ioxynil with the exception of those specified elsewhere in this Annex</t>
  </si>
  <si>
    <t>609-001-00-6</t>
  </si>
  <si>
    <t>1-nitropropane</t>
  </si>
  <si>
    <t>203-544-9</t>
  </si>
  <si>
    <t>108-03-2</t>
  </si>
  <si>
    <t>2-nitropropane</t>
  </si>
  <si>
    <t>nitrobenzene</t>
  </si>
  <si>
    <t>609-004-00-2</t>
  </si>
  <si>
    <t>dinitrobenzene; [1]</t>
  </si>
  <si>
    <t>246-673-6 [1]</t>
  </si>
  <si>
    <t>25154-54-5 [1]</t>
  </si>
  <si>
    <t>1,4-dinitrobenzene; [2]</t>
  </si>
  <si>
    <t>202-833-7 [2]</t>
  </si>
  <si>
    <t>100-25-4 [2]</t>
  </si>
  <si>
    <t>1,3-dinitrobenzene; [3]</t>
  </si>
  <si>
    <t>202-776-8 [3]</t>
  </si>
  <si>
    <t>99-65-0 [3]</t>
  </si>
  <si>
    <t>1,2-dinitrobenzene [4]</t>
  </si>
  <si>
    <t>208-431-8 [4]</t>
  </si>
  <si>
    <t>528-29-0 [4]</t>
  </si>
  <si>
    <t>609-005-00-8</t>
  </si>
  <si>
    <t>1,3,5-trinitrobenzene</t>
  </si>
  <si>
    <t>202-752-7</t>
  </si>
  <si>
    <t>99-35-4</t>
  </si>
  <si>
    <t>609-006-00-3</t>
  </si>
  <si>
    <t>4-nitrotoluene</t>
  </si>
  <si>
    <t>202-808-0</t>
  </si>
  <si>
    <t>99-99-0</t>
  </si>
  <si>
    <t>2,4-dinitrotoluene; [1]</t>
  </si>
  <si>
    <t>dinitrotoluene [2]</t>
  </si>
  <si>
    <t>609-008-00-4</t>
  </si>
  <si>
    <t>204-289-6</t>
  </si>
  <si>
    <t>118-96-7</t>
  </si>
  <si>
    <t>609-009-00-X</t>
  </si>
  <si>
    <t>2,4,6-trinitrophenol;</t>
  </si>
  <si>
    <t>201-865-9</t>
  </si>
  <si>
    <t>88-89-1</t>
  </si>
  <si>
    <t>picric acid</t>
  </si>
  <si>
    <t>609-010-00-5</t>
  </si>
  <si>
    <t>salts of picric acid</t>
  </si>
  <si>
    <t>609-011-00-0</t>
  </si>
  <si>
    <t>2,4,6-trinitroanisole</t>
  </si>
  <si>
    <t>606-35-9</t>
  </si>
  <si>
    <t>609-012-00-6</t>
  </si>
  <si>
    <t>210-027-1</t>
  </si>
  <si>
    <t>602-99-3</t>
  </si>
  <si>
    <t>609-013-00-1</t>
  </si>
  <si>
    <t>211-187-5</t>
  </si>
  <si>
    <t>632-92-8</t>
  </si>
  <si>
    <t>609-015-00-2</t>
  </si>
  <si>
    <t>4-nitrophenol;</t>
  </si>
  <si>
    <t>202-811-7</t>
  </si>
  <si>
    <t>100-02-7</t>
  </si>
  <si>
    <t>609-016-00-8</t>
  </si>
  <si>
    <t>dinitrophenol (reaction mass of isomers); [1]</t>
  </si>
  <si>
    <t>247-096-2 [1]</t>
  </si>
  <si>
    <t>25550-58-7 [1]</t>
  </si>
  <si>
    <t>2,4(or 2,6)-dinitrophenol [2]</t>
  </si>
  <si>
    <t>275-732-9 [2]</t>
  </si>
  <si>
    <t>71629-74-8 [2]</t>
  </si>
  <si>
    <t>609-018-00-9</t>
  </si>
  <si>
    <t>2,4,6-trinitroresorcinol;</t>
  </si>
  <si>
    <t>201-436-6</t>
  </si>
  <si>
    <t>82-71-3</t>
  </si>
  <si>
    <t>styphnic acid</t>
  </si>
  <si>
    <t>lead 2,4,6-trinitroresorcinoxide;</t>
  </si>
  <si>
    <t>lead styphnate</t>
  </si>
  <si>
    <t>609-019-01-1</t>
  </si>
  <si>
    <t>609-020-00-X</t>
  </si>
  <si>
    <t>DNOC (ISO);</t>
  </si>
  <si>
    <t>208-601-1</t>
  </si>
  <si>
    <t>534-52-1</t>
  </si>
  <si>
    <t>609-021-00-5</t>
  </si>
  <si>
    <t>sodium salt of DNOC;</t>
  </si>
  <si>
    <t>219-007-7 [1]</t>
  </si>
  <si>
    <t>2312-76-7 [1]</t>
  </si>
  <si>
    <t>5787-96-2 [2]</t>
  </si>
  <si>
    <t>609-022-00-0</t>
  </si>
  <si>
    <t>221-037-0</t>
  </si>
  <si>
    <t>2980-64-5</t>
  </si>
  <si>
    <t>dinocap (ISO);</t>
  </si>
  <si>
    <t>binapacryl (ISO);</t>
  </si>
  <si>
    <t>salts and esters of dinoseb, with the exception of those specified elsewhere in this Annex</t>
  </si>
  <si>
    <t>609-027-00-8</t>
  </si>
  <si>
    <t>dinocton;</t>
  </si>
  <si>
    <t>63919-26-6</t>
  </si>
  <si>
    <t>609-028-00-3</t>
  </si>
  <si>
    <t>dinex (ISO);</t>
  </si>
  <si>
    <t>205-042-5</t>
  </si>
  <si>
    <t>131-89-5</t>
  </si>
  <si>
    <t>2-cyclohexyl-4,6-dinitrophenol</t>
  </si>
  <si>
    <t>609-029-00-9</t>
  </si>
  <si>
    <t>salts and esters of dinex</t>
  </si>
  <si>
    <t>dinoterb (ISO);</t>
  </si>
  <si>
    <t>salts and esters of dinoterb</t>
  </si>
  <si>
    <t>609-032-00-5</t>
  </si>
  <si>
    <t>bromofenoxim (ISO);</t>
  </si>
  <si>
    <t>236-129-6</t>
  </si>
  <si>
    <t>13181-17-4</t>
  </si>
  <si>
    <t>609-033-00-0</t>
  </si>
  <si>
    <t>dinosam (ISO);</t>
  </si>
  <si>
    <t>4097-36-3</t>
  </si>
  <si>
    <t>2-(1-methylbutyl)-4,6-dinitrophenol</t>
  </si>
  <si>
    <t>609-034-00-6</t>
  </si>
  <si>
    <t>salts and esters of dinosam</t>
  </si>
  <si>
    <t>609-035-00-1</t>
  </si>
  <si>
    <t>nitroethane</t>
  </si>
  <si>
    <t>201-188-9</t>
  </si>
  <si>
    <t>79-24-3</t>
  </si>
  <si>
    <t>609-036-00-7</t>
  </si>
  <si>
    <t>nitromethane</t>
  </si>
  <si>
    <t>200-876-6</t>
  </si>
  <si>
    <t>75-52-5</t>
  </si>
  <si>
    <t>5-nitroacenaphthene</t>
  </si>
  <si>
    <t>2-nitronaphthalene</t>
  </si>
  <si>
    <t>4-nitrobiphenyl</t>
  </si>
  <si>
    <t>nitrofen (ISO);</t>
  </si>
  <si>
    <t>2,4-dichlorophenyl 4-nitrophenyl ether</t>
  </si>
  <si>
    <t>609-041-00-4</t>
  </si>
  <si>
    <t>2,4-dinitrophenol</t>
  </si>
  <si>
    <t>200-087-7</t>
  </si>
  <si>
    <t>51-28-5</t>
  </si>
  <si>
    <t>609-042-00-X</t>
  </si>
  <si>
    <t>pendimethalin (ISO);</t>
  </si>
  <si>
    <t>254-938-2</t>
  </si>
  <si>
    <t>40487-42-1</t>
  </si>
  <si>
    <t>609-043-00-5</t>
  </si>
  <si>
    <t>quintozene (ISO);</t>
  </si>
  <si>
    <t>201-435-0</t>
  </si>
  <si>
    <t>82-68-8</t>
  </si>
  <si>
    <t>pentachloronitrobenzene</t>
  </si>
  <si>
    <t>609-044-00-0</t>
  </si>
  <si>
    <t>tecnazene (ISO);</t>
  </si>
  <si>
    <t>204-178-2</t>
  </si>
  <si>
    <t>117-18-0</t>
  </si>
  <si>
    <t>1,2,4,5-tetrachloro-3-nitrobenzene</t>
  </si>
  <si>
    <t>609-045-00-6</t>
  </si>
  <si>
    <t>8069-76-9</t>
  </si>
  <si>
    <t>609-046-00-1</t>
  </si>
  <si>
    <t>216-428-8</t>
  </si>
  <si>
    <t>1582-09-8</t>
  </si>
  <si>
    <t>2-nitroanisole</t>
  </si>
  <si>
    <t>609-048-00-2</t>
  </si>
  <si>
    <t>sodium 3-nitrobenzenesulphonate</t>
  </si>
  <si>
    <t>204-857-3</t>
  </si>
  <si>
    <t>127-68-4</t>
  </si>
  <si>
    <t>2,6-dinitrotoluene</t>
  </si>
  <si>
    <t>hydrazine-trinitromethane</t>
  </si>
  <si>
    <t>Self-react. A</t>
  </si>
  <si>
    <t>H240</t>
  </si>
  <si>
    <t>609-054-00-5</t>
  </si>
  <si>
    <t>2,3-dinitrophenol; [1]</t>
  </si>
  <si>
    <t>200-628-7 [1]</t>
  </si>
  <si>
    <t>66-56-8 [1]</t>
  </si>
  <si>
    <t>2,5-dinitrophenol; [2]</t>
  </si>
  <si>
    <t>206-348-1 [2]</t>
  </si>
  <si>
    <t>329-71-5 [2]</t>
  </si>
  <si>
    <t>2,6-dinitrophenol; [3]</t>
  </si>
  <si>
    <t>209-357-9 [3]</t>
  </si>
  <si>
    <t>573-56-8 [3]</t>
  </si>
  <si>
    <t>3,4-dinitrophenol; [4]</t>
  </si>
  <si>
    <t>salts of dinitrophenol [5]</t>
  </si>
  <si>
    <t>609-056-00-6</t>
  </si>
  <si>
    <t>2,2-dibromo-2-nitroethanol</t>
  </si>
  <si>
    <t>412-380-9</t>
  </si>
  <si>
    <t>69094-18-4</t>
  </si>
  <si>
    <t>609-057-00-1</t>
  </si>
  <si>
    <t>3-chloro-2,4-difluoronitrobenzene</t>
  </si>
  <si>
    <t>411-980-8</t>
  </si>
  <si>
    <t>3847-58-3</t>
  </si>
  <si>
    <t>609-058-00-7</t>
  </si>
  <si>
    <t>2-nitro-2-phenyl-1,3-propanediol</t>
  </si>
  <si>
    <t>410-360-4</t>
  </si>
  <si>
    <t>5428-02-4</t>
  </si>
  <si>
    <t>609-059-00-2</t>
  </si>
  <si>
    <t>2-chloro-6-(ethylamino)-4-nitrophenol</t>
  </si>
  <si>
    <t>411-440-1</t>
  </si>
  <si>
    <t>131657-78-8</t>
  </si>
  <si>
    <t>609-060-00-8</t>
  </si>
  <si>
    <t>4-[(3-hydroxypropyl)amino]-3-nitrophenol</t>
  </si>
  <si>
    <t>406-305-9</t>
  </si>
  <si>
    <t>92952-81-3</t>
  </si>
  <si>
    <t>609-061-00-3</t>
  </si>
  <si>
    <t>406-100-4</t>
  </si>
  <si>
    <t>94097-88-8</t>
  </si>
  <si>
    <t>609-062-00-9</t>
  </si>
  <si>
    <t>2-bromo-2-nitropropanol</t>
  </si>
  <si>
    <t>407-030-7</t>
  </si>
  <si>
    <t>24403-04-1</t>
  </si>
  <si>
    <t>609-063-00-4</t>
  </si>
  <si>
    <t>2-[(4-chloro-2-nitrophenyl)amino]ethanol</t>
  </si>
  <si>
    <t>413-280-8</t>
  </si>
  <si>
    <t>59320-13-7</t>
  </si>
  <si>
    <t>609-064-00-X</t>
  </si>
  <si>
    <t>mesotrione(ISO);</t>
  </si>
  <si>
    <t>104206-82-8</t>
  </si>
  <si>
    <t>2-[4-(methylsulfonyl)-2-nitrobenzoyl]-1,3-cyclohexanedione</t>
  </si>
  <si>
    <t>2-nitrotoluene</t>
  </si>
  <si>
    <t>609-067-00-6</t>
  </si>
  <si>
    <t>416-280-6</t>
  </si>
  <si>
    <t>156769-97-0</t>
  </si>
  <si>
    <t>609-068-00-1</t>
  </si>
  <si>
    <t>musk xylene;</t>
  </si>
  <si>
    <t>609-069-00-7</t>
  </si>
  <si>
    <t>musk ketone;</t>
  </si>
  <si>
    <t>201-328-9</t>
  </si>
  <si>
    <t>81-14-1</t>
  </si>
  <si>
    <t>609-070-00-2</t>
  </si>
  <si>
    <t>1,4-dichloro-2-(1,1,2,3,3,3-hexafluoropropoxy)-5-nitrobenzene</t>
  </si>
  <si>
    <t>415-580-4</t>
  </si>
  <si>
    <t>130841-23-5</t>
  </si>
  <si>
    <t>609-071-00-8</t>
  </si>
  <si>
    <t>reaction mass of: 2-methylsulfanyl-4,6-bis-(2-hydroxy-4-methoxy-phenyl)-1,3,5-triazine;</t>
  </si>
  <si>
    <t>423-520-3</t>
  </si>
  <si>
    <t>156137-33-6</t>
  </si>
  <si>
    <t>2-(4,6-bis-methylsulfanyl-1,3,5-triazin-2-yl)-5-methoxy-phenol</t>
  </si>
  <si>
    <t>609-072-00-3</t>
  </si>
  <si>
    <t>4-mesyl-2-nitrotoluene</t>
  </si>
  <si>
    <t>430-550-0</t>
  </si>
  <si>
    <t>1671-49-4</t>
  </si>
  <si>
    <t>609-073-00-9</t>
  </si>
  <si>
    <t>427-850-9</t>
  </si>
  <si>
    <t>610-001-00-3</t>
  </si>
  <si>
    <t>trichloronitromethane;</t>
  </si>
  <si>
    <t>200-930-9</t>
  </si>
  <si>
    <t>76-06-2</t>
  </si>
  <si>
    <t>chloropicrin</t>
  </si>
  <si>
    <t>610-002-00-9</t>
  </si>
  <si>
    <t>1,1-dichloro-1-nitroethane</t>
  </si>
  <si>
    <t>209-854-0</t>
  </si>
  <si>
    <t>594-72-9</t>
  </si>
  <si>
    <t>610-003-00-4</t>
  </si>
  <si>
    <t>chlorodinitrobenzene</t>
  </si>
  <si>
    <t>610-004-00-X</t>
  </si>
  <si>
    <t>2-chloro-1,3,5-trinitrobenzene</t>
  </si>
  <si>
    <t>201-864-3</t>
  </si>
  <si>
    <t>88-88-0</t>
  </si>
  <si>
    <t>610-005-00-5</t>
  </si>
  <si>
    <t>1-chloro-4-nitrobenzene</t>
  </si>
  <si>
    <t>202-809-6</t>
  </si>
  <si>
    <t>100-00-5</t>
  </si>
  <si>
    <t>610-006-00-0</t>
  </si>
  <si>
    <t>chloronitroanilines with the exception of those specified elsewhere in this Annex</t>
  </si>
  <si>
    <t>610-007-00-6</t>
  </si>
  <si>
    <t>1-chloro-1-nitropropane</t>
  </si>
  <si>
    <t>209-990-0</t>
  </si>
  <si>
    <t>600-25-9</t>
  </si>
  <si>
    <t>610-008-00-1</t>
  </si>
  <si>
    <t>2,6-dichloro-4-nitroanisole</t>
  </si>
  <si>
    <t>403-350-6</t>
  </si>
  <si>
    <t>17742-69-7</t>
  </si>
  <si>
    <t>610-009-00-7</t>
  </si>
  <si>
    <t>2-chloro-4-nitroaniline</t>
  </si>
  <si>
    <t>204-502-2</t>
  </si>
  <si>
    <t>121-87-9</t>
  </si>
  <si>
    <t>610-010-00-2</t>
  </si>
  <si>
    <t>2-bromo-1-(2-furyl)-2-nitroethylene</t>
  </si>
  <si>
    <t>406-110-9</t>
  </si>
  <si>
    <t>35950-52-8</t>
  </si>
  <si>
    <t>azobenzene</t>
  </si>
  <si>
    <t>611-002-00-1</t>
  </si>
  <si>
    <t>azoxybenzene</t>
  </si>
  <si>
    <t>207-802-1</t>
  </si>
  <si>
    <t>495-48-7</t>
  </si>
  <si>
    <t>611-003-00-7</t>
  </si>
  <si>
    <t>fenaminosulf (ISO);</t>
  </si>
  <si>
    <t>205-419-4</t>
  </si>
  <si>
    <t>140-56-7</t>
  </si>
  <si>
    <t>sodium 4-dimethylaminobenzenediazosulphonate</t>
  </si>
  <si>
    <t>methyl azoxy methyl acetate</t>
  </si>
  <si>
    <t>CI Direct Brown 95</t>
  </si>
  <si>
    <t>4-amino-2',3-dimethylazobenzene;</t>
  </si>
  <si>
    <t>611-007-00-9</t>
  </si>
  <si>
    <t>tricyclazole (ISO);</t>
  </si>
  <si>
    <t>255-559-5</t>
  </si>
  <si>
    <t>41814-78-2</t>
  </si>
  <si>
    <t>5-methyl-1,2,4-triazolo(3,4-b)benzo-1,3-thiazole;</t>
  </si>
  <si>
    <t>4-aminoazobenzene;</t>
  </si>
  <si>
    <t>4-phenylazoaniline</t>
  </si>
  <si>
    <t>611-009-00-X</t>
  </si>
  <si>
    <t>401-220-3</t>
  </si>
  <si>
    <t>611-010-00-5</t>
  </si>
  <si>
    <t>403-010-7</t>
  </si>
  <si>
    <t>106359-94-8</t>
  </si>
  <si>
    <t>611-011-00-0</t>
  </si>
  <si>
    <t>403-340-1</t>
  </si>
  <si>
    <t>Dg</t>
  </si>
  <si>
    <t>611-012-00-6</t>
  </si>
  <si>
    <t>403-410-1</t>
  </si>
  <si>
    <t>114565-65-0</t>
  </si>
  <si>
    <t>611-013-00-1</t>
  </si>
  <si>
    <t>trilithium-1-hydroxy-7-(3-sulfonatoanilino)-2-(3-methyl-4-(2-methoxy-4-(3-sulfonatophenylazo)phenylazo)phenylazo)naphthalene-3-sulfonate</t>
  </si>
  <si>
    <t>403-650-7</t>
  </si>
  <si>
    <t>117409-78-6</t>
  </si>
  <si>
    <t>Expl. 1.3 ****</t>
  </si>
  <si>
    <t>H203</t>
  </si>
  <si>
    <t>611-014-00-7</t>
  </si>
  <si>
    <t>(tetrasodium 1-(4-(3-acetamido-4-(4'-nitro-2,2'-disulfonatostilben-4-ylazo)anilino)-6-(2,5-disulfonatoanilino)-1,3,5-triazin-2-yl)-3-carboxypyridinium) hydroxide</t>
  </si>
  <si>
    <t>404-250-5</t>
  </si>
  <si>
    <t>115099-55-3</t>
  </si>
  <si>
    <t>611-015-00-2</t>
  </si>
  <si>
    <t>tetrasodium 4-amino-5-hydroxy-6-(4-(2-(2-(sulfonatooxy)ethylsulfonyl)ethylcarbamoyl)phenylazo)-3-(4-(2-(sulfonatooxy)ethylsulfonyl)phenylazo)naphthalene-2,7-disulfonate</t>
  </si>
  <si>
    <t>404-320-5</t>
  </si>
  <si>
    <t>116889-78-2</t>
  </si>
  <si>
    <t>611-016-00-8</t>
  </si>
  <si>
    <t>404-540-1</t>
  </si>
  <si>
    <t>611-017-00-3</t>
  </si>
  <si>
    <t>404-910-2</t>
  </si>
  <si>
    <t>611-018-00-9</t>
  </si>
  <si>
    <t>tetraammonium 5-(4-(7-amino-1-hydroxy-3-sulfonato-2-naphthylazo)-6-sulfonato-1-naphthylazo)isophthalate</t>
  </si>
  <si>
    <t>405-130-5</t>
  </si>
  <si>
    <t>611-019-00-4</t>
  </si>
  <si>
    <t>tetralithium 6-amino-4-hydroxy-3-(7-sulfonato-4-(4-sulfonatophenylazo)-1-naphthylazo)naphthalene-2,7-disulfonate</t>
  </si>
  <si>
    <t>405-150-4</t>
  </si>
  <si>
    <t>106028-58-4</t>
  </si>
  <si>
    <t>611-020-00-X</t>
  </si>
  <si>
    <t>405-170-3</t>
  </si>
  <si>
    <t>116340-05-7</t>
  </si>
  <si>
    <t>611-021-00-5</t>
  </si>
  <si>
    <t>405-480-9</t>
  </si>
  <si>
    <t>611-022-00-0</t>
  </si>
  <si>
    <t>4-dimethylaminobenzenediazonium 3-carboxy-4-hydroxybenzenesulfonate</t>
  </si>
  <si>
    <t>404-980-4</t>
  </si>
  <si>
    <t>611-023-00-6</t>
  </si>
  <si>
    <t>disodium 7-(4,6-dichloro-1,3,5-triazin-2-ylamino)-4-hydroxy-3-(4-(2-(sulfonatooxy)ethylsulfonyl)phenylazo) naphthalene-2-sulfonate</t>
  </si>
  <si>
    <t>404-600-7</t>
  </si>
  <si>
    <t>4,4'-diarylazobiphenyl dyes, with the exception of those specified elsewhere in this Annex</t>
  </si>
  <si>
    <t>disodium 4-amino-3-[[4'-[(2,4-diaminophenyl)azo][1,1'-biphenyl]-4-yl]azo]-5-hydroxy-6-(phenylazo)naphtalene-2,7-disulphonate;</t>
  </si>
  <si>
    <t>C.I. Direct Black 38</t>
  </si>
  <si>
    <t>C.I. Direct Blue 6</t>
  </si>
  <si>
    <t>611-028-00-3</t>
  </si>
  <si>
    <t>4,4'-diarylazo-3,3'-dimethoxybiphenyl dyes with the exception of those mentioned elsewhere in this Annex</t>
  </si>
  <si>
    <t>4,4'-diarylazo-3,3'-dimethylbiphenyl dyes, with the exception of those mentioned elsewhere in this Annex</t>
  </si>
  <si>
    <t>4,4'-(4-iminocyclohexa-2,5-dienylidenemethylene)dianiline hydrochloride;</t>
  </si>
  <si>
    <t>C.I. Basic Red 9</t>
  </si>
  <si>
    <t>C.I. Disperse Blue 1</t>
  </si>
  <si>
    <t>611-033-00-0</t>
  </si>
  <si>
    <t>400-020-3</t>
  </si>
  <si>
    <t>82027-60-9</t>
  </si>
  <si>
    <t>611-034-00-6</t>
  </si>
  <si>
    <t>402-430-8</t>
  </si>
  <si>
    <t>105076-77-5</t>
  </si>
  <si>
    <t>611-035-00-1</t>
  </si>
  <si>
    <t>tetralithium 6-amino-4-hydroxy-3-[7-sulfonato-4-(5-sulfonato-2-naphthylazo)-1-naphthylazo]naphthalene-2,7-disulfonate</t>
  </si>
  <si>
    <t>403-660-1</t>
  </si>
  <si>
    <t>107246-80-0</t>
  </si>
  <si>
    <t>611-036-00-7</t>
  </si>
  <si>
    <t>405-440-0</t>
  </si>
  <si>
    <t>611-037-00-2</t>
  </si>
  <si>
    <t>406-055-0</t>
  </si>
  <si>
    <t>124584-00-5</t>
  </si>
  <si>
    <t>611-038-00-8</t>
  </si>
  <si>
    <t>406-820-9</t>
  </si>
  <si>
    <t>611-039-00-3</t>
  </si>
  <si>
    <t>7-[((4,6-dichloro-1,3,5-triazin-2-yl)amino)-4-hydroxy-3-(4-((2-sulfoxy)ethyl)sulfonyl)phenylazo]naphthalene-2-sulfonic acid</t>
  </si>
  <si>
    <t>407-050-6</t>
  </si>
  <si>
    <t>117715-57-8</t>
  </si>
  <si>
    <t>611-040-00-9</t>
  </si>
  <si>
    <t>3-(5-acetylamino-4-(4-[4,6-bis(3-diethylaminopropylamino)-1,3,5-triazin-2-ylamino]phenylazo)-2-(2-methoxyethoxy)phenylazo)-6-amino-4-hydroxy-2-naphthalenesulfonic acid</t>
  </si>
  <si>
    <t>407-670-7</t>
  </si>
  <si>
    <t>115099-58-6</t>
  </si>
  <si>
    <t>611-041-00-4</t>
  </si>
  <si>
    <t>407-680-1</t>
  </si>
  <si>
    <t>98809-11-1</t>
  </si>
  <si>
    <t>611-042-00-X</t>
  </si>
  <si>
    <t>trisodium 5-amino-3-[5-(2-bromoacryloylamino)-2-sulfonatophenylazo]-4-hydroxy-6-(4-vinylsulfonylphenylazo)naphthalene-2,7-disulfonate</t>
  </si>
  <si>
    <t>411-770-6</t>
  </si>
  <si>
    <t>136213-71-3</t>
  </si>
  <si>
    <t>611-043-00-5</t>
  </si>
  <si>
    <t>402-850-1</t>
  </si>
  <si>
    <t>611-044-00-0</t>
  </si>
  <si>
    <t>403-720-7</t>
  </si>
  <si>
    <t>117527-94-3</t>
  </si>
  <si>
    <t>611-045-00-6</t>
  </si>
  <si>
    <t>404-830-8</t>
  </si>
  <si>
    <t>611-046-00-1</t>
  </si>
  <si>
    <t>4,4'-diamino-2-methylazobenzene</t>
  </si>
  <si>
    <t>407-590-2</t>
  </si>
  <si>
    <t>43151-99-1</t>
  </si>
  <si>
    <t>611-047-00-7</t>
  </si>
  <si>
    <t>407-890-3</t>
  </si>
  <si>
    <t>111381-11-4</t>
  </si>
  <si>
    <t>611-048-00-2</t>
  </si>
  <si>
    <t>407-900-6</t>
  </si>
  <si>
    <t>111381-12-5</t>
  </si>
  <si>
    <t>611-049-00-8</t>
  </si>
  <si>
    <t>reaction mass of 7-[4-(3-diethylaminopropylamino)-6-(3-diethylammoniopropylamino)-1,3,5-triazin-2-ylamino]-4-hydroxy-3-(4-phenylazophenylazo)-naphthalene-2-sulfonate, acetic acid, lactic acid (2:1:1)</t>
  </si>
  <si>
    <t>408-000-6</t>
  </si>
  <si>
    <t>611-050-00-3</t>
  </si>
  <si>
    <t>415-350-3</t>
  </si>
  <si>
    <t>pentasodium 7-amino-8-[4-[4-[4-[4-(2-amino-5-hydroxy-7-sulfonato-naphthalen-1-ylazo)-7-sulfonatonaphthalen-1-ylazo]-phenylamino]-3-sulfonato-phenylazo]-6-sulfonato-naphthalen-1-ylazo]-4-hydroxy-naphthalene-2-sulfonate;</t>
  </si>
  <si>
    <t>pentasodium 7-amino-8-[4-[4-[4-[4-(6-amino-1-hydroxy-3-sulfonato-naphthalen-1-ylazo)-7-sulfonatonaphthalen-1-ylazo]-phenylamino]-3-sulfonato-phenylazo]-6-sulfonato-naphthalen-1-ylazo]-4-hydroxy-naphthalene-2-sulfonate;</t>
  </si>
  <si>
    <t>tetrasodium 7-amino-4-hydroxy-3-[4-[4-[4-(4-hydroxy-7-sulfonato-naphthalen-1-ylazo)-2-sulfonato-phenylamino]phenylazo]-6-sulfonato-naphthalen-1-ylazo]naphthalene-2-sulfonate;</t>
  </si>
  <si>
    <t>611-051-00-9</t>
  </si>
  <si>
    <t>411-110-7</t>
  </si>
  <si>
    <t>136213-74-6</t>
  </si>
  <si>
    <t>611-052-00-4</t>
  </si>
  <si>
    <t>monosodium aqua-[5-[[2,4-dihydroxy-5-[(2-hydroxy-3,5-dinitrophenyl)azo]phenyl]azo]-2-naphthalensulfonate], iron complex</t>
  </si>
  <si>
    <t>400-720-9</t>
  </si>
  <si>
    <t>611-053-00-X</t>
  </si>
  <si>
    <t>2,2'-azobis[2-methylpropionamidine] dihydrochloride</t>
  </si>
  <si>
    <t>221-070-0</t>
  </si>
  <si>
    <t>2997-92-4</t>
  </si>
  <si>
    <t>611-055-00-0</t>
  </si>
  <si>
    <t>C.I. Disperse Yellow 3;</t>
  </si>
  <si>
    <t>220-600-8</t>
  </si>
  <si>
    <t>2832-40-8</t>
  </si>
  <si>
    <t>611-056-00-6</t>
  </si>
  <si>
    <t>C.I. Solvent Yellow 14;</t>
  </si>
  <si>
    <t>212-668-2</t>
  </si>
  <si>
    <t>842-07-9</t>
  </si>
  <si>
    <t>1-phenylazo-2-naphthol</t>
  </si>
  <si>
    <t>(6-(4-hydroxy-3-(2-methoxyphenylazo)-2-sulfonato-7-naphthylamino)-1,3,5-triazin-2,4-diyl)bis[(amino-1-methylethyl)ammonium] formate</t>
  </si>
  <si>
    <t>611-059-00-2</t>
  </si>
  <si>
    <t>412-960-1</t>
  </si>
  <si>
    <t>148878-21-1</t>
  </si>
  <si>
    <t>611-060-00-8</t>
  </si>
  <si>
    <t>reaction mass of: sodium 5-[8-[4-[4-[4-[7-(3,5-dicarboxylatophenylazo)-8-hydroxy-3,6-disulfonatonaphthalen-1-ylamino]-6-hydroxy-1,3,5-triazin-2-yl]-2,5-dimethylpiperazin-1-yl]-6-hydroxy-1,3,5-triazin-2-ylamino]-1-hydroxy-3,6-disulfonatonaphthalen-2-ylazo]-isophthalate;</t>
  </si>
  <si>
    <t>413-180-4</t>
  </si>
  <si>
    <t>187285-15-0</t>
  </si>
  <si>
    <t>5-[8-[4-[4-[4-[7-(3,5-dicarboxylatophenylazo)-8-hydroxy-3,6-disulfonatonaphthalen-1-ylamino]-6-hydroxy-1,3,5-triazin-2-yl]-2,5-dimethylpiperazin-1-yl]-6-hydroxy-1,3,5-triazin-2-ylamino]-1-hydroxy-3,6-disulfonaphthalen-2-ylazo]-isophthalic acid</t>
  </si>
  <si>
    <t>611-061-00-3</t>
  </si>
  <si>
    <t>disodium 5-[5-[4-(5-chloro-2,6-difluoropyrimidin-4-ylamino)benzamido]-2-sulfonatophenylazo]-1-ethyl-6-hydroxy-4-methyl-2-oxo-3-pyridylmethylsulfonate</t>
  </si>
  <si>
    <t>412-530-3</t>
  </si>
  <si>
    <t>611-062-00-9</t>
  </si>
  <si>
    <t>octasodium 2-(8-(4-chloro-6-(3-((4-chloro-6-(3,6-disulfonato-2-(1,5-disulfonatonaphthalen-2-ylazo)-1-hydroxynaphthalen-8-ylamino)-1,3,5-triazin-2-yl)aminomethyl)phenylamino)-1,3,5-triazin-2-ylamino)-3,6-disulfonato-1-hydroxynaphthalen-2-ylazo)naphthalene-1,5-disulfonate</t>
  </si>
  <si>
    <t>413-550-5</t>
  </si>
  <si>
    <t>611-064-00-X</t>
  </si>
  <si>
    <t>410-600-8</t>
  </si>
  <si>
    <t>124719-26-2</t>
  </si>
  <si>
    <t>611-065-00-5</t>
  </si>
  <si>
    <t>410-610-2</t>
  </si>
  <si>
    <t>111850-24-9</t>
  </si>
  <si>
    <t>611-066-00-0</t>
  </si>
  <si>
    <t>411-540-5</t>
  </si>
  <si>
    <t>130201-57-9</t>
  </si>
  <si>
    <t>611-067-00-6</t>
  </si>
  <si>
    <t>406-910-8</t>
  </si>
  <si>
    <t>611-068-00-1</t>
  </si>
  <si>
    <t>tetrasodium 4-amino-3,6-bis(5-[4-chloro-6-(2-hydroxyethylamino)-1,3,5-triazin-2-ylamino]-2-sulfonatophenylazo)-5-hydroxynaphthalene-2,7-disulfonate</t>
  </si>
  <si>
    <t>400-690-7</t>
  </si>
  <si>
    <t>85665-98-1</t>
  </si>
  <si>
    <t>611-069-00-7</t>
  </si>
  <si>
    <t>413-380-1</t>
  </si>
  <si>
    <t>reaction mass of: disodium (6-(4-anisidino)-3-sulfonato-2-(3,5-dinitro-2-oxidophenylazo)-1-naphtholato)(1-(5-chloro-2-oxidophenylazo)-2-naphtholato)chromate(1-);</t>
  </si>
  <si>
    <t>trisodium bis(5-(4-anisidino)-3-sulfonato-2-(3,5-dinitro-2-oxidophenylazo)-1-naphtholato)chromate(1-)</t>
  </si>
  <si>
    <t>611-071-00-8</t>
  </si>
  <si>
    <t>tris(tetramethylammonium) 5-hydroxy-1-(4-sulphonatophenyl)-4-(4-sulphonatophenylazo)pyrazole-3-carboxylate</t>
  </si>
  <si>
    <t>406-073-9</t>
  </si>
  <si>
    <t>131013-81-5</t>
  </si>
  <si>
    <t>611-072-00-3</t>
  </si>
  <si>
    <t>407-010-8</t>
  </si>
  <si>
    <t>118208-02-9</t>
  </si>
  <si>
    <t>611-073-00-9</t>
  </si>
  <si>
    <t>407-310-9</t>
  </si>
  <si>
    <t>122630-55-1</t>
  </si>
  <si>
    <t>611-074-00-4</t>
  </si>
  <si>
    <t>reaction mass of: sodium/potassium (3-(4-(5-(5-chloro-2,6-difluoropyrimidin-4-ylamino)-2-methoxy-3-sulfonatophenylazo)-2-oxidophenylazo)-2,5,7-trisulfonato-4-naphtholato)copper(II);</t>
  </si>
  <si>
    <t>407-100-7</t>
  </si>
  <si>
    <t>sodium/potassium (3-(4-(5-(5-chloro-4,6-difluoropyrimidin-2-ylamino)-2-methoxy-3-sulfonatophenylazo)-2-oxidophenylazo)-2,5,7-trisulfonato-4-naphtholato)copper(II)</t>
  </si>
  <si>
    <t>611-075-00-X</t>
  </si>
  <si>
    <t>reaction mass of: tris(3,5,5-trimethylhexylammonium) 4-amino-3-(4-(4-(2-amino-4-hydroxyphenylazo)anilino)-3-sulfonatophenylazo)-5,6-dihydro-5-oxo-6-phenylhydrazononaphthalene-2,7-disulfonate;</t>
  </si>
  <si>
    <t>406-000-0</t>
  </si>
  <si>
    <t>tris(3,5,5-trimethylhexylammonium) 4-amino-3-(4-(4-(4-amino-2-hydroxyphenylazo)anilino)-3-sulfonatophenylazo)-5,6-dihydro-5-oxo-6-phenylhydrazononaphthalene-2,7-disulfonate (2:1)</t>
  </si>
  <si>
    <t>611-076-00-5</t>
  </si>
  <si>
    <t>3-(2,6-dichloro-4-nitrophenylazo)-1-methyl-2-phenylindole</t>
  </si>
  <si>
    <t>406-280-4</t>
  </si>
  <si>
    <t>117584-16-4</t>
  </si>
  <si>
    <t>611-077-00-0</t>
  </si>
  <si>
    <t>407-230-4</t>
  </si>
  <si>
    <t>126637-70-5</t>
  </si>
  <si>
    <t>611-078-00-6</t>
  </si>
  <si>
    <t>407-240-9</t>
  </si>
  <si>
    <t>159604-94-1</t>
  </si>
  <si>
    <t>611-079-00-1</t>
  </si>
  <si>
    <t>410-390-8</t>
  </si>
  <si>
    <t>147703-64-8</t>
  </si>
  <si>
    <t>611-080-00-7</t>
  </si>
  <si>
    <t>sodium 3-(2-acetamido-4-(4-(2-hydroxybutoxy)phenylazo)phenylazo)benzenesulfonate</t>
  </si>
  <si>
    <t>410-150-2</t>
  </si>
  <si>
    <t>147703-65-9</t>
  </si>
  <si>
    <t>611-081-00-2</t>
  </si>
  <si>
    <t>411-470-5</t>
  </si>
  <si>
    <t>141048-13-7</t>
  </si>
  <si>
    <t>611-082-00-8</t>
  </si>
  <si>
    <t>407-570-3</t>
  </si>
  <si>
    <t>611-083-00-3</t>
  </si>
  <si>
    <t>411-560-4</t>
  </si>
  <si>
    <t>611-085-00-4</t>
  </si>
  <si>
    <t>411-880-4</t>
  </si>
  <si>
    <t>3-cyano-5-(2-cyano-4-nitro-phenylazo)-2-amino-4-methyl-6-[3-(3-hydroxypropoxy)propylamino]pyridine;</t>
  </si>
  <si>
    <t>3-cyano-5-(2-cyano-4-nitro-phenylazo)-6-amino-4-methyl-2-[3-(3-methoxypropoxy)propylamino]pyridine</t>
  </si>
  <si>
    <t>611-086-00-X</t>
  </si>
  <si>
    <t>411-360-7</t>
  </si>
  <si>
    <t>611-087-00-5</t>
  </si>
  <si>
    <t>reaction mass of: 3-((5-cyano-1,6-dihydro-1,4-dimethyl-2-hydroxyl-6-oxo-3-pyridinyl)azo)-benzoyloxy-2-phenoxyethane;</t>
  </si>
  <si>
    <t>411-710-9</t>
  </si>
  <si>
    <t>3-((5-cyano-1,6-dihydro-1,4-dimethyl-2-hydroxy-6-oxo-3-pyridinyl)azo)-benzoyloxy-2-ethyloxy-2-(ethylphenol)</t>
  </si>
  <si>
    <t>611-088-00-0</t>
  </si>
  <si>
    <t>411-890-9</t>
  </si>
  <si>
    <t>trilithium 4-amino-3-((4-((4-((4-amino-2-hydroxyphenyl)azo)phenyl)amino)-3-sulfophenyl)azo)-5-hydroxy-6-(phenylazo)naphthalene-2,7-disulfonate</t>
  </si>
  <si>
    <t>611-089-00-6</t>
  </si>
  <si>
    <t>2-((4-(ethyl-(2-hydroxyethyl)amino)-2-methylphenyl)azo)-6-methoxy-3-methyl-benzothiazolium methylsulfate</t>
  </si>
  <si>
    <t>411-100-2</t>
  </si>
  <si>
    <t>136213-73-5</t>
  </si>
  <si>
    <t>611-090-00-1</t>
  </si>
  <si>
    <t>2,5-dibutoxy-4-(morpholin-4-yl)benzenediazonium 4-methylbenzenesulfonate</t>
  </si>
  <si>
    <t>413-290-2</t>
  </si>
  <si>
    <t>93672-52-7</t>
  </si>
  <si>
    <t>611-091-00-7</t>
  </si>
  <si>
    <t>413-470-0</t>
  </si>
  <si>
    <t>134595-59-8</t>
  </si>
  <si>
    <t>611-092-00-2</t>
  </si>
  <si>
    <t>413-210-6</t>
  </si>
  <si>
    <t>611-093-00-8</t>
  </si>
  <si>
    <t>sodium 2-(4-(4-fluoro-6-(2-sulfo-ethylamino)-[1,3,5]triazin-2-ylamino)-2-ureido-phenylazo)-5-(4-sulfophenylazo)benzene-1-sulfonate</t>
  </si>
  <si>
    <t>410-770-3</t>
  </si>
  <si>
    <t>146177-84-6</t>
  </si>
  <si>
    <t>611-094-00-3</t>
  </si>
  <si>
    <t>411-600-0</t>
  </si>
  <si>
    <t>143145-93-1</t>
  </si>
  <si>
    <t>611-095-00-9</t>
  </si>
  <si>
    <t>412-240-7</t>
  </si>
  <si>
    <t>89797-03-5</t>
  </si>
  <si>
    <t>611-096-00-4</t>
  </si>
  <si>
    <t>413-040-2</t>
  </si>
  <si>
    <t>149850-30-6</t>
  </si>
  <si>
    <t>611-097-00-X</t>
  </si>
  <si>
    <t>414-150-3</t>
  </si>
  <si>
    <t>611-098-00-5</t>
  </si>
  <si>
    <t>tetrakis(tetramethylammonium)3,3'-(6-(2-hydroxyethylamino)1,3,5-triazine-2,4-diylbisimino(2-methyl-4,1-phenyleneazo))bisnaphthalene-1,5-disulfonate</t>
  </si>
  <si>
    <t>405-950-3</t>
  </si>
  <si>
    <t>131013-83-7</t>
  </si>
  <si>
    <t>118658-99-4</t>
  </si>
  <si>
    <t>611-100-00-4</t>
  </si>
  <si>
    <t>403-810-6</t>
  </si>
  <si>
    <t>140876-13-7</t>
  </si>
  <si>
    <t>611-101-00-X</t>
  </si>
  <si>
    <t>2'-(4-chloro-3-cyano-5-formyl-2-thienyl)azo-5'-diethylaminoacetanilide</t>
  </si>
  <si>
    <t>405-200-5</t>
  </si>
  <si>
    <t>104366-25-8</t>
  </si>
  <si>
    <t>611-102-00-5</t>
  </si>
  <si>
    <t>424-500-7</t>
  </si>
  <si>
    <t>611-103-00-0</t>
  </si>
  <si>
    <t>trisodium (1-(3-carboxylato-2-oxido-5-sulfonatophenylazo)-5-hydroxy-7-sulfonatonaphthalen-2-amido)nickel(II)</t>
  </si>
  <si>
    <t>407-110-1</t>
  </si>
  <si>
    <t>611-104-00-6</t>
  </si>
  <si>
    <t>406-870-1</t>
  </si>
  <si>
    <t>611-105-00-1</t>
  </si>
  <si>
    <t>407-800-2</t>
  </si>
  <si>
    <t>136213-75-7</t>
  </si>
  <si>
    <t>611-106-00-7</t>
  </si>
  <si>
    <t>410-180-6</t>
  </si>
  <si>
    <t>157627-99-1</t>
  </si>
  <si>
    <t>611-107-00-2</t>
  </si>
  <si>
    <t>potassium sodium 4-(4-chloro-6-(3,6-disulfonato-7-(5,8-disulfonato-naphthalen-2-ylazo)-8-hydroxy-naphthalen-1-ylamino)-1,3,5-triazin-2-ylamino)-5-hydroxy-6-(4-(2-sulfatoethanesulfonyl)-phenylazo)-naphthalene-1,7-disulfonate</t>
  </si>
  <si>
    <t>412-490-7</t>
  </si>
  <si>
    <t>611-108-00-8</t>
  </si>
  <si>
    <t>disodium 5-((4-((4-chloro-3-sulfonatophenyl)azo)-1-naphthyl)azo)-8-(phenylamino)-1-naphthalenesulfonate</t>
  </si>
  <si>
    <t>413-600-6</t>
  </si>
  <si>
    <t>6527-62-4</t>
  </si>
  <si>
    <t>611-109-00-3</t>
  </si>
  <si>
    <t>reaction products of: copper(II) sulfate and tetrasodium 2,4-bis[6-(2-methoxy-5-sulfonatophenylazo)-5-hydroxy-7-sulfonato-2-naphthylamino]-6-(2-hydroxyethylamino)-1,3,5-triazine (2:1)</t>
  </si>
  <si>
    <t>407-710-3</t>
  </si>
  <si>
    <t>611-110-00-9</t>
  </si>
  <si>
    <t>tetra-sodium/lithium 4,4'-bis-(8-amino-3,6-disulfonato-1-naphthol-2-ylazo)-3-methylazobenzene</t>
  </si>
  <si>
    <t>408-210-8</t>
  </si>
  <si>
    <t>124605-82-9</t>
  </si>
  <si>
    <t>611-111-00-4</t>
  </si>
  <si>
    <t>disodium 2-[[4-(2-chloroethylsulfonyl)phenyl]-[(2-hydroxy-5-sulfo-3-[3-[2-(2-(sulfooxy)ethylsulfonyl)ethylazo]-4-sulfobenzoato(3-)cuprate(1-)</t>
  </si>
  <si>
    <t>414-230-8</t>
  </si>
  <si>
    <t>611-112-00-X</t>
  </si>
  <si>
    <t>tetrasodium 4-hydroxy-5-[4-[3-(2-sulfatoethanesulfonyl)phenylamino]-6-morpholin-4-yl-1,3,5-triazin-2-ylamino]-3-(1-sulfonatonaphthalen-2-ylazo)naphthalene-2,7-disulfonate</t>
  </si>
  <si>
    <t>413-070-6</t>
  </si>
  <si>
    <t>611-113-00-5</t>
  </si>
  <si>
    <t>414-280-0</t>
  </si>
  <si>
    <t>149626-00-6</t>
  </si>
  <si>
    <t>611-114-00-0</t>
  </si>
  <si>
    <t>414-250-7</t>
  </si>
  <si>
    <t>149564-66-9</t>
  </si>
  <si>
    <t>611-115-00-6</t>
  </si>
  <si>
    <t>trilithium bis(4-((4-(diethylamino)-2-hydroxyphenyl)azo)-3-hydroxy-1-naphthalenesulfonato(3-))chromate(3-)</t>
  </si>
  <si>
    <t>414-290-5</t>
  </si>
  <si>
    <t>149564-65-8</t>
  </si>
  <si>
    <t>611-116-00-1</t>
  </si>
  <si>
    <t>414-620-8</t>
  </si>
  <si>
    <t>trisodium 5-{4-chloro-6-[2-(2,6-dichloro-5-cyanopyrimidin-4-ylamino)-1-methyl-ethylamino]-1,3,5-triazin-2-ylamino}-4-hydroxy-3-(1-sulfonatonaphthalene-2-ylazo)-naphthalene-2,7-disulfonate;</t>
  </si>
  <si>
    <t>trisodium 5-{4-chloro-6-[2-(4,6-dichloro-5-cyanopyrimidin-2-ylamino)-propylamino]-1,3,5-triazin-2-ylamino}-4-hydroxy-3-(1-sulfonatonaphthalen-2-ylazo)-naphthalene-2,7-disulfonate;</t>
  </si>
  <si>
    <t>trisodium 5-{4-chloro-6-[2-(4,6-dichloro-5-cyanopyrimidin-2-ylamino)-1-methyl-ethylamino]-1,3,5-triazin-2-ylamino}-4-hydroxy-3-(1-sulfonatonaphthalen-2-ylazo)-naphthalene-2,7-disulfonate</t>
  </si>
  <si>
    <t>611-117-00-7</t>
  </si>
  <si>
    <t>1,3-bis{6-fluoro-4-[1,5-disulfo-4-(3-aminocarbonyl-1-ethyl-6-hydroxy-4-methyl-pyrid-2-on-5-ylazo)-phenyl-2-ylamino]-1,3,5-triazin-2-ylamino}propane lithium-, sodium salt</t>
  </si>
  <si>
    <t>415-100-3</t>
  </si>
  <si>
    <t>149850-29-3</t>
  </si>
  <si>
    <t>611-118-00-2</t>
  </si>
  <si>
    <t>sodium 1,2-bis[4-[4-{4-(4-sulfophenylazo)-2-sulfophenylazo}-2-ureido-phenyl-amino]-6-fluoro-1,3,5-triazin-2-ylamino]-propane, sodium salt</t>
  </si>
  <si>
    <t>413-990-8</t>
  </si>
  <si>
    <t>611-119-00-8</t>
  </si>
  <si>
    <t>tetrasodium 4-[4-chloro-6-(4-methyl-2-sulfophenylamino)-1,3,5-triazin-2-ylamino]-6-(4,5-dimethyl-2-sulfophenylazo)-5-hydroxynaphthalene-2,7-disulfonate</t>
  </si>
  <si>
    <t>415-400-4</t>
  </si>
  <si>
    <t>148878-22-2</t>
  </si>
  <si>
    <t>611-120-00-3</t>
  </si>
  <si>
    <t>5-{4-[5-amino-2-[4-(2-sulfoxyethylsulfonyl)phenylazo]-4-sulfo-phenylamino]-6-chloro-1,3,5-triazin-2-ylamino}-4-hydroxy-3-(1-sulfo-naphthalen-2-ylazo)-naphthalene-2,7-disulfonicacid sodium salt</t>
  </si>
  <si>
    <t>418-340-7</t>
  </si>
  <si>
    <t>157707-94-3</t>
  </si>
  <si>
    <t>611-121-00-9</t>
  </si>
  <si>
    <t>main component 6 (isomer): asym. 1:2 Cr(III)-complex of: A: 3-hydroxy-4-(2-hydroxy-naphthalene-1-ylazo)naphthalene-1-sulfonic acid, Na-salt and B: 1-[2-hydroxy-5-(4-methoxy-phenylazo)phenylazo]naphthalene-2-ol;</t>
  </si>
  <si>
    <t>417-280-9</t>
  </si>
  <si>
    <t>30785-74-1</t>
  </si>
  <si>
    <t>611-122-00-4</t>
  </si>
  <si>
    <t>417-250-5</t>
  </si>
  <si>
    <t>151436-99-6</t>
  </si>
  <si>
    <t>611-123-00-X</t>
  </si>
  <si>
    <t>3-(2,4-bis(4-((5-(4,6-bis(2-aminopropylamino)-1,3,5-triazin-2-ylamino)-4-hydroxy-2,7-disulfonaphthalen-3-yl)azo)phenylamino)-1,3,5-triazin-6-ylamino)propyldiethylammonium lactate</t>
  </si>
  <si>
    <t>424-310-4</t>
  </si>
  <si>
    <t>178452-66-9</t>
  </si>
  <si>
    <t>611-124-00-5</t>
  </si>
  <si>
    <t>424-320-9</t>
  </si>
  <si>
    <t>pentasodium 5-amino-6-[5-(2-bromoacryloylamino)-2-sulfonatophenylazo]-3-(5-{4-chloro-6-[4-(2-sulfoxyethoxysulfonato)phenylamino]-1,3,5-triazin-2-ylamino}-2-sulfonatophenylazo)-4-hydroxynaphthalene-2,7-disulfonate;</t>
  </si>
  <si>
    <t>tetrasodium 5-amino-3-[5-{4-chloro-6-[4-(vinylsulfonyl)phenylamino]-1,3,5-triazin-2-ylamino}-2-sulfonatophenylazo]-6-[5-(2,3-dibromopropionylamino)-2-sulfonatophenylazo]-4-hydroxynaphthalene-2,7-disulfonate</t>
  </si>
  <si>
    <t>611-125-00-0</t>
  </si>
  <si>
    <t>423-940-7</t>
  </si>
  <si>
    <t>611-126-00-6</t>
  </si>
  <si>
    <t>424-120-1</t>
  </si>
  <si>
    <t>174514-06-8</t>
  </si>
  <si>
    <t>611-127-00-1</t>
  </si>
  <si>
    <t>pentasodium 4-amino-6-(5-(4-(2-ethyl-phenylamino)-6-(2-sulfatoethanesulfonyl)-1,3,5-triazin-2-ylamino)-2-sulfonatophenylazo)-5-hydroxy-3-(4-(2-sulfatoethanesulfonyl)phenylazo)naphthalene-2,7-disulfonate</t>
  </si>
  <si>
    <t>423-790-2</t>
  </si>
  <si>
    <t>611-128-00-7</t>
  </si>
  <si>
    <t>419-500-9</t>
  </si>
  <si>
    <t>171599-85-2</t>
  </si>
  <si>
    <t>611-129-00-2</t>
  </si>
  <si>
    <t>reaction mass of: 5-[(4-[(7-amino-1-hydroxy-3-sulfo-2-naphthyl)azo]-2,5-diethoxyphenyl)azo]-2-[(3-phosphonophenyl)azo]benzoic acid;</t>
  </si>
  <si>
    <t>418-230-9</t>
  </si>
  <si>
    <t>163879-69-4</t>
  </si>
  <si>
    <t>5-[(4-[(7-amino-1-hydroxy-3-sulfo-2-naphthyl)azo]-2,5-diethoxyphenyl)azo]-3-[(3-phosphonophenyl)azo]benzoic acid</t>
  </si>
  <si>
    <t>611-130-00-8</t>
  </si>
  <si>
    <t>tetra-ammonium 2-[6-[7-(2-carboxylato-phenylazo)-8-hydroxy-3,6-disulfonato-1-naphthylamino]-4-hydroxy-1,3,5-triazin-2-ylamino]benzoate</t>
  </si>
  <si>
    <t>418-520-5</t>
  </si>
  <si>
    <t>183130-96-3</t>
  </si>
  <si>
    <t>151798-26-4</t>
  </si>
  <si>
    <t>611-132-00-9</t>
  </si>
  <si>
    <t>pentasodium bis{7-[4-(1-butyl-5-cyano-1,2-dihydro-2-hydroxy-4-methyl-6-oxo-3-pyridylazo)phenylsulfonylamino]-5'-nitro-3,3'-disulfonatonaphthalene-2-azobenzene-1,2'-diolato} chromate (III)</t>
  </si>
  <si>
    <t>419-210-2</t>
  </si>
  <si>
    <t>178452-71-6</t>
  </si>
  <si>
    <t>611-133-00-4</t>
  </si>
  <si>
    <t>419-260-5</t>
  </si>
  <si>
    <t>611-134-00-X</t>
  </si>
  <si>
    <t>trisodium 2-{α[2-hydroxy-3-[4-chloro-6-[4-(2,3-dibromopropionylamino)-2-sulfonatophenylamino]-1,3,5-triazin-2-ylamino]-5-sulfonatophenylazo]-benzylidenehydrazino}-4-sulfonatobenzoate, copper complex</t>
  </si>
  <si>
    <t>423-770-3</t>
  </si>
  <si>
    <t>611-135-00-5</t>
  </si>
  <si>
    <t>reaction product of: 2-[[4-amino-2-ureidophenylazo]-5-[(2-(sulfooxy)ethyl)sulfonyl]]benzenesulfonic acid with 2,4,6-trifluoropyrimidine and partial hydrolysis to the corresponding vinylsulfonyl derivative, mixed potassium/sodium salt</t>
  </si>
  <si>
    <t>424-250-9</t>
  </si>
  <si>
    <t>611-136-00-0</t>
  </si>
  <si>
    <t>2-{4-(2-ammoniopropylamino)-6-[4-hydroxy-3-(5-methyl-2-methoxy-4-sulfamoylphenylazo)-2-sulfonatonaphth-7-ylamino]-1,3,5-triazin-2-ylamino}-2-aminopropyl formate</t>
  </si>
  <si>
    <t>424-260-3</t>
  </si>
  <si>
    <t>611-137-00-6</t>
  </si>
  <si>
    <t>419-870-1</t>
  </si>
  <si>
    <t>159038-16-1</t>
  </si>
  <si>
    <t>611-138-00-1</t>
  </si>
  <si>
    <t>415-910-7</t>
  </si>
  <si>
    <t>152828-25-6</t>
  </si>
  <si>
    <t>611-139-00-7</t>
  </si>
  <si>
    <t>reaction product of: C.I. Leuco Sulfur Black 1 with (3-chloro-2-hydroxypropyl)trimethylammonium chloride</t>
  </si>
  <si>
    <t>424-510-1</t>
  </si>
  <si>
    <t>azafenidin (ISO);</t>
  </si>
  <si>
    <t>611-141-00-8</t>
  </si>
  <si>
    <t>5-(4-[4-[4-(3,5-dicarboxy-phenyl-azo)phenylamino]-6-morpholin-4-yl-1,3,5-triazin-2-ylamino]phenylazo)isophthalic acid, mixed monosodium and diammonium salt</t>
  </si>
  <si>
    <t>414-410-6</t>
  </si>
  <si>
    <t>611-142-00-3</t>
  </si>
  <si>
    <t>425-740-5</t>
  </si>
  <si>
    <t>sodium chloride</t>
  </si>
  <si>
    <t>611-143-00-9</t>
  </si>
  <si>
    <t>428-260-4</t>
  </si>
  <si>
    <t>611-144-00-4</t>
  </si>
  <si>
    <t>429-070-4</t>
  </si>
  <si>
    <t>214362-06-8</t>
  </si>
  <si>
    <t>611-145-00-X</t>
  </si>
  <si>
    <t>429-440-5</t>
  </si>
  <si>
    <t>611-146-00-5</t>
  </si>
  <si>
    <t>430-070-1</t>
  </si>
  <si>
    <t>611-147-00-0</t>
  </si>
  <si>
    <t>sodium, potassium, lithium 5-amino-3,6-bis(5-(4-chloro-6-(methyl-(2-methylaminoacetyl)amino)-1,3,5-triazin-2-ylamino)-2-sulfonatophenylazo)-4-hydroxynaphthalene-2,7-disulfonate</t>
  </si>
  <si>
    <t>430-090-0</t>
  </si>
  <si>
    <t>205764-96-1</t>
  </si>
  <si>
    <t>611-148-00-6</t>
  </si>
  <si>
    <t>reaction mass of: 2-(3-(2,6-dichloro-4-nitrophenylazo)carbazol-9-yl)ethanol;</t>
  </si>
  <si>
    <t>429-590-1</t>
  </si>
  <si>
    <t>3-(2,6-dichloro-4-nitrophenylazo)carbazol</t>
  </si>
  <si>
    <t>611-149-00-1</t>
  </si>
  <si>
    <t>2-(2-chloroacetoxy)ethyl 3-((4-(2,5-dichloro-4-fluorosulfonylphenylazo)-3-methylphenyl)ethylamino)propionate</t>
  </si>
  <si>
    <t>427-570-7</t>
  </si>
  <si>
    <t>193486-83-8</t>
  </si>
  <si>
    <t>611-150-00-7</t>
  </si>
  <si>
    <t>tetralithium 2-[6-[7-[2-(carboxylato)phenylazo]-8-hydroxy-3,6-disulfonato-1-naphthylamino]-4-hydroxy-1,3,5-triazine-2-ylamino]benzoate</t>
  </si>
  <si>
    <t>440-460-3</t>
  </si>
  <si>
    <t>611-151-00-2</t>
  </si>
  <si>
    <t>chrysoidine;</t>
  </si>
  <si>
    <t>207-803-7</t>
  </si>
  <si>
    <t>495-54-5</t>
  </si>
  <si>
    <t>4-(phenylazo)benzene-1,3-diamine</t>
  </si>
  <si>
    <t>611-152-00-8</t>
  </si>
  <si>
    <t>chrysoidine monohydrochloride;</t>
  </si>
  <si>
    <t>208-545-8 [1]</t>
  </si>
  <si>
    <t>532-82-1 [1]</t>
  </si>
  <si>
    <t>278-290-5 [2]</t>
  </si>
  <si>
    <t>75660-25-2 [2]</t>
  </si>
  <si>
    <t>279-116-0 [3]</t>
  </si>
  <si>
    <t>79234-33-6 [3]</t>
  </si>
  <si>
    <t>4-(phenylazo)benzene-1,3-diamine monoacetate; [2]</t>
  </si>
  <si>
    <t>264-409-8 [4]</t>
  </si>
  <si>
    <t>63681-54-9 [4]</t>
  </si>
  <si>
    <t>chrysoidine acetate;</t>
  </si>
  <si>
    <t>281-549-5 [5]</t>
  </si>
  <si>
    <t>83968-67-6 [5]</t>
  </si>
  <si>
    <t>4-(phenylazo)benzene-1,3-diamine acetate; [3]</t>
  </si>
  <si>
    <t>282-432-1 [6]</t>
  </si>
  <si>
    <t>84196-22-5 [6]</t>
  </si>
  <si>
    <t>chrysoidine dihydrochloride;</t>
  </si>
  <si>
    <t>4-(phenylazo)benzene-1,3-diamine dihydrochloride; [5]</t>
  </si>
  <si>
    <t>chrysoidine sulfate;</t>
  </si>
  <si>
    <t>bis[4-(phenylazo)benzene-1,3-diamine] sulfate [6]</t>
  </si>
  <si>
    <t>611-153-00-3</t>
  </si>
  <si>
    <t>286-946-7 [1]</t>
  </si>
  <si>
    <t>85407-90-5 [1]</t>
  </si>
  <si>
    <t>304-236-8 [2]</t>
  </si>
  <si>
    <t>94247-67-3 [2]</t>
  </si>
  <si>
    <t>chrysoidine compound with dibutylnaphthalene sulfonic acid;</t>
  </si>
  <si>
    <t>dibutylnaphthalenesulfonic acid, compound with 4-(phenylazo)benzene-1,3-diamine (1:1) [2]</t>
  </si>
  <si>
    <t>611-154-00-9</t>
  </si>
  <si>
    <t>trisodium 5-benzamido-4-hydroxy-3-(4-methyl-2-sulfonatophenylazo)naphthalene-2,7-disulfonate</t>
  </si>
  <si>
    <t>403-670-6</t>
  </si>
  <si>
    <t>92408-46-3</t>
  </si>
  <si>
    <t>611-155-00-4</t>
  </si>
  <si>
    <t>4,4'-oxybis(benzenesulfonylazide)</t>
  </si>
  <si>
    <t>431-850-4</t>
  </si>
  <si>
    <t>7456-68-0</t>
  </si>
  <si>
    <t>611-156-00-X</t>
  </si>
  <si>
    <t>432-270-4</t>
  </si>
  <si>
    <t>221354-37-6</t>
  </si>
  <si>
    <t>611-157-00-5</t>
  </si>
  <si>
    <t>432-590-4</t>
  </si>
  <si>
    <t>243869-48-9</t>
  </si>
  <si>
    <t>611-158-00-0</t>
  </si>
  <si>
    <t>421-520-8</t>
  </si>
  <si>
    <t>611-159-00-6</t>
  </si>
  <si>
    <t>disodium 4-amino-6-((4-((4-(2,4-diaminophenyl)azo)phenylsulfamoyl)phenyl)azo)-5-hydroxy-3-((4-nitrophenyl)azo)naphthalene-2,7-disulfonate</t>
  </si>
  <si>
    <t>421-880-6</t>
  </si>
  <si>
    <t>611-160-00-1</t>
  </si>
  <si>
    <t>422-760-6</t>
  </si>
  <si>
    <t>611-161-00-7</t>
  </si>
  <si>
    <t>423-100-1</t>
  </si>
  <si>
    <t>611-162-00-2</t>
  </si>
  <si>
    <t>2,4-bis(((2-(dimethylammonio)ethyloxy)carbonyl)phen-2-ylazo)benzene-1,3-diolbis(methanesulfonate)</t>
  </si>
  <si>
    <t>429-600-4</t>
  </si>
  <si>
    <t>611-163-00-8</t>
  </si>
  <si>
    <t>2,4-bis(((2-(dimethylammonio)ethyloxy)carbonyl)phen-2-ylazo)benzene-1,3-diol sulfate</t>
  </si>
  <si>
    <t>429-610-9</t>
  </si>
  <si>
    <t>611-164-00-3</t>
  </si>
  <si>
    <t>reaction mass of: 2,2’-dimethyl-2,2’-azobutanenitrile;</t>
  </si>
  <si>
    <t>429-710-2</t>
  </si>
  <si>
    <t>Self-react. D</t>
  </si>
  <si>
    <t>2-methylpentanenitrile-2-azo-2’-(2’-methylpropanenitrile);</t>
  </si>
  <si>
    <t>2,2’-dimethyl-2,2’-azoheptanenitrile;</t>
  </si>
  <si>
    <t>2-methylheptanenitrile-2-azo-2’-(2’-methylpropanenitrile);</t>
  </si>
  <si>
    <t>2-methylheptanenitrile-2-azo-2’-(2’-methylbutanenitrile)</t>
  </si>
  <si>
    <t>611-165-00-9</t>
  </si>
  <si>
    <t>431-830-5</t>
  </si>
  <si>
    <t>611-166-00-4</t>
  </si>
  <si>
    <t>432-100-9</t>
  </si>
  <si>
    <t>611-167-00-X</t>
  </si>
  <si>
    <t>sodium bis[tris(2-hydroxyethyl)ammonium][6-anilino-4'-(4,8-disulfonato-2-naphthylazo)-5'-methyl-3-sulfonatonaphthalene-2-azobenzene-1,2'-diolato]cuprate(II)</t>
  </si>
  <si>
    <t>435-240-9</t>
  </si>
  <si>
    <t>611-168-00-5</t>
  </si>
  <si>
    <t>435-440-6</t>
  </si>
  <si>
    <t>3,5-bis[[4-chloro-6-[[7-[(1,5-disulfo-2-naphthalenyl)azo]-8-hydroxy-3,6-disulfo-1-naphthalenyl]amino]-1,3,5-triazin-2-yl]amino]benzoic acid</t>
  </si>
  <si>
    <t>611-169-00-0</t>
  </si>
  <si>
    <t>sodium 5-(2-carboxyphenylazo)-6-hydroxynaphthalene-2-sulfonate</t>
  </si>
  <si>
    <t>435-800-2</t>
  </si>
  <si>
    <t>611-170-00-6</t>
  </si>
  <si>
    <t>435-880-9</t>
  </si>
  <si>
    <t>611-171-00-1</t>
  </si>
  <si>
    <t>436-890-6</t>
  </si>
  <si>
    <t>trisodium 3-(5-(4,6-difluoropyrimidin-2-ylamino)-2-sulfonatophenylazo)-5-(4-fluoro-6-morpholin-4-yl-1,3,5-triazin-2-ylamino)-4-hydroxy-2,7-naphthalenedisulfonate</t>
  </si>
  <si>
    <t>611-172-00-7</t>
  </si>
  <si>
    <t>438-310-7</t>
  </si>
  <si>
    <t>Self-react. C****</t>
  </si>
  <si>
    <t>diammonium 3-((4-((7-amino-1-hydroxy-3-sulfo-naphthalen-2-yl)azo)-2,5-diethoxyphenyl)azo)benzoate</t>
  </si>
  <si>
    <t>611-173-00-2</t>
  </si>
  <si>
    <t>440-510-4</t>
  </si>
  <si>
    <t>611-174-00-8</t>
  </si>
  <si>
    <t>442-290-5</t>
  </si>
  <si>
    <t>457624-86-1</t>
  </si>
  <si>
    <t>611-175-00-3</t>
  </si>
  <si>
    <t>444-050-5</t>
  </si>
  <si>
    <t>611-176-00-9</t>
  </si>
  <si>
    <t>444-250-2</t>
  </si>
  <si>
    <t>611-177-00-4</t>
  </si>
  <si>
    <t>444-290-0</t>
  </si>
  <si>
    <t>508202-43-5</t>
  </si>
  <si>
    <t>611-178-00-X</t>
  </si>
  <si>
    <t>445-280-9</t>
  </si>
  <si>
    <t>611-179-00-5</t>
  </si>
  <si>
    <t>450-010-8</t>
  </si>
  <si>
    <t>611-180-00-0</t>
  </si>
  <si>
    <t>417-850-7</t>
  </si>
  <si>
    <t>612-001-00-9</t>
  </si>
  <si>
    <t>mono-methylamine; [1]</t>
  </si>
  <si>
    <t>200-820-0 [1]</t>
  </si>
  <si>
    <t>74-89-5 [1]</t>
  </si>
  <si>
    <t>di-methylamine; [2]</t>
  </si>
  <si>
    <t>204-697-4 [2]</t>
  </si>
  <si>
    <t>124-40-3 [2]</t>
  </si>
  <si>
    <t>tri-methylamine [3]</t>
  </si>
  <si>
    <t>200-875-0 [3]</t>
  </si>
  <si>
    <t>75-50-3 [3]</t>
  </si>
  <si>
    <t>612-001-01-6</t>
  </si>
  <si>
    <t>612-002-00-4</t>
  </si>
  <si>
    <t>ethylamine</t>
  </si>
  <si>
    <t>200-834-7</t>
  </si>
  <si>
    <t>75-04-7</t>
  </si>
  <si>
    <t>612-003-00-X</t>
  </si>
  <si>
    <t>diethylamine</t>
  </si>
  <si>
    <t>203-716-3</t>
  </si>
  <si>
    <t>612-004-00-5</t>
  </si>
  <si>
    <t>triethylamine</t>
  </si>
  <si>
    <t>204-469-4</t>
  </si>
  <si>
    <t>121-44-8</t>
  </si>
  <si>
    <t>612-005-00-0</t>
  </si>
  <si>
    <t>butylamine</t>
  </si>
  <si>
    <t>203-699-2</t>
  </si>
  <si>
    <t>109-73-9</t>
  </si>
  <si>
    <t>612-006-00-6</t>
  </si>
  <si>
    <t>ethylenediamine;</t>
  </si>
  <si>
    <t>1,2-diaminoethane</t>
  </si>
  <si>
    <t>612-007-00-1</t>
  </si>
  <si>
    <t>2-aminopropane;</t>
  </si>
  <si>
    <t>200-860-9</t>
  </si>
  <si>
    <t>75-31-0</t>
  </si>
  <si>
    <t>isopropylamine</t>
  </si>
  <si>
    <t>612-008-00-7</t>
  </si>
  <si>
    <t>200-539-3</t>
  </si>
  <si>
    <t>612-009-00-2</t>
  </si>
  <si>
    <t>salts of aniline</t>
  </si>
  <si>
    <t>612-010-00-8</t>
  </si>
  <si>
    <t>chloroanilines (with exception of those specified elsewhere in this Annex)</t>
  </si>
  <si>
    <t>612-011-00-3</t>
  </si>
  <si>
    <t>4-nitrosoaniline</t>
  </si>
  <si>
    <t>211-535-6</t>
  </si>
  <si>
    <t>659-49-4</t>
  </si>
  <si>
    <t>612-012-00-9</t>
  </si>
  <si>
    <t>201-855-4 [1]</t>
  </si>
  <si>
    <t>88-74-4 [1]</t>
  </si>
  <si>
    <t>202-729-1 [2]</t>
  </si>
  <si>
    <t>99-09-2 [2]</t>
  </si>
  <si>
    <t>202-810-1 [3]</t>
  </si>
  <si>
    <t>100-01-6 [3]</t>
  </si>
  <si>
    <t>612-013-00-4</t>
  </si>
  <si>
    <t>3-aminobenzene sulphonic acid;</t>
  </si>
  <si>
    <t>204-473-6</t>
  </si>
  <si>
    <t>121-47-1</t>
  </si>
  <si>
    <t>metanilic acid</t>
  </si>
  <si>
    <t>612-014-00-X</t>
  </si>
  <si>
    <t>sulphanilic acid;</t>
  </si>
  <si>
    <t>204-482-5</t>
  </si>
  <si>
    <t>121-57-3</t>
  </si>
  <si>
    <t>4-aminobenzenesulphonic acid</t>
  </si>
  <si>
    <t>612-015-00-5</t>
  </si>
  <si>
    <t>202-870-9</t>
  </si>
  <si>
    <t>612-016-00-0</t>
  </si>
  <si>
    <t>204-493-5</t>
  </si>
  <si>
    <t>121-69-7</t>
  </si>
  <si>
    <t>612-017-00-6</t>
  </si>
  <si>
    <t>207-531-9</t>
  </si>
  <si>
    <t>479-45-8</t>
  </si>
  <si>
    <t>612-018-00-1</t>
  </si>
  <si>
    <t>bis(2,4,6-trinitrophenyl)amine;</t>
  </si>
  <si>
    <t>205-037-8</t>
  </si>
  <si>
    <t>131-73-7</t>
  </si>
  <si>
    <t>hexyl</t>
  </si>
  <si>
    <t>612-019-00-7</t>
  </si>
  <si>
    <t>dipicrylamine, ammonium salt</t>
  </si>
  <si>
    <t>220-639-0</t>
  </si>
  <si>
    <t>2844-92-0</t>
  </si>
  <si>
    <t>612-020-00-2</t>
  </si>
  <si>
    <t>1-naphthylamine</t>
  </si>
  <si>
    <t>205-138-7</t>
  </si>
  <si>
    <t>134-32-7</t>
  </si>
  <si>
    <t>612-024-00-4</t>
  </si>
  <si>
    <t>203-583-1</t>
  </si>
  <si>
    <t>108-44-1</t>
  </si>
  <si>
    <t>3-aminotoluene</t>
  </si>
  <si>
    <t>612-025-00-X</t>
  </si>
  <si>
    <t>nitrotoluidines, with the exception of those specified elsewhere in this Annex</t>
  </si>
  <si>
    <t>612-026-00-5</t>
  </si>
  <si>
    <t>diphenylamine</t>
  </si>
  <si>
    <t>204-539-4</t>
  </si>
  <si>
    <t>612-027-00-0</t>
  </si>
  <si>
    <t>xylidines with the exception of those specified elsewhere in this Annex;</t>
  </si>
  <si>
    <t>dimethyl anilines with the exception of those specified elsewhere in this Annex</t>
  </si>
  <si>
    <t>612-028-00-6</t>
  </si>
  <si>
    <t>203-404-7</t>
  </si>
  <si>
    <t>612-029-00-1</t>
  </si>
  <si>
    <t>benzene-1,4-diamine dihydrochloride;</t>
  </si>
  <si>
    <t>210-834-9</t>
  </si>
  <si>
    <t>612-030-00-7</t>
  </si>
  <si>
    <t>210-431-8 [1]</t>
  </si>
  <si>
    <t>615-50-9 [1]</t>
  </si>
  <si>
    <t>228-871-4 [2]</t>
  </si>
  <si>
    <t>6369-59-1 [2]</t>
  </si>
  <si>
    <t>612-031-00-2</t>
  </si>
  <si>
    <t>220-623-3 [1]</t>
  </si>
  <si>
    <t>2836-04-6 [1]</t>
  </si>
  <si>
    <t>202-807-5 [2]</t>
  </si>
  <si>
    <t>99-98-9 [2]</t>
  </si>
  <si>
    <t>612-032-00-8</t>
  </si>
  <si>
    <t>202-831-6</t>
  </si>
  <si>
    <t>100-22-1</t>
  </si>
  <si>
    <t>612-033-00-3</t>
  </si>
  <si>
    <t>2-aminophenol</t>
  </si>
  <si>
    <t>202-431-1</t>
  </si>
  <si>
    <t>95-55-6</t>
  </si>
  <si>
    <t>612-034-00-9</t>
  </si>
  <si>
    <t>2-amino-4,6-dinitrophenol;</t>
  </si>
  <si>
    <t>202-544-6</t>
  </si>
  <si>
    <t>96-91-3</t>
  </si>
  <si>
    <t>picramic acid</t>
  </si>
  <si>
    <t>612-034-01-6</t>
  </si>
  <si>
    <t>2-methoxyaniline;</t>
  </si>
  <si>
    <t>3,3'-dimethoxybenzidine;</t>
  </si>
  <si>
    <t>612-038-00-0</t>
  </si>
  <si>
    <t>202-547-2</t>
  </si>
  <si>
    <t>96-96-8</t>
  </si>
  <si>
    <t>4-methoxy-2-nitroaniline</t>
  </si>
  <si>
    <t>612-039-00-6</t>
  </si>
  <si>
    <t>2-ethoxyaniline;</t>
  </si>
  <si>
    <t>202-356-4</t>
  </si>
  <si>
    <t>94-70-2</t>
  </si>
  <si>
    <t>612-040-00-1</t>
  </si>
  <si>
    <t>2,4-dinitroaniline</t>
  </si>
  <si>
    <t>202-553-5</t>
  </si>
  <si>
    <t>97-02-9</t>
  </si>
  <si>
    <t>benzidine;</t>
  </si>
  <si>
    <t>1,1'-biphenyl-4,4'-diamine;</t>
  </si>
  <si>
    <t>4,4'-diaminobiphenyl;</t>
  </si>
  <si>
    <t>biphenyl-4,4'-ylenediamine</t>
  </si>
  <si>
    <t>612-043-00-8</t>
  </si>
  <si>
    <t>2810-74-4</t>
  </si>
  <si>
    <t>612-046-00-4</t>
  </si>
  <si>
    <t>allylamine</t>
  </si>
  <si>
    <t>203-463-9</t>
  </si>
  <si>
    <t>107-11-9</t>
  </si>
  <si>
    <t>612-047-00-X</t>
  </si>
  <si>
    <t>benzylamine</t>
  </si>
  <si>
    <t>202-854-1</t>
  </si>
  <si>
    <t>100-46-9</t>
  </si>
  <si>
    <t>612-048-00-5</t>
  </si>
  <si>
    <t>dipropylamine</t>
  </si>
  <si>
    <t>205-565-9</t>
  </si>
  <si>
    <t>612-049-00-0</t>
  </si>
  <si>
    <t>203-921-8 [1]</t>
  </si>
  <si>
    <t>111-92-2 [1]</t>
  </si>
  <si>
    <t>210-937-9 [2]</t>
  </si>
  <si>
    <t>626-23-3 [2]</t>
  </si>
  <si>
    <t>612-050-00-6</t>
  </si>
  <si>
    <t>cyclohexylamine</t>
  </si>
  <si>
    <t>203-629-0</t>
  </si>
  <si>
    <t>108-91-8</t>
  </si>
  <si>
    <t>4,4'-diaminodiphenylmethane;</t>
  </si>
  <si>
    <t>612-052-00-7</t>
  </si>
  <si>
    <t>208-164-7 [1]</t>
  </si>
  <si>
    <t>513-49-5 [1]</t>
  </si>
  <si>
    <t>236-232-6 [2]</t>
  </si>
  <si>
    <t>13250-12-9 [2]</t>
  </si>
  <si>
    <t>237-732-7 [3]</t>
  </si>
  <si>
    <t>13952-84-6 [3]</t>
  </si>
  <si>
    <t>2-aminobutane [3]</t>
  </si>
  <si>
    <t>612-053-00-2</t>
  </si>
  <si>
    <t>203-135-5</t>
  </si>
  <si>
    <t>612-054-00-8</t>
  </si>
  <si>
    <t>202-088-8</t>
  </si>
  <si>
    <t>91-66-7</t>
  </si>
  <si>
    <t>612-055-00-3</t>
  </si>
  <si>
    <t>210-260-9 [1]</t>
  </si>
  <si>
    <t>611-21-2 [1]</t>
  </si>
  <si>
    <t>211-795-0 [2]</t>
  </si>
  <si>
    <t>696-44-6 [2]</t>
  </si>
  <si>
    <t>210-769-6 [3]</t>
  </si>
  <si>
    <t>623-08-5 [3]</t>
  </si>
  <si>
    <t>612-056-00-9</t>
  </si>
  <si>
    <t>202-805-4 [1]</t>
  </si>
  <si>
    <t>99-97-8 [1]</t>
  </si>
  <si>
    <t>204-495-6 [2]</t>
  </si>
  <si>
    <t>121-72-2 [2]</t>
  </si>
  <si>
    <t>210-199-8 [3]</t>
  </si>
  <si>
    <t>609-72-3 [3]</t>
  </si>
  <si>
    <t>612-057-00-4</t>
  </si>
  <si>
    <t>203-808-3</t>
  </si>
  <si>
    <t>110-85-0</t>
  </si>
  <si>
    <t>612-057-01-1</t>
  </si>
  <si>
    <t>612-058-00-X</t>
  </si>
  <si>
    <t>2,2'-iminodiethylamine;</t>
  </si>
  <si>
    <t>203-865-4</t>
  </si>
  <si>
    <t>111-40-0</t>
  </si>
  <si>
    <t>diethylenetriamine</t>
  </si>
  <si>
    <t>612-059-00-5</t>
  </si>
  <si>
    <t>3,6-diazaoctanethylenediamin;</t>
  </si>
  <si>
    <t>203-950-6</t>
  </si>
  <si>
    <t>112-24-3</t>
  </si>
  <si>
    <t>triethylenetetramine</t>
  </si>
  <si>
    <t>612-060-00-0</t>
  </si>
  <si>
    <t>203-986-2</t>
  </si>
  <si>
    <t>112-57-2</t>
  </si>
  <si>
    <t>612-061-00-6</t>
  </si>
  <si>
    <t>203-680-9</t>
  </si>
  <si>
    <t>109-55-7</t>
  </si>
  <si>
    <t>612-062-00-1</t>
  </si>
  <si>
    <t>3-aminopropyldiethylamine;</t>
  </si>
  <si>
    <t>203-236-4</t>
  </si>
  <si>
    <t>104-78-9</t>
  </si>
  <si>
    <t>612-063-00-7</t>
  </si>
  <si>
    <t>3,3'-iminodi(propylamine);</t>
  </si>
  <si>
    <t>200-261-2</t>
  </si>
  <si>
    <t>56-18-8</t>
  </si>
  <si>
    <t>dipropylenetriamine</t>
  </si>
  <si>
    <t>612-064-00-2</t>
  </si>
  <si>
    <t>223-775-9</t>
  </si>
  <si>
    <t>612-065-00-8</t>
  </si>
  <si>
    <t>polyethlyenepolyamines with the exception of those specified elsewhere in this Annex</t>
  </si>
  <si>
    <t>612-066-00-3</t>
  </si>
  <si>
    <t>dicyclohexylamine</t>
  </si>
  <si>
    <t>202-980-7</t>
  </si>
  <si>
    <t>101-83-7</t>
  </si>
  <si>
    <t>612-067-00-9</t>
  </si>
  <si>
    <t>3-aminomethyl-3,5,5-trimethylcyclohexylamine</t>
  </si>
  <si>
    <t>220-666-8</t>
  </si>
  <si>
    <t>2855-13-2</t>
  </si>
  <si>
    <t>3,3'-dichlorobenzidine;</t>
  </si>
  <si>
    <t>salts of 3,3'-dichlorobenzidine;</t>
  </si>
  <si>
    <t>salts of 3,3'-dichlorobiphenyl-4,4'-ylenediamine</t>
  </si>
  <si>
    <t>salts of benzidine</t>
  </si>
  <si>
    <t>208-519-6</t>
  </si>
  <si>
    <t>208-520-1</t>
  </si>
  <si>
    <t>244-236-4</t>
  </si>
  <si>
    <t>252-984-8</t>
  </si>
  <si>
    <t>salts of 2-naphthylamine</t>
  </si>
  <si>
    <t>210-313-6</t>
  </si>
  <si>
    <t>612-52-2</t>
  </si>
  <si>
    <t>biphenyl-4-ylamine;</t>
  </si>
  <si>
    <t>xenylamine;</t>
  </si>
  <si>
    <t>4-aminobiphenyl</t>
  </si>
  <si>
    <t>salts of biphenyl-4-ylamine;</t>
  </si>
  <si>
    <t>salts of xenylamine;</t>
  </si>
  <si>
    <t>salts of 4-aminobiphenyl</t>
  </si>
  <si>
    <t>612-074-00-7</t>
  </si>
  <si>
    <t>benzyldimethylamine</t>
  </si>
  <si>
    <t>203-149-1</t>
  </si>
  <si>
    <t>103-83-3</t>
  </si>
  <si>
    <t>612-075-00-2</t>
  </si>
  <si>
    <t>2-aminoethyldimethylamine;</t>
  </si>
  <si>
    <t>203-541-2</t>
  </si>
  <si>
    <t>108-00-9</t>
  </si>
  <si>
    <t>2-dimethylaminoethylamine</t>
  </si>
  <si>
    <t>612-076-00-8</t>
  </si>
  <si>
    <t>ethyldimethylamine</t>
  </si>
  <si>
    <t>209-940-8</t>
  </si>
  <si>
    <t>598-56-1</t>
  </si>
  <si>
    <t>dimethylnitrosoamine;</t>
  </si>
  <si>
    <t>2,2'-dichloro-4,4'-methylenedianiline;</t>
  </si>
  <si>
    <t>4,4'-methylene bis(2-chloroaniline)</t>
  </si>
  <si>
    <t>salts of 2,2'-dichloro-4,4'-methylenedianiline;</t>
  </si>
  <si>
    <t>salts of 4,4'-methylenebis(2-chloroaniline)</t>
  </si>
  <si>
    <t>612-080-00-X</t>
  </si>
  <si>
    <t>202-214-1</t>
  </si>
  <si>
    <t>93-05-0</t>
  </si>
  <si>
    <t>210-322-5</t>
  </si>
  <si>
    <t>salts of 3,3'-dimethylbenzidine;</t>
  </si>
  <si>
    <t>265-294-7</t>
  </si>
  <si>
    <t>64969-36-4</t>
  </si>
  <si>
    <t>277-985-0</t>
  </si>
  <si>
    <t>74753-18-7</t>
  </si>
  <si>
    <t>612-082-00-0</t>
  </si>
  <si>
    <t>thiourea;</t>
  </si>
  <si>
    <t>200-543-5</t>
  </si>
  <si>
    <t>62-56-6</t>
  </si>
  <si>
    <t>thiocarbamide</t>
  </si>
  <si>
    <t>1-methyl-3-nitro-1-nitrosoguanidine</t>
  </si>
  <si>
    <t>612-084-00-1</t>
  </si>
  <si>
    <t>dapsone;</t>
  </si>
  <si>
    <t>201-248-4</t>
  </si>
  <si>
    <t>80-08-0</t>
  </si>
  <si>
    <t>4,4'-diamino diphenyl sulfone</t>
  </si>
  <si>
    <t>612-086-00-2</t>
  </si>
  <si>
    <t>amitraz (ISO);</t>
  </si>
  <si>
    <t>251-375-4</t>
  </si>
  <si>
    <t>33089-61-1</t>
  </si>
  <si>
    <t>612-087-00-8</t>
  </si>
  <si>
    <t>guazatine (ISO)</t>
  </si>
  <si>
    <t>108173-90-6</t>
  </si>
  <si>
    <t>612-088-00-3</t>
  </si>
  <si>
    <t>simazine (ISO);</t>
  </si>
  <si>
    <t>204-535-2</t>
  </si>
  <si>
    <t>122-34-9</t>
  </si>
  <si>
    <t>612-089-00-9</t>
  </si>
  <si>
    <t>1,5-naphthylenediamine</t>
  </si>
  <si>
    <t>218-817-8</t>
  </si>
  <si>
    <t>2243-62-1</t>
  </si>
  <si>
    <t>2,2'-(nitrosoimino)bisethanol</t>
  </si>
  <si>
    <t>612-092-00-5</t>
  </si>
  <si>
    <t>401-660-6</t>
  </si>
  <si>
    <t>1000-78-8</t>
  </si>
  <si>
    <t>612-093-00-0</t>
  </si>
  <si>
    <t>3,5-dichloro-4-(1,1,2,2-tetrafluoroethoxy)aniline</t>
  </si>
  <si>
    <t>401-790-3</t>
  </si>
  <si>
    <t>612-094-00-6</t>
  </si>
  <si>
    <t>4-(2-chloro-4-trifluoromethyl)phenoxy-2-fluoroaniline hydrochloride</t>
  </si>
  <si>
    <t>402-190-4</t>
  </si>
  <si>
    <t>113674-95-6</t>
  </si>
  <si>
    <t>612-095-00-1</t>
  </si>
  <si>
    <t>402-610-6</t>
  </si>
  <si>
    <t>113694-52-3</t>
  </si>
  <si>
    <t>612-096-00-7</t>
  </si>
  <si>
    <t>207-762-5</t>
  </si>
  <si>
    <t>492-80-8</t>
  </si>
  <si>
    <t>612-097-00-2</t>
  </si>
  <si>
    <t>nitrosodipropylamine</t>
  </si>
  <si>
    <t>2,4-toluenediamine</t>
  </si>
  <si>
    <t>612-100-00-7</t>
  </si>
  <si>
    <t>propylenediamine</t>
  </si>
  <si>
    <t>201-155-9</t>
  </si>
  <si>
    <t>78-90-0</t>
  </si>
  <si>
    <t>612-101-00-2</t>
  </si>
  <si>
    <t>methenamine;</t>
  </si>
  <si>
    <t>202-905-8</t>
  </si>
  <si>
    <t>hexamethylenetetramine</t>
  </si>
  <si>
    <t>612-102-00-8</t>
  </si>
  <si>
    <t>203-336-8</t>
  </si>
  <si>
    <t>105-83-9</t>
  </si>
  <si>
    <t>612-103-00-3</t>
  </si>
  <si>
    <t>203-744-6</t>
  </si>
  <si>
    <t>110-18-9</t>
  </si>
  <si>
    <t>612-104-00-9</t>
  </si>
  <si>
    <t>hexamethylenediamine</t>
  </si>
  <si>
    <t>204-679-6</t>
  </si>
  <si>
    <t>124-09-4</t>
  </si>
  <si>
    <t>612-105-00-4</t>
  </si>
  <si>
    <t>2-piperazin-1-ylethylamine</t>
  </si>
  <si>
    <t>205-411-0</t>
  </si>
  <si>
    <t>140-31-8</t>
  </si>
  <si>
    <t>612-106-00-X</t>
  </si>
  <si>
    <t>2,6-diethylaniline</t>
  </si>
  <si>
    <t>209-445-7</t>
  </si>
  <si>
    <t>579-66-8</t>
  </si>
  <si>
    <t>612-107-00-5</t>
  </si>
  <si>
    <t>1-phenylethylamine; [1]</t>
  </si>
  <si>
    <t>202-706-6 [1]</t>
  </si>
  <si>
    <t>98-84-0 [1]</t>
  </si>
  <si>
    <t>DL-α-methylbenzylamine [2]</t>
  </si>
  <si>
    <t>210-545-8 [2]</t>
  </si>
  <si>
    <t>618-36-0 [2]</t>
  </si>
  <si>
    <t>612-108-00-0</t>
  </si>
  <si>
    <t>3-aminopropyltriethoxysilane</t>
  </si>
  <si>
    <t>213-048-4</t>
  </si>
  <si>
    <t>919-30-2</t>
  </si>
  <si>
    <t>612-109-00-6</t>
  </si>
  <si>
    <t>bis(2-dimethylaminoethyl)(methyl)amine</t>
  </si>
  <si>
    <t>221-201-1</t>
  </si>
  <si>
    <t>3030-47-5</t>
  </si>
  <si>
    <t>612-110-00-1</t>
  </si>
  <si>
    <t>2,2'-dimethyl-4,4'-methylenebis(cyclohexylamine)</t>
  </si>
  <si>
    <t>229-962-1</t>
  </si>
  <si>
    <t>6864-37-5</t>
  </si>
  <si>
    <t>612-111-00-7</t>
  </si>
  <si>
    <t>212-513-9</t>
  </si>
  <si>
    <t>823-40-5</t>
  </si>
  <si>
    <t>2,6-toluenediamine</t>
  </si>
  <si>
    <t>612-112-00-2</t>
  </si>
  <si>
    <t>203-254-2</t>
  </si>
  <si>
    <t>104-94-9</t>
  </si>
  <si>
    <t>4-methoxyaniline</t>
  </si>
  <si>
    <t>612-113-00-8</t>
  </si>
  <si>
    <t>6-methyl-2,4-bis(methylthio)phenylene-1,3-diamine</t>
  </si>
  <si>
    <t>403-240-8</t>
  </si>
  <si>
    <t>612-114-00-3</t>
  </si>
  <si>
    <t>404-390-7</t>
  </si>
  <si>
    <t>612-115-00-9</t>
  </si>
  <si>
    <t>dimethyldioctadecylammonium hydrogen sulfate</t>
  </si>
  <si>
    <t>404-050-8</t>
  </si>
  <si>
    <t>123312-54-9</t>
  </si>
  <si>
    <t>612-116-00-4</t>
  </si>
  <si>
    <t>404-690-8</t>
  </si>
  <si>
    <t>612-117-00-X</t>
  </si>
  <si>
    <t>404-750-3</t>
  </si>
  <si>
    <t>119415-07-5</t>
  </si>
  <si>
    <t>612-118-00-5</t>
  </si>
  <si>
    <t>405-080-4</t>
  </si>
  <si>
    <t>612-119-00-0</t>
  </si>
  <si>
    <t>benzyldimethyloctadecylammonium 3-nitrobenzenesulfonate</t>
  </si>
  <si>
    <t>405-330-2</t>
  </si>
  <si>
    <t>612-120-00-6</t>
  </si>
  <si>
    <t>aclonifen (ISO);</t>
  </si>
  <si>
    <t>277-704-1</t>
  </si>
  <si>
    <t>74070-46-5</t>
  </si>
  <si>
    <t>2-chloro-6-nitro-3-phenoxyaniline</t>
  </si>
  <si>
    <t>612-121-00-1</t>
  </si>
  <si>
    <t>268-626-9</t>
  </si>
  <si>
    <t>68131-73-7</t>
  </si>
  <si>
    <t>612-122-00-7</t>
  </si>
  <si>
    <t>hydroxylamine … %</t>
  </si>
  <si>
    <t>232-259-2</t>
  </si>
  <si>
    <t>7803-49-8</t>
  </si>
  <si>
    <t>Met. Corr. 1</t>
  </si>
  <si>
    <t>H290</t>
  </si>
  <si>
    <t>612-122-01-4</t>
  </si>
  <si>
    <t>612-123-00-2</t>
  </si>
  <si>
    <t>226-798-2 [1]</t>
  </si>
  <si>
    <t>5470-11-1 [1]</t>
  </si>
  <si>
    <t>233-118-8 [2]</t>
  </si>
  <si>
    <t>10039-54-0 [2]</t>
  </si>
  <si>
    <t>hydroxylamine sulfate (2:1) [2]</t>
  </si>
  <si>
    <t>612-124-00-8</t>
  </si>
  <si>
    <t>205-319-0</t>
  </si>
  <si>
    <t>138-24-9</t>
  </si>
  <si>
    <t>612-125-00-3</t>
  </si>
  <si>
    <t>202-442-1</t>
  </si>
  <si>
    <t>95-70-5</t>
  </si>
  <si>
    <t>2,5-toluenediamine</t>
  </si>
  <si>
    <t>toluene-2,4-diammonium sulphate;</t>
  </si>
  <si>
    <t>4-methyl-m-phenylenediamine sulfate</t>
  </si>
  <si>
    <t>612-127-00-4</t>
  </si>
  <si>
    <t>3-aminophenol</t>
  </si>
  <si>
    <t>209-711-2</t>
  </si>
  <si>
    <t>591-27-5</t>
  </si>
  <si>
    <t>612-128-00-X</t>
  </si>
  <si>
    <t>4-aminophenol</t>
  </si>
  <si>
    <t>204-616-2</t>
  </si>
  <si>
    <t>123-30-8</t>
  </si>
  <si>
    <t>612-129-00-5</t>
  </si>
  <si>
    <t>diisopropylamine</t>
  </si>
  <si>
    <t>203-558-5</t>
  </si>
  <si>
    <t>612-130-00-0</t>
  </si>
  <si>
    <t>2,6-diamino-3,5-diethyltoluene;</t>
  </si>
  <si>
    <t>218-255-3 [1]</t>
  </si>
  <si>
    <t>2095-01-4 [1]</t>
  </si>
  <si>
    <t>4,6-diethyl-2-methyl-1,3-benzenediamine; [1]</t>
  </si>
  <si>
    <t>218-256-9 [2]</t>
  </si>
  <si>
    <t>2095-02-5 [2]</t>
  </si>
  <si>
    <t>2,4-diamino-3,5-diethyltoluene;</t>
  </si>
  <si>
    <t>270-877-4 [3]</t>
  </si>
  <si>
    <t>68479-98-1 [3]</t>
  </si>
  <si>
    <t>612-131-00-6</t>
  </si>
  <si>
    <t>didecyldimethylammonium chloride</t>
  </si>
  <si>
    <t>230-525-2</t>
  </si>
  <si>
    <t>612-132-00-1</t>
  </si>
  <si>
    <t>200-806-4</t>
  </si>
  <si>
    <t>612-133-00-7</t>
  </si>
  <si>
    <t>247-162-0</t>
  </si>
  <si>
    <t>25646-77-9</t>
  </si>
  <si>
    <t>612-134-00-2</t>
  </si>
  <si>
    <t>247-161-5</t>
  </si>
  <si>
    <t>25646-71-3</t>
  </si>
  <si>
    <t>612-135-00-8</t>
  </si>
  <si>
    <t>205-223-9</t>
  </si>
  <si>
    <t>612-136-00-3</t>
  </si>
  <si>
    <t>202-969-7</t>
  </si>
  <si>
    <t>101-72-4</t>
  </si>
  <si>
    <t>612-138-00-4</t>
  </si>
  <si>
    <t>furalaxyl (ISO);</t>
  </si>
  <si>
    <t>260-875-1</t>
  </si>
  <si>
    <t>57646-30-7</t>
  </si>
  <si>
    <t>612-139-00-X</t>
  </si>
  <si>
    <t>mefenacet (ISO);</t>
  </si>
  <si>
    <t>277-328-8</t>
  </si>
  <si>
    <t>73250-68-7</t>
  </si>
  <si>
    <t>612-140-00-5</t>
  </si>
  <si>
    <t>264-151-6</t>
  </si>
  <si>
    <t>612-141-00-0</t>
  </si>
  <si>
    <t>4,4'-methylenebis(2-ethylaniline);</t>
  </si>
  <si>
    <t>243-420-1</t>
  </si>
  <si>
    <t>19900-65-3</t>
  </si>
  <si>
    <t>4,4'-methylenebis(2-ethylbenzeneamine)</t>
  </si>
  <si>
    <t>612-142-00-6</t>
  </si>
  <si>
    <t>biphenyl-2-ylamine</t>
  </si>
  <si>
    <t>201-990-9</t>
  </si>
  <si>
    <t>90-41-5</t>
  </si>
  <si>
    <t>612-143-00-1</t>
  </si>
  <si>
    <t>218-130-3</t>
  </si>
  <si>
    <t>2051-79-8</t>
  </si>
  <si>
    <t>4-diethylamino-2-methylaniline monohydrochloride</t>
  </si>
  <si>
    <t>612-144-00-7</t>
  </si>
  <si>
    <t>flumetralin (ISO);</t>
  </si>
  <si>
    <t>62924-70-3</t>
  </si>
  <si>
    <t>612-145-00-2</t>
  </si>
  <si>
    <t>202-430-6</t>
  </si>
  <si>
    <t>612-146-00-8</t>
  </si>
  <si>
    <t>210-418-7</t>
  </si>
  <si>
    <t>612-147-00-3</t>
  </si>
  <si>
    <t>203-584-7</t>
  </si>
  <si>
    <t>612-148-00-9</t>
  </si>
  <si>
    <t>208-790-0</t>
  </si>
  <si>
    <t>612-149-00-4</t>
  </si>
  <si>
    <t>1,3-diphenylguanidine</t>
  </si>
  <si>
    <t>203-002-1</t>
  </si>
  <si>
    <t>102-06-7</t>
  </si>
  <si>
    <t>612-150-00-X</t>
  </si>
  <si>
    <t>spiroxamine (ISO);</t>
  </si>
  <si>
    <t>118134-30-8</t>
  </si>
  <si>
    <t>8-tert-butyl-1,4-dioxaspiro[4.5]decan-2-ylmethyl(ethyl)(propyl)amine</t>
  </si>
  <si>
    <t>H373 (eye)</t>
  </si>
  <si>
    <t>methyl-phenylene diamine;</t>
  </si>
  <si>
    <t>diaminotoluene;</t>
  </si>
  <si>
    <t>612-152-00-0</t>
  </si>
  <si>
    <t>406-610-7</t>
  </si>
  <si>
    <t>62478-82-4</t>
  </si>
  <si>
    <t>612-153-00-6</t>
  </si>
  <si>
    <t>407-020-2</t>
  </si>
  <si>
    <t>132885-85-9</t>
  </si>
  <si>
    <t>612-154-00-1</t>
  </si>
  <si>
    <t>410-890-6</t>
  </si>
  <si>
    <t>95235-29-3</t>
  </si>
  <si>
    <t>612-155-00-7</t>
  </si>
  <si>
    <t>411-730-8</t>
  </si>
  <si>
    <t>93071-94-4</t>
  </si>
  <si>
    <t>612-156-00-2</t>
  </si>
  <si>
    <t>405-620-9</t>
  </si>
  <si>
    <t>612-157-00-8</t>
  </si>
  <si>
    <t>410-780-8</t>
  </si>
  <si>
    <t>612-158-00-3</t>
  </si>
  <si>
    <t>410-820-4</t>
  </si>
  <si>
    <t>4-dodecylsalicylaldoxime</t>
  </si>
  <si>
    <t>612-159-00-9</t>
  </si>
  <si>
    <t>410-880-1</t>
  </si>
  <si>
    <t>612-160-00-4</t>
  </si>
  <si>
    <t>203-403-1 [1]</t>
  </si>
  <si>
    <t>106-49-0 [1]</t>
  </si>
  <si>
    <t>4-aminotoluene; [1]</t>
  </si>
  <si>
    <t>208-740-8 [2]</t>
  </si>
  <si>
    <t>540-23-8 [2]</t>
  </si>
  <si>
    <t>toluidinium chloride; [2]</t>
  </si>
  <si>
    <t>208-741-3 [3]</t>
  </si>
  <si>
    <t>540-25-0 [3]</t>
  </si>
  <si>
    <t>toluidine sulphate (1:1) [3]</t>
  </si>
  <si>
    <t>612-161-00-X</t>
  </si>
  <si>
    <t>2,6-xylidine;</t>
  </si>
  <si>
    <t>201-758-7</t>
  </si>
  <si>
    <t>87-62-7</t>
  </si>
  <si>
    <t>2,6-dimethylaniline</t>
  </si>
  <si>
    <t>612-162-00-5</t>
  </si>
  <si>
    <t>dimethyldioctadecylammonium chloride;</t>
  </si>
  <si>
    <t>203-508-2</t>
  </si>
  <si>
    <t>107-64-2</t>
  </si>
  <si>
    <t>DODMAC</t>
  </si>
  <si>
    <t>612-163-00-0</t>
  </si>
  <si>
    <t>70630-17-0</t>
  </si>
  <si>
    <t>mefenoxam;</t>
  </si>
  <si>
    <t>612-164-00-6</t>
  </si>
  <si>
    <t>2-butyl-2-ethyl-1,5-diaminopentane</t>
  </si>
  <si>
    <t>412-700-7</t>
  </si>
  <si>
    <t>137605-95-9</t>
  </si>
  <si>
    <t>612-165-00-1</t>
  </si>
  <si>
    <t>413-810-8</t>
  </si>
  <si>
    <t>65181-78-4</t>
  </si>
  <si>
    <t>612-166-00-7</t>
  </si>
  <si>
    <t>411-830-1</t>
  </si>
  <si>
    <t>114765-88-7</t>
  </si>
  <si>
    <t>612-167-00-2</t>
  </si>
  <si>
    <t>410-490-1</t>
  </si>
  <si>
    <t>612-168-00-8</t>
  </si>
  <si>
    <t>3,5-dichloro-2,6-difluoropyrdine-4-amine</t>
  </si>
  <si>
    <t>220-630-1</t>
  </si>
  <si>
    <t>2840-00-8</t>
  </si>
  <si>
    <t>612-169-00-3</t>
  </si>
  <si>
    <t>423-170-1</t>
  </si>
  <si>
    <t>618-26-8</t>
  </si>
  <si>
    <t>612-170-00-9</t>
  </si>
  <si>
    <t>405-260-2</t>
  </si>
  <si>
    <t>612-171-00-4</t>
  </si>
  <si>
    <t>410-060-3</t>
  </si>
  <si>
    <t>130728-76-6</t>
  </si>
  <si>
    <t>612-172-00-X</t>
  </si>
  <si>
    <t>412-840-9</t>
  </si>
  <si>
    <t>13474-64-1</t>
  </si>
  <si>
    <t>612-173-00-5</t>
  </si>
  <si>
    <t>411-140-0</t>
  </si>
  <si>
    <t>125328-86-1</t>
  </si>
  <si>
    <t>612-174-00-0</t>
  </si>
  <si>
    <t>4,4-dimethoxybutylamine</t>
  </si>
  <si>
    <t>407-690-6</t>
  </si>
  <si>
    <t>19060-15-2</t>
  </si>
  <si>
    <t>612-175-00-6</t>
  </si>
  <si>
    <t>412-310-7</t>
  </si>
  <si>
    <t>37866-45-8</t>
  </si>
  <si>
    <t>612-176-00-1</t>
  </si>
  <si>
    <t>410-570-6</t>
  </si>
  <si>
    <t>143747-73-3</t>
  </si>
  <si>
    <t>612-177-00-7</t>
  </si>
  <si>
    <t>2-naphthylamino-6-sulfomethylamide</t>
  </si>
  <si>
    <t>412-120-4</t>
  </si>
  <si>
    <t>104295-55-8</t>
  </si>
  <si>
    <t>612-178-00-2</t>
  </si>
  <si>
    <t>1,4,7,10-tetraazacyclododecane disulfate</t>
  </si>
  <si>
    <t>412-080-8</t>
  </si>
  <si>
    <t>112193-77-8</t>
  </si>
  <si>
    <t>612-179-00-8</t>
  </si>
  <si>
    <t>1-(2-propenyl)pyridinium chloride</t>
  </si>
  <si>
    <t>412-740-5</t>
  </si>
  <si>
    <t>25965-81-5</t>
  </si>
  <si>
    <t>612-180-00-3</t>
  </si>
  <si>
    <t>3-aminobenzylamine</t>
  </si>
  <si>
    <t>412-230-2</t>
  </si>
  <si>
    <t>4403-70-7</t>
  </si>
  <si>
    <t>612-181-00-9</t>
  </si>
  <si>
    <t>2-phenylthioaniline</t>
  </si>
  <si>
    <t>413-030-8</t>
  </si>
  <si>
    <t>1134-94-7</t>
  </si>
  <si>
    <t>612-182-00-4</t>
  </si>
  <si>
    <t>1-ethyl-1-methylmorpholinium bromide</t>
  </si>
  <si>
    <t>418-210-1</t>
  </si>
  <si>
    <t>65756-41-4</t>
  </si>
  <si>
    <t>612-183-00-X</t>
  </si>
  <si>
    <t>1-ethyl-1-methylpyrrolidinium bromide</t>
  </si>
  <si>
    <t>418-200-5</t>
  </si>
  <si>
    <t>69227-51-6</t>
  </si>
  <si>
    <t>612-184-00-5</t>
  </si>
  <si>
    <t>403-830-5</t>
  </si>
  <si>
    <t>89331-94-2</t>
  </si>
  <si>
    <t>612-185-00-0</t>
  </si>
  <si>
    <t>407-400-8</t>
  </si>
  <si>
    <t>59493-72-0</t>
  </si>
  <si>
    <t>612-186-00-6</t>
  </si>
  <si>
    <t>406-770-8</t>
  </si>
  <si>
    <t>149057-64-7</t>
  </si>
  <si>
    <t>612-187-00-1</t>
  </si>
  <si>
    <t>2,3,4-trifluoroaniline</t>
  </si>
  <si>
    <t>407-170-9</t>
  </si>
  <si>
    <t>3862-73-5</t>
  </si>
  <si>
    <t>612-188-00-7</t>
  </si>
  <si>
    <t>407-560-9</t>
  </si>
  <si>
    <t>107934-68-9</t>
  </si>
  <si>
    <t>612-189-00-2</t>
  </si>
  <si>
    <t>4-amino-2-(aminomethyl)phenol dihydrochloride</t>
  </si>
  <si>
    <t>412-510-4</t>
  </si>
  <si>
    <t>135043-64-0</t>
  </si>
  <si>
    <t>612-190-00-8</t>
  </si>
  <si>
    <t>4,4'-methylenebis(2-isopropyl-6-methylaniline)</t>
  </si>
  <si>
    <t>415-150-6</t>
  </si>
  <si>
    <t>16298-38-7</t>
  </si>
  <si>
    <t>612-191-00-3</t>
  </si>
  <si>
    <t>polymer of allylamine hydrochloride</t>
  </si>
  <si>
    <t>415-050-2</t>
  </si>
  <si>
    <t>71550-12-4</t>
  </si>
  <si>
    <t>612-192-00-9</t>
  </si>
  <si>
    <t>414-800-6</t>
  </si>
  <si>
    <t>154212-60-9</t>
  </si>
  <si>
    <t>612-193-00-4</t>
  </si>
  <si>
    <t>3-methylaminomethylphenylamine</t>
  </si>
  <si>
    <t>414-570-7</t>
  </si>
  <si>
    <t>18759-96-1</t>
  </si>
  <si>
    <t>612-194-00-X</t>
  </si>
  <si>
    <t>414-670-0</t>
  </si>
  <si>
    <t>141890-30-4</t>
  </si>
  <si>
    <t>612-195-00-5</t>
  </si>
  <si>
    <t>bis[tributyl 4-(methylbenzyl)ammonium] 1,5-naphthalenedisulfonate</t>
  </si>
  <si>
    <t>415-210-1</t>
  </si>
  <si>
    <t>160236-81-7</t>
  </si>
  <si>
    <t>2,4,5-trimethylaniline; [1]</t>
  </si>
  <si>
    <t>4,4'-thiodianiline and its salts</t>
  </si>
  <si>
    <t>4,4'-oxydianiline and its salts;</t>
  </si>
  <si>
    <t>2,4-diaminoanisole;</t>
  </si>
  <si>
    <t>612-202-00-1</t>
  </si>
  <si>
    <t>3,4-dichloroaniline</t>
  </si>
  <si>
    <t>202-448-4</t>
  </si>
  <si>
    <t>95-76-1</t>
  </si>
  <si>
    <t>612-203-00-7</t>
  </si>
  <si>
    <t>417-360-3</t>
  </si>
  <si>
    <t>612-204-00-2</t>
  </si>
  <si>
    <t>C.I. Basic Violet 3;</t>
  </si>
  <si>
    <t>4-[4,4'-bis(dimethylamino) benzhydrylidene]cyclohexa-2,5-dien-1-ylidene]dimethylammonium chloride</t>
  </si>
  <si>
    <t>612-206-00-3</t>
  </si>
  <si>
    <t>famoxadone (ISO);</t>
  </si>
  <si>
    <t>131807-57-3</t>
  </si>
  <si>
    <t>3-anilino-5-methyl-5-(4-phenoxyphenyl)-1,3-oxazolidine-2,4-dione</t>
  </si>
  <si>
    <t>612-207-00-9</t>
  </si>
  <si>
    <t>4-ethoxyaniline;</t>
  </si>
  <si>
    <t>205-855-5</t>
  </si>
  <si>
    <t>156-43-4</t>
  </si>
  <si>
    <t>612-208-00-4</t>
  </si>
  <si>
    <t>424-460-0</t>
  </si>
  <si>
    <t>612-210-00-5</t>
  </si>
  <si>
    <t>202-765-8 [1]</t>
  </si>
  <si>
    <t>99-55-8 [1]</t>
  </si>
  <si>
    <t>256-960-8 [2]</t>
  </si>
  <si>
    <t>51085-52-0 [2]</t>
  </si>
  <si>
    <t>612-211-00-0</t>
  </si>
  <si>
    <t>416-470-9</t>
  </si>
  <si>
    <t>170292-97-4</t>
  </si>
  <si>
    <t>612-212-00-6</t>
  </si>
  <si>
    <t>2,6-dichloro-4-trifluoromethylaniline</t>
  </si>
  <si>
    <t>416-430-0</t>
  </si>
  <si>
    <t>24279-39-8</t>
  </si>
  <si>
    <t>612-213-00-1</t>
  </si>
  <si>
    <t>isobutylidene-(2-(2-isopropyl-4,4-dimethyloxazolidine-3-yl)-1,1-dimethylethyl)amine</t>
  </si>
  <si>
    <t>419-850-2</t>
  </si>
  <si>
    <t>148348-13-4</t>
  </si>
  <si>
    <t>612-214-00-7</t>
  </si>
  <si>
    <t>421-390-2</t>
  </si>
  <si>
    <t>89114-90-9</t>
  </si>
  <si>
    <t>612-215-00-2</t>
  </si>
  <si>
    <t>3-chloro-2-(isopropylthio)aniline</t>
  </si>
  <si>
    <t>421-700-6</t>
  </si>
  <si>
    <t>179104-32-6</t>
  </si>
  <si>
    <t>612-216-00-8</t>
  </si>
  <si>
    <t>1-amino-1-cyanamino-2,2-dicyanoethylene, sodium salt</t>
  </si>
  <si>
    <t>425-870-2</t>
  </si>
  <si>
    <t>19450-38-5</t>
  </si>
  <si>
    <t>612-217-00-3</t>
  </si>
  <si>
    <t>1-methoxy-2-propylamine</t>
  </si>
  <si>
    <t>422-550-4</t>
  </si>
  <si>
    <t>37143-54-7</t>
  </si>
  <si>
    <t>612-219-00-4</t>
  </si>
  <si>
    <t>(2-hydroxy-3-(3,4-dimethyl-9-oxo-10-thiaanthracen-2-yloxy)propyl)trimethylammonium chloride</t>
  </si>
  <si>
    <t>402-200-7</t>
  </si>
  <si>
    <t>612-220-00-X</t>
  </si>
  <si>
    <t>431-060-1</t>
  </si>
  <si>
    <t>153719-38-1</t>
  </si>
  <si>
    <t>612-221-00-5</t>
  </si>
  <si>
    <t>2-amino-4-(trifluoromethyl)benzenethiol hydrochloride</t>
  </si>
  <si>
    <t>429-560-8</t>
  </si>
  <si>
    <t>4274-38-8</t>
  </si>
  <si>
    <t>612-222-00-0</t>
  </si>
  <si>
    <t>425-080-8</t>
  </si>
  <si>
    <t>104860-26-6</t>
  </si>
  <si>
    <t>612-223-00-6</t>
  </si>
  <si>
    <t>425-300-2</t>
  </si>
  <si>
    <t>186450-73-7</t>
  </si>
  <si>
    <t>612-224-00-1</t>
  </si>
  <si>
    <t>426-150-0</t>
  </si>
  <si>
    <t>121246-28-4</t>
  </si>
  <si>
    <t>612-225-00-7</t>
  </si>
  <si>
    <t>1,4,7,10-tetraazacyclododecane</t>
  </si>
  <si>
    <t>425-450-9</t>
  </si>
  <si>
    <t>294-90-6</t>
  </si>
  <si>
    <t>612-226-00-2</t>
  </si>
  <si>
    <t>3-(2'-phenoxyethoxy)propylamine</t>
  </si>
  <si>
    <t>427-870-8</t>
  </si>
  <si>
    <t>6903-18-0</t>
  </si>
  <si>
    <t>612-227-00-8</t>
  </si>
  <si>
    <t>428-290-8</t>
  </si>
  <si>
    <t>120606-08-8</t>
  </si>
  <si>
    <t>612-228-00-3</t>
  </si>
  <si>
    <t>414-340-6</t>
  </si>
  <si>
    <t>H371</t>
  </si>
  <si>
    <t>612-229-00-9</t>
  </si>
  <si>
    <t>mepanipyrim;</t>
  </si>
  <si>
    <t>110235-47-7</t>
  </si>
  <si>
    <t>612-230-00-4</t>
  </si>
  <si>
    <t>431-530-4</t>
  </si>
  <si>
    <t>612-231-00-X</t>
  </si>
  <si>
    <t>427-370-1</t>
  </si>
  <si>
    <t>164288-56-6</t>
  </si>
  <si>
    <t>612-232-00-5</t>
  </si>
  <si>
    <t>430-410-9</t>
  </si>
  <si>
    <t>186148-38-9</t>
  </si>
  <si>
    <t>612-237-00-2</t>
  </si>
  <si>
    <t>hydroxylammonium hydrogensulfate;</t>
  </si>
  <si>
    <t>233-154-4 [1]</t>
  </si>
  <si>
    <t>10046-00-1 [1]</t>
  </si>
  <si>
    <t>hydroxylamine sulfate(1:1); [1]</t>
  </si>
  <si>
    <t>244-077-0 [2]</t>
  </si>
  <si>
    <t>20845-01-6 [2]</t>
  </si>
  <si>
    <t>hydroxylamine phosphate; [2]</t>
  </si>
  <si>
    <t>242-818-2 [3]</t>
  </si>
  <si>
    <t>19098-16-9 [3]</t>
  </si>
  <si>
    <t>258-872-5 [4]</t>
  </si>
  <si>
    <t>53933-48-5 [4]</t>
  </si>
  <si>
    <t>612-238-00-8</t>
  </si>
  <si>
    <t>222-048-3</t>
  </si>
  <si>
    <t>3327-22-8</t>
  </si>
  <si>
    <t>biphenyl-3,3', 4,4'-tetrayltetraamine;</t>
  </si>
  <si>
    <t>diaminobenzidine</t>
  </si>
  <si>
    <t>612-240-00-9</t>
  </si>
  <si>
    <t>pyrimethanil (ISO);</t>
  </si>
  <si>
    <t>53112-28-0</t>
  </si>
  <si>
    <t>612-241-00-4</t>
  </si>
  <si>
    <t>228-042-7 [1]</t>
  </si>
  <si>
    <t>6094-40-2 [1]</t>
  </si>
  <si>
    <t>205-551-2 [2]</t>
  </si>
  <si>
    <t>142-64-3 [2]</t>
  </si>
  <si>
    <t>217-775-8 [3]</t>
  </si>
  <si>
    <t>1951-97-9 [3]</t>
  </si>
  <si>
    <t>612-242-00-X</t>
  </si>
  <si>
    <t>cyprodinil (ISO);</t>
  </si>
  <si>
    <t>121552-61-2</t>
  </si>
  <si>
    <t>612-243-00-5</t>
  </si>
  <si>
    <t>420-560-3</t>
  </si>
  <si>
    <t>79617-97-3</t>
  </si>
  <si>
    <t>612-244-00-0</t>
  </si>
  <si>
    <t>3-(piperazin-1-yl)-benzo[d]isothiazole hydrochloride</t>
  </si>
  <si>
    <t>421-310-6</t>
  </si>
  <si>
    <t>87691-88-1</t>
  </si>
  <si>
    <t>612-245-00-6</t>
  </si>
  <si>
    <t>2-ethylphenylhydrazine hydrochloride</t>
  </si>
  <si>
    <t>421-460-2</t>
  </si>
  <si>
    <t>19398-06-2</t>
  </si>
  <si>
    <t>612-247-00-7</t>
  </si>
  <si>
    <t>423-530-8</t>
  </si>
  <si>
    <t>152828-23-4</t>
  </si>
  <si>
    <t>612-248-00-2</t>
  </si>
  <si>
    <t>439-540-0</t>
  </si>
  <si>
    <t>612-249-00-8</t>
  </si>
  <si>
    <t>425-030-5</t>
  </si>
  <si>
    <t>159939-85-2</t>
  </si>
  <si>
    <t>612-251-00-9</t>
  </si>
  <si>
    <t>426-020-3</t>
  </si>
  <si>
    <t>612-252-00-4</t>
  </si>
  <si>
    <t>imidacloprid (ISO);</t>
  </si>
  <si>
    <t>428-040-8</t>
  </si>
  <si>
    <t>138261-41-3</t>
  </si>
  <si>
    <t>612-253-00-X</t>
  </si>
  <si>
    <t>612-254-00-5</t>
  </si>
  <si>
    <t>reaction products of diisopropanolamine with formaldehyde (1:4)</t>
  </si>
  <si>
    <t>432-440-8</t>
  </si>
  <si>
    <t>220444-73-5</t>
  </si>
  <si>
    <t>612-255-00-0</t>
  </si>
  <si>
    <t>1-(3-methoxypropyl)-4-piperidinamine</t>
  </si>
  <si>
    <t>431-950-8</t>
  </si>
  <si>
    <t>179474-79-4</t>
  </si>
  <si>
    <t>612-256-00-6</t>
  </si>
  <si>
    <t>427-470-3</t>
  </si>
  <si>
    <t>137864-22-3</t>
  </si>
  <si>
    <t>612-257-00-1</t>
  </si>
  <si>
    <t>tripropylammonium dihydrogenphosphate</t>
  </si>
  <si>
    <t>433-700-3</t>
  </si>
  <si>
    <t>35687-90-2</t>
  </si>
  <si>
    <t>612-259-00-2</t>
  </si>
  <si>
    <t>437-720-3</t>
  </si>
  <si>
    <t>227085-51-0</t>
  </si>
  <si>
    <t>612-261-00-3</t>
  </si>
  <si>
    <t>3,5-dichloro-2-fluoro-4-(1,1,2,3,3,3-hexafluoropropoxy)aniline</t>
  </si>
  <si>
    <t>441-190-9</t>
  </si>
  <si>
    <t>121451-05-6</t>
  </si>
  <si>
    <t>612-265-00-5</t>
  </si>
  <si>
    <t>bis(2-hydroxyethyl)-(2-hydroxypropyl)ammonium acetate</t>
  </si>
  <si>
    <t>444-360-0</t>
  </si>
  <si>
    <t>191617-13-7</t>
  </si>
  <si>
    <t>612-266-00-0</t>
  </si>
  <si>
    <t>3-chloro-4-(3-fluorobenzyloxy)aniline</t>
  </si>
  <si>
    <t>445-590-4</t>
  </si>
  <si>
    <t>202197-26-0</t>
  </si>
  <si>
    <t>612-267-00-6</t>
  </si>
  <si>
    <t>418-370-0</t>
  </si>
  <si>
    <t>612-269-00-7</t>
  </si>
  <si>
    <t>420-720-2</t>
  </si>
  <si>
    <t>612-270-00-2</t>
  </si>
  <si>
    <t>433-010-2</t>
  </si>
  <si>
    <t>612-271-00-8</t>
  </si>
  <si>
    <t>reaction mass of: ethyl 2-((4-(5,6-dichlorobenzothiazol-2-ylazo)phenyl)ethylamino)benzoate;</t>
  </si>
  <si>
    <t>434-970-5</t>
  </si>
  <si>
    <t>160987-57-5</t>
  </si>
  <si>
    <t>ethyl 2-((4-(6,7-dichlorobenzothiazol-2-ylazo)phenyl)ethylamino)benzoate</t>
  </si>
  <si>
    <t>612-272-00-3</t>
  </si>
  <si>
    <t>435-210-5</t>
  </si>
  <si>
    <t>612-273-00-9</t>
  </si>
  <si>
    <t>alkyl(rapeseed oil), bis(2-hydroxyethyl)ammonium fluoride</t>
  </si>
  <si>
    <t>435-650-8</t>
  </si>
  <si>
    <t>612-274-00-4</t>
  </si>
  <si>
    <t>445-750-3</t>
  </si>
  <si>
    <t>612-275-00-X</t>
  </si>
  <si>
    <t>447-880-6</t>
  </si>
  <si>
    <t>206565-89-1</t>
  </si>
  <si>
    <t>612-276-00-5</t>
  </si>
  <si>
    <t>1-amino-4-[(4-amino-2-sulfofenyl)amino]-9,10-dihydro-9,10-dioxo-2-anthracenesulfonic acid, disodium salt, reaction products with 2-[[3-[(4,6-dichloro-1,3,5-triazin-2-yl)ethylamino]phenyl]sulfonyl]ethyl hydrogen sulfate, sodium salts</t>
  </si>
  <si>
    <t>451-430-4</t>
  </si>
  <si>
    <t>500717-36-2</t>
  </si>
  <si>
    <t>612-277-00-0</t>
  </si>
  <si>
    <t>451-440-9</t>
  </si>
  <si>
    <t>586372-44-3</t>
  </si>
  <si>
    <t>612-278-00-6</t>
  </si>
  <si>
    <t>ethidium bromide;</t>
  </si>
  <si>
    <t>214-984-6</t>
  </si>
  <si>
    <t>1239-45-8</t>
  </si>
  <si>
    <t>3,8-diamino-1-ethyl-6-phenylphenantridinium bromide</t>
  </si>
  <si>
    <t>612-279-00-1</t>
  </si>
  <si>
    <t>447-860-7</t>
  </si>
  <si>
    <t>144177-62-8</t>
  </si>
  <si>
    <t>3-amino-9-ethyl carbazole;</t>
  </si>
  <si>
    <t>9-ethylcarbazol-3-ylamine</t>
  </si>
  <si>
    <t>612-281-00-2</t>
  </si>
  <si>
    <t>204-961-9</t>
  </si>
  <si>
    <t>129-73-7</t>
  </si>
  <si>
    <t>612-282-00-8</t>
  </si>
  <si>
    <t>octadecylamine</t>
  </si>
  <si>
    <t>204-695-3</t>
  </si>
  <si>
    <t>H373 (gastro-intestinal tract, liver, immune system)</t>
  </si>
  <si>
    <t>612-283-00-3</t>
  </si>
  <si>
    <t>(Z)-octadec-9-enylamine</t>
  </si>
  <si>
    <t>204-015-5</t>
  </si>
  <si>
    <t>112-90-3</t>
  </si>
  <si>
    <t>Asp Tox. 1</t>
  </si>
  <si>
    <t>612-284-00-9</t>
  </si>
  <si>
    <t>amines, hydrogenated tallow alkyl</t>
  </si>
  <si>
    <t>262-976-6</t>
  </si>
  <si>
    <t>61788-45-2</t>
  </si>
  <si>
    <t>612-285-00-4</t>
  </si>
  <si>
    <t>amines, coco alkyl</t>
  </si>
  <si>
    <t>262-977-1</t>
  </si>
  <si>
    <t>612-286-00-X</t>
  </si>
  <si>
    <t>amines, tallow alkyl</t>
  </si>
  <si>
    <t>263-125-1</t>
  </si>
  <si>
    <t>61790-33-8</t>
  </si>
  <si>
    <t>612-287-00-5</t>
  </si>
  <si>
    <t>79622-59-6</t>
  </si>
  <si>
    <t>612-288-00-0</t>
  </si>
  <si>
    <t>bupirimate (ISO);</t>
  </si>
  <si>
    <t>255-391-2</t>
  </si>
  <si>
    <t>41483-43-6</t>
  </si>
  <si>
    <t>5-butyl-2-ethylamino-6-methylpyrimidin-4-yl dimethylsulphamate</t>
  </si>
  <si>
    <t>triflumizole (ISO);</t>
  </si>
  <si>
    <t>reaction products of paraformaldehyde and 2-hydroxypropylamine (ratio 3:2);</t>
  </si>
  <si>
    <t>reaction products of paraformaldehyde with 2-hydroxypropylamine (ratio 1:1);</t>
  </si>
  <si>
    <t>methylhydrazine</t>
  </si>
  <si>
    <t>613-002-00-7</t>
  </si>
  <si>
    <t>pyridine</t>
  </si>
  <si>
    <t>203-809-9</t>
  </si>
  <si>
    <t>110-86-1</t>
  </si>
  <si>
    <t>613-003-00-2</t>
  </si>
  <si>
    <t>1,2,3,4-tetranitrocarbazole</t>
  </si>
  <si>
    <t>6202-15-9</t>
  </si>
  <si>
    <t>613-004-00-8</t>
  </si>
  <si>
    <t>208-622-6</t>
  </si>
  <si>
    <t>535-89-7</t>
  </si>
  <si>
    <t>613-007-00-4</t>
  </si>
  <si>
    <t>213-800-1</t>
  </si>
  <si>
    <t>1014-69-3</t>
  </si>
  <si>
    <t>613-008-00-X</t>
  </si>
  <si>
    <t>208-576-7</t>
  </si>
  <si>
    <t>613-009-00-5</t>
  </si>
  <si>
    <t>203-614-9</t>
  </si>
  <si>
    <t>108-77-0</t>
  </si>
  <si>
    <t>613-010-00-0</t>
  </si>
  <si>
    <t>212-634-7</t>
  </si>
  <si>
    <t>834-12-8</t>
  </si>
  <si>
    <t>613-011-00-6</t>
  </si>
  <si>
    <t>200-521-5</t>
  </si>
  <si>
    <t>61-82-5</t>
  </si>
  <si>
    <t>613-012-00-1</t>
  </si>
  <si>
    <t>246-585-8</t>
  </si>
  <si>
    <t>25057-89-0</t>
  </si>
  <si>
    <t>613-013-00-7</t>
  </si>
  <si>
    <t>244-544-9</t>
  </si>
  <si>
    <t>21725-46-2</t>
  </si>
  <si>
    <t>613-014-00-2</t>
  </si>
  <si>
    <t>202-075-7</t>
  </si>
  <si>
    <t>91-53-2</t>
  </si>
  <si>
    <t>613-015-00-8</t>
  </si>
  <si>
    <t>238-134-9</t>
  </si>
  <si>
    <t>14255-88-0</t>
  </si>
  <si>
    <t>613-016-00-3</t>
  </si>
  <si>
    <t>223-404-0</t>
  </si>
  <si>
    <t>3878-19-1</t>
  </si>
  <si>
    <t>H373 (heart)</t>
  </si>
  <si>
    <t>613-017-00-9</t>
  </si>
  <si>
    <t>205-137-1</t>
  </si>
  <si>
    <t>134-31-6</t>
  </si>
  <si>
    <t>613-018-00-4</t>
  </si>
  <si>
    <t>7411-47-4</t>
  </si>
  <si>
    <t>613-019-00-X</t>
  </si>
  <si>
    <t>202-272-8</t>
  </si>
  <si>
    <t>93-75-4</t>
  </si>
  <si>
    <t>613-021-00-0</t>
  </si>
  <si>
    <t>222-098-6</t>
  </si>
  <si>
    <t>3347-22-6</t>
  </si>
  <si>
    <t>613-022-00-6</t>
  </si>
  <si>
    <t>pyrethrins including cinerins, with the exception of those specified elsewhere in this Annex</t>
  </si>
  <si>
    <t>613-023-00-1</t>
  </si>
  <si>
    <t>204-455-8</t>
  </si>
  <si>
    <t>121-21-1</t>
  </si>
  <si>
    <t>613-024-00-7</t>
  </si>
  <si>
    <t>204-462-6</t>
  </si>
  <si>
    <t>121-29-9</t>
  </si>
  <si>
    <t>613-025-00-2</t>
  </si>
  <si>
    <t>246-948-0</t>
  </si>
  <si>
    <t>25402-06-6</t>
  </si>
  <si>
    <t>613-026-00-8</t>
  </si>
  <si>
    <t>204-454-2</t>
  </si>
  <si>
    <t>121-20-0</t>
  </si>
  <si>
    <t>613-027-00-3</t>
  </si>
  <si>
    <t>piperidine</t>
  </si>
  <si>
    <t>203-813-0</t>
  </si>
  <si>
    <t>613-028-00-9</t>
  </si>
  <si>
    <t>morpholine</t>
  </si>
  <si>
    <t>203-815-1</t>
  </si>
  <si>
    <t>613-029-00-4</t>
  </si>
  <si>
    <t>220-487-5</t>
  </si>
  <si>
    <t>2782-57-2</t>
  </si>
  <si>
    <t>613-030-00-X</t>
  </si>
  <si>
    <t>218-828-8 [1]</t>
  </si>
  <si>
    <t>2244-21-5 [1]</t>
  </si>
  <si>
    <t>220-767-7 [2]</t>
  </si>
  <si>
    <t>2893-78-9 [2]</t>
  </si>
  <si>
    <t>613-030-01-7</t>
  </si>
  <si>
    <t>troclosene sodium, dihydrate</t>
  </si>
  <si>
    <t>220-767-7</t>
  </si>
  <si>
    <t>613-031-00-5</t>
  </si>
  <si>
    <t>201-782-8</t>
  </si>
  <si>
    <t>613-032-00-0</t>
  </si>
  <si>
    <t>236-035-5</t>
  </si>
  <si>
    <t>13108-52-6</t>
  </si>
  <si>
    <t>613-034-00-1</t>
  </si>
  <si>
    <t>1,2-dimethylimidazole</t>
  </si>
  <si>
    <t>217-101-2</t>
  </si>
  <si>
    <t>1739-84-0</t>
  </si>
  <si>
    <t>613-035-00-7</t>
  </si>
  <si>
    <t>1-methylimidazole</t>
  </si>
  <si>
    <t>210-484-7</t>
  </si>
  <si>
    <t>616-47-7</t>
  </si>
  <si>
    <t>613-036-00-2</t>
  </si>
  <si>
    <t>203-643-7</t>
  </si>
  <si>
    <t>109-06-8</t>
  </si>
  <si>
    <t>613-037-00-8</t>
  </si>
  <si>
    <t>203-626-4</t>
  </si>
  <si>
    <t>108-89-4</t>
  </si>
  <si>
    <t>613-038-00-3</t>
  </si>
  <si>
    <t>202-095-6</t>
  </si>
  <si>
    <t>91-76-9</t>
  </si>
  <si>
    <t>613-040-00-4</t>
  </si>
  <si>
    <t>262-102-3</t>
  </si>
  <si>
    <t>60207-31-0</t>
  </si>
  <si>
    <t>613-041-00-X</t>
  </si>
  <si>
    <t>morpholine-4-carbonyl chloride</t>
  </si>
  <si>
    <t>239-213-0</t>
  </si>
  <si>
    <t>15159-40-7</t>
  </si>
  <si>
    <t>613-042-00-5</t>
  </si>
  <si>
    <t>252-615-0</t>
  </si>
  <si>
    <t>613-043-00-0</t>
  </si>
  <si>
    <t>261-351-5 [1]</t>
  </si>
  <si>
    <t>58594-72-2 [1]</t>
  </si>
  <si>
    <t>281-291-3 [2]</t>
  </si>
  <si>
    <t>83918-57-4 [2]</t>
  </si>
  <si>
    <t>613-043-01-8</t>
  </si>
  <si>
    <t>613-044-00-6</t>
  </si>
  <si>
    <t>205-087-0</t>
  </si>
  <si>
    <t>613-045-00-1</t>
  </si>
  <si>
    <t>205-088-6</t>
  </si>
  <si>
    <t>613-047-00-2</t>
  </si>
  <si>
    <t>211-420-0</t>
  </si>
  <si>
    <t>644-64-4</t>
  </si>
  <si>
    <t>613-051-00-4</t>
  </si>
  <si>
    <t>218-661-0</t>
  </si>
  <si>
    <t>2212-67-1</t>
  </si>
  <si>
    <t>613-052-00-X</t>
  </si>
  <si>
    <t>215-812-2</t>
  </si>
  <si>
    <t>1420-06-0</t>
  </si>
  <si>
    <t>613-053-00-5</t>
  </si>
  <si>
    <t>202-910-5</t>
  </si>
  <si>
    <t>101-05-3</t>
  </si>
  <si>
    <t>613-054-00-0</t>
  </si>
  <si>
    <t>205-725-8</t>
  </si>
  <si>
    <t>613-056-00-1</t>
  </si>
  <si>
    <t>256-152-5</t>
  </si>
  <si>
    <t>43222-48-6</t>
  </si>
  <si>
    <t>613-057-00-7</t>
  </si>
  <si>
    <t>dodemorph (ISO); 4-cyclododecyl-2,6-dimethylmorpholine</t>
  </si>
  <si>
    <t>216-474-9</t>
  </si>
  <si>
    <t>1593-77-7</t>
  </si>
  <si>
    <t>613-058-00-2</t>
  </si>
  <si>
    <t>258-067-9</t>
  </si>
  <si>
    <t>613-059-00-8</t>
  </si>
  <si>
    <t>247-656-6</t>
  </si>
  <si>
    <t>26399-36-0</t>
  </si>
  <si>
    <t>613-060-00-3</t>
  </si>
  <si>
    <t>233-940-7</t>
  </si>
  <si>
    <t>10453-86-8</t>
  </si>
  <si>
    <t>613-061-00-9</t>
  </si>
  <si>
    <t>239-732-2</t>
  </si>
  <si>
    <t>15662-33-6</t>
  </si>
  <si>
    <t>613-062-00-4</t>
  </si>
  <si>
    <t>8051-02-3</t>
  </si>
  <si>
    <t>613-063-00-X</t>
  </si>
  <si>
    <t>247-554-1</t>
  </si>
  <si>
    <t>26259-45-0</t>
  </si>
  <si>
    <t>613-064-00-5</t>
  </si>
  <si>
    <t>51-14-9</t>
  </si>
  <si>
    <t>613-065-00-0</t>
  </si>
  <si>
    <t>213-801-7</t>
  </si>
  <si>
    <t>1014-70-6</t>
  </si>
  <si>
    <t>613-066-00-6</t>
  </si>
  <si>
    <t>251-637-8</t>
  </si>
  <si>
    <t>33693-04-8</t>
  </si>
  <si>
    <t>613-067-00-1</t>
  </si>
  <si>
    <t>205-359-9</t>
  </si>
  <si>
    <t>139-40-2</t>
  </si>
  <si>
    <t>613-068-00-7</t>
  </si>
  <si>
    <t>217-617-8</t>
  </si>
  <si>
    <t>1912-24-9</t>
  </si>
  <si>
    <t>613-069-00-2</t>
  </si>
  <si>
    <t>ε-caprolactam</t>
  </si>
  <si>
    <t>203-313-2</t>
  </si>
  <si>
    <t>105-60-2</t>
  </si>
  <si>
    <t>613-070-00-8</t>
  </si>
  <si>
    <t>propylenethiourea</t>
  </si>
  <si>
    <t>2122-19-2</t>
  </si>
  <si>
    <t>613-071-00-3</t>
  </si>
  <si>
    <t>2-fluoro-5-trifluoromethylpyridine</t>
  </si>
  <si>
    <t>400-290-2</t>
  </si>
  <si>
    <t>69045-82-5</t>
  </si>
  <si>
    <t>613-072-00-9</t>
  </si>
  <si>
    <t>401-280-0</t>
  </si>
  <si>
    <t>91273-04-0</t>
  </si>
  <si>
    <t>613-073-00-4</t>
  </si>
  <si>
    <t>401-410-6</t>
  </si>
  <si>
    <t>10357-99-0</t>
  </si>
  <si>
    <t>613-074-00-X</t>
  </si>
  <si>
    <t>401-460-9</t>
  </si>
  <si>
    <t>82560-06-3</t>
  </si>
  <si>
    <t>613-075-00-5</t>
  </si>
  <si>
    <t>1,3-dichloro-5-ethyl-5-methylimidazolidine-2,4-dione</t>
  </si>
  <si>
    <t>401-570-7</t>
  </si>
  <si>
    <t>89415-87-2</t>
  </si>
  <si>
    <t>Ox. Sol. 1 ****</t>
  </si>
  <si>
    <t>613-076-00-0</t>
  </si>
  <si>
    <t>401-670-0</t>
  </si>
  <si>
    <t>79456-26-1</t>
  </si>
  <si>
    <t>613-077-00-6</t>
  </si>
  <si>
    <t>401-940-8</t>
  </si>
  <si>
    <t>613-078-00-1</t>
  </si>
  <si>
    <t>401-990-0</t>
  </si>
  <si>
    <t>106990-43-6</t>
  </si>
  <si>
    <t>613-079-00-7</t>
  </si>
  <si>
    <t>402-520-7</t>
  </si>
  <si>
    <t>613-080-00-2</t>
  </si>
  <si>
    <t>402-540-6</t>
  </si>
  <si>
    <t>105254-85-1</t>
  </si>
  <si>
    <t>613-081-00-8</t>
  </si>
  <si>
    <t>1-butyl-2-methylpyridinium bromide</t>
  </si>
  <si>
    <t>402-680-8</t>
  </si>
  <si>
    <t>26576-84-1</t>
  </si>
  <si>
    <t>613-082-00-3</t>
  </si>
  <si>
    <t>2-methyl-1-pentylpyridinium bromide</t>
  </si>
  <si>
    <t>402-690-2</t>
  </si>
  <si>
    <t>613-083-00-9</t>
  </si>
  <si>
    <t>402-120-2</t>
  </si>
  <si>
    <t>613-084-00-4</t>
  </si>
  <si>
    <t>402-490-5</t>
  </si>
  <si>
    <t>106359-93-7</t>
  </si>
  <si>
    <t>613-085-00-X</t>
  </si>
  <si>
    <t>401-970-1</t>
  </si>
  <si>
    <t>613-086-00-5</t>
  </si>
  <si>
    <t>caffeine</t>
  </si>
  <si>
    <t>200-362-1</t>
  </si>
  <si>
    <t>58-08-2</t>
  </si>
  <si>
    <t>613-087-00-0</t>
  </si>
  <si>
    <t>tetrahydrothiophene</t>
  </si>
  <si>
    <t>203-728-9</t>
  </si>
  <si>
    <t>110-01-0</t>
  </si>
  <si>
    <t>613-088-00-6</t>
  </si>
  <si>
    <t>220-120-9</t>
  </si>
  <si>
    <t>613-089-00-1</t>
  </si>
  <si>
    <t>201-579-4 [1]</t>
  </si>
  <si>
    <t>85-00-7 [1]</t>
  </si>
  <si>
    <t>223-714-6 [2]</t>
  </si>
  <si>
    <t>4032-26-2 [2]</t>
  </si>
  <si>
    <t>301-467-6 [3]</t>
  </si>
  <si>
    <t>94021-76-8 [3]</t>
  </si>
  <si>
    <t>613-090-00-7</t>
  </si>
  <si>
    <t>217-615-7 [1]</t>
  </si>
  <si>
    <t>1910-42-5 [1]</t>
  </si>
  <si>
    <t>218-196-3 [2]</t>
  </si>
  <si>
    <t>2074-50-2 [2]</t>
  </si>
  <si>
    <t>613-091-00-2</t>
  </si>
  <si>
    <t>4636-83-3 [1]</t>
  </si>
  <si>
    <t>29873-36-7 [2]</t>
  </si>
  <si>
    <t>613-092-00-8</t>
  </si>
  <si>
    <t>1,10-phenanthroline</t>
  </si>
  <si>
    <t>200-629-2</t>
  </si>
  <si>
    <t>66-71-7</t>
  </si>
  <si>
    <t>613-093-00-3</t>
  </si>
  <si>
    <t>400-050-7</t>
  </si>
  <si>
    <t>85153-92-0</t>
  </si>
  <si>
    <t>613-094-00-9</t>
  </si>
  <si>
    <t>401-360-5</t>
  </si>
  <si>
    <t>5248-39-5</t>
  </si>
  <si>
    <t>613-095-00-4</t>
  </si>
  <si>
    <t>403-080-9</t>
  </si>
  <si>
    <t>92484-48-5</t>
  </si>
  <si>
    <t>613-096-00-X</t>
  </si>
  <si>
    <t>2-amino-6-ethoxy-4-methylamino-1,3,5-triazine</t>
  </si>
  <si>
    <t>403-580-7</t>
  </si>
  <si>
    <t>62096-63-3</t>
  </si>
  <si>
    <t>613-097-00-5</t>
  </si>
  <si>
    <t>403-690-5</t>
  </si>
  <si>
    <t>111298-82-9</t>
  </si>
  <si>
    <t>613-098-00-0</t>
  </si>
  <si>
    <t>403-700-8</t>
  </si>
  <si>
    <t>2687-94-7</t>
  </si>
  <si>
    <t>613-099-00-6</t>
  </si>
  <si>
    <t>1-dodecyl-2-pyrrolidone</t>
  </si>
  <si>
    <t>403-730-1</t>
  </si>
  <si>
    <t>2687-96-9</t>
  </si>
  <si>
    <t>613-100-00-X</t>
  </si>
  <si>
    <t>2,9-bis(3-(diethylamino)propylsulfamoyl)quino(2,3-b)acridine-7,14-dione</t>
  </si>
  <si>
    <t>404-230-6</t>
  </si>
  <si>
    <t>613-101-00-5</t>
  </si>
  <si>
    <t>404-380-2</t>
  </si>
  <si>
    <t>110799-28-5</t>
  </si>
  <si>
    <t>613-102-00-0</t>
  </si>
  <si>
    <t>404-200-2</t>
  </si>
  <si>
    <t>110488-70-5</t>
  </si>
  <si>
    <t>613-103-00-6</t>
  </si>
  <si>
    <t>404-450-2</t>
  </si>
  <si>
    <t>118685-34-0</t>
  </si>
  <si>
    <t>613-104-00-1</t>
  </si>
  <si>
    <t>404-840-2</t>
  </si>
  <si>
    <t>613-105-00-7</t>
  </si>
  <si>
    <t>405-160-9</t>
  </si>
  <si>
    <t>124537-30-0</t>
  </si>
  <si>
    <t>613-106-00-2</t>
  </si>
  <si>
    <t>405-240-3</t>
  </si>
  <si>
    <t>613-107-00-8</t>
  </si>
  <si>
    <t>405-280-1</t>
  </si>
  <si>
    <t>76508-02-6</t>
  </si>
  <si>
    <t>613-108-00-3</t>
  </si>
  <si>
    <t>benzothiazole-2-thiol</t>
  </si>
  <si>
    <t>205-736-8</t>
  </si>
  <si>
    <t>613-109-00-9</t>
  </si>
  <si>
    <t>bis(piperidinothiocarbonyl) disulphide</t>
  </si>
  <si>
    <t>202-328-1</t>
  </si>
  <si>
    <t>94-37-1</t>
  </si>
  <si>
    <t>613-110-00-4</t>
  </si>
  <si>
    <t>262-784-2</t>
  </si>
  <si>
    <t>61432-55-1</t>
  </si>
  <si>
    <t>613-111-00-X</t>
  </si>
  <si>
    <t>1,2,4-triazole</t>
  </si>
  <si>
    <t>206-022-9</t>
  </si>
  <si>
    <t>288-88-0</t>
  </si>
  <si>
    <t>613-112-00-5</t>
  </si>
  <si>
    <t>247-761-7</t>
  </si>
  <si>
    <t>613-113-00-0</t>
  </si>
  <si>
    <t>2-(morpholinothio)benzothiazole</t>
  </si>
  <si>
    <t>203-052-4</t>
  </si>
  <si>
    <t>102-77-2</t>
  </si>
  <si>
    <t>613-114-00-6</t>
  </si>
  <si>
    <t>225-208-0</t>
  </si>
  <si>
    <t>613-115-00-1</t>
  </si>
  <si>
    <t>233-000-6</t>
  </si>
  <si>
    <t>10004-44-1</t>
  </si>
  <si>
    <t>613-116-00-7</t>
  </si>
  <si>
    <t>211-986-9</t>
  </si>
  <si>
    <t>613-116-01-4</t>
  </si>
  <si>
    <t>613-117-00-2</t>
  </si>
  <si>
    <t>76714-88-0</t>
  </si>
  <si>
    <t>613-118-00-8</t>
  </si>
  <si>
    <t>253-703-1</t>
  </si>
  <si>
    <t>37893-02-0</t>
  </si>
  <si>
    <t>613-119-00-3</t>
  </si>
  <si>
    <t>244-445-0</t>
  </si>
  <si>
    <t>613-120-00-9</t>
  </si>
  <si>
    <t>249-014-0</t>
  </si>
  <si>
    <t>28434-01-7</t>
  </si>
  <si>
    <t>613-121-00-4</t>
  </si>
  <si>
    <t>chlorsulfuron (ISO); 2-chloro-N-[[(4-methoxy-6-methyl-1,3,5-triazin-2- yl)amino]carbonyl]benzenesulphonamide</t>
  </si>
  <si>
    <t>265-268-5</t>
  </si>
  <si>
    <t>64902-72-3</t>
  </si>
  <si>
    <t>613-122-00-X</t>
  </si>
  <si>
    <t>75736-33-3</t>
  </si>
  <si>
    <t>613-123-00-5</t>
  </si>
  <si>
    <t>251-684-4</t>
  </si>
  <si>
    <t>33813-20-6</t>
  </si>
  <si>
    <t>613-124-00-0</t>
  </si>
  <si>
    <t>266-719-9</t>
  </si>
  <si>
    <t>613-125-00-6</t>
  </si>
  <si>
    <t>78587-05-0</t>
  </si>
  <si>
    <t>613-126-00-1</t>
  </si>
  <si>
    <t>81334-34-1</t>
  </si>
  <si>
    <t>613-127-00-7</t>
  </si>
  <si>
    <t>246-147-6</t>
  </si>
  <si>
    <t>24307-26-4</t>
  </si>
  <si>
    <t>613-128-00-2</t>
  </si>
  <si>
    <t>266-994-5</t>
  </si>
  <si>
    <t>67747-09-5</t>
  </si>
  <si>
    <t>613-129-00-8</t>
  </si>
  <si>
    <t>255-349-3</t>
  </si>
  <si>
    <t>41394-05-2</t>
  </si>
  <si>
    <t>613-131-00-9</t>
  </si>
  <si>
    <t>57369-32-1</t>
  </si>
  <si>
    <t>613-132-00-4</t>
  </si>
  <si>
    <t>257-074-4</t>
  </si>
  <si>
    <t>51235-04-2</t>
  </si>
  <si>
    <t>613-133-00-X</t>
  </si>
  <si>
    <t>etridiazole (ISO); 5-ethoxy-3-trichloromethyl- 1,2,4-thiadiazole</t>
  </si>
  <si>
    <t>219-991-8</t>
  </si>
  <si>
    <t>2593-15-9</t>
  </si>
  <si>
    <t>613-134-00-5</t>
  </si>
  <si>
    <t>88671-89-0</t>
  </si>
  <si>
    <t>613-135-00-0</t>
  </si>
  <si>
    <t>di(benzothiazol-2-yl) disulphide</t>
  </si>
  <si>
    <t>204-424-9</t>
  </si>
  <si>
    <t>613-136-00-6</t>
  </si>
  <si>
    <t>202-411-2</t>
  </si>
  <si>
    <t>95-33-0</t>
  </si>
  <si>
    <t>613-137-00-1</t>
  </si>
  <si>
    <t>242-505-0</t>
  </si>
  <si>
    <t>18691-97-9</t>
  </si>
  <si>
    <t>613-138-00-7</t>
  </si>
  <si>
    <t>124495-18-7</t>
  </si>
  <si>
    <t>613-139-00-2</t>
  </si>
  <si>
    <t>74223-64-6</t>
  </si>
  <si>
    <t>613-141-00-3</t>
  </si>
  <si>
    <t>1,4-diamino-2-(2-butyltetrazol-5-yl)-3-cyanoanthraquinone</t>
  </si>
  <si>
    <t>401-470-3</t>
  </si>
  <si>
    <t>93686-63-6</t>
  </si>
  <si>
    <t>613-142-00-9</t>
  </si>
  <si>
    <t>405-860-4</t>
  </si>
  <si>
    <t>613-143-00-4</t>
  </si>
  <si>
    <t>1-(3-phenylpropyl)-2-methylpyridinium bromide</t>
  </si>
  <si>
    <t>405-930-4</t>
  </si>
  <si>
    <t>10551-42-5</t>
  </si>
  <si>
    <t>613-144-00-X</t>
  </si>
  <si>
    <t>406-460-2</t>
  </si>
  <si>
    <t>125139-08-4</t>
  </si>
  <si>
    <t>613-145-00-5</t>
  </si>
  <si>
    <t>406-960-0</t>
  </si>
  <si>
    <t>77497-97-3</t>
  </si>
  <si>
    <t>613-146-00-0</t>
  </si>
  <si>
    <t>407-780-5</t>
  </si>
  <si>
    <t>4186-71-4</t>
  </si>
  <si>
    <t>613-147-00-6</t>
  </si>
  <si>
    <t>4-[2-(1-methyl-2-(4-morpholinyl)ethoxy)ethyl]morpholine</t>
  </si>
  <si>
    <t>407-940-4</t>
  </si>
  <si>
    <t>111681-72-2</t>
  </si>
  <si>
    <t>613-148-00-1</t>
  </si>
  <si>
    <t>411-240-4</t>
  </si>
  <si>
    <t>143683-23-2</t>
  </si>
  <si>
    <t>613-149-00-7</t>
  </si>
  <si>
    <t>pyridaben (ISO); 2-tert-butyl-5-(4-tert-butylbenzylthio)-4-chloropyridazin-3(2H)-one</t>
  </si>
  <si>
    <t>405-700-3</t>
  </si>
  <si>
    <t>96489-71-3</t>
  </si>
  <si>
    <t>613-150-00-2</t>
  </si>
  <si>
    <t>406-295-6</t>
  </si>
  <si>
    <t>613-151-00-8</t>
  </si>
  <si>
    <t>1-(3-mesyloxy-5-trityloxymethyl-2-D-threofuryl)thymine</t>
  </si>
  <si>
    <t>406-360-9</t>
  </si>
  <si>
    <t>104218-44-2</t>
  </si>
  <si>
    <t>613-152-00-3</t>
  </si>
  <si>
    <t>406-600-2</t>
  </si>
  <si>
    <t>89392-03-0</t>
  </si>
  <si>
    <t>613-153-00-9</t>
  </si>
  <si>
    <t>2,3,5-trichloropyridine</t>
  </si>
  <si>
    <t>407-270-2</t>
  </si>
  <si>
    <t>16063-70-0</t>
  </si>
  <si>
    <t>613-154-00-4</t>
  </si>
  <si>
    <t>2-amino-4-chloro-6-methoxypyrimidine</t>
  </si>
  <si>
    <t>410-050-9</t>
  </si>
  <si>
    <t>5734-64-5</t>
  </si>
  <si>
    <t>613-155-00-X</t>
  </si>
  <si>
    <t>5-chloro-2,3-difluoropyridine</t>
  </si>
  <si>
    <t>410-090-7</t>
  </si>
  <si>
    <t>89402-43-7</t>
  </si>
  <si>
    <t>613-156-00-5</t>
  </si>
  <si>
    <t>2-butyl-4-chloro-5-formylimidazole</t>
  </si>
  <si>
    <t>410-260-0</t>
  </si>
  <si>
    <t>83857-96-9</t>
  </si>
  <si>
    <t>613-157-00-0</t>
  </si>
  <si>
    <t>2,4-diamino-5-methoxymethylpyrimidine</t>
  </si>
  <si>
    <t>410-330-0</t>
  </si>
  <si>
    <t>54236-98-5</t>
  </si>
  <si>
    <t>613-158-00-6</t>
  </si>
  <si>
    <t>410-340-5</t>
  </si>
  <si>
    <t>69045-84-7</t>
  </si>
  <si>
    <t>613-159-00-1</t>
  </si>
  <si>
    <t>410-580-0</t>
  </si>
  <si>
    <t>120928-09-8</t>
  </si>
  <si>
    <t>613-160-00-7</t>
  </si>
  <si>
    <t>411-000-9</t>
  </si>
  <si>
    <t>125224-62-6</t>
  </si>
  <si>
    <t>613-161-00-2</t>
  </si>
  <si>
    <t>(2,4-diaminopteridin-6-yl)methanol hydrobromide</t>
  </si>
  <si>
    <t>430-620-0</t>
  </si>
  <si>
    <t>76145-91-0</t>
  </si>
  <si>
    <t>613-162-00-8</t>
  </si>
  <si>
    <t>423-260-0</t>
  </si>
  <si>
    <t>100988-63-4</t>
  </si>
  <si>
    <t>613-163-00-3</t>
  </si>
  <si>
    <t>120162-55-2</t>
  </si>
  <si>
    <t>613-164-00-9</t>
  </si>
  <si>
    <t>142459-58-3</t>
  </si>
  <si>
    <t>613-165-00-4</t>
  </si>
  <si>
    <t>144740-54-5</t>
  </si>
  <si>
    <t>flumioxazin (ISO);</t>
  </si>
  <si>
    <t>2-[7-fluoro-3-oxo-4-(prop-2-yn-1-yl)-3,4-dihydro-2H-1,4-benzoxazin-6-yl]-4,5,6,7-tetrahydro-1H-isoindole-1,3(2H)-dione</t>
  </si>
  <si>
    <t>613-167-00-5</t>
  </si>
  <si>
    <t>Skin Irrit. 2; H315: 0,06 % ≤ C &lt; 0,6 %</t>
  </si>
  <si>
    <t>Eye Irrit. 2; H319: 0,06 % ≤ C &lt; 0,6 %</t>
  </si>
  <si>
    <t>613-168-00-0</t>
  </si>
  <si>
    <t>1-vinyl-2-pyrrolidone</t>
  </si>
  <si>
    <t>201-800-4</t>
  </si>
  <si>
    <t>88-12-0</t>
  </si>
  <si>
    <t>613-169-00-6</t>
  </si>
  <si>
    <t>9-vinylcarbazole</t>
  </si>
  <si>
    <t>216-055-0</t>
  </si>
  <si>
    <t>1484-13-5</t>
  </si>
  <si>
    <t>613-170-00-1</t>
  </si>
  <si>
    <t>2,2-ethylmethylthiazolidine</t>
  </si>
  <si>
    <t>404-500-3</t>
  </si>
  <si>
    <t>694-64-4</t>
  </si>
  <si>
    <t>613-171-00-7</t>
  </si>
  <si>
    <t>413-050-7</t>
  </si>
  <si>
    <t>79983-71-4</t>
  </si>
  <si>
    <t>613-172-00-2</t>
  </si>
  <si>
    <t>412-200-9</t>
  </si>
  <si>
    <t>17630-75-0</t>
  </si>
  <si>
    <t>613-173-00-8</t>
  </si>
  <si>
    <t>411-960-9</t>
  </si>
  <si>
    <t>136426-54-5</t>
  </si>
  <si>
    <t>613-174-00-3</t>
  </si>
  <si>
    <t>tetraconazole (ISO);</t>
  </si>
  <si>
    <t>407-760-6</t>
  </si>
  <si>
    <t>112281-77-3</t>
  </si>
  <si>
    <t>613-176-00-4</t>
  </si>
  <si>
    <t>2-methyl-2-azabicyclo[2.2.1]heptane</t>
  </si>
  <si>
    <t>404-810-9</t>
  </si>
  <si>
    <t>4524-95-2</t>
  </si>
  <si>
    <t>613-177-00-X</t>
  </si>
  <si>
    <t>8-amino-7-methylquinoline</t>
  </si>
  <si>
    <t>412-760-4</t>
  </si>
  <si>
    <t>5470-82-6</t>
  </si>
  <si>
    <t>613-178-00-5</t>
  </si>
  <si>
    <t>4-ethyl-2-methyl-2-isopentyl-1,3-oxazolidine</t>
  </si>
  <si>
    <t>410-470-2</t>
  </si>
  <si>
    <t>137796-06-6</t>
  </si>
  <si>
    <t>613-179-00-0</t>
  </si>
  <si>
    <t>411-690-1</t>
  </si>
  <si>
    <t>111337-53-2</t>
  </si>
  <si>
    <t>613-180-00-6</t>
  </si>
  <si>
    <t>407-430-1</t>
  </si>
  <si>
    <t>3741-80-8</t>
  </si>
  <si>
    <t>613-181-00-1</t>
  </si>
  <si>
    <t>5,5-dimethyl-perhydro-pyrimidin-2-one α-(4-trifluoromethylstyryl)-α-(4-trifluoromethyl)cinnamylidenehydrazone</t>
  </si>
  <si>
    <t>405-090-9</t>
  </si>
  <si>
    <t>67485-29-4</t>
  </si>
  <si>
    <t>613-182-00-7</t>
  </si>
  <si>
    <t>1-(1-naphthylmethyl)quinolinium chloride</t>
  </si>
  <si>
    <t>406-220-7</t>
  </si>
  <si>
    <t>65322-65-8</t>
  </si>
  <si>
    <t>613-183-00-2</t>
  </si>
  <si>
    <t>413-640-4</t>
  </si>
  <si>
    <t>613-184-00-8</t>
  </si>
  <si>
    <t>nitrilotriethyleneammoniopropane-2-ol 2-ethylhexanoate</t>
  </si>
  <si>
    <t>413-670-8</t>
  </si>
  <si>
    <t>613-185-00-3</t>
  </si>
  <si>
    <t>407-630-9</t>
  </si>
  <si>
    <t>82633-79-2</t>
  </si>
  <si>
    <t>613-186-00-9</t>
  </si>
  <si>
    <t>408-050-9</t>
  </si>
  <si>
    <t>76855-69-1</t>
  </si>
  <si>
    <t>613-187-00-4</t>
  </si>
  <si>
    <t>5-(2-amino-5-cyano-6-[2-(2-hydroxyethoxy)ethylamino]-4-methylpyridin-3-ylazo)-3-methyl-2,4-dicarbonitrilethiophene</t>
  </si>
  <si>
    <t>410-530-8</t>
  </si>
  <si>
    <t>613-188-00-X</t>
  </si>
  <si>
    <t>411-500-7</t>
  </si>
  <si>
    <t>116256-11-2</t>
  </si>
  <si>
    <t>613-189-00-5</t>
  </si>
  <si>
    <t>414-030-0</t>
  </si>
  <si>
    <t>52667-88-6</t>
  </si>
  <si>
    <t>613-190-00-0</t>
  </si>
  <si>
    <t>disodium 1-amino-4-(2-(5-chloro-6-fluoro-pyrimidin-4-ylamino-methyl)-4-methyl-6-sulfo-phenylamino)-9,10-dioxo-9,10-dihydro-anthracene-2-sulfonate</t>
  </si>
  <si>
    <t>414-040-5</t>
  </si>
  <si>
    <t>149530-93-8</t>
  </si>
  <si>
    <t>613-192-00-1</t>
  </si>
  <si>
    <t>426-750-2</t>
  </si>
  <si>
    <t>151860-15-0</t>
  </si>
  <si>
    <t>613-193-00-7</t>
  </si>
  <si>
    <t>pentakis[3-(dimethylammonio)propylsulfamoyl]-[(6-hydroxy-4,4,8,8-tetramethyl-4,8-diazoniaundecane-1,11-diyldisulfamoyl)di[phthalocyaninecopper(II)]] heptalactate</t>
  </si>
  <si>
    <t>414-930-3</t>
  </si>
  <si>
    <t>613-194-00-2</t>
  </si>
  <si>
    <t>6,13-dichloro-3,10-bis{2-[4-fluoro-6-(2-sulfophenylamino)-1,3,5-triazin-2-ylamino]propylamino}benzo[5,6][1,4]oxazino[2,3-.b.]phenoxazine-4,11-disulphonic acid, lithium-, sodium salt</t>
  </si>
  <si>
    <t>418-000-8</t>
  </si>
  <si>
    <t>163062-28-0</t>
  </si>
  <si>
    <t>613-195-00-8</t>
  </si>
  <si>
    <t>418-280-1</t>
  </si>
  <si>
    <t>18600-59-4</t>
  </si>
  <si>
    <t>613-196-00-3</t>
  </si>
  <si>
    <t>5-[[4-chloro-6-[[2-[[4-fluoro-6-[[5-hydroxy-6-[(4-methoxy-2-sulfophenyl)azo]-7-sulfo-2-naphthalenyl]amino]-1,3,5-triazin-2-yl]amino]-1-methylethyl]amino]-1,3,5-triazin-2-yl]amino]-3-[[4-(ethenylsulfonyl)phenyl]azo]-4-hydroxy-naphtalene-2,7-disulfonic acid, sodium salt</t>
  </si>
  <si>
    <t>418-380-5</t>
  </si>
  <si>
    <t>168113-78-8</t>
  </si>
  <si>
    <t>613-197-00-9</t>
  </si>
  <si>
    <t>reaction mass of: 2,4,6-tri(butylcarbamoyl)-1,3,5-triazine;</t>
  </si>
  <si>
    <t>420-390-1</t>
  </si>
  <si>
    <t>187547-46-2</t>
  </si>
  <si>
    <t>2,4,6-tri(methylcarbamoyl)-1,3,5-triazine;</t>
  </si>
  <si>
    <t>[(2-butyl-4,6-dimethyl)tricarbamoyl]-1,3,5-triazine;</t>
  </si>
  <si>
    <t>[(2,4-dibutyl-6-methyl)tricarbamoyl]-1,3,5-triazine</t>
  </si>
  <si>
    <t>613-198-00-4</t>
  </si>
  <si>
    <t>2-amino-4-dimethylamino-6-trifluoroethoxy-1,3,5-triazine</t>
  </si>
  <si>
    <t>415-500-8</t>
  </si>
  <si>
    <t>145963-84-4</t>
  </si>
  <si>
    <t>613-200-00-3</t>
  </si>
  <si>
    <t>420-980-7</t>
  </si>
  <si>
    <t>613-201-00-9</t>
  </si>
  <si>
    <t>422-390-5</t>
  </si>
  <si>
    <t>143322-57-0</t>
  </si>
  <si>
    <t>613-202-00-4</t>
  </si>
  <si>
    <t>pymetrozine (ISO);</t>
  </si>
  <si>
    <t>123312-89-0</t>
  </si>
  <si>
    <t>613-203-00-X</t>
  </si>
  <si>
    <t>pyraflufen-ethyl (ISO);</t>
  </si>
  <si>
    <t>129630-19-9 [1]</t>
  </si>
  <si>
    <t>129630-17-7 [2]</t>
  </si>
  <si>
    <t>2-chloro-5-(4-chloro-5-difluoromethoxy-1-methylpyrazol-3-yl)-4-fluorophenoxyacetic acid [2]</t>
  </si>
  <si>
    <t>613-204-00-5</t>
  </si>
  <si>
    <t>oxadiargyl (ISO);</t>
  </si>
  <si>
    <t>254-637-6</t>
  </si>
  <si>
    <t>39807-15-3</t>
  </si>
  <si>
    <t>3-[2,4-dichloro-5-(2-propynyloxy)phenyl]-5-(1,1-dimethylethyl)-1,3,4-oxadiazol-2(3H)-one</t>
  </si>
  <si>
    <t>613-205-00-0</t>
  </si>
  <si>
    <t>262-104-4</t>
  </si>
  <si>
    <t>613-206-00-6</t>
  </si>
  <si>
    <t>fenamidone (ISO);</t>
  </si>
  <si>
    <t>161326-34-7</t>
  </si>
  <si>
    <t>613-208-00-7</t>
  </si>
  <si>
    <t>imazamox (ISO);</t>
  </si>
  <si>
    <t>114311-32-9</t>
  </si>
  <si>
    <t>613-209-00-2</t>
  </si>
  <si>
    <t>417-430-3</t>
  </si>
  <si>
    <t>63645-17-0</t>
  </si>
  <si>
    <t>613-210-00-8</t>
  </si>
  <si>
    <t>2-(3-chloropropyl)-2,5,5-trimethyl-1,3-dioxane</t>
  </si>
  <si>
    <t>417-650-1</t>
  </si>
  <si>
    <t>88128-57-8</t>
  </si>
  <si>
    <t>613-211-00-3</t>
  </si>
  <si>
    <t>418-240-3</t>
  </si>
  <si>
    <t>74401-04-0</t>
  </si>
  <si>
    <t>613-212-00-9</t>
  </si>
  <si>
    <t>4-[4-(2-ethylhexyloxy)phenyl](1,4-thiazinane-1,1-dioxide)</t>
  </si>
  <si>
    <t>418-320-8</t>
  </si>
  <si>
    <t>133467-41-1</t>
  </si>
  <si>
    <t>613-213-00-4</t>
  </si>
  <si>
    <t>416-040-0</t>
  </si>
  <si>
    <t>120807-02-5</t>
  </si>
  <si>
    <t>613-214-00-X</t>
  </si>
  <si>
    <t>416-260-7</t>
  </si>
  <si>
    <t>147613-95-4</t>
  </si>
  <si>
    <t>613-215-00-5</t>
  </si>
  <si>
    <t>2-chloromethyl-3,4-dimethoxypyridinium chloride</t>
  </si>
  <si>
    <t>416-440-5</t>
  </si>
  <si>
    <t>72830-09-2</t>
  </si>
  <si>
    <t>613-216-00-0</t>
  </si>
  <si>
    <t>416-490-8</t>
  </si>
  <si>
    <t>162208-01-7</t>
  </si>
  <si>
    <t>613-217-00-6</t>
  </si>
  <si>
    <t>416-770-1</t>
  </si>
  <si>
    <t>73754-27-5</t>
  </si>
  <si>
    <t>613-218-00-1</t>
  </si>
  <si>
    <t>6-hydroxyindole</t>
  </si>
  <si>
    <t>417-020-4</t>
  </si>
  <si>
    <t>2380-86-1</t>
  </si>
  <si>
    <t>613-219-00-7</t>
  </si>
  <si>
    <t>7a-ethyl-3,5-bis(1-methylethyl)-2,3,4,5-tetrahydrooxazolo[3,4-c]-2,3,4,5-tetrahydrooxazole</t>
  </si>
  <si>
    <t>417-140-7</t>
  </si>
  <si>
    <t>79185-77-6</t>
  </si>
  <si>
    <t>613-220-00-2</t>
  </si>
  <si>
    <t>417-290-3</t>
  </si>
  <si>
    <t>147086-81-5</t>
  </si>
  <si>
    <t>613-221-00-8</t>
  </si>
  <si>
    <t>2-chloro-5-methyl-pyridine</t>
  </si>
  <si>
    <t>418-050-0</t>
  </si>
  <si>
    <t>18368-64-4</t>
  </si>
  <si>
    <t>613-222-00-3</t>
  </si>
  <si>
    <t>4-(1-oxo-2-propenyl)-morpholine</t>
  </si>
  <si>
    <t>418-140-1</t>
  </si>
  <si>
    <t>5117-12-4</t>
  </si>
  <si>
    <t>613-223-00-9</t>
  </si>
  <si>
    <t>418-790-4</t>
  </si>
  <si>
    <t>93957-49-4</t>
  </si>
  <si>
    <t>613-224-00-4</t>
  </si>
  <si>
    <t>2,5-dimercaptomethyl-1,4-dithiane</t>
  </si>
  <si>
    <t>419-770-8</t>
  </si>
  <si>
    <t>136122-15-1</t>
  </si>
  <si>
    <t>613-225-00-X</t>
  </si>
  <si>
    <t>reaction mass of:[2-(anthraquinon-1-ylamino)-6-[(5-benzoylamino)-anthraquinone-1-ylamino]-4-phenyl]-1,3,5-triazine;</t>
  </si>
  <si>
    <t>421-290-9</t>
  </si>
  <si>
    <t>2,6-bis-[(5-benzoylamino)-anthraquinon-1-ylamino]-4-phenyl-1,3,5-triazine.</t>
  </si>
  <si>
    <t>613-226-00-5</t>
  </si>
  <si>
    <t>1-(2-(ethyl(4-(4-(4-(4-(ethyl(2-pyridinoethyl)amino)-2-methylphenylazo)benzoylamino)-phenylazo)-3-methylphenyl)amino)ethyl)-pyridinium dichloride</t>
  </si>
  <si>
    <t>420-950-3</t>
  </si>
  <si>
    <t>163831-67-2</t>
  </si>
  <si>
    <t>613-227-00-0</t>
  </si>
  <si>
    <t>419-600-2</t>
  </si>
  <si>
    <t>99199-90-3</t>
  </si>
  <si>
    <t>613-228-00-6</t>
  </si>
  <si>
    <t>419-630-6</t>
  </si>
  <si>
    <t>793669-26-8</t>
  </si>
  <si>
    <t>613-229-00-1</t>
  </si>
  <si>
    <t>1-acetyl-4-(3-dodecyl-2,5-dioxo-1-pyrrolidinyl)-2,2,6,6-tetramethylpiperidine</t>
  </si>
  <si>
    <t>411-930-5</t>
  </si>
  <si>
    <t>106917-31-1</t>
  </si>
  <si>
    <t>613-230-00-7</t>
  </si>
  <si>
    <t>florasulam (ISO);</t>
  </si>
  <si>
    <t>145701-23-1</t>
  </si>
  <si>
    <t>2',6',8-trifluoro-5-methoxy-5-triazolo[1,5-c];</t>
  </si>
  <si>
    <t>pyrimidine-2-sulfonanilide</t>
  </si>
  <si>
    <t>613-231-00-2</t>
  </si>
  <si>
    <t>2,6-diamino-3-((pyridine-3-yl)azo)pyridine</t>
  </si>
  <si>
    <t>421-430-9</t>
  </si>
  <si>
    <t>28365-08-4</t>
  </si>
  <si>
    <t>613-232-00-8</t>
  </si>
  <si>
    <t>431-030-6</t>
  </si>
  <si>
    <t>613-233-00-3</t>
  </si>
  <si>
    <t>4,4'-(oxy-(bismethylene))-bis-1,3-dioxolane</t>
  </si>
  <si>
    <t>423-230-7</t>
  </si>
  <si>
    <t>56552-15-9</t>
  </si>
  <si>
    <t>613-234-00-9</t>
  </si>
  <si>
    <t>imidazo[1,2-b]pyridazin hydrochloride</t>
  </si>
  <si>
    <t>431-510-5</t>
  </si>
  <si>
    <t>18087-70-2</t>
  </si>
  <si>
    <t>613-235-00-4</t>
  </si>
  <si>
    <t>424-060-6</t>
  </si>
  <si>
    <t>6364-17-6</t>
  </si>
  <si>
    <t>613-236-00-X</t>
  </si>
  <si>
    <t>2-chloro-3-trifluoromethylpyridine</t>
  </si>
  <si>
    <t>424-520-6</t>
  </si>
  <si>
    <t>65753-47-1</t>
  </si>
  <si>
    <t>613-237-00-5</t>
  </si>
  <si>
    <t>424-950-4</t>
  </si>
  <si>
    <t>133949-92-5</t>
  </si>
  <si>
    <t>613-238-00-0</t>
  </si>
  <si>
    <t>sodium 2-[[4-[(4,6-dichloro-1,3,5-triazin-2-yl)amino]phenyl]sulfonyl]ethyl sulfate</t>
  </si>
  <si>
    <t>430-890-1</t>
  </si>
  <si>
    <t>81992-66-7</t>
  </si>
  <si>
    <t>613-239-00-6</t>
  </si>
  <si>
    <t>425-760-4</t>
  </si>
  <si>
    <t>64137-52-6</t>
  </si>
  <si>
    <t>613-241-00-7</t>
  </si>
  <si>
    <t>426-810-8</t>
  </si>
  <si>
    <t>3250-74-6</t>
  </si>
  <si>
    <t>613-242-00-2</t>
  </si>
  <si>
    <t>reaction products of 3,10-bis((2-aminopropyl)amino)-6,13-dichloro-4,11-triphenodioxazinedisulfonic acid with 2-amino-1,4-benzenedisulfonic acid, 2-((4-aminophenyl)sulfonyl)ethyl hydrogen sulfate and 2,4,6-trifluoro-1,3,5-triazine, sodium salts</t>
  </si>
  <si>
    <t>426-860-0</t>
  </si>
  <si>
    <t>191877-09-5</t>
  </si>
  <si>
    <t>613-243-00-8</t>
  </si>
  <si>
    <t>4,4'-(1,6-hexamethylenebis(formylimino))bis(2,2,6,6-tetramethyl-1-oxylpiperidine)</t>
  </si>
  <si>
    <t>427-350-0</t>
  </si>
  <si>
    <t>182235-14-9</t>
  </si>
  <si>
    <t>613-244-00-3</t>
  </si>
  <si>
    <t>5,7-dichloro-4-hydroxyquinoline</t>
  </si>
  <si>
    <t>427-420-0</t>
  </si>
  <si>
    <t>21873-52-9</t>
  </si>
  <si>
    <t>613-245-00-9</t>
  </si>
  <si>
    <t>2-fluoro-6-trifluoromethylpyridine</t>
  </si>
  <si>
    <t>428-100-3</t>
  </si>
  <si>
    <t>94239-04-0</t>
  </si>
  <si>
    <t>613-246-00-4</t>
  </si>
  <si>
    <t>2-hydroxymethyl-3-methyl-4-(2,2,2-trifluoroethoxy)pyridine</t>
  </si>
  <si>
    <t>428-200-7</t>
  </si>
  <si>
    <t>103577-66-8</t>
  </si>
  <si>
    <t>613-247-00-X</t>
  </si>
  <si>
    <t>3-(2-methoxy-4-methoxycarboxybenzyl)-5-nitroindole</t>
  </si>
  <si>
    <t>428-910-7</t>
  </si>
  <si>
    <t>107786-36-7</t>
  </si>
  <si>
    <t>613-248-00-5</t>
  </si>
  <si>
    <t>429-130-1</t>
  </si>
  <si>
    <t>2820-37-3</t>
  </si>
  <si>
    <t>613-249-00-0</t>
  </si>
  <si>
    <t>429-300-3</t>
  </si>
  <si>
    <t>155601-30-2</t>
  </si>
  <si>
    <t>613-250-00-6</t>
  </si>
  <si>
    <t>429-990-6</t>
  </si>
  <si>
    <t>613-251-00-1</t>
  </si>
  <si>
    <t>430-560-5</t>
  </si>
  <si>
    <t>180637-89-2</t>
  </si>
  <si>
    <t>613-253-00-2</t>
  </si>
  <si>
    <t>430-580-4</t>
  </si>
  <si>
    <t>613-254-00-8</t>
  </si>
  <si>
    <t>forchlorfenuron (ISO);</t>
  </si>
  <si>
    <t>68157-60-8</t>
  </si>
  <si>
    <t>1-(2-chloro-4-pyridyl)-3-phenylurea</t>
  </si>
  <si>
    <t>613-255-00-3</t>
  </si>
  <si>
    <t>reaction mass of isomers of: sodium [(2-hydroxyethylsulfamoyl){][}2-(2-piperazin-1-ylethylamino)ethylsulfamoyl][2-(4-aminoethylpiperazine-1-yl)ethylsulfamoyl{](sulfamoyl)[}(sulfonatophthalocyaninato)]copper(II)</t>
  </si>
  <si>
    <t>424-270-8</t>
  </si>
  <si>
    <t>613-256-00-9</t>
  </si>
  <si>
    <t>3'5'-anhydro thymidine</t>
  </si>
  <si>
    <t>425-810-5</t>
  </si>
  <si>
    <t>38313-48-3</t>
  </si>
  <si>
    <t>613-257-00-4</t>
  </si>
  <si>
    <t>426-400-9</t>
  </si>
  <si>
    <t>170222-39-6</t>
  </si>
  <si>
    <t>613-258-00-X</t>
  </si>
  <si>
    <t>reaction mass of: 4-chloro-7-methylbenzotriazole sodium salt;</t>
  </si>
  <si>
    <t>427-730-6</t>
  </si>
  <si>
    <t>202420-04-0</t>
  </si>
  <si>
    <t>4-chloro-5-methylbenzotriazole sodium salt;</t>
  </si>
  <si>
    <t>5-chloro-4-methylbenzotriazole sodium salt</t>
  </si>
  <si>
    <t>613-259-00-5</t>
  </si>
  <si>
    <t>428-790-6</t>
  </si>
  <si>
    <t>72963-72-5</t>
  </si>
  <si>
    <t>613-260-00-0</t>
  </si>
  <si>
    <t>430-730-9</t>
  </si>
  <si>
    <t>613-261-00-6</t>
  </si>
  <si>
    <t>pyrazole-1-carboxamidine monohydrochloride</t>
  </si>
  <si>
    <t>429-520-1</t>
  </si>
  <si>
    <t>4023-02-3</t>
  </si>
  <si>
    <t>613-262-00-1</t>
  </si>
  <si>
    <t>427-310-2</t>
  </si>
  <si>
    <t>180850-95-7</t>
  </si>
  <si>
    <t>613-263-00-7</t>
  </si>
  <si>
    <t>monosodium 3-cyano-5-fluoro-6-hydroxypyridine-2-olate</t>
  </si>
  <si>
    <t>429-570-2</t>
  </si>
  <si>
    <t>613-266-00-3</t>
  </si>
  <si>
    <t>2-chloro-5-chloromethylthiazole</t>
  </si>
  <si>
    <t>429-830-5</t>
  </si>
  <si>
    <t>105827-91-6</t>
  </si>
  <si>
    <t>613-267-00-9</t>
  </si>
  <si>
    <t>thiamethoxam (ISO);</t>
  </si>
  <si>
    <t>428-650-4</t>
  </si>
  <si>
    <t>613-268-00-4</t>
  </si>
  <si>
    <t>425-930-8</t>
  </si>
  <si>
    <t>151213-39-7</t>
  </si>
  <si>
    <t>613-269-00-X</t>
  </si>
  <si>
    <t>2-thiazolidinylidenecyanamide</t>
  </si>
  <si>
    <t>427-720-1</t>
  </si>
  <si>
    <t>26364-65-8</t>
  </si>
  <si>
    <t>613-270-00-5</t>
  </si>
  <si>
    <t>428-150-6</t>
  </si>
  <si>
    <t>113171-13-4</t>
  </si>
  <si>
    <t>613-271-00-0</t>
  </si>
  <si>
    <t>142469-14-5</t>
  </si>
  <si>
    <t>613-272-00-6</t>
  </si>
  <si>
    <t>pyraclostrobin (ISO);</t>
  </si>
  <si>
    <t>613-273-00-1</t>
  </si>
  <si>
    <t>427-600-9</t>
  </si>
  <si>
    <t>192439-46-6</t>
  </si>
  <si>
    <t>613-274-00-7</t>
  </si>
  <si>
    <t>2,6-dichloro-1-fluoropyridiniumtetrafluoroborate</t>
  </si>
  <si>
    <t>427-400-1</t>
  </si>
  <si>
    <t>140623-89-8</t>
  </si>
  <si>
    <t>613-275-00-2</t>
  </si>
  <si>
    <t>3-(2-chloroethyl)-6,7,8,9-tetra-hydro-2-methyl-4H-pyrido[1,2-a] pyrimidin-4-one monohydrochloride</t>
  </si>
  <si>
    <t>424-530-0</t>
  </si>
  <si>
    <t>93076-03-0</t>
  </si>
  <si>
    <t>H371**</t>
  </si>
  <si>
    <t>613-276-00-8</t>
  </si>
  <si>
    <t>426-110-2</t>
  </si>
  <si>
    <t>98377-35-6</t>
  </si>
  <si>
    <t>613-277-00-3</t>
  </si>
  <si>
    <t>427-070-9</t>
  </si>
  <si>
    <t>613-278-00-9</t>
  </si>
  <si>
    <t>(3-aminophenyl)pyridin-3-ylmethanone</t>
  </si>
  <si>
    <t>428-230-0</t>
  </si>
  <si>
    <t>79568-06-2</t>
  </si>
  <si>
    <t>613-279-00-4</t>
  </si>
  <si>
    <t>424-380-6</t>
  </si>
  <si>
    <t>43057-68-7</t>
  </si>
  <si>
    <t>613-280-00-X</t>
  </si>
  <si>
    <t>230-625-6</t>
  </si>
  <si>
    <t>7226-23-5</t>
  </si>
  <si>
    <t>dimethyl propyleneurea</t>
  </si>
  <si>
    <t>quinoline</t>
  </si>
  <si>
    <t>613-282-00-0</t>
  </si>
  <si>
    <t>triticonazole (ISO);</t>
  </si>
  <si>
    <t>131983-72-7</t>
  </si>
  <si>
    <t>ketoconazole;</t>
  </si>
  <si>
    <t>613-284-00-1</t>
  </si>
  <si>
    <t>metconazole (ISO);</t>
  </si>
  <si>
    <t>125116-23-6</t>
  </si>
  <si>
    <t>613-285-00-7</t>
  </si>
  <si>
    <t>1-hydroxybenzotriazole, anhydrous; [1]</t>
  </si>
  <si>
    <t>219-989-7 [1]</t>
  </si>
  <si>
    <t>2592-95-2 [1]</t>
  </si>
  <si>
    <t>Expl. 1.3</t>
  </si>
  <si>
    <t>1-hydroxybenzotriazole, monohydrated [2]</t>
  </si>
  <si>
    <t>219-989-7 [2]</t>
  </si>
  <si>
    <t>123333-53-9 [2]</t>
  </si>
  <si>
    <t>613-286-00-2</t>
  </si>
  <si>
    <t>potassium 1-methyl-3-morpholinocarbonyl-4-[3-(1-methyl-3-morpholinocarbonyl-5-oxo-2-pyrazolin-4-ylidene)-1-propenyl]pyrazole-5-olate;</t>
  </si>
  <si>
    <t>613-287-00-8</t>
  </si>
  <si>
    <t>419-540-7</t>
  </si>
  <si>
    <t>160194-26-3</t>
  </si>
  <si>
    <t>613-288-00-3</t>
  </si>
  <si>
    <t>1,3-bis(dimethylcarbamoyl)-imidazolium chloride</t>
  </si>
  <si>
    <t>420-930-4</t>
  </si>
  <si>
    <t>135756-61-5</t>
  </si>
  <si>
    <t>613-289-00-9</t>
  </si>
  <si>
    <t>432-020-4</t>
  </si>
  <si>
    <t>142623-48-1</t>
  </si>
  <si>
    <t>613-290-00-4</t>
  </si>
  <si>
    <t>432-470-1</t>
  </si>
  <si>
    <t>189012-93-9</t>
  </si>
  <si>
    <t>613-291-00-X</t>
  </si>
  <si>
    <t>434-820-9</t>
  </si>
  <si>
    <t>106461-41-0</t>
  </si>
  <si>
    <t>613-292-00-5</t>
  </si>
  <si>
    <t>435-010-8</t>
  </si>
  <si>
    <t>26157-73-3</t>
  </si>
  <si>
    <t>613-293-00-0</t>
  </si>
  <si>
    <t>448-050-6</t>
  </si>
  <si>
    <t>444065-11-6</t>
  </si>
  <si>
    <t>613-294-00-6</t>
  </si>
  <si>
    <t>448-260-8</t>
  </si>
  <si>
    <t>379268-96-9</t>
  </si>
  <si>
    <t>613-295-00-1</t>
  </si>
  <si>
    <t>11-amino-3-chloro-6,11-dihydro-5,5-dioxo-6-methyl-dibenzo[c, f][1,2]thiazepine hydrochloride</t>
  </si>
  <si>
    <t>448-720-8</t>
  </si>
  <si>
    <t>363138-44-7</t>
  </si>
  <si>
    <t>613-296-00-7</t>
  </si>
  <si>
    <t>418-270-7</t>
  </si>
  <si>
    <t>613-297-00-2</t>
  </si>
  <si>
    <t>420-820-6</t>
  </si>
  <si>
    <t>613-298-00-8</t>
  </si>
  <si>
    <t>421-560-6</t>
  </si>
  <si>
    <t>613-299-00-3</t>
  </si>
  <si>
    <t>422-610-1</t>
  </si>
  <si>
    <t>613-300-00-7</t>
  </si>
  <si>
    <t>1-imidazol-1-yl-octadecan-2-ol</t>
  </si>
  <si>
    <t>434-120-3</t>
  </si>
  <si>
    <t>613-301-00-2</t>
  </si>
  <si>
    <t>443-910-7</t>
  </si>
  <si>
    <t>613-302-00-8</t>
  </si>
  <si>
    <t>disodium 2-(5-carbamoyl-1-ethyl-2-hydroxy-4-methyl-6-oxo-1,6-dihydro-pyridine-3-ylazo)-4-(4-fluoro-6-(4-(2-sulfonyloxy-ethylsulfonyl)-phenylamino)-1,3,5-triazine-2-ylamino)benzene sulfonate</t>
  </si>
  <si>
    <t>432-980-4</t>
  </si>
  <si>
    <t>243858-60-8</t>
  </si>
  <si>
    <t>613-303-00-3</t>
  </si>
  <si>
    <t>2-(1-methyl-2-(4-phenoxyphenoxy)ethoxy)pyridine</t>
  </si>
  <si>
    <t>429-800-1</t>
  </si>
  <si>
    <t>95737-68-1</t>
  </si>
  <si>
    <t>613-304-00-9</t>
  </si>
  <si>
    <t>421-170-6</t>
  </si>
  <si>
    <t>138937-28-7</t>
  </si>
  <si>
    <t>613-305-00-4</t>
  </si>
  <si>
    <t>448-630-9</t>
  </si>
  <si>
    <t>3147-77-1</t>
  </si>
  <si>
    <t>613-306-00-X</t>
  </si>
  <si>
    <t>433-520-5</t>
  </si>
  <si>
    <t>82911-69-1</t>
  </si>
  <si>
    <t>613-307-00-5</t>
  </si>
  <si>
    <t>clothianidin (ISO);</t>
  </si>
  <si>
    <t>3-[(2-chloro-1,3-thiazol-5-yl)methyl]-2-methyl-1-nitroguanidine</t>
  </si>
  <si>
    <t>613-308-00-0</t>
  </si>
  <si>
    <t>2-amino-5-methylthiazole</t>
  </si>
  <si>
    <t>423-800-5</t>
  </si>
  <si>
    <t>7305-71-7</t>
  </si>
  <si>
    <t>613-309-00-6</t>
  </si>
  <si>
    <t>1-methyl-3-phenyl-1-piperazine</t>
  </si>
  <si>
    <t>431-180-2</t>
  </si>
  <si>
    <t>5271-27-2</t>
  </si>
  <si>
    <t>613-310-00-1</t>
  </si>
  <si>
    <t>432-360-3</t>
  </si>
  <si>
    <t>105813-13-6</t>
  </si>
  <si>
    <t>613-311-00-7</t>
  </si>
  <si>
    <t>methyl-5-nitrophenyl-guanidine</t>
  </si>
  <si>
    <t>435-500-1</t>
  </si>
  <si>
    <t>152460-07-6</t>
  </si>
  <si>
    <t>613-312-00-2</t>
  </si>
  <si>
    <t>2-(4-methyl-2-phenyl-1-piperazinyl)benzenemethanol monohydrochloride</t>
  </si>
  <si>
    <t>420-200-5</t>
  </si>
  <si>
    <t>613-313-00-8</t>
  </si>
  <si>
    <t>442-780-9</t>
  </si>
  <si>
    <t>173838-67-0</t>
  </si>
  <si>
    <t>613-314-00-3</t>
  </si>
  <si>
    <t>4-decyloxazolidin-2-one;</t>
  </si>
  <si>
    <t>443-770-7</t>
  </si>
  <si>
    <t>7693-82-5</t>
  </si>
  <si>
    <t>4-decyl-1,3-oxazolidin-2-one</t>
  </si>
  <si>
    <t>613-315-00-9</t>
  </si>
  <si>
    <t>430-390-1</t>
  </si>
  <si>
    <t>613-316-00-4</t>
  </si>
  <si>
    <t>trimethylopropane tri(3-aziridinylpropanoate);</t>
  </si>
  <si>
    <t>257-765-0</t>
  </si>
  <si>
    <t>52234-82-9</t>
  </si>
  <si>
    <t>(TAZ)</t>
  </si>
  <si>
    <t>613-317-00-X</t>
  </si>
  <si>
    <t>penconazole (ISO); 1-[2-(2,4-dichlorophenyl)pentyl]-1H-1,2,4-triazole</t>
  </si>
  <si>
    <t>266-275-6</t>
  </si>
  <si>
    <t>66246-88-6</t>
  </si>
  <si>
    <t>613-318-00-5</t>
  </si>
  <si>
    <t>fenpyrazamine (ISO);</t>
  </si>
  <si>
    <t>473798-59-3</t>
  </si>
  <si>
    <t>S-allyl 5-amino-2,3-dihydro-2-isopropyl-3-oxo-4-(o-tolyl)pyrazole-1-carbothioate;</t>
  </si>
  <si>
    <t>S-allyl 5-amino-2-isopropyl-4-(2-methylphenyl)-3-oxo-2,3-dihydropyrazole-1-carbothioate</t>
  </si>
  <si>
    <t>imidazole</t>
  </si>
  <si>
    <t>613-320-00-6</t>
  </si>
  <si>
    <t>lenacil (ISO); 3-cyclohexyl-6,7-dihydro-1H-cyclopenta[d]pyrimidine-2,4(3H,5H)-dione</t>
  </si>
  <si>
    <t>218-499-0</t>
  </si>
  <si>
    <t>2164-08-1</t>
  </si>
  <si>
    <t>613-321-00-1</t>
  </si>
  <si>
    <t>(RS)-4-[1-(2,3-dimethylphenyl)ethyl]-1H-imidazole;</t>
  </si>
  <si>
    <t>86347-14-0</t>
  </si>
  <si>
    <t>medetomidine</t>
  </si>
  <si>
    <t>H370 (eye)</t>
  </si>
  <si>
    <t>triadimenol (ISO); (1RS,2RS;1RS,2SR)-1-(4-chlorophenoxy)-3,3-dimethyl-1-(1H-1,2,4-triazol-1-yl)butan-2-ol;</t>
  </si>
  <si>
    <t>H360</t>
  </si>
  <si>
    <t>613-323-00-2</t>
  </si>
  <si>
    <t>terbuthylazine (ISO);</t>
  </si>
  <si>
    <t>227-637-9</t>
  </si>
  <si>
    <t>5915-41-3</t>
  </si>
  <si>
    <t>N-tert-butyl-6-chloro-N′-ethyl-1,3,5-triazine-2,4-diamine</t>
  </si>
  <si>
    <t>quinolin-8-ol;</t>
  </si>
  <si>
    <t>thiacloprid (ISO);</t>
  </si>
  <si>
    <t>GHS08 GHS06</t>
  </si>
  <si>
    <t>614-001-00-4</t>
  </si>
  <si>
    <t>nicotine (ISO);</t>
  </si>
  <si>
    <t>200-193-3</t>
  </si>
  <si>
    <t>54-11-5</t>
  </si>
  <si>
    <t>inhalation:</t>
  </si>
  <si>
    <t>3-[(2S)-1-methylpyrrolidin-2-yl]pyridine</t>
  </si>
  <si>
    <t>dermal:</t>
  </si>
  <si>
    <t>oral:</t>
  </si>
  <si>
    <t>614-002-00-X</t>
  </si>
  <si>
    <t>salts of nicotine</t>
  </si>
  <si>
    <t>614-003-00-5</t>
  </si>
  <si>
    <t>strychnine</t>
  </si>
  <si>
    <t>200-319-7</t>
  </si>
  <si>
    <t>57-24-9</t>
  </si>
  <si>
    <t>614-004-00-0</t>
  </si>
  <si>
    <t>salts of strychnine</t>
  </si>
  <si>
    <t>colchicine</t>
  </si>
  <si>
    <t>614-006-00-1</t>
  </si>
  <si>
    <t>brucine;</t>
  </si>
  <si>
    <t>206-614-7</t>
  </si>
  <si>
    <t>357-57-3</t>
  </si>
  <si>
    <t>2,3-dimethoxystrychnine</t>
  </si>
  <si>
    <t>614-007-00-7</t>
  </si>
  <si>
    <t>brucine sulphate; [1]</t>
  </si>
  <si>
    <t>225-432-9 [1]</t>
  </si>
  <si>
    <t>4845-99-2 [1]</t>
  </si>
  <si>
    <t>brucine nitrate; [2]</t>
  </si>
  <si>
    <t>227-317-9 [2]</t>
  </si>
  <si>
    <t>5786-97-0 [2]</t>
  </si>
  <si>
    <t>strychnidin-10-one, 2,3-dimethoxy-, mono[(R)-1-methylheptyl 1,2-benzenedicarboxylate]; [3]</t>
  </si>
  <si>
    <t>269-439-5 [3]</t>
  </si>
  <si>
    <t>68239-26-9 [3]</t>
  </si>
  <si>
    <t>269-710-8 [4]</t>
  </si>
  <si>
    <t>68310-42-9 [4]</t>
  </si>
  <si>
    <t>614-008-00-2</t>
  </si>
  <si>
    <t>aconitine</t>
  </si>
  <si>
    <t>206-121-7</t>
  </si>
  <si>
    <t>302-27-2</t>
  </si>
  <si>
    <t>614-009-00-8</t>
  </si>
  <si>
    <t>salts of aconitine</t>
  </si>
  <si>
    <t>614-010-00-3</t>
  </si>
  <si>
    <t>atropine</t>
  </si>
  <si>
    <t>200-104-8</t>
  </si>
  <si>
    <t>51-55-8</t>
  </si>
  <si>
    <t>614-011-00-9</t>
  </si>
  <si>
    <t>salts of atropine</t>
  </si>
  <si>
    <t>614-012-00-4</t>
  </si>
  <si>
    <t>hyoscyamine</t>
  </si>
  <si>
    <t>202-933-0</t>
  </si>
  <si>
    <t>101-31-5</t>
  </si>
  <si>
    <t>614-013-00-X</t>
  </si>
  <si>
    <t>salts of hyoscyamine</t>
  </si>
  <si>
    <t>614-014-00-5</t>
  </si>
  <si>
    <t>hyoscine</t>
  </si>
  <si>
    <t>200-090-3</t>
  </si>
  <si>
    <t>51-34-3</t>
  </si>
  <si>
    <t>614-015-00-0</t>
  </si>
  <si>
    <t>salts of hyoscine</t>
  </si>
  <si>
    <t>614-016-00-6</t>
  </si>
  <si>
    <t>pilocarpine</t>
  </si>
  <si>
    <t>202-128-4</t>
  </si>
  <si>
    <t>92-13-7</t>
  </si>
  <si>
    <t>614-017-00-1</t>
  </si>
  <si>
    <t>salts of pilocarpine</t>
  </si>
  <si>
    <t>614-018-00-7</t>
  </si>
  <si>
    <t>papaverine</t>
  </si>
  <si>
    <t>200-397-2</t>
  </si>
  <si>
    <t>58-74-2</t>
  </si>
  <si>
    <t>614-019-00-2</t>
  </si>
  <si>
    <t>salts of papaverine</t>
  </si>
  <si>
    <t>614-020-00-8</t>
  </si>
  <si>
    <t>physostigmine</t>
  </si>
  <si>
    <t>200-332-8</t>
  </si>
  <si>
    <t>57-47-6</t>
  </si>
  <si>
    <t>614-021-00-3</t>
  </si>
  <si>
    <t>salts of physostigmine</t>
  </si>
  <si>
    <t>614-022-00-9</t>
  </si>
  <si>
    <t>digitoxin</t>
  </si>
  <si>
    <t>200-760-5</t>
  </si>
  <si>
    <t>71-63-6</t>
  </si>
  <si>
    <t>614-023-00-4</t>
  </si>
  <si>
    <t>ephedrine</t>
  </si>
  <si>
    <t>206-080-5</t>
  </si>
  <si>
    <t>299-42-3</t>
  </si>
  <si>
    <t>614-024-00-X</t>
  </si>
  <si>
    <t>salts of ephedrine</t>
  </si>
  <si>
    <t>614-025-00-5</t>
  </si>
  <si>
    <t>ouabain</t>
  </si>
  <si>
    <t>211-139-3</t>
  </si>
  <si>
    <t>630-60-4</t>
  </si>
  <si>
    <t>614-026-00-0</t>
  </si>
  <si>
    <t>strophantin-K</t>
  </si>
  <si>
    <t>234-239-9</t>
  </si>
  <si>
    <t>11005-63-3</t>
  </si>
  <si>
    <t>614-027-00-6</t>
  </si>
  <si>
    <t>bufa-4,20,22-trienolide, 6-(acetyloxy)-3-(β-D-glucopyranosyloxy)-8,14-dihydroxy-, (3β, 6β)-;</t>
  </si>
  <si>
    <t>208-077-4</t>
  </si>
  <si>
    <t>507-60-8</t>
  </si>
  <si>
    <t>red squill;</t>
  </si>
  <si>
    <t>scilliroside</t>
  </si>
  <si>
    <t>614-028-00-1</t>
  </si>
  <si>
    <t>reaction mass of: 2-ethylhexyl mono-D-glucopyranoside;</t>
  </si>
  <si>
    <t>414-420-0</t>
  </si>
  <si>
    <t>2-ethylhexyl di-D-glucopyranoside</t>
  </si>
  <si>
    <t>614-029-00-7</t>
  </si>
  <si>
    <t>419-640-0</t>
  </si>
  <si>
    <t>68784-14-5</t>
  </si>
  <si>
    <t>615-001-00-7</t>
  </si>
  <si>
    <t>methyl isocyanate</t>
  </si>
  <si>
    <t>210-866-3</t>
  </si>
  <si>
    <t>624-83-9</t>
  </si>
  <si>
    <t>615-002-00-2</t>
  </si>
  <si>
    <t>methyl isothiocyanate</t>
  </si>
  <si>
    <t>209-132-5</t>
  </si>
  <si>
    <t>556-61-6</t>
  </si>
  <si>
    <t>615-003-00-8</t>
  </si>
  <si>
    <t>thiocyanic acid</t>
  </si>
  <si>
    <t>207-337-4</t>
  </si>
  <si>
    <t>463-56-9</t>
  </si>
  <si>
    <t>615-004-00-3</t>
  </si>
  <si>
    <t>salts of thiocyanic acid, with the exception of those specified elsewhere in this Annex</t>
  </si>
  <si>
    <t>615-005-00-9</t>
  </si>
  <si>
    <t>202-966-0 [1]</t>
  </si>
  <si>
    <t>101-68-8 [1]</t>
  </si>
  <si>
    <t>C2</t>
  </si>
  <si>
    <t>219-799-4 [2]</t>
  </si>
  <si>
    <t>2536-05-2 [2]</t>
  </si>
  <si>
    <t>227-534-9 [3]</t>
  </si>
  <si>
    <t>5873-54-1 [3]</t>
  </si>
  <si>
    <t>247-714-0 [4]</t>
  </si>
  <si>
    <t>26447-40-5 [4]</t>
  </si>
  <si>
    <t>diphenylmethane-2,4'-diisocyanate; [3]</t>
  </si>
  <si>
    <t>methylenediphenyl diisocyanate [4]</t>
  </si>
  <si>
    <t>615-006-00-4</t>
  </si>
  <si>
    <t>202-039-0 [1]</t>
  </si>
  <si>
    <t>91-08-7 [1]</t>
  </si>
  <si>
    <t>toluene-2,4-di-isocyanate; [1]</t>
  </si>
  <si>
    <t>209-544-5 [2]</t>
  </si>
  <si>
    <t>584-84-9 [2]</t>
  </si>
  <si>
    <t>247-722-4 [3]</t>
  </si>
  <si>
    <t>26471-62-5 [3]</t>
  </si>
  <si>
    <t>toluene-2,6-di-isocyanate; [2]</t>
  </si>
  <si>
    <t>toluene-diisocyanate [3]</t>
  </si>
  <si>
    <t>615-007-00-X</t>
  </si>
  <si>
    <t>1,5-naphthylene diisocyanate</t>
  </si>
  <si>
    <t>221-641-4</t>
  </si>
  <si>
    <t>3173-72-6</t>
  </si>
  <si>
    <t>615-008-00-5</t>
  </si>
  <si>
    <t>223-861-6</t>
  </si>
  <si>
    <t>4098-71-9</t>
  </si>
  <si>
    <t>615-009-00-0</t>
  </si>
  <si>
    <t>225-863-2</t>
  </si>
  <si>
    <t>5124-30-1</t>
  </si>
  <si>
    <t>615-010-00-6</t>
  </si>
  <si>
    <t>2,2,4-trimethylhexamethylene-1,6-di-isocyanate; [1]</t>
  </si>
  <si>
    <t>241-001-8 [1]</t>
  </si>
  <si>
    <t>16938-22-0 [1]</t>
  </si>
  <si>
    <t>2,4,4-trimethylhexamethylene-1,6-di-isocyanate [2]</t>
  </si>
  <si>
    <t>239-714-4 [2]</t>
  </si>
  <si>
    <t>15646-96-5 [2]</t>
  </si>
  <si>
    <t>615-011-00-1</t>
  </si>
  <si>
    <t>hexamethylene-di-isocyanate</t>
  </si>
  <si>
    <t>212-485-8</t>
  </si>
  <si>
    <t>822-06-0</t>
  </si>
  <si>
    <t>615-012-00-7</t>
  </si>
  <si>
    <t>4-isocyanatosulphonyltoluene;</t>
  </si>
  <si>
    <t>223-810-8</t>
  </si>
  <si>
    <t>4083-64-1</t>
  </si>
  <si>
    <t>tosyl isocyanate</t>
  </si>
  <si>
    <t>615-013-00-2</t>
  </si>
  <si>
    <t>cyanamide;</t>
  </si>
  <si>
    <t>206-992-3</t>
  </si>
  <si>
    <t>420-04-2</t>
  </si>
  <si>
    <t>carbamonitril</t>
  </si>
  <si>
    <t>H373 (thyroid)</t>
  </si>
  <si>
    <t>Skin Corr. 1</t>
  </si>
  <si>
    <t>615-014-00-8</t>
  </si>
  <si>
    <t>tris(1-dodecyl-3-methyl-2-phenylbenzimidazolium)hexacyanoferrate</t>
  </si>
  <si>
    <t>7276-58-6</t>
  </si>
  <si>
    <t>615-015-00-3</t>
  </si>
  <si>
    <t>1,7,7-trimethylbicyclo(2,2,1)hept-2-yl thiocyanatoacetate;</t>
  </si>
  <si>
    <t>204-081-5</t>
  </si>
  <si>
    <t>115-31-1</t>
  </si>
  <si>
    <t>isobornyl thiocyanoacetate</t>
  </si>
  <si>
    <t>615-016-00-9</t>
  </si>
  <si>
    <t>potassium cyanate</t>
  </si>
  <si>
    <t>209-676-3</t>
  </si>
  <si>
    <t>590-28-3</t>
  </si>
  <si>
    <t>615-017-00-4</t>
  </si>
  <si>
    <t>calcium cyanamide</t>
  </si>
  <si>
    <t>205-861-8</t>
  </si>
  <si>
    <t>156-62-7</t>
  </si>
  <si>
    <t>615-018-00-X</t>
  </si>
  <si>
    <t>2-(2-butoxyethoxy)ethyl thiocyanate</t>
  </si>
  <si>
    <t>203-985-7</t>
  </si>
  <si>
    <t>112-56-1</t>
  </si>
  <si>
    <t>615-019-00-5</t>
  </si>
  <si>
    <t>dicyclohexylcarbodiimide</t>
  </si>
  <si>
    <t>208-704-1</t>
  </si>
  <si>
    <t>538-75-0</t>
  </si>
  <si>
    <t>615-020-00-0</t>
  </si>
  <si>
    <t>methylene dithiocyanate</t>
  </si>
  <si>
    <t>228-652-3</t>
  </si>
  <si>
    <t>6317-18-6</t>
  </si>
  <si>
    <t>TGIC</t>
  </si>
  <si>
    <t>615-022-00-1</t>
  </si>
  <si>
    <t>methyl 3-isocyanatosulfonyl-2-thiophene-carboxylate</t>
  </si>
  <si>
    <t>410-550-7</t>
  </si>
  <si>
    <t>79277-18-2</t>
  </si>
  <si>
    <t>615-023-00-7</t>
  </si>
  <si>
    <t>410-900-9</t>
  </si>
  <si>
    <t>83056-32-0</t>
  </si>
  <si>
    <t>615-024-00-2</t>
  </si>
  <si>
    <t>2-phenylethylisocyanate</t>
  </si>
  <si>
    <t>413-080-0</t>
  </si>
  <si>
    <t>1943-82-4</t>
  </si>
  <si>
    <t>615-025-00-8</t>
  </si>
  <si>
    <t>4,4'-ethylidenediphenyl dicyanate</t>
  </si>
  <si>
    <t>405-740-1</t>
  </si>
  <si>
    <t>47073-92-7</t>
  </si>
  <si>
    <t>615-026-00-3</t>
  </si>
  <si>
    <t>4,4'-methylenebis(2,6-dimethylphenyl cyanate)</t>
  </si>
  <si>
    <t>405-790-4</t>
  </si>
  <si>
    <t>101657-77-6</t>
  </si>
  <si>
    <t>615-028-00-4</t>
  </si>
  <si>
    <t>ethyl 2-(isocyanatosulfonyl)benzoate</t>
  </si>
  <si>
    <t>410-220-2</t>
  </si>
  <si>
    <t>77375-79-2</t>
  </si>
  <si>
    <t>615-029-00-X</t>
  </si>
  <si>
    <t>2,5-bis-isocyanatomethyl-bicyclo[2.2.1]heptane</t>
  </si>
  <si>
    <t>411-280-2</t>
  </si>
  <si>
    <t>615-030-00-5</t>
  </si>
  <si>
    <t>alkali salts and alkali earth salts of thiocyanic acid, with the exception of those specified elsewhere in this Annex</t>
  </si>
  <si>
    <t>615-031-00-0</t>
  </si>
  <si>
    <t>thallium thiocyanate</t>
  </si>
  <si>
    <t>222-571-7</t>
  </si>
  <si>
    <t>3535-84-0</t>
  </si>
  <si>
    <t>615-032-00-6</t>
  </si>
  <si>
    <t>metal salts of thiocyanic acid, with the exception of those specified elsewhere in this Annex</t>
  </si>
  <si>
    <t>615-033-00-1</t>
  </si>
  <si>
    <t>reaction product of diphenylmethanediisocyanate, octylamine, oleylamine and cyclohexylamine (1:1.58:0.32:0097)</t>
  </si>
  <si>
    <t>430-980-9</t>
  </si>
  <si>
    <t>615-034-00-7</t>
  </si>
  <si>
    <t>430-750-8</t>
  </si>
  <si>
    <t>615-035-00-2</t>
  </si>
  <si>
    <t>430-930-6</t>
  </si>
  <si>
    <t>122886-55-9</t>
  </si>
  <si>
    <t>615-036-00-8</t>
  </si>
  <si>
    <t>430-940-0</t>
  </si>
  <si>
    <t>615-037-00-3</t>
  </si>
  <si>
    <t>430-950-5</t>
  </si>
  <si>
    <t>615-038-00-9</t>
  </si>
  <si>
    <t>430-960-1</t>
  </si>
  <si>
    <t>615-039-00-4</t>
  </si>
  <si>
    <t>430-970-4</t>
  </si>
  <si>
    <t>615-044-00-1</t>
  </si>
  <si>
    <t>4-chlorophenylisocyanate</t>
  </si>
  <si>
    <t>203-176-9</t>
  </si>
  <si>
    <t>104-12-1</t>
  </si>
  <si>
    <t>615-045-00-7</t>
  </si>
  <si>
    <t>4,4'-methylene bis(3-chloro-2,6-di-ethylphenylisocyanate)</t>
  </si>
  <si>
    <t>420-530-1</t>
  </si>
  <si>
    <t>dimethyl formamide</t>
  </si>
  <si>
    <t>616-002-00-5</t>
  </si>
  <si>
    <t>2-fluoroacetamide</t>
  </si>
  <si>
    <t>211-363-1</t>
  </si>
  <si>
    <t>640-19-7</t>
  </si>
  <si>
    <t>acrylamide;</t>
  </si>
  <si>
    <t>prop-2-enamide</t>
  </si>
  <si>
    <t>616-004-00-6</t>
  </si>
  <si>
    <t>allidochlor (ISO);</t>
  </si>
  <si>
    <t>202-270-7</t>
  </si>
  <si>
    <t>93-71-0</t>
  </si>
  <si>
    <t>616-005-00-1</t>
  </si>
  <si>
    <t>chlorthiamid (ISO);</t>
  </si>
  <si>
    <t>217-637-7</t>
  </si>
  <si>
    <t>1918-13-4</t>
  </si>
  <si>
    <t>2,6-dichloro (thiobenzamide)</t>
  </si>
  <si>
    <t>616-006-00-7</t>
  </si>
  <si>
    <t>dichlofluanid (ISO);</t>
  </si>
  <si>
    <t>214-118-7</t>
  </si>
  <si>
    <t>N-[(dichlorofluoromethyl)thio]-N′,N′-dimethyl-N-phenylsulfamide</t>
  </si>
  <si>
    <t>616-007-00-2</t>
  </si>
  <si>
    <t>diphenamid (ISO);</t>
  </si>
  <si>
    <t>213-482-4</t>
  </si>
  <si>
    <t>957-51-7</t>
  </si>
  <si>
    <t>616-008-00-8</t>
  </si>
  <si>
    <t>propachlor (ISO);</t>
  </si>
  <si>
    <t>217-638-2</t>
  </si>
  <si>
    <t>1918-16-7</t>
  </si>
  <si>
    <t>616-009-00-3</t>
  </si>
  <si>
    <t>propanil (ISO);</t>
  </si>
  <si>
    <t>211-914-6</t>
  </si>
  <si>
    <t>709-98-8</t>
  </si>
  <si>
    <t>616-010-00-9</t>
  </si>
  <si>
    <t>tosylchloramide sodium</t>
  </si>
  <si>
    <t>204-854-7</t>
  </si>
  <si>
    <t>616-012-00-X</t>
  </si>
  <si>
    <t>211-952-3</t>
  </si>
  <si>
    <t>719-96-0</t>
  </si>
  <si>
    <t>616-013-00-5</t>
  </si>
  <si>
    <t>butyraldehyde oxime</t>
  </si>
  <si>
    <t>203-792-8</t>
  </si>
  <si>
    <t>110-69-0</t>
  </si>
  <si>
    <t>616-014-00-0</t>
  </si>
  <si>
    <t>2-butanone oxime;</t>
  </si>
  <si>
    <t>202-496-6</t>
  </si>
  <si>
    <t>96-29-7</t>
  </si>
  <si>
    <t>ethyl methyl ketoxime;</t>
  </si>
  <si>
    <t>ethyl methyl ketone oxime</t>
  </si>
  <si>
    <t>616-015-00-6</t>
  </si>
  <si>
    <t>alachlor (ISO);</t>
  </si>
  <si>
    <t>240-110-8</t>
  </si>
  <si>
    <t>15972-60-8</t>
  </si>
  <si>
    <t>616-016-00-1</t>
  </si>
  <si>
    <t>5836-73-7</t>
  </si>
  <si>
    <t>616-017-00-7</t>
  </si>
  <si>
    <t>cartap hydrochloride</t>
  </si>
  <si>
    <t>239-309-2</t>
  </si>
  <si>
    <t>15263-52-2</t>
  </si>
  <si>
    <t>616-018-00-2</t>
  </si>
  <si>
    <t>205-149-7</t>
  </si>
  <si>
    <t>134-62-3</t>
  </si>
  <si>
    <t>deet</t>
  </si>
  <si>
    <t>616-019-00-8</t>
  </si>
  <si>
    <t>perfluidone (ISO);</t>
  </si>
  <si>
    <t>253-718-3</t>
  </si>
  <si>
    <t>37924-13-3</t>
  </si>
  <si>
    <t>616-020-00-3</t>
  </si>
  <si>
    <t>tebuthiuron (ISO);</t>
  </si>
  <si>
    <t>251-793-7</t>
  </si>
  <si>
    <t>34014-18-1</t>
  </si>
  <si>
    <t>616-021-00-9</t>
  </si>
  <si>
    <t>thiazafluron (ISO);</t>
  </si>
  <si>
    <t>246-901-4</t>
  </si>
  <si>
    <t>25366-23-8</t>
  </si>
  <si>
    <t>1,3-dimethyl-1-(5-trifluoromethyl-1,3,4-thiadiazol-2-yl)urea</t>
  </si>
  <si>
    <t>616-022-00-4</t>
  </si>
  <si>
    <t>acetamide</t>
  </si>
  <si>
    <t>200-473-5</t>
  </si>
  <si>
    <t>60-35-5</t>
  </si>
  <si>
    <t>616-023-00-X</t>
  </si>
  <si>
    <t>401-980-6</t>
  </si>
  <si>
    <t>616-024-00-5</t>
  </si>
  <si>
    <t>402-260-4</t>
  </si>
  <si>
    <t>54942-74-4</t>
  </si>
  <si>
    <t>616-025-00-0</t>
  </si>
  <si>
    <t>valinamide</t>
  </si>
  <si>
    <t>402-840-7</t>
  </si>
  <si>
    <t>20108-78-5</t>
  </si>
  <si>
    <t>thioacetamide</t>
  </si>
  <si>
    <t>616-027-00-1</t>
  </si>
  <si>
    <t>tris(2-(2-hydroxyethoxy)ethyl)ammonium 3-acetoacetamido-4-methoxybenzenesulfonate</t>
  </si>
  <si>
    <t>403-760-5</t>
  </si>
  <si>
    <t>616-028-00-7</t>
  </si>
  <si>
    <t>403-790-9</t>
  </si>
  <si>
    <t>108673-51-4</t>
  </si>
  <si>
    <t>616-029-00-2</t>
  </si>
  <si>
    <t>404-790-1</t>
  </si>
  <si>
    <t>66710-66-5</t>
  </si>
  <si>
    <t>616-030-00-8</t>
  </si>
  <si>
    <t>ethidimuron (ISO);</t>
  </si>
  <si>
    <t>250-010-6</t>
  </si>
  <si>
    <t>30043-49-3</t>
  </si>
  <si>
    <t>1-(5-ethylsulphonyl-1,3,4-thiadiazol-2-yl)-1,3-dimethylurea</t>
  </si>
  <si>
    <t>616-031-00-3</t>
  </si>
  <si>
    <t>dimethachlor (ISO);</t>
  </si>
  <si>
    <t>256-625-6</t>
  </si>
  <si>
    <t>50563-36-5</t>
  </si>
  <si>
    <t>616-032-00-9</t>
  </si>
  <si>
    <t>diflufenican (ISO);</t>
  </si>
  <si>
    <t>83164-33-4</t>
  </si>
  <si>
    <t>616-033-00-4</t>
  </si>
  <si>
    <t>cyprofuram (ISO);</t>
  </si>
  <si>
    <t>274-050-9</t>
  </si>
  <si>
    <t>69581-33-5</t>
  </si>
  <si>
    <t>616-034-00-X</t>
  </si>
  <si>
    <t>pyracarbolid; (ISO);</t>
  </si>
  <si>
    <t>246-419-4</t>
  </si>
  <si>
    <t>24691-76-7</t>
  </si>
  <si>
    <t>616-035-00-5</t>
  </si>
  <si>
    <t>cymoxanil (ISO);</t>
  </si>
  <si>
    <t>261-043-0</t>
  </si>
  <si>
    <t>57966-95-7</t>
  </si>
  <si>
    <t>H373 (blood, thymus)</t>
  </si>
  <si>
    <t>616-036-00-0</t>
  </si>
  <si>
    <t>2-chloracetamide</t>
  </si>
  <si>
    <t>201-174-2</t>
  </si>
  <si>
    <t>616-037-00-6</t>
  </si>
  <si>
    <t>acetochlor (ISO); 2-chloro-N-(ethoxymethyl)-N-(2-ethyl-6-methylphenyl)acetamide</t>
  </si>
  <si>
    <t>251-899-3</t>
  </si>
  <si>
    <t>34256-82-1</t>
  </si>
  <si>
    <t>616-038-00-1</t>
  </si>
  <si>
    <t>406-010-5</t>
  </si>
  <si>
    <t>88918-84-7</t>
  </si>
  <si>
    <t>616-039-00-7</t>
  </si>
  <si>
    <t>3',5'-dichloro-4'-ethyl-2'-hydroxypalmitanilide</t>
  </si>
  <si>
    <t>406-200-8</t>
  </si>
  <si>
    <t>117827-06-2</t>
  </si>
  <si>
    <t>616-040-00-2</t>
  </si>
  <si>
    <t>406-650-5</t>
  </si>
  <si>
    <t>97888-41-0</t>
  </si>
  <si>
    <t>616-041-00-8</t>
  </si>
  <si>
    <t>406-840-8</t>
  </si>
  <si>
    <t>101664-25-9</t>
  </si>
  <si>
    <t>616-042-00-3</t>
  </si>
  <si>
    <t>407-070-5</t>
  </si>
  <si>
    <t>142859-67-4</t>
  </si>
  <si>
    <t>616-043-00-9</t>
  </si>
  <si>
    <t>isoxaben (ISO);</t>
  </si>
  <si>
    <t>407-190-8</t>
  </si>
  <si>
    <t>82558-50-7</t>
  </si>
  <si>
    <t>616-044-00-4</t>
  </si>
  <si>
    <t>402-510-2</t>
  </si>
  <si>
    <t>616-045-00-X</t>
  </si>
  <si>
    <t>2'-(4-chloro-3-cyano-5-formyl-2-thienylazo)-5'-diethylamino-2-methoxyacetanilide</t>
  </si>
  <si>
    <t>405-190-2</t>
  </si>
  <si>
    <t>122371-93-1</t>
  </si>
  <si>
    <t>616-046-00-5</t>
  </si>
  <si>
    <t>406-390-2</t>
  </si>
  <si>
    <t>616-047-00-0</t>
  </si>
  <si>
    <t>406-640-0</t>
  </si>
  <si>
    <t>616-048-00-6</t>
  </si>
  <si>
    <t>3'-trifluoromethylisobutyranilide</t>
  </si>
  <si>
    <t>406-740-4</t>
  </si>
  <si>
    <t>1939-27-1</t>
  </si>
  <si>
    <t>616-049-00-1</t>
  </si>
  <si>
    <t>408-150-2</t>
  </si>
  <si>
    <t>99141-89-6</t>
  </si>
  <si>
    <t>616-050-00-7</t>
  </si>
  <si>
    <t>lufenuron (ISO);</t>
  </si>
  <si>
    <t>410-690-9</t>
  </si>
  <si>
    <t>103055-07-8</t>
  </si>
  <si>
    <t>616-051-00-2</t>
  </si>
  <si>
    <t>411-070-0</t>
  </si>
  <si>
    <t>formamide</t>
  </si>
  <si>
    <t>616-054-00-9</t>
  </si>
  <si>
    <t>iprodione (ISO);</t>
  </si>
  <si>
    <t>253-178-9</t>
  </si>
  <si>
    <t>36734-19-7</t>
  </si>
  <si>
    <t>616-055-00-4</t>
  </si>
  <si>
    <t>propyzamide (ISO);</t>
  </si>
  <si>
    <t>245-951-4</t>
  </si>
  <si>
    <t>23950-58-5</t>
  </si>
  <si>
    <t>616-058-00-0</t>
  </si>
  <si>
    <t>412-570-1</t>
  </si>
  <si>
    <t>119462-56-5</t>
  </si>
  <si>
    <t>616-059-00-6</t>
  </si>
  <si>
    <t>412-650-6</t>
  </si>
  <si>
    <t>121487-83-0</t>
  </si>
  <si>
    <t>616-060-00-1</t>
  </si>
  <si>
    <t>413-770-1</t>
  </si>
  <si>
    <t>616-061-00-7</t>
  </si>
  <si>
    <t>413-610-0</t>
  </si>
  <si>
    <t>124172-53-8</t>
  </si>
  <si>
    <t>616-062-00-2</t>
  </si>
  <si>
    <t>411-590-8</t>
  </si>
  <si>
    <t>70693-57-1</t>
  </si>
  <si>
    <t>616-063-00-8</t>
  </si>
  <si>
    <t>3-dodecyl-(1-(1,2,2,6,6-pentamethyl-4-piperidin)-yl)-2,5-pyrrolidindione</t>
  </si>
  <si>
    <t>411-920-0</t>
  </si>
  <si>
    <t>106917-30-0</t>
  </si>
  <si>
    <t>616-064-00-3</t>
  </si>
  <si>
    <t>406-720-5</t>
  </si>
  <si>
    <t>32998-95-1</t>
  </si>
  <si>
    <t>616-065-00-9</t>
  </si>
  <si>
    <t>3'-(3-acetyl-4-hydroxyphenyl)-1,1-diethylurea</t>
  </si>
  <si>
    <t>411-970-3</t>
  </si>
  <si>
    <t>79881-89-3</t>
  </si>
  <si>
    <t>616-066-00-4</t>
  </si>
  <si>
    <t>405-100-1</t>
  </si>
  <si>
    <t>115662-06-1</t>
  </si>
  <si>
    <t>616-067-00-X</t>
  </si>
  <si>
    <t>dodecyl 3-(2-(3-benzyl-4-ethoxy-2,5-dioxoimidazolidin-1-yl)-4,4-dimethyl-3-oxovaleramido)-4-chlorobenzoate</t>
  </si>
  <si>
    <t>407-300-4</t>
  </si>
  <si>
    <t>92683-20-0</t>
  </si>
  <si>
    <t>616-068-00-5</t>
  </si>
  <si>
    <t>potassium 4-(11-methacrylamidoundecanamido)benzenesulfonate</t>
  </si>
  <si>
    <t>406-500-9</t>
  </si>
  <si>
    <t>174393-75-0</t>
  </si>
  <si>
    <t>616-069-00-0</t>
  </si>
  <si>
    <t>406-210-2</t>
  </si>
  <si>
    <t>110560-22-0</t>
  </si>
  <si>
    <t>616-070-00-6</t>
  </si>
  <si>
    <t>reaction mass of: 3,3'-dicyclohexyl-1,1'-methylenebis(4,1-phenylene)diurea;</t>
  </si>
  <si>
    <t>406-530-2</t>
  </si>
  <si>
    <t>3-cyclohexyl-1-(4-(4-(3-octadecylureido)benzyl)phenyl)urea;</t>
  </si>
  <si>
    <t>3,3'-dioctadecyl-1,1'-methylenebis(4,1-phenylene)diurea</t>
  </si>
  <si>
    <t>616-071-00-1</t>
  </si>
  <si>
    <t>406-550-1</t>
  </si>
  <si>
    <t>616-072-00-7</t>
  </si>
  <si>
    <t>407-120-6</t>
  </si>
  <si>
    <t>55612-11-8</t>
  </si>
  <si>
    <t>616-073-00-2</t>
  </si>
  <si>
    <t>4'-ethoxy-2-benzimidazoleanilide</t>
  </si>
  <si>
    <t>407-600-5</t>
  </si>
  <si>
    <t>120187-29-3</t>
  </si>
  <si>
    <t>616-074-00-8</t>
  </si>
  <si>
    <t>407-730-2</t>
  </si>
  <si>
    <t>104958-67-0</t>
  </si>
  <si>
    <t>616-075-00-3</t>
  </si>
  <si>
    <t>408-120-9</t>
  </si>
  <si>
    <t>65197-96-8</t>
  </si>
  <si>
    <t>616-076-00-9</t>
  </si>
  <si>
    <t>tebufenozide (ISO);</t>
  </si>
  <si>
    <t>412-850-3</t>
  </si>
  <si>
    <t>112410-23-8</t>
  </si>
  <si>
    <t>616-077-00-4</t>
  </si>
  <si>
    <t>411-310-4</t>
  </si>
  <si>
    <t>616-078-00-X</t>
  </si>
  <si>
    <t>411-330-3</t>
  </si>
  <si>
    <t>104541-33-5</t>
  </si>
  <si>
    <t>616-079-00-5</t>
  </si>
  <si>
    <t>1,6-hexanediyl-bis(2-(2-(1-ethylpentyl)-3-oxazolidinyl)ethyl)carbamate</t>
  </si>
  <si>
    <t>411-700-4</t>
  </si>
  <si>
    <t>140921-24-0</t>
  </si>
  <si>
    <t>616-080-00-0</t>
  </si>
  <si>
    <t>4-(2-((3-ethyl-4-methyl-2-oxo-pyrrolin-1-yl)carboxamido)ethyl)benzenesulfonamide)</t>
  </si>
  <si>
    <t>411-850-0</t>
  </si>
  <si>
    <t>119018-29-0</t>
  </si>
  <si>
    <t>616-081-00-6</t>
  </si>
  <si>
    <t>5-bromo-8-naphtholactam</t>
  </si>
  <si>
    <t>413-480-5</t>
  </si>
  <si>
    <t>24856-00-6</t>
  </si>
  <si>
    <t>616-082-00-1</t>
  </si>
  <si>
    <t>413-200-1</t>
  </si>
  <si>
    <t>129604-78-0</t>
  </si>
  <si>
    <t>616-083-00-7</t>
  </si>
  <si>
    <t>[2-[(4-nitrophenyl)amino]ethyl]urea</t>
  </si>
  <si>
    <t>410-700-1</t>
  </si>
  <si>
    <t>27080-42-8</t>
  </si>
  <si>
    <t>616-084-00-2</t>
  </si>
  <si>
    <t>411-790-5</t>
  </si>
  <si>
    <t>616-085-00-8</t>
  </si>
  <si>
    <t>412-190-6</t>
  </si>
  <si>
    <t>168900-02-5</t>
  </si>
  <si>
    <t>616-086-00-3</t>
  </si>
  <si>
    <t>2-acetylamino-6-chloro-4-[(4-diethylamino)2-methylphenyl-imino]-5-methyl-1-oxo-2,5-cyclohexadiene</t>
  </si>
  <si>
    <t>412-250-1</t>
  </si>
  <si>
    <t>102387-48-4</t>
  </si>
  <si>
    <t>616-087-00-9</t>
  </si>
  <si>
    <t>reaction mass of: 7,9,9-trimethyl-3,14-dioxa-4,13-dioxo-5,12-diazahexadecane-1,16-diyl-prop-2-enoate;</t>
  </si>
  <si>
    <t>412-260-6</t>
  </si>
  <si>
    <t>52658-19-2</t>
  </si>
  <si>
    <t>616-088-00-4</t>
  </si>
  <si>
    <t>413-440-7</t>
  </si>
  <si>
    <t>112006-75-4</t>
  </si>
  <si>
    <t>616-089-00-X</t>
  </si>
  <si>
    <t>5-(2,4-dioxo-1,2,3,4-tetrahydropyrimidine)-3-fluoro-2-hydroxymethyltetrahydrofuran</t>
  </si>
  <si>
    <t>415-360-8</t>
  </si>
  <si>
    <t>41107-56-6</t>
  </si>
  <si>
    <t>616-090-00-5</t>
  </si>
  <si>
    <t>1-(1,4-benzodioxan-2-ylcarbonyl)piperazine hydrochloride</t>
  </si>
  <si>
    <t>415-660-9</t>
  </si>
  <si>
    <t>70918-74-0</t>
  </si>
  <si>
    <t>616-092-00-6</t>
  </si>
  <si>
    <t>404-035-6</t>
  </si>
  <si>
    <t>616-093-00-1</t>
  </si>
  <si>
    <t>406-620-1</t>
  </si>
  <si>
    <t>129217-90-9</t>
  </si>
  <si>
    <t>616-094-00-7</t>
  </si>
  <si>
    <t>3,3′-dicyclohexyl-1,1′-methylenebis(4,1-phenylene)diurea</t>
  </si>
  <si>
    <t>406-370-3</t>
  </si>
  <si>
    <t>58890-25-8</t>
  </si>
  <si>
    <t>616-095-00-2</t>
  </si>
  <si>
    <t>406-690-3</t>
  </si>
  <si>
    <t>43136-14-7</t>
  </si>
  <si>
    <t>616-096-00-8</t>
  </si>
  <si>
    <t>408-110-4</t>
  </si>
  <si>
    <t>110483-07-3</t>
  </si>
  <si>
    <t>616-097-00-3</t>
  </si>
  <si>
    <t>411-840-6</t>
  </si>
  <si>
    <t>83372-55-8</t>
  </si>
  <si>
    <t>616-098-00-9</t>
  </si>
  <si>
    <t>411-750-7</t>
  </si>
  <si>
    <t>119126-15-7</t>
  </si>
  <si>
    <t>616-099-00-4</t>
  </si>
  <si>
    <t>414-170-2</t>
  </si>
  <si>
    <t>135937-20-1</t>
  </si>
  <si>
    <t>616-100-00-8</t>
  </si>
  <si>
    <t>1,3-dimethyl-1,3-bis(trimethylsilyl)urea</t>
  </si>
  <si>
    <t>414-180-7</t>
  </si>
  <si>
    <t>10218-17-4</t>
  </si>
  <si>
    <t>616-101-00-3</t>
  </si>
  <si>
    <t>414-600-9</t>
  </si>
  <si>
    <t>149182-72-9</t>
  </si>
  <si>
    <t>616-102-00-9</t>
  </si>
  <si>
    <t>reaction mass of: α-[3-(3-mercaptopropanoxycarbonylamino)methylphenylaminocarbonyl]-ω-[3-(3-mercaptopropanoxycarbonylamino)methylphenylaminocarbonyloxy]-poly-(oxyethylene-co-oxypropylene);</t>
  </si>
  <si>
    <t>415-870-0</t>
  </si>
  <si>
    <t>1,2-(or 1,3-)bis[α-(3-mercaptopropanoxycarbonylamino)methylphenylaminocarbonyl)-ω-oxy-poly(oxyethylene-co-oxypropylene)]-3-(or 2-)propanol;</t>
  </si>
  <si>
    <t>1,2,3-tris[α-(3-mercaptopropanoxycarbonyl-amino)methylphenylaminocarbonyl)-ω-oxy-poly-(oxyethylene-co-oxypropylene)]propane]</t>
  </si>
  <si>
    <t>616-103-00-4</t>
  </si>
  <si>
    <t>415-030-3</t>
  </si>
  <si>
    <t>120298-38-6</t>
  </si>
  <si>
    <t>616-104-00-X</t>
  </si>
  <si>
    <t>benalaxyl (ISO);</t>
  </si>
  <si>
    <t>275-728-7</t>
  </si>
  <si>
    <t>71626-11-4</t>
  </si>
  <si>
    <t>616-105-00-5</t>
  </si>
  <si>
    <t>chlorotoluron (ISO);</t>
  </si>
  <si>
    <t>239-592-2</t>
  </si>
  <si>
    <t>616-106-00-0</t>
  </si>
  <si>
    <t>phenmedipham (ISO);</t>
  </si>
  <si>
    <t>237-199-0</t>
  </si>
  <si>
    <t>13684-63-4</t>
  </si>
  <si>
    <t>methyl 3-(3-methylcarbaniloyloxy)carbanilate</t>
  </si>
  <si>
    <t>616-107-00-6</t>
  </si>
  <si>
    <t>cinidon ethyl (ISO);</t>
  </si>
  <si>
    <t>142891-20-1</t>
  </si>
  <si>
    <t>616-108-00-1</t>
  </si>
  <si>
    <t>144550-36-7</t>
  </si>
  <si>
    <t>616-109-00-7</t>
  </si>
  <si>
    <t>sulfosulfuron (ISO);</t>
  </si>
  <si>
    <t>141776-32-1</t>
  </si>
  <si>
    <t>1-(4,6-dimethoxypyrimidin-2-yl)-3-(2-ethylsulfonylimidazo[1,2-a]pyridin-3-yl)sulfonylurea</t>
  </si>
  <si>
    <t>616-110-00-2</t>
  </si>
  <si>
    <t>cyclanilide (ISO);</t>
  </si>
  <si>
    <t>419-150-7</t>
  </si>
  <si>
    <t>113136-77-9</t>
  </si>
  <si>
    <t>1-(2,4-dichloroanilinocarbonyl)cyclopropanecarboxylic acid</t>
  </si>
  <si>
    <t>616-111-00-8</t>
  </si>
  <si>
    <t>fenhexamid (ISO);</t>
  </si>
  <si>
    <t>422-530-5</t>
  </si>
  <si>
    <t>126833-17-8</t>
  </si>
  <si>
    <t>616-112-00-3</t>
  </si>
  <si>
    <t>oxasulfuron (ISO);</t>
  </si>
  <si>
    <t>144651-06-9</t>
  </si>
  <si>
    <t>oxetan-3-yl 2-[(4,6-dimethylpyrimidin-2-yl)-carbamoylsulfamoyl]benzoate</t>
  </si>
  <si>
    <t>616-113-00-9</t>
  </si>
  <si>
    <t>desmedipham (ISO);</t>
  </si>
  <si>
    <t>237-198-5</t>
  </si>
  <si>
    <t>13684-56-5</t>
  </si>
  <si>
    <t>ethyl 3-phenylcarbamoyloxyphenylcarbamate</t>
  </si>
  <si>
    <t>616-114-00-4</t>
  </si>
  <si>
    <t>418-010-2</t>
  </si>
  <si>
    <t>136897-58-0</t>
  </si>
  <si>
    <t>616-115-00-X</t>
  </si>
  <si>
    <t>416-150-9</t>
  </si>
  <si>
    <t>136450-06-1</t>
  </si>
  <si>
    <t>616-116-00-5</t>
  </si>
  <si>
    <t>416-790-9</t>
  </si>
  <si>
    <t>143052-96-4</t>
  </si>
  <si>
    <t>616-117-00-0</t>
  </si>
  <si>
    <t>416-860-9</t>
  </si>
  <si>
    <t>777891-21-1</t>
  </si>
  <si>
    <t>616-118-00-6</t>
  </si>
  <si>
    <t>417-950-0</t>
  </si>
  <si>
    <t>65797-42-4</t>
  </si>
  <si>
    <t>616-119-00-1</t>
  </si>
  <si>
    <t>418-060-5</t>
  </si>
  <si>
    <t>118020-93-2</t>
  </si>
  <si>
    <t>616-120-00-7</t>
  </si>
  <si>
    <t>420-600-1</t>
  </si>
  <si>
    <t>616-121-00-2</t>
  </si>
  <si>
    <t>419-090-1</t>
  </si>
  <si>
    <t>129205-19-2</t>
  </si>
  <si>
    <t>616-122-00-8</t>
  </si>
  <si>
    <t>414-460-9</t>
  </si>
  <si>
    <t>105726-67-8</t>
  </si>
  <si>
    <t>616-123-00-3</t>
  </si>
  <si>
    <t>414-740-0</t>
  </si>
  <si>
    <t>96141-86-5</t>
  </si>
  <si>
    <t>616-124-00-9</t>
  </si>
  <si>
    <t>lithium bis(trifluoromethylsulfonyl)imide</t>
  </si>
  <si>
    <t>415-300-0</t>
  </si>
  <si>
    <t>90076-65-6</t>
  </si>
  <si>
    <t>616-125-00-4</t>
  </si>
  <si>
    <t>415-730-9</t>
  </si>
  <si>
    <t>151338-11-3</t>
  </si>
  <si>
    <t>616-126-00-X</t>
  </si>
  <si>
    <t>423-960-6</t>
  </si>
  <si>
    <t>139756-01-7</t>
  </si>
  <si>
    <t>616-127-00-5</t>
  </si>
  <si>
    <t>430-050-2</t>
  </si>
  <si>
    <t>616-128-00-0</t>
  </si>
  <si>
    <t>417-530-7</t>
  </si>
  <si>
    <t>123590-00-1</t>
  </si>
  <si>
    <t>616-129-00-6</t>
  </si>
  <si>
    <t>419-710-0</t>
  </si>
  <si>
    <t>42774-15-2</t>
  </si>
  <si>
    <t>616-130-00-1</t>
  </si>
  <si>
    <t>421-780-2</t>
  </si>
  <si>
    <t>150919-56-5</t>
  </si>
  <si>
    <t>616-131-00-7</t>
  </si>
  <si>
    <t>1-aminocyclopentanecarboxamide</t>
  </si>
  <si>
    <t>422-950-9</t>
  </si>
  <si>
    <t>17193-28-1</t>
  </si>
  <si>
    <t>616-132-00-2</t>
  </si>
  <si>
    <t>423-250-6</t>
  </si>
  <si>
    <t>130016-98-7</t>
  </si>
  <si>
    <t>616-133-00-8</t>
  </si>
  <si>
    <t>423-990-1</t>
  </si>
  <si>
    <t>149118-66-1</t>
  </si>
  <si>
    <t>616-134-00-3</t>
  </si>
  <si>
    <t>401-820-5</t>
  </si>
  <si>
    <t>793710-14-2</t>
  </si>
  <si>
    <t>616-135-00-9</t>
  </si>
  <si>
    <t>430-230-0</t>
  </si>
  <si>
    <t>136522-17-3</t>
  </si>
  <si>
    <t>616-136-00-4</t>
  </si>
  <si>
    <t>reaction product of cocoalkyldiethanolamides and cocoalkylmonoglycerides and molybdenumtrioxide (1.75-2.2: 0.75-1.0:0.1-1.1)</t>
  </si>
  <si>
    <t>430-380-7</t>
  </si>
  <si>
    <t>616-137-00-X</t>
  </si>
  <si>
    <t>4-dichloroacetyl-1-oxa-4-azaspiro[4.5]decane</t>
  </si>
  <si>
    <t>401-130-4</t>
  </si>
  <si>
    <t>71526-07-3</t>
  </si>
  <si>
    <t>616-138-00-5</t>
  </si>
  <si>
    <t>431-600-4</t>
  </si>
  <si>
    <t>112226-61-6</t>
  </si>
  <si>
    <t>616-139-00-0</t>
  </si>
  <si>
    <t>420-380-5</t>
  </si>
  <si>
    <t>136465-81-1</t>
  </si>
  <si>
    <t>616-140-00-6</t>
  </si>
  <si>
    <t>429-380-1</t>
  </si>
  <si>
    <t>133336-92-2</t>
  </si>
  <si>
    <t>616-141-00-1</t>
  </si>
  <si>
    <t>zoxamide (ISO);</t>
  </si>
  <si>
    <t>156052-68-5</t>
  </si>
  <si>
    <t>616-142-00-7</t>
  </si>
  <si>
    <t>428-350-3</t>
  </si>
  <si>
    <t>93629-90-4</t>
  </si>
  <si>
    <t>616-143-00-2</t>
  </si>
  <si>
    <t>422-560-9</t>
  </si>
  <si>
    <t>149591-38-8</t>
  </si>
  <si>
    <t>616-144-00-8</t>
  </si>
  <si>
    <t>431-130-1</t>
  </si>
  <si>
    <t>616-145-00-3</t>
  </si>
  <si>
    <t>pethoxamide (ISO);</t>
  </si>
  <si>
    <t>106700-29-2</t>
  </si>
  <si>
    <t>616-146-00-9</t>
  </si>
  <si>
    <t>431-330-7</t>
  </si>
  <si>
    <t>142776-95-2</t>
  </si>
  <si>
    <t>616-147-00-4</t>
  </si>
  <si>
    <t>424-160-1</t>
  </si>
  <si>
    <t>139481-22-4</t>
  </si>
  <si>
    <t>616-150-00-0</t>
  </si>
  <si>
    <t>425-260-6</t>
  </si>
  <si>
    <t>616-151-00-6</t>
  </si>
  <si>
    <t>425-650-6</t>
  </si>
  <si>
    <t>171887-03-9</t>
  </si>
  <si>
    <t>616-152-00-1</t>
  </si>
  <si>
    <t>425-850-3</t>
  </si>
  <si>
    <t>125971-96-2</t>
  </si>
  <si>
    <t>616-153-00-7</t>
  </si>
  <si>
    <t>425-860-8</t>
  </si>
  <si>
    <t>125971-57-5</t>
  </si>
  <si>
    <t>616-154-00-2</t>
  </si>
  <si>
    <t>431-110-0</t>
  </si>
  <si>
    <t>616-155-00-8</t>
  </si>
  <si>
    <t>431-040-0</t>
  </si>
  <si>
    <t>104560-40-9</t>
  </si>
  <si>
    <t>616-156-00-3</t>
  </si>
  <si>
    <t>430-500-8</t>
  </si>
  <si>
    <t>204277-61-2</t>
  </si>
  <si>
    <t>616-157-00-9</t>
  </si>
  <si>
    <t>427-780-9</t>
  </si>
  <si>
    <t>114565-70-7</t>
  </si>
  <si>
    <t>616-158-00-4</t>
  </si>
  <si>
    <t>427-880-2</t>
  </si>
  <si>
    <t>90357-53-2</t>
  </si>
  <si>
    <t>616-160-00-5</t>
  </si>
  <si>
    <t>429-090-3</t>
  </si>
  <si>
    <t>61551-69-7</t>
  </si>
  <si>
    <t>616-161-00-0</t>
  </si>
  <si>
    <t>2,4-dichloro-5-hydroxyacetanilide</t>
  </si>
  <si>
    <t>429-110-0</t>
  </si>
  <si>
    <t>67669-19-6</t>
  </si>
  <si>
    <t>616-162-00-6</t>
  </si>
  <si>
    <t>isostearic acid monoisopropanolamide</t>
  </si>
  <si>
    <t>431-540-9</t>
  </si>
  <si>
    <t>616-163-00-1</t>
  </si>
  <si>
    <t>430-350-3</t>
  </si>
  <si>
    <t>192463-88-0</t>
  </si>
  <si>
    <t>616-164-00-7</t>
  </si>
  <si>
    <t>dimoxystrobin (ISO);</t>
  </si>
  <si>
    <t>149961-52-4</t>
  </si>
  <si>
    <t>616-165-00-2</t>
  </si>
  <si>
    <t>beflubutamid (ISO);</t>
  </si>
  <si>
    <t>113614-08-7</t>
  </si>
  <si>
    <t>616-166-00-8</t>
  </si>
  <si>
    <t>cyazofamid (ISO);</t>
  </si>
  <si>
    <t>120116-88-3</t>
  </si>
  <si>
    <t>616-167-00-3</t>
  </si>
  <si>
    <t>418-290-6</t>
  </si>
  <si>
    <t>168612-06-4</t>
  </si>
  <si>
    <t>616-168-00-9</t>
  </si>
  <si>
    <t>1-dimethylcarbamoyl-4-(2-sulfonatoethyl)pyridinium</t>
  </si>
  <si>
    <t>418-440-0</t>
  </si>
  <si>
    <t>136997-71-2</t>
  </si>
  <si>
    <t>616-169-00-4</t>
  </si>
  <si>
    <t>4-[4-(2,2-dimethyl-propanamido)]phenylazo-3-(2-chloro-5-(2-(3-pentadecylphenoxy)butylamido)anilino)-1-(2,4,6-trichlorophenyl)-2-pyrazoline-5-one</t>
  </si>
  <si>
    <t>420-220-4</t>
  </si>
  <si>
    <t>92771-56-7</t>
  </si>
  <si>
    <t>616-170-00-X</t>
  </si>
  <si>
    <t>420-370-0</t>
  </si>
  <si>
    <t>6485-67-2</t>
  </si>
  <si>
    <t>616-171-00-5</t>
  </si>
  <si>
    <t>2-(para-chlorophenyl)glycineamide</t>
  </si>
  <si>
    <t>420-830-0</t>
  </si>
  <si>
    <t>102333-75-5</t>
  </si>
  <si>
    <t>616-172-00-0</t>
  </si>
  <si>
    <t>423-840-3</t>
  </si>
  <si>
    <t>14691-89-5</t>
  </si>
  <si>
    <t>616-174-00-1</t>
  </si>
  <si>
    <t>2-butyl-1,3-diazaspiro[4.4]non-1-en-4-one hydrochloride</t>
  </si>
  <si>
    <t>424-560-4</t>
  </si>
  <si>
    <t>151257-01-1</t>
  </si>
  <si>
    <t>616-175-00-7</t>
  </si>
  <si>
    <t>2-(2-hexyldecyloxy)benzamide</t>
  </si>
  <si>
    <t>431-230-3</t>
  </si>
  <si>
    <t>202483-62-3</t>
  </si>
  <si>
    <t>616-176-00-2</t>
  </si>
  <si>
    <t>432-530-7</t>
  </si>
  <si>
    <t>24294-01-7</t>
  </si>
  <si>
    <t>616-177-00-8</t>
  </si>
  <si>
    <t>432-970-1</t>
  </si>
  <si>
    <t>217324-98-6</t>
  </si>
  <si>
    <t>616-178-00-3</t>
  </si>
  <si>
    <t>434-500-9</t>
  </si>
  <si>
    <t>52583-35-4</t>
  </si>
  <si>
    <t>616-179-00-9</t>
  </si>
  <si>
    <t>435-170-9</t>
  </si>
  <si>
    <t>16634-82-5</t>
  </si>
  <si>
    <t>616-181-00-X</t>
  </si>
  <si>
    <t>4'-methyldodecane-1-sulfonanilide</t>
  </si>
  <si>
    <t>435-490-9</t>
  </si>
  <si>
    <t>17417-32-2</t>
  </si>
  <si>
    <t>616-182-00-5</t>
  </si>
  <si>
    <t>435-860-1</t>
  </si>
  <si>
    <t>214417-91-1</t>
  </si>
  <si>
    <t>616-183-00-0</t>
  </si>
  <si>
    <t>442-340-6</t>
  </si>
  <si>
    <t>1854-15-5</t>
  </si>
  <si>
    <t>616-184-00-6</t>
  </si>
  <si>
    <t>442-560-2</t>
  </si>
  <si>
    <t>105043-55-8</t>
  </si>
  <si>
    <t>616-186-00-7</t>
  </si>
  <si>
    <t>443-010-4</t>
  </si>
  <si>
    <t>53641-10-4</t>
  </si>
  <si>
    <t>616-188-00-8</t>
  </si>
  <si>
    <t>443-980-9</t>
  </si>
  <si>
    <t>221215-20-9</t>
  </si>
  <si>
    <t>616-189-00-3</t>
  </si>
  <si>
    <t>444-780-4</t>
  </si>
  <si>
    <t>452962-97-9</t>
  </si>
  <si>
    <t>616-190-00-9</t>
  </si>
  <si>
    <t>445-880-0</t>
  </si>
  <si>
    <t>64026-19-3</t>
  </si>
  <si>
    <t>616-191-00-4</t>
  </si>
  <si>
    <t>446-190-2</t>
  </si>
  <si>
    <t>406488-30-0</t>
  </si>
  <si>
    <t>616-192-00-X</t>
  </si>
  <si>
    <t>448-060-0</t>
  </si>
  <si>
    <t>727678-39-9</t>
  </si>
  <si>
    <t>616-193-00-5</t>
  </si>
  <si>
    <t>449-940-7</t>
  </si>
  <si>
    <t>368450-39-9</t>
  </si>
  <si>
    <t>616-194-00-0</t>
  </si>
  <si>
    <t>449-950-1</t>
  </si>
  <si>
    <t>34640-92-1</t>
  </si>
  <si>
    <t>616-196-00-1</t>
  </si>
  <si>
    <t>419-990-4</t>
  </si>
  <si>
    <t>616-197-00-7</t>
  </si>
  <si>
    <t>422-500-1</t>
  </si>
  <si>
    <t>616-198-00-2</t>
  </si>
  <si>
    <t>423-300-7</t>
  </si>
  <si>
    <t>616-200-00-1</t>
  </si>
  <si>
    <t>432-430-3</t>
  </si>
  <si>
    <t>616-201-00-7</t>
  </si>
  <si>
    <t>12-hydroxyoctadecanoic acid, reaction products with 1,3-benzenedimethanamine and hexamethylenediamine</t>
  </si>
  <si>
    <t>432-840-2</t>
  </si>
  <si>
    <t>220926-97-6</t>
  </si>
  <si>
    <t>616-202-00-2</t>
  </si>
  <si>
    <t>434-330-5</t>
  </si>
  <si>
    <t>616-203-00-8</t>
  </si>
  <si>
    <t>442-280-0</t>
  </si>
  <si>
    <t>616-204-00-3</t>
  </si>
  <si>
    <t>451-060-3</t>
  </si>
  <si>
    <t>616-205-00-9</t>
  </si>
  <si>
    <t>266-583-0</t>
  </si>
  <si>
    <t>67129-08-2</t>
  </si>
  <si>
    <t>616-206-00-4</t>
  </si>
  <si>
    <t>flufenoxuron (ISO);</t>
  </si>
  <si>
    <t>417-680-3</t>
  </si>
  <si>
    <t>616-207-00-X</t>
  </si>
  <si>
    <t>polyhexamethylene biguanide hydrochloride;</t>
  </si>
  <si>
    <t>PHMB</t>
  </si>
  <si>
    <t>N-ethyl-2-pyrrolidone;</t>
  </si>
  <si>
    <t>1-ethylpyrrolidin-2-one</t>
  </si>
  <si>
    <t>616-209-00-0</t>
  </si>
  <si>
    <t>amidosulfuron (ISO);</t>
  </si>
  <si>
    <t>407-380-0</t>
  </si>
  <si>
    <t>120923-37-7</t>
  </si>
  <si>
    <t>3-(4,6-dimethoxypyrimidin-2-yl)-1-((N-methyl-N-methylsulfonylamino)sulfonyl)urea</t>
  </si>
  <si>
    <t>616-210-00-6</t>
  </si>
  <si>
    <t>tebufenpyrad (ISO);</t>
  </si>
  <si>
    <t>119168-77-3</t>
  </si>
  <si>
    <t>H373 (gastro-intestinal tract) (Oral)</t>
  </si>
  <si>
    <t>616-211-00-1</t>
  </si>
  <si>
    <t>proquinazid (ISO);</t>
  </si>
  <si>
    <t>189278-12-4</t>
  </si>
  <si>
    <t>6-iodo-2-propoxy-3-propylquinazolin-4(3H)-one</t>
  </si>
  <si>
    <t>616-212-00-7</t>
  </si>
  <si>
    <t>3-iodo-2-propynyl butylcarbamate; 3-iodoprop-2-yn-1-yl butylcarbamate</t>
  </si>
  <si>
    <t>259-627-5</t>
  </si>
  <si>
    <t>616-213-00-2</t>
  </si>
  <si>
    <t>374726-62-2</t>
  </si>
  <si>
    <t>616-214-00-8</t>
  </si>
  <si>
    <t>metosulam (ISO); N-(2,6-dichloro-3-methylphenyl)-5,7-dimethoxy[1,2,4]triazolo[1,5-a]pyrimidine-2-sulfonamide</t>
  </si>
  <si>
    <t>139528-85-1</t>
  </si>
  <si>
    <t>H373 (eyes, kidneys)</t>
  </si>
  <si>
    <t>616-215-00-3</t>
  </si>
  <si>
    <t>dimethenamid-P (ISO); 2-chloro-N-(2,4-dimethyl-3-thienyl)-N-[(2S)-1-methoxypropan-2-yl]acetamide</t>
  </si>
  <si>
    <t>163515-14-8</t>
  </si>
  <si>
    <t>616-216-00-9</t>
  </si>
  <si>
    <t>158062-67-0</t>
  </si>
  <si>
    <t>616-217-00-4</t>
  </si>
  <si>
    <t>sulfoxaflor (ISO); [methyl(oxo){1-[6-(trifluoromethyl)-3-pyridyl]ethyl}-λ6-sulfanylidene]cyanamide</t>
  </si>
  <si>
    <t>946578-00-3</t>
  </si>
  <si>
    <t>616-218-00-X</t>
  </si>
  <si>
    <t>1072957-71-1</t>
  </si>
  <si>
    <t>616-219-00-5</t>
  </si>
  <si>
    <t>658066-35-4</t>
  </si>
  <si>
    <t>616-220-00-0</t>
  </si>
  <si>
    <t>pencycuron (ISO); 1-[(4-chlorophenyl)methyl]-1-cyclopentyl-3-phenylurea</t>
  </si>
  <si>
    <t>266-096-3</t>
  </si>
  <si>
    <t>66063-05-6</t>
  </si>
  <si>
    <t>616-221-00-6</t>
  </si>
  <si>
    <t>hexaflumuron (ISO);</t>
  </si>
  <si>
    <t>401-400-1</t>
  </si>
  <si>
    <t>86479-06-3</t>
  </si>
  <si>
    <t>1-(3,5-dichloro-4-(1,1,2,2-tetrafluoroethoxy)phenyl)-3-(2,6-difluorobenzoyl)urea</t>
  </si>
  <si>
    <t>616-222-00-1</t>
  </si>
  <si>
    <t>penthiopyrad (ISO);</t>
  </si>
  <si>
    <t>183675-82-3</t>
  </si>
  <si>
    <t>(RS)-N-[2-(1,3-dimethylbutyl)-3-thienyl]-1-methyl-3-(trifluoromethyl)pyrazole-4-carboxamide</t>
  </si>
  <si>
    <t>carbetamide (ISO);</t>
  </si>
  <si>
    <t>617-001-00-2</t>
  </si>
  <si>
    <t>203-733-6</t>
  </si>
  <si>
    <t>110-05-4</t>
  </si>
  <si>
    <t>Org. Perox. E</t>
  </si>
  <si>
    <t>617-002-00-8</t>
  </si>
  <si>
    <t>α, α-dimethylbenzyl hydroperoxide;</t>
  </si>
  <si>
    <t>201-254-7</t>
  </si>
  <si>
    <t>80-15-9</t>
  </si>
  <si>
    <t>cumene hydroperoxide</t>
  </si>
  <si>
    <t>617-003-00-3</t>
  </si>
  <si>
    <t>dilauroyl peroxide</t>
  </si>
  <si>
    <t>203-326-3</t>
  </si>
  <si>
    <t>105-74-8</t>
  </si>
  <si>
    <t>617-004-00-9</t>
  </si>
  <si>
    <t>1,2,3,4-tetrahydro-1-naphthyl hydroperoxide</t>
  </si>
  <si>
    <t>212-230-0</t>
  </si>
  <si>
    <t>771-29-9</t>
  </si>
  <si>
    <t>617-006-00-X</t>
  </si>
  <si>
    <t>201-279-3</t>
  </si>
  <si>
    <t>80-43-3</t>
  </si>
  <si>
    <t>Org. Perox. F</t>
  </si>
  <si>
    <t>617-007-00-5</t>
  </si>
  <si>
    <t>222-389-8</t>
  </si>
  <si>
    <t>3457-61-2</t>
  </si>
  <si>
    <t>617-008-00-0</t>
  </si>
  <si>
    <t>dibenzoyl peroxide;</t>
  </si>
  <si>
    <t>202-327-6</t>
  </si>
  <si>
    <t>94-36-0</t>
  </si>
  <si>
    <t>Org. Perox. B</t>
  </si>
  <si>
    <t>benzoyl peroxide</t>
  </si>
  <si>
    <t>617-010-00-1</t>
  </si>
  <si>
    <t>1-hydroperoxycyclohexyl 1-hydroxycyclohexyl peroxide; [1]</t>
  </si>
  <si>
    <t>201-091-1 [1]</t>
  </si>
  <si>
    <t>78-18-2 [1]</t>
  </si>
  <si>
    <t>Org. Perox. A</t>
  </si>
  <si>
    <t>1,1’-dioxybiscyclohexan-1-ol; [2]</t>
  </si>
  <si>
    <t>219-306-2 [2]</t>
  </si>
  <si>
    <t>2407-94-5 [2]</t>
  </si>
  <si>
    <t>cyclohexylidene hydroperoxide; [3]</t>
  </si>
  <si>
    <t>220-279-4 [3]</t>
  </si>
  <si>
    <t>2699-11-8 [3]</t>
  </si>
  <si>
    <t>cyclohexanone, peroxide [4]</t>
  </si>
  <si>
    <t>235-527-7 [4]</t>
  </si>
  <si>
    <t>12262-58-7 [4]</t>
  </si>
  <si>
    <t>617-010-01-9</t>
  </si>
  <si>
    <t>Org. Perox. C</t>
  </si>
  <si>
    <t>C T</t>
  </si>
  <si>
    <t>1,1'-dioxybiscyclohexan-1-ol; [2]</t>
  </si>
  <si>
    <t>617-012-00-2</t>
  </si>
  <si>
    <t>201-281-4</t>
  </si>
  <si>
    <t>80-47-7</t>
  </si>
  <si>
    <t>617-013-00-8</t>
  </si>
  <si>
    <t>404-300-6</t>
  </si>
  <si>
    <t>116753-76-5</t>
  </si>
  <si>
    <t>617-014-00-3</t>
  </si>
  <si>
    <t>6-(nonylamino)-6-oxo-peroxyhexanoic acid</t>
  </si>
  <si>
    <t>406-680-9</t>
  </si>
  <si>
    <t>104788-63-8</t>
  </si>
  <si>
    <t>617-015-00-9</t>
  </si>
  <si>
    <t>bis(4-methylbenzoyl)peroxide</t>
  </si>
  <si>
    <t>407-950-9</t>
  </si>
  <si>
    <t>895-85-2</t>
  </si>
  <si>
    <t>617-016-00-4</t>
  </si>
  <si>
    <t>3-hydroxy-1,1-dimethylbutyl 2-ethyl-2-methylheptaneperoxoate</t>
  </si>
  <si>
    <t>413-910-1</t>
  </si>
  <si>
    <t>617-017-00-X</t>
  </si>
  <si>
    <t>412-140-3</t>
  </si>
  <si>
    <t>32144-25-5</t>
  </si>
  <si>
    <t>617-018-00-5</t>
  </si>
  <si>
    <t>410-840-3</t>
  </si>
  <si>
    <t>71566-50-2</t>
  </si>
  <si>
    <t>617-019-00-0</t>
  </si>
  <si>
    <t>6-(phthalimido)peroxyhexanoic acid</t>
  </si>
  <si>
    <t>410-850-8</t>
  </si>
  <si>
    <t>128275-31-0</t>
  </si>
  <si>
    <t>DgDgr</t>
  </si>
  <si>
    <t>617-020-00-6</t>
  </si>
  <si>
    <t>1,3-di(prop-2,2-diyl)benzene bis(neodecanoylperoxide)</t>
  </si>
  <si>
    <t>420-060-5</t>
  </si>
  <si>
    <t>117663-11-3</t>
  </si>
  <si>
    <t>617-021-00-1</t>
  </si>
  <si>
    <t>methylethylketone peroxide trimer</t>
  </si>
  <si>
    <t>429-320-2</t>
  </si>
  <si>
    <t>Org. Perox. B****</t>
  </si>
  <si>
    <t>617-022-00-7</t>
  </si>
  <si>
    <t>442-480-8</t>
  </si>
  <si>
    <t>617-023-00-2</t>
  </si>
  <si>
    <t>200-915-7</t>
  </si>
  <si>
    <t>75-91-2</t>
  </si>
  <si>
    <t>647-001-00-8</t>
  </si>
  <si>
    <t>glucosidase, β-</t>
  </si>
  <si>
    <t>232-589-7</t>
  </si>
  <si>
    <t>9001-22-3</t>
  </si>
  <si>
    <t>647-002-00-3</t>
  </si>
  <si>
    <t>cellulase</t>
  </si>
  <si>
    <t>232-734-4</t>
  </si>
  <si>
    <t>9012-54-8</t>
  </si>
  <si>
    <t>647-003-00-9</t>
  </si>
  <si>
    <t>cellobiohydrolase, exo-</t>
  </si>
  <si>
    <t>253-465-9</t>
  </si>
  <si>
    <t>37329-65-0</t>
  </si>
  <si>
    <t>647-004-00-4</t>
  </si>
  <si>
    <t>cellulases with the exception of those specified elsewhere in this Annex</t>
  </si>
  <si>
    <t>647-005-00-X</t>
  </si>
  <si>
    <t>bromelain, juice</t>
  </si>
  <si>
    <t>232-572-4</t>
  </si>
  <si>
    <t>9001-00-7</t>
  </si>
  <si>
    <t>647-006-00-5</t>
  </si>
  <si>
    <t>ficin</t>
  </si>
  <si>
    <t>232-599-1</t>
  </si>
  <si>
    <t>9001-33-6</t>
  </si>
  <si>
    <t>647-007-00-0</t>
  </si>
  <si>
    <t>papain</t>
  </si>
  <si>
    <t>232-627-2</t>
  </si>
  <si>
    <t>9001-73-4</t>
  </si>
  <si>
    <t>647-008-00-6</t>
  </si>
  <si>
    <t>pepsin A</t>
  </si>
  <si>
    <t>232-629-3</t>
  </si>
  <si>
    <t>9001-75-6</t>
  </si>
  <si>
    <t>647-009-00-1</t>
  </si>
  <si>
    <t>rennin</t>
  </si>
  <si>
    <t>232-645-0</t>
  </si>
  <si>
    <t>9001-98-3</t>
  </si>
  <si>
    <t>647-010-00-7</t>
  </si>
  <si>
    <t>trypsin</t>
  </si>
  <si>
    <t>232-650-8</t>
  </si>
  <si>
    <t>9002-07-7</t>
  </si>
  <si>
    <t>647-011-00-2</t>
  </si>
  <si>
    <t>chymotrypsin</t>
  </si>
  <si>
    <t>232-671-2</t>
  </si>
  <si>
    <t>9004-07-3</t>
  </si>
  <si>
    <t>647-012-00-8</t>
  </si>
  <si>
    <t>subtilisin</t>
  </si>
  <si>
    <t>232-752-2</t>
  </si>
  <si>
    <t>9014-01-1</t>
  </si>
  <si>
    <t>647-013-00-3</t>
  </si>
  <si>
    <t>proteinase, microbial neutral</t>
  </si>
  <si>
    <t>232-966-6</t>
  </si>
  <si>
    <t>9068-59-1</t>
  </si>
  <si>
    <t>647-014-00-9</t>
  </si>
  <si>
    <t>proteases with the exception of those specified elsewhere in this Annex</t>
  </si>
  <si>
    <t>647-015-00-4</t>
  </si>
  <si>
    <t>amylase, α-</t>
  </si>
  <si>
    <t>232-565-6</t>
  </si>
  <si>
    <t>9000-90-2</t>
  </si>
  <si>
    <t>647-016-00-X</t>
  </si>
  <si>
    <t>amylases with the exception of those specified elsewhere in this Annex</t>
  </si>
  <si>
    <t>647-017-00-5</t>
  </si>
  <si>
    <t>laccase</t>
  </si>
  <si>
    <t>420-150-4</t>
  </si>
  <si>
    <t>80498-15-3</t>
  </si>
  <si>
    <t>Distillates (coal tar), benzole fraction;</t>
  </si>
  <si>
    <t>Distillates (coal tar), light oils, acid exts.; Light Oil Extract Residues, high boiling;</t>
  </si>
  <si>
    <t>Distillates (coal tar), light oils; Carbolic Oil;</t>
  </si>
  <si>
    <t>Absorption oils, bicyclo arom. and heterocyclic hydrocarbon fraction;</t>
  </si>
  <si>
    <t>Distillates (coal tar), upper, fluorene-rich;</t>
  </si>
  <si>
    <t>[A complex combination of hydrocarbons obtained by the crystallization of tar oil. It consists af aromatic and polycyclic hydrocarbons primarily fluorene and some acenaphthene.]</t>
  </si>
  <si>
    <t>Heavy Anthracene Oil;</t>
  </si>
  <si>
    <t>648-045-00-0</t>
  </si>
  <si>
    <t>266-026-1</t>
  </si>
  <si>
    <t>65996-91-0</t>
  </si>
  <si>
    <t>Distillates (coal tar), pitch, heavy oils;</t>
  </si>
  <si>
    <t>Distillates (coal tar), heavy oils, pyrene fraction;</t>
  </si>
  <si>
    <t>Heavy Anthracene Oil Redistillate;</t>
  </si>
  <si>
    <t>Distillates (coal tar), pitch, pyrene fraction;</t>
  </si>
  <si>
    <t>Paraffin waxes (coal), brown-coal high-temp. tar, carbon-treated;</t>
  </si>
  <si>
    <t>Coal Tar Extract;</t>
  </si>
  <si>
    <t>Pitch, coal tar, high-temp., secondary;</t>
  </si>
  <si>
    <t>Tar, coal, high-temp., distn. and storage residues;</t>
  </si>
  <si>
    <t>Coal Tar Solids Residue;</t>
  </si>
  <si>
    <t>[The deposit removed from crude coal tar storages. Composed primarily of coal tar and carbonaceous particulate matter.]</t>
  </si>
  <si>
    <t>[Solids formed during the coking of bituminous coal to produce crude bituminous coal high temperature tar. Composed primarily of coke and coal particles, highly aromatized compounds and mineral substances.]</t>
  </si>
  <si>
    <t>Tar, coal, high-temp., high-solids;</t>
  </si>
  <si>
    <t>Waste solids, coal-tar pitch coking;</t>
  </si>
  <si>
    <t>[The combination of wastes formed by the coking of bituminous coal tar pitch. It consists predominantly of carbon.]</t>
  </si>
  <si>
    <t>[The residue from extraction of dried coal.]</t>
  </si>
  <si>
    <t>Paraffin waxes (coal), brown-coal-high-temp. tar;</t>
  </si>
  <si>
    <t>Paraffin waxes (coal), brown-coal-high-temp. tar, hydrotreated;</t>
  </si>
  <si>
    <t>Paraffin waxes (coal), brown-coal high-temp tar, silicic acid-treated;</t>
  </si>
  <si>
    <t>Pitch, coal tar, low-temp., oxidized;</t>
  </si>
  <si>
    <t>Pitch Residue, oxidised;</t>
  </si>
  <si>
    <t>Pitch, coal tar, low-temp., heat-treated;</t>
  </si>
  <si>
    <t>Distillates (coal-petroleum), condensed-ring arom;</t>
  </si>
  <si>
    <t>Distillates;</t>
  </si>
  <si>
    <t>Pyrolysis Products;</t>
  </si>
  <si>
    <t>[A complex combination of hydrocarbons obtained by the crystallization of tar oil. It consists of aromatic polycyclic hydrocarbons, primarily diphenyl, dibenzofuran and acenaphthene.]</t>
  </si>
  <si>
    <t>648-079-00-6</t>
  </si>
  <si>
    <t>Creosote;</t>
  </si>
  <si>
    <t>[The distillate of coal tar produced by the high temperature carbonization of bituminous coal. It consists primarily of aromatic hydrocarbons, tar acids and tar bases.]</t>
  </si>
  <si>
    <t>Extract residues (coal), low temp. coal atar alk.;</t>
  </si>
  <si>
    <t>Residues (coal), liq. solvent extn.;</t>
  </si>
  <si>
    <t>[A cohesive powder composed of coal mineral matter and undissolved coal remaining after extraction of coal by a liquid solvent.]</t>
  </si>
  <si>
    <t>Coal liquids, liq. solvent extn. soln.;</t>
  </si>
  <si>
    <t>[The product obtained by filtration of coal mineral matter and undissolved coal from coal extract solution produced by digesting coal in a liquid solvent. A black, viscous, highly complex liquid combination composed primarily of aromatic and partly hydro-genated aromatic hydrocarbons, aromatic nitrogen compounds, aromatic sulfur compounds, phenolic and other aromatic oxygen compounds and their alkyl derivatives.]</t>
  </si>
  <si>
    <t>Tar, brown-coal, low-temp.;</t>
  </si>
  <si>
    <t>[A tar obtained from low temperature carbonization and low temperature gasification of brown coal. Composed primarily of aliphatic, naphthenic and cyclic aromatic hydrocarbons, heteroaromatic hydrocarbons and cyclic phenols.]</t>
  </si>
  <si>
    <t>Gasoline, coal solvent extn., hydrocracked naphtha;</t>
  </si>
  <si>
    <t>648-154-00-3</t>
  </si>
  <si>
    <t>302-694-3</t>
  </si>
  <si>
    <t>94114-58-6</t>
  </si>
  <si>
    <t>648-155-00-9</t>
  </si>
  <si>
    <t>302-695-9</t>
  </si>
  <si>
    <t>94114-59-7</t>
  </si>
  <si>
    <t>64742-05-8</t>
  </si>
  <si>
    <t>649-007-00-6</t>
  </si>
  <si>
    <t>fatty acids, tall-oil, reaction products with iminodiethanol and boric acid</t>
  </si>
  <si>
    <t>400-160-5</t>
  </si>
  <si>
    <t>Residues (petroleum), atm. tower;</t>
  </si>
  <si>
    <t>Heavy Fuel oil;</t>
  </si>
  <si>
    <t>Gas oils (petroleum), heavy vacuum;</t>
  </si>
  <si>
    <t>Distillates (petroleum), heavy catalytic cracked;</t>
  </si>
  <si>
    <t>Clarified oils (petroleum), catalytic cracked;</t>
  </si>
  <si>
    <t>Distillates (petroleum), heavy thermal cracked;</t>
  </si>
  <si>
    <t>Residues (petroleum), steam-cracked;</t>
  </si>
  <si>
    <t>Residues (petroleum), atmospheric;</t>
  </si>
  <si>
    <t>Clarified oils (petroleum), hydrodesulfurized catalytic cracked;</t>
  </si>
  <si>
    <t>Distillates (petroleum), hydrodesulfurized intermediate catalytic cracked;</t>
  </si>
  <si>
    <t>Distillates (petroleum), hydrodesulfurized heavy catalytic cracked;</t>
  </si>
  <si>
    <t>Fuel oil, residues-straight-run gas oils, high-sulfur;</t>
  </si>
  <si>
    <t>Heavy Fuel oil</t>
  </si>
  <si>
    <t>[The liquid product from various refinery streams, usually residues. The composition is complex and varies with the source of the crude oil.]</t>
  </si>
  <si>
    <t>Residues (petroleum), catalytic reformer fractionator residue distn.;</t>
  </si>
  <si>
    <t>Residues (petroleum), heavy coker and light vacuum;</t>
  </si>
  <si>
    <t>Residues (petroleum), steam-cracked light;</t>
  </si>
  <si>
    <t>Residues (petroleum), topping plant, low-sulfur;</t>
  </si>
  <si>
    <t>[A low-sulfur complex combination of hydrocarbons produced as the residual fraction from the topping plant distillation of crude oil. It is the residuum after the straight-run gasoline cut, kerosene cut and gas oil cut have been removed.]</t>
  </si>
  <si>
    <t>Gas oils (petroleum), heavy atmospheric;</t>
  </si>
  <si>
    <t>[A complex combination of hydrocarbons produced by the vacuum distillation of the residuum from the atmospheric distillation of crude oil.]</t>
  </si>
  <si>
    <t>Residues (petroleum), steam-cracked, resinous;</t>
  </si>
  <si>
    <t>[A complex residuum from the distillation of steam-cracked petroleum residues.]</t>
  </si>
  <si>
    <t>Distillates (petroleum), intermediate vacuum;</t>
  </si>
  <si>
    <t>Distillates (petroleum), light vacuum;</t>
  </si>
  <si>
    <t>274-684-6</t>
  </si>
  <si>
    <t>Residues (petroleum), steam-cracked, distillates;</t>
  </si>
  <si>
    <t>[A complex combination of hydrocarbons obtained during the production of refined petroleum tar by the distillation of steam cracked tar. It consists predominantly of aromatic and other hydrocarbons and organic sulfur compounds.]</t>
  </si>
  <si>
    <t>Residues (petroleum), vacuum, light;</t>
  </si>
  <si>
    <t>Residues (petroleum), catalytic cracking;</t>
  </si>
  <si>
    <t>Distillates (petroleum), intermediate catalytic cracked, thermally degraded;</t>
  </si>
  <si>
    <t>Residues, steam cracked, thermally treated;</t>
  </si>
  <si>
    <t>Residues (petroleum), catalytic reformer fractionator;</t>
  </si>
  <si>
    <t>Distillates (petroleum), light paraffinic;</t>
  </si>
  <si>
    <t>Unrefined or mildly refined baseoil;</t>
  </si>
  <si>
    <t>Distillates (petroleum), light naphthenic;</t>
  </si>
  <si>
    <t>Distillates (petroleum), heavy naphthenic;</t>
  </si>
  <si>
    <t>Distillates (petroleum), chemically neutralized heavy paraffinic;</t>
  </si>
  <si>
    <t>Distillates (petroleum), chemically neutralized light paraffinic;</t>
  </si>
  <si>
    <t>Distillates (petroleum), chemically neutralized heavy naphthenic;</t>
  </si>
  <si>
    <t>Distillates (petroleum), chemically neutralized light naphthenic;</t>
  </si>
  <si>
    <t>K U</t>
  </si>
  <si>
    <t>Gases (petroleum), catalytic cracker;</t>
  </si>
  <si>
    <t>Gases (petroleum), deethanizer overheads;</t>
  </si>
  <si>
    <t>[A complex combination of hydrocarbons produced from distillation of the gas and gasoline fractions from the catalytic cracking process. It contains predominantly ethane and ethylene.]</t>
  </si>
  <si>
    <t>Gases (petroleum), depropanizer dry, propene-rich;</t>
  </si>
  <si>
    <t>Gases (petroleum), depropanizer overheads;</t>
  </si>
  <si>
    <t>Gases (petroleum), Girbotol unit feed;</t>
  </si>
  <si>
    <t>Tail gas (petroleum), catalytic cracked clarified oil and thermal cracked vacuum residue fractionation reflux drum;</t>
  </si>
  <si>
    <t>Tail gas (petroleum), catalytic cracked naphtha stabilization absorber;</t>
  </si>
  <si>
    <t>Tail gas (petroleum), catalytic reformed naphtha fractionation stabilizer;</t>
  </si>
  <si>
    <t>petroleum gas;</t>
  </si>
  <si>
    <t>Gases (petroleum), hydrocracking depropanizer off, hydrocarbon-rich;</t>
  </si>
  <si>
    <t>Gases (petroleum), light straight-run naphtha stabilizer off;</t>
  </si>
  <si>
    <t>Gases (petroleum), alkylation feed;</t>
  </si>
  <si>
    <t>[A complex combination of hydrocarbons obtained from the fractionation of depropanizer bottoms. It consists predominantly of butane, isobutane and butadiene.]</t>
  </si>
  <si>
    <t>Gases (petroleum), refinery blend;</t>
  </si>
  <si>
    <t>Gases (petroleum), catalytic cracking;</t>
  </si>
  <si>
    <t>Gases (petroleum), crude oil fractionation off;</t>
  </si>
  <si>
    <t>Gases (petroleum), dehexanizer off;</t>
  </si>
  <si>
    <t>Gases (petroleum), light straight run gasoline fractionation stabilizer off;</t>
  </si>
  <si>
    <t>Gases (petroleum), naphtha unifiner desulfurization stripper off;</t>
  </si>
  <si>
    <t>[A complex combination of hydrocarbons obtained by the catalytic reforming of straight-run naphtha and fractionation of the total effluent. It consists of methane, ethane, and propane.]</t>
  </si>
  <si>
    <t>Gases (petroleum), straight-run stabilizer off;</t>
  </si>
  <si>
    <t>Tail gas (petroleum), catalytic cracked distillate and naphtha stabilizer;</t>
  </si>
  <si>
    <t>Tail gas (petroleum), thermal-cracked distillate, gas oil and naphtha absorber;</t>
  </si>
  <si>
    <t>Tail gas (petroleum), thermal cracked hydrocarbon fractionation stabilizer, petroleum coking;</t>
  </si>
  <si>
    <t>Gases (petroleum), straight-run naphtha catalytic reformer stabilizer overhead;</t>
  </si>
  <si>
    <t>K S U</t>
  </si>
  <si>
    <t>Gases (petroleum), amine system feed;</t>
  </si>
  <si>
    <t>Gases (petroleum), benzene unit hydrodesulfurizer off;</t>
  </si>
  <si>
    <t>Gases (petroleum), benzene unit recycle, hydrogen-rich;</t>
  </si>
  <si>
    <t>Gases (petroleum), blend oil, hydrogen-nitrogen-rich;</t>
  </si>
  <si>
    <t>Gases (petroleum), catalytic reformed naphtha stripper overheads;</t>
  </si>
  <si>
    <t>Gases (petroleum), dry sour, gas-concn.-unit-off;</t>
  </si>
  <si>
    <t>Gases (petroleum), gas concn. reabsorber distn.;</t>
  </si>
  <si>
    <t>Gases (petroleum), hydrogen absorber off;</t>
  </si>
  <si>
    <t>Gases (petroleum), hydrogen-rich;</t>
  </si>
  <si>
    <t>Gases (petroleum), hydrotreater blend oil recycle, hydrogen-nitrogen-rich;</t>
  </si>
  <si>
    <t>Gases (petroleum), recycle, hydrogen-rich;</t>
  </si>
  <si>
    <t>Gases (petroleum), reforming hydrotreater;</t>
  </si>
  <si>
    <t>Gases (petroleum), reforming hydrotreater, hydrogen-methane-rich;</t>
  </si>
  <si>
    <t>Gases (petroleum), reforming hydrotreater make-up, hydrogen-rich;</t>
  </si>
  <si>
    <t>Gases (petroleum), thermal cracking distn.;</t>
  </si>
  <si>
    <t>Tail gas (petroleum), hydrodesulfurized straight-run naphtha separator;</t>
  </si>
  <si>
    <t>Gases (petroleum), catalytic reformed straight-run naphtha stabilizer overheads;</t>
  </si>
  <si>
    <t>[A complex combination of hydrocarbons obtained from the catalytic reforming of straight-run naphtha followed by fractionation of the total effluent. It consists of hydrogen, methane, ethane and propane.]</t>
  </si>
  <si>
    <t>Gases (petroleum), reformer effluent high-pressure flash drum off;</t>
  </si>
  <si>
    <t>Gases (petroleum), reformer effluent low-pressure flash drum off;</t>
  </si>
  <si>
    <t>[A complex combination produced by low-pressure flashing of the effluent from the reforming reactor. It consists primarily of hydrogen with various small amounts of methane, ethane, and propane.]</t>
  </si>
  <si>
    <t>Gases (petroleum), oil refinery gas distn. off;</t>
  </si>
  <si>
    <t>Gases (petroleum), platformer products separator off;</t>
  </si>
  <si>
    <t>Gases (petroleum), hydrotreated sour kerosine depentanizer stabilizer off;</t>
  </si>
  <si>
    <t>Gases (petroleum), distillate unifiner desulfurization stripper off;</t>
  </si>
  <si>
    <t>[A complex combination stripped from the liquid product of the unifiner desulfurization process. It consists of hydrogen sulfide, methane, ethane, and propane.]</t>
  </si>
  <si>
    <t>Gases (petroleum), fluidized catalytic cracker fractionation off;</t>
  </si>
  <si>
    <t>Gases (petroleum), fluidized catalytic cracker scrubbing secondary absorber off;</t>
  </si>
  <si>
    <t>[A complex combination produced by scrubbing the overhead gas from the fluidized catalytic cracker. It consists of hydrogen, nitrogen, methane, ethane and propane.]</t>
  </si>
  <si>
    <t>Gases (petroleum), heavy distillate hydrotreater desulfurization stripper off;</t>
  </si>
  <si>
    <t>Gases (petroleum), platformer stabilizer off, light ends fractionation;</t>
  </si>
  <si>
    <t>[A complex combination obtained by the fractionation of the light ends of the platinum reactors of the platformer unit. It consists of hydrogen, methane, ethane and propane.]</t>
  </si>
  <si>
    <t>Gases (petroleum), preflash tower off, crude distn.;</t>
  </si>
  <si>
    <t>Gases (petroleum), tar stripper off;</t>
  </si>
  <si>
    <t>Gases (petroleum), unifiner stripper off;</t>
  </si>
  <si>
    <t>[A combination of hydrogen and methane obtained by fractionation of the products from the unifiner unit.]</t>
  </si>
  <si>
    <t>Tail gas (petroleum), catalytic hydrodesulfurized naphtha separator;</t>
  </si>
  <si>
    <t>Gases (petroleum), sponge absorber off, fluidized catalytic cracker and gas oil desulfurizer overhead fractionation;</t>
  </si>
  <si>
    <t>Gases (petroleum), crude distn. and catalytic cracking;</t>
  </si>
  <si>
    <t>Gases (petroleum), hydrogenator effluent flash drum off;</t>
  </si>
  <si>
    <t>Gases (petroleum), naphtha steam cracking high-pressure residual;</t>
  </si>
  <si>
    <t>Gases (petroleum), residue visbaking off;</t>
  </si>
  <si>
    <t>Foots oil (petroleum), acid-treated;</t>
  </si>
  <si>
    <t>Foots oil;</t>
  </si>
  <si>
    <t>Foots oil (petroleum), clay-treated;</t>
  </si>
  <si>
    <t>Tail gas (petroleum), catalytic reformed naphtha fractionation stabilizer, hydrogen sulfide-free;</t>
  </si>
  <si>
    <t>Tail gas (petroleum), cracked distillate hydrotreater stripper;</t>
  </si>
  <si>
    <t>Tail gas (petroleum), gas oil catalytic cracking absorber;</t>
  </si>
  <si>
    <t>Tail gas (petroleum), gas recovery plant;</t>
  </si>
  <si>
    <t>Tail gas (petroleum), gas recovery plant deethanizer;</t>
  </si>
  <si>
    <t>Tail gas (petroleum), hydrodesulfurized distillate and hydrodesulfurized naphtha fractionator, acid-free;</t>
  </si>
  <si>
    <t>Tail gas (petroleum), hydrodesulfurized vacuum gas oil stripper, hydrogen sulfide-free;</t>
  </si>
  <si>
    <t>Tail gas (petroleum), light straight-run naphtha stabilizer, hydrogen sulfide-free;</t>
  </si>
  <si>
    <t>Tail gas (petroleum), propane-propylene alkylation feed prep deethanizer;</t>
  </si>
  <si>
    <t>Tail gas (petroleum), vacuum gas oil hydrodesulfurizer, hydrogen sulfide-free;</t>
  </si>
  <si>
    <t>petroleum gas</t>
  </si>
  <si>
    <t>[A combination of light gases. It consists predominantly of hydrogen and/or low molecular weight hydrocarbons.]</t>
  </si>
  <si>
    <t>Fuel gases, crude oil of distillates;</t>
  </si>
  <si>
    <t>Petroleum gases, liquefied, sweetened;</t>
  </si>
  <si>
    <t>Gases (petroleum), butane splitter overheads;</t>
  </si>
  <si>
    <t>[A complex combination of hydrocarbons produced by the distillation of products from a catalytic fractionation process. It contains predominantly ethane, ethylene, propane, and propylene.]</t>
  </si>
  <si>
    <t>Tail gas (petroleum), isomerized naphtha fractionation stabilizer;</t>
  </si>
  <si>
    <t>Foots oil (petroleum), carbon-treated;</t>
  </si>
  <si>
    <t>Distillates (petroleum), sweetened middle;</t>
  </si>
  <si>
    <t>Gas oils (petroleum), solvent-refined;</t>
  </si>
  <si>
    <t>Distillates (petroleum), solvent-refined middle;</t>
  </si>
  <si>
    <t>Gas oils (petroleum), acid-treated;</t>
  </si>
  <si>
    <t>Distillates (petroleum), acid-treated middle;</t>
  </si>
  <si>
    <t>Distillates (petroleum), acid-treated light;</t>
  </si>
  <si>
    <t>Gas oils (petroleum), chemically neutralized;</t>
  </si>
  <si>
    <t>Distillates (petroleum), chemically neutralized middle;</t>
  </si>
  <si>
    <t>Distillates (petroleum), clay-treated middle;</t>
  </si>
  <si>
    <t>Distillates (petroleum), hydrotreated middle;</t>
  </si>
  <si>
    <t>Gas oils (petroleum), hydrodesulfurized;</t>
  </si>
  <si>
    <t>Distillates (petroleum), hydrodesulfurized middle;</t>
  </si>
  <si>
    <t>649-224-00-6</t>
  </si>
  <si>
    <t>Fuels, diesel;</t>
  </si>
  <si>
    <t>269-822-7</t>
  </si>
  <si>
    <t>68334-30-5</t>
  </si>
  <si>
    <t>649-225-00-1</t>
  </si>
  <si>
    <t>270-671-4</t>
  </si>
  <si>
    <t>68476-30-2</t>
  </si>
  <si>
    <t>649-226-00-7</t>
  </si>
  <si>
    <t>270-673-5</t>
  </si>
  <si>
    <t>68476-31-3</t>
  </si>
  <si>
    <t>649-227-00-2</t>
  </si>
  <si>
    <t>270-676-1</t>
  </si>
  <si>
    <t>68476-34-6</t>
  </si>
  <si>
    <t>Distillates (petroleum), catalytic reformer fractionator residue, high-boiling;</t>
  </si>
  <si>
    <t>Distillates (petroleum), catalytic reformer fractionator residue, intermediate-boiling;</t>
  </si>
  <si>
    <t>Distillates (petroleum), catalytic reformer fractionator residue, low-boiling;</t>
  </si>
  <si>
    <t>Distillates (petroleum), highly refined middle;</t>
  </si>
  <si>
    <t>Naphtha (petroleum), solvent-refined hydrodesulfurized heavy;</t>
  </si>
  <si>
    <t>Distillates (petroleum), carbon-treated light paraffinic;</t>
  </si>
  <si>
    <t>Distillates (petroleum), intermediate paraffinic, carbon-treated;</t>
  </si>
  <si>
    <t>Slack wax;</t>
  </si>
  <si>
    <t>Slack wax (petroleum), acid-treated;</t>
  </si>
  <si>
    <t>Slack wax (petroleum), clay-treated;</t>
  </si>
  <si>
    <t>Slack wax (petroleum), hydrotreated;</t>
  </si>
  <si>
    <t>Slack wax (petroleum), low-melting;</t>
  </si>
  <si>
    <t>Slack wax (petroleum), low-melting, hydrotreated;</t>
  </si>
  <si>
    <t>Slack wax (petroleum), low-melting, carbon-treated;</t>
  </si>
  <si>
    <t>Slack wax (petroleum), low-melting, clay-treated;</t>
  </si>
  <si>
    <t>Slack wax (petroleum), carbon-treated;</t>
  </si>
  <si>
    <t>[A complex combination of hydrocarbons obtained by treatment of petroleum slack wax with activated charcoal for the removal of trace polar constituents and impurities.]</t>
  </si>
  <si>
    <t>Petrolatum;</t>
  </si>
  <si>
    <t>Petrolatum (petroleum), oxidized;</t>
  </si>
  <si>
    <t>[A complex combination of organic compounds, predominantly high molecular weight carboxylic acids, obtained by the air oxidation of petrolatum.]</t>
  </si>
  <si>
    <t>Petrolatum (petroleum), alumina-treated;</t>
  </si>
  <si>
    <t>Petrolatum (petroleum), hydrotreated;</t>
  </si>
  <si>
    <t>Petrolatum (petroleum), carbon-treated;</t>
  </si>
  <si>
    <t>Petrolatum (petroleum), silicic acid-treated;</t>
  </si>
  <si>
    <t>Petrolatum (petroleum), clay-treated;</t>
  </si>
  <si>
    <t>Low boiling point modified naphta;</t>
  </si>
  <si>
    <t>Low boiling point cat-cracked naphtha.;</t>
  </si>
  <si>
    <t>[A complex combination of hydrocarbons obtained by treating a light distillate from steam-cracked naphtha. It consists predominantly of aromatic hydrocarbons.]</t>
  </si>
  <si>
    <t>Foots oil (petroleum), silicic acid-treated;</t>
  </si>
  <si>
    <t>naphtha (petroleum), hydrodesulphurized heavy;</t>
  </si>
  <si>
    <t>H372 (central nervous system)</t>
  </si>
  <si>
    <t>stoddard solvent;</t>
  </si>
  <si>
    <t>649-404-00-4</t>
  </si>
  <si>
    <t>232-366-4</t>
  </si>
  <si>
    <t>8008-20-6</t>
  </si>
  <si>
    <t>Straight run kerosine;</t>
  </si>
  <si>
    <t>649-405-00-X</t>
  </si>
  <si>
    <t>solvent naphtha (petroleum), medium aliph.;</t>
  </si>
  <si>
    <t>265-191-7</t>
  </si>
  <si>
    <t>64742-88-7</t>
  </si>
  <si>
    <t>649-406-00-5</t>
  </si>
  <si>
    <t>Solvent naphtha (petroleum) heavy aliph.;</t>
  </si>
  <si>
    <t>265-200-4</t>
  </si>
  <si>
    <t>64742-96-7</t>
  </si>
  <si>
    <t>649-407-00-0</t>
  </si>
  <si>
    <t>Kerosine (petroleum), straight-run wide-cut;</t>
  </si>
  <si>
    <t>295-418-5</t>
  </si>
  <si>
    <t>92045-37-9</t>
  </si>
  <si>
    <t>649-408-00-6</t>
  </si>
  <si>
    <t>Distillates (petroleum), steam-cracked;</t>
  </si>
  <si>
    <t>265-194-3</t>
  </si>
  <si>
    <t>64742-91-2</t>
  </si>
  <si>
    <t>Cracked kerosine;</t>
  </si>
  <si>
    <t>649-409-00-1</t>
  </si>
  <si>
    <t>270-728-3</t>
  </si>
  <si>
    <t>68477-39-4</t>
  </si>
  <si>
    <t>649-410-00-7</t>
  </si>
  <si>
    <t>270-729-9</t>
  </si>
  <si>
    <t>68477-40-7</t>
  </si>
  <si>
    <t>649-411-00-2</t>
  </si>
  <si>
    <t>270-737-2</t>
  </si>
  <si>
    <t>68477-54-3</t>
  </si>
  <si>
    <t>649-412-00-8</t>
  </si>
  <si>
    <t>285-507-7</t>
  </si>
  <si>
    <t>85116-55-8</t>
  </si>
  <si>
    <t>649-413-00-3</t>
  </si>
  <si>
    <t>292-621-0</t>
  </si>
  <si>
    <t>90640-98-5</t>
  </si>
  <si>
    <t>649-414-00-9</t>
  </si>
  <si>
    <t>292-637-8</t>
  </si>
  <si>
    <t>90641-13-7</t>
  </si>
  <si>
    <t>649-415-00-4</t>
  </si>
  <si>
    <t>Distillates (petroleum), thermal-cracked, alkylarom. hydrocarbon-rich;</t>
  </si>
  <si>
    <t>309-866-7</t>
  </si>
  <si>
    <t>101316-61-4</t>
  </si>
  <si>
    <t>649-416-00-X</t>
  </si>
  <si>
    <t>Distillates (petroleum), catalytic cracked heavy tar light;</t>
  </si>
  <si>
    <t>309-938-8</t>
  </si>
  <si>
    <t>101631-13-4</t>
  </si>
  <si>
    <t>649-417-00-5</t>
  </si>
  <si>
    <t>309-881-9</t>
  </si>
  <si>
    <t>101316-80-7</t>
  </si>
  <si>
    <t>649-418-00-0</t>
  </si>
  <si>
    <t>Distillates (petroleum), steam-cracked heavy tar light;</t>
  </si>
  <si>
    <t>309-940-9</t>
  </si>
  <si>
    <t>101631-15-6</t>
  </si>
  <si>
    <t>649-419-00-6</t>
  </si>
  <si>
    <t>265-074-0</t>
  </si>
  <si>
    <t>64741-73-7</t>
  </si>
  <si>
    <t>649-420-00-1</t>
  </si>
  <si>
    <t>Extracts (petroleum), heavy naphtha solvent;</t>
  </si>
  <si>
    <t>265-099-7</t>
  </si>
  <si>
    <t>64741-98-6</t>
  </si>
  <si>
    <t>649-421-00-7</t>
  </si>
  <si>
    <t>265-132-5</t>
  </si>
  <si>
    <t>64742-31-0</t>
  </si>
  <si>
    <t>649-422-00-2</t>
  </si>
  <si>
    <t>265-149-8</t>
  </si>
  <si>
    <t>64742-47-8</t>
  </si>
  <si>
    <t>649-423-00-8</t>
  </si>
  <si>
    <t>265-184-9</t>
  </si>
  <si>
    <t>64742-81-0</t>
  </si>
  <si>
    <t>649-424-00-3</t>
  </si>
  <si>
    <t>Solvent naphtha (petroleum), heavy arom.;</t>
  </si>
  <si>
    <t>265-198-5</t>
  </si>
  <si>
    <t>64742-94-5</t>
  </si>
  <si>
    <t>649-425-00-9</t>
  </si>
  <si>
    <t>Naphtha (petroleum), heavy coker;</t>
  </si>
  <si>
    <t>269-778-9</t>
  </si>
  <si>
    <t>68333-23-3</t>
  </si>
  <si>
    <t>649-426-00-4</t>
  </si>
  <si>
    <t>Naphtha (petroleum), catalytic reformed hydrodesulfurized heavy, arom. fraction;</t>
  </si>
  <si>
    <t>285-508-2</t>
  </si>
  <si>
    <t>85116-57-0</t>
  </si>
  <si>
    <t>649-427-00-X</t>
  </si>
  <si>
    <t>Kerosine (petroleum), sweetened;</t>
  </si>
  <si>
    <t>294-799-5</t>
  </si>
  <si>
    <t>91770-15-9</t>
  </si>
  <si>
    <t>649-428-00-5</t>
  </si>
  <si>
    <t>Kerosine (petroleum), solvent-refined sweetened;</t>
  </si>
  <si>
    <t>295-416-4</t>
  </si>
  <si>
    <t>92045-36-8</t>
  </si>
  <si>
    <t>649-429-00-0</t>
  </si>
  <si>
    <t>297-854-1</t>
  </si>
  <si>
    <t>93763-35-0</t>
  </si>
  <si>
    <t>649-430-00-6</t>
  </si>
  <si>
    <t>307-033-2</t>
  </si>
  <si>
    <t>97488-94-3</t>
  </si>
  <si>
    <t>649-431-00-1</t>
  </si>
  <si>
    <t>Distillates (petroleum), hydrodesulfurized full-range middle coker;</t>
  </si>
  <si>
    <t>309-864-6</t>
  </si>
  <si>
    <t>101316-58-9</t>
  </si>
  <si>
    <t>649-432-00-7</t>
  </si>
  <si>
    <t>309-882-4</t>
  </si>
  <si>
    <t>101316-81-8</t>
  </si>
  <si>
    <t>649-433-00-2</t>
  </si>
  <si>
    <t>309-884-5</t>
  </si>
  <si>
    <t>101316-82-9</t>
  </si>
  <si>
    <t>649-434-00-8</t>
  </si>
  <si>
    <t>Kerosine (petroleum), hydrotreated;</t>
  </si>
  <si>
    <t>309-944-0</t>
  </si>
  <si>
    <t>101631-19-0</t>
  </si>
  <si>
    <t>Distillates (petroleum), light catalytic cracked;</t>
  </si>
  <si>
    <t>Cracked gasoil;</t>
  </si>
  <si>
    <t>649-437-00-4</t>
  </si>
  <si>
    <t>Distillates (petroleum), light hydrocracked;</t>
  </si>
  <si>
    <t>265-078-2</t>
  </si>
  <si>
    <t>64741-77-1</t>
  </si>
  <si>
    <t>Distillates (petroleum), light thermal cracked;</t>
  </si>
  <si>
    <t>Distillates (petroleum), hydrodesulfurized light catalytic cracked;</t>
  </si>
  <si>
    <t>Distillates (petroleum), cracked steam-cracked petroleum distillates;</t>
  </si>
  <si>
    <t>Gas oils (petroleum), steam-cracked;</t>
  </si>
  <si>
    <t>Distillates (petroleum), hydrodesulfurized thermal cracked middle;</t>
  </si>
  <si>
    <t>Residues (petroleum), steam-cracked naphtha distn.;</t>
  </si>
  <si>
    <t>Distillates (petroleum), light catalytic cracked, thermally degraded;</t>
  </si>
  <si>
    <t>649-449-00-X</t>
  </si>
  <si>
    <t>307-662-2</t>
  </si>
  <si>
    <t>97675-88-2</t>
  </si>
  <si>
    <t>Gas oils (petroleum), light vacuum, thermal-cracked hydrodesulfurized;</t>
  </si>
  <si>
    <t>Distillates (petroleum), heavy steam-cracked;</t>
  </si>
  <si>
    <t>Distillates (petroleum), heavy hydrocracked;</t>
  </si>
  <si>
    <t>Distillates (petroleum), solvent-refined heavy paraffinic;</t>
  </si>
  <si>
    <t>Distillates (petroleum), solvent-refined light paraffinic;</t>
  </si>
  <si>
    <t>Residual oils (petroleum), solvent deasphalted;</t>
  </si>
  <si>
    <t>Distillates (petroleum), solvent-refined light naphthenic;</t>
  </si>
  <si>
    <t>Residual oils (petroleum,) solvent-refined;</t>
  </si>
  <si>
    <t>Distillates (petroleum), clay-treated paraffinic;</t>
  </si>
  <si>
    <t>Distillates (petroleum), clay-treated light paraffinic;</t>
  </si>
  <si>
    <t>Residual oils (petroleum), clay-treated;</t>
  </si>
  <si>
    <t>Distillates (petroleum), clay-treated light naphthenic;</t>
  </si>
  <si>
    <t>Distillates (petroleum), solvent-dewaxed light paraffinic;</t>
  </si>
  <si>
    <t>Residual oils (petroleum), hydrotreated;</t>
  </si>
  <si>
    <t>Residual oils (petroleum), solvent-dewaxed;</t>
  </si>
  <si>
    <t>Naphthenic oils (petroleum), catalytic dewaxed heavy;</t>
  </si>
  <si>
    <t>Naphthenic oils (petroleum), catalytic dewaxed light;</t>
  </si>
  <si>
    <t>Paraffin oils (petroleum), catalytic dewaxed heavy;</t>
  </si>
  <si>
    <t>Paraffin oils (petroleum), catalytic dewaxed light;</t>
  </si>
  <si>
    <t>Naphthenic oils (petroleum), complex dewaxed heavy;</t>
  </si>
  <si>
    <t>Naphthenic oils (petroleum), complex dewaxed light;</t>
  </si>
  <si>
    <t>Lubricating oils;</t>
  </si>
  <si>
    <t>Distillates (petroleum), complex dewaxed light paraffinic;</t>
  </si>
  <si>
    <t>Distillates (petroleum), solvent dewaxed light paraffinic, clay-treated;</t>
  </si>
  <si>
    <t>Distillates (petroleum), solvent dewaxed light paraffinic, hydrotreated;</t>
  </si>
  <si>
    <t>Residual oils (petroleum), catalytic dewaxed;</t>
  </si>
  <si>
    <t>Distillates (petroleum), hydrocracked solvent-refined, dewaxed;</t>
  </si>
  <si>
    <t>Distillates (petroleum), solvent-refined light naphthenic, hydrotreated;</t>
  </si>
  <si>
    <t>Lubricating oils (petroleum), hydrocracked nonarom. solvent-deparaffined;</t>
  </si>
  <si>
    <t>Residual oils (petroleum), hydrocracked acid-treated solvent-dewaxed;</t>
  </si>
  <si>
    <t>Lubricating oils (petroleum), base oils, paraffinic;</t>
  </si>
  <si>
    <t>Hydrocarbons, hydrocracked paraffinic distn. residues, solvent-dewaxed;</t>
  </si>
  <si>
    <t>[A complex combination of hydrocarbons obtained by the treatment of solvent-dewaxed petroleum residual oils with activated charcoal for the removal of trace polar constituents and impurities.]</t>
  </si>
  <si>
    <t>Residual oils (petroleum), clay-treated solvent-dewaxed;</t>
  </si>
  <si>
    <t>[A complex combination of hydrocarbons obtained by treatment of solvent-dewaxed petroleum residual oils with bleaching earth for the removal of trace polar constituents and impurities.]</t>
  </si>
  <si>
    <t>Extracts (petroleum), heavy naphthenic distillate solvent, arom. conc.;</t>
  </si>
  <si>
    <t>Distillate aromatic extract (treated);</t>
  </si>
  <si>
    <t>[An aromatic concentrate produced by adding water to heavy naphthenic distillate solvent extract and extraction solvent.]</t>
  </si>
  <si>
    <t>Extracts (petroleum), solvent-refined heavy paraffinic distillate solvent;</t>
  </si>
  <si>
    <t>Extracts (petroleum), heavy paraffinic distillates, solvent-deasphalted;</t>
  </si>
  <si>
    <t>[A complex combination of hydrocarbons obtained as the extract from a solvent extraction of heavy paraffinic distillate.]</t>
  </si>
  <si>
    <t>Extracts (petroleum), heavy naphthenic distillate solvent, hydrotreated;</t>
  </si>
  <si>
    <t>Extracts (petroleum), heavy paraffinic distillate solvent, hydrotreated;</t>
  </si>
  <si>
    <t>Extracts (petroleum), light paraffinic distillate solvent, hydrotreated;</t>
  </si>
  <si>
    <t>Extracts (petroleum), hydrotreated light paraffinic distillate solvent;</t>
  </si>
  <si>
    <t>Extracts (petroleum), light naphthenic distillate solvent, hydrodesulfurized;</t>
  </si>
  <si>
    <t>Extracts (petroleum), light paraffinic distillate solvent, hydrodesulfurized;</t>
  </si>
  <si>
    <t>Extracts (petroleum), light vacuum gas oil solvent, hydrotreated;</t>
  </si>
  <si>
    <t>Extracts (petroleum), heavy paraffinic distillate solvent, clay-treated;</t>
  </si>
  <si>
    <t>Extracts (petroleum), heavy naphthenic distillate solvent, hydrodesulfurized;</t>
  </si>
  <si>
    <t>Extracts (petroleum), solvent-dewaxed heavy paraffinic distillate solvent, hydrodesulfurized;</t>
  </si>
  <si>
    <t>Extracts (petroleum), light paraffinic distillate solvent, carbon-treated;</t>
  </si>
  <si>
    <t>Extracts (petroleum), light paraffinic distillate solvent, clay-treated;</t>
  </si>
  <si>
    <t>Extracts (petroleum), light vacuum, gas oil solvent, carbon-treated;</t>
  </si>
  <si>
    <t>Extracts (petroleum), light vacuum gas oil solvent, clay-treated;</t>
  </si>
  <si>
    <t>650-002-00-6</t>
  </si>
  <si>
    <t>turpentine, oil</t>
  </si>
  <si>
    <t>232-350-7</t>
  </si>
  <si>
    <t>8006-64-2</t>
  </si>
  <si>
    <t>650-003-00-1</t>
  </si>
  <si>
    <t>fenson (ISO);</t>
  </si>
  <si>
    <t>201-274-6</t>
  </si>
  <si>
    <t>80-38-6</t>
  </si>
  <si>
    <t>4-chlorophenyl benzenesulphonate;</t>
  </si>
  <si>
    <t>650-004-00-7</t>
  </si>
  <si>
    <t>norbormide (ISO);</t>
  </si>
  <si>
    <t>213-589-6</t>
  </si>
  <si>
    <t>991-42-4</t>
  </si>
  <si>
    <t>650-005-00-2</t>
  </si>
  <si>
    <t>201-501-9</t>
  </si>
  <si>
    <t>83-79-4</t>
  </si>
  <si>
    <t>650-006-00-8</t>
  </si>
  <si>
    <t>benquinox (ISO);</t>
  </si>
  <si>
    <t>207-807-9</t>
  </si>
  <si>
    <t>495-73-8</t>
  </si>
  <si>
    <t>650-007-00-3</t>
  </si>
  <si>
    <t>chlordimeform (ISO);</t>
  </si>
  <si>
    <t>228-200-5</t>
  </si>
  <si>
    <t>6164-98-3</t>
  </si>
  <si>
    <t>650-008-00-9</t>
  </si>
  <si>
    <t>drazoxolon (ISO);</t>
  </si>
  <si>
    <t>227-197-8</t>
  </si>
  <si>
    <t>5707-69-7</t>
  </si>
  <si>
    <t>4-(2-chlorophenylhydrazone)-3-methyl-5-isoxazolone</t>
  </si>
  <si>
    <t>650-009-00-4</t>
  </si>
  <si>
    <t>243-269-1</t>
  </si>
  <si>
    <t>19750-95-9</t>
  </si>
  <si>
    <t>650-010-00-X</t>
  </si>
  <si>
    <t>benzyl violet 4B;</t>
  </si>
  <si>
    <t>216-901-9</t>
  </si>
  <si>
    <t>1694-09-3</t>
  </si>
  <si>
    <t>erionite</t>
  </si>
  <si>
    <t>asbestos</t>
  </si>
  <si>
    <t>650-014-00-1</t>
  </si>
  <si>
    <t>diethyl 2,4-dihydroxycyclodisiloxane-2,4-diylbis(trimethylene)diphosphonate, tetrasodium salt, reaction products with disodium metasilicate</t>
  </si>
  <si>
    <t>401-770-4</t>
  </si>
  <si>
    <t>650-015-00-7</t>
  </si>
  <si>
    <t>rosin;</t>
  </si>
  <si>
    <t>232-475-7</t>
  </si>
  <si>
    <t>colophony</t>
  </si>
  <si>
    <t>232-484-6</t>
  </si>
  <si>
    <t>8052-10-6</t>
  </si>
  <si>
    <t>277-299-1</t>
  </si>
  <si>
    <t>73138-82-6</t>
  </si>
  <si>
    <t>650-016-00-2</t>
  </si>
  <si>
    <t>Mineral wool, with the exception of those specified elsewhere in this Annex;</t>
  </si>
  <si>
    <t>AQR</t>
  </si>
  <si>
    <t>AR</t>
  </si>
  <si>
    <t>650-018-00-3</t>
  </si>
  <si>
    <t>Reaction product of: acetophenone, formaldehyde, cyclohexylamine, methanol and acetic acid</t>
  </si>
  <si>
    <t>406-230-1</t>
  </si>
  <si>
    <t>650-031-00-4</t>
  </si>
  <si>
    <t>200-237-1</t>
  </si>
  <si>
    <t>55-55-0</t>
  </si>
  <si>
    <t>cyproconazole (ISO); (2RS,3RS;2RS,3SR)-2-(4-chlorophenyl)-3-cyclopropyl-1-(1H-1,2,4-triazol-1-yl)butan-2-ol</t>
  </si>
  <si>
    <t>650-041-00-9</t>
  </si>
  <si>
    <t>triasulfuron (ISO);</t>
  </si>
  <si>
    <t>82097-50-5</t>
  </si>
  <si>
    <t>1-[2-(2-chloroethoxy)phenylsulfonyl]-3-(4-methoxy-6-methyl-1,3,5-triazin-2-yl)urea</t>
  </si>
  <si>
    <t>650-042-00-4</t>
  </si>
  <si>
    <t>417-450-2</t>
  </si>
  <si>
    <t>650-043-00-X</t>
  </si>
  <si>
    <t>420-310-3</t>
  </si>
  <si>
    <t>650-044-00-5</t>
  </si>
  <si>
    <t>420-480-9</t>
  </si>
  <si>
    <t>158570-99-1</t>
  </si>
  <si>
    <t>650-045-00-0</t>
  </si>
  <si>
    <t>417-110-3</t>
  </si>
  <si>
    <t>650-046-00-6</t>
  </si>
  <si>
    <t>416-180-2</t>
  </si>
  <si>
    <t>12222-04-7</t>
  </si>
  <si>
    <t>650-047-00-1</t>
  </si>
  <si>
    <t>dibenzylphenylsulfonium hexafluoroantimonate</t>
  </si>
  <si>
    <t>417-760-8</t>
  </si>
  <si>
    <t>134164-24-2</t>
  </si>
  <si>
    <t>650-048-00-7</t>
  </si>
  <si>
    <t>reaction product of: borax, hydrogen peroxide, acetic acid anhydride and acetic acid</t>
  </si>
  <si>
    <t>420-070-1</t>
  </si>
  <si>
    <t>650-049-00-2</t>
  </si>
  <si>
    <t>417-960-5</t>
  </si>
  <si>
    <t>650-050-00-8</t>
  </si>
  <si>
    <t>reaction mass of: 1-methyl-3-hydroxypropyl 3,5-[1,1-dimethylethyl]-4-hydroxydihydro-cinnamate and/or 3-hydroxybutyl 3,5-[1,1-dimethylethyl]-4-hydroxydihydrocinnamate;</t>
  </si>
  <si>
    <t>423-600-8</t>
  </si>
  <si>
    <t>1,3-butanediol bis[3-(3'-(1,1-dimethylethyl)4'-hydroxy-phenyl)propionate] isomers;</t>
  </si>
  <si>
    <t>1,3-butanediol bis[3-(3',5'-(1,1-dimethylethyl)-4'-hydroxyphenyl)propionate] isomers</t>
  </si>
  <si>
    <t>650-055-00-5</t>
  </si>
  <si>
    <t>silver sodium zirconium hydrogenphosphate</t>
  </si>
  <si>
    <t>422-570-3</t>
  </si>
  <si>
    <t>IC01：Global Automotive Declarable Substance List (GADSL)</t>
    <phoneticPr fontId="4"/>
  </si>
  <si>
    <t>各国の自動車、自動車部品、化学メーカーで構成されたGASG(Global Automotive Stakeholder Group)が作成している自動車業界共通の管理化学物質リスト（GADSL ; Global Automotive Declarable Substance List)。</t>
    <phoneticPr fontId="4"/>
  </si>
  <si>
    <t>Declarable Substance Classification:</t>
    <phoneticPr fontId="4"/>
  </si>
  <si>
    <t>P = Prohibited</t>
    <phoneticPr fontId="4"/>
  </si>
  <si>
    <t>A substance designated “P” is either prohibited by regulation for use in certain applications or may not exceed regulated threshold limits</t>
    <phoneticPr fontId="4"/>
  </si>
  <si>
    <t>D = Declarable</t>
    <phoneticPr fontId="4"/>
  </si>
  <si>
    <t>A substance designated “D” must be declared if it exceeds the defined threshold limits.</t>
    <phoneticPr fontId="4"/>
  </si>
  <si>
    <t>Reason Codes:</t>
    <phoneticPr fontId="4"/>
  </si>
  <si>
    <t>LR = Legally Regulated</t>
    <phoneticPr fontId="4"/>
  </si>
  <si>
    <t>A substance legally regulated because its use in a vehicle part or material poses a significant risk to health and or the environment.</t>
    <phoneticPr fontId="4"/>
  </si>
  <si>
    <t>FA = For Assessment</t>
    <phoneticPr fontId="4"/>
  </si>
  <si>
    <t>A substance projected to be regulated by government agencies, upon decision by the GASG Steering Committee.</t>
    <phoneticPr fontId="4"/>
  </si>
  <si>
    <t>FI = For Information</t>
    <phoneticPr fontId="4"/>
  </si>
  <si>
    <t>A substance tracked for information purposes only, upon decision by the GASG Steering Committee. After discussion at the GASG Steering Committee and on an exceptional basis, an automobile manufacturer may include an individual substance or family of substances on the list under this (FI) reason code.</t>
    <phoneticPr fontId="4"/>
  </si>
  <si>
    <t>REF #</t>
  </si>
  <si>
    <t xml:space="preserve">Alkyl (C7-C9), 3-[3-(2H-benzotriazol-2-yl)-5-(1,1-dimethylethyl)-4-hydroxyphenyl]propionates, mixture of branched and linear </t>
  </si>
  <si>
    <t>UV stabiliser in all clear laquers</t>
  </si>
  <si>
    <t>Canadian Government has revised the regulation prohibiting BNST and removed any controls on the substance.  The government has concluded BNST is not likely entering the environment in quantities or in a manner to impact human health or the environment.  The government has not yet removed BNST from Schedule 1 of the Canadian Environment Protection Act.</t>
  </si>
  <si>
    <t>Benzophenone</t>
  </si>
  <si>
    <t>119-61-9</t>
  </si>
  <si>
    <t>California Proposition 65</t>
  </si>
  <si>
    <t>coatings, paints, solder, adhesives, leather</t>
  </si>
  <si>
    <t>2-Benzothiazolesulphenamide, N, N-dicyclohexyl-</t>
    <phoneticPr fontId="8" type="noConversion"/>
  </si>
  <si>
    <t>P: Forbidden use as biocide in product-type : 7
D: Allowed use as biocide in product-type : 8
P: Forbidden use as biocide in product-type : 9
See also substance individual entry GADSL #75</t>
  </si>
  <si>
    <t>1-Mar-2017
4-May- 2018
1-Mar-2017</t>
  </si>
  <si>
    <t>Reaction mass of titanium dioxide and silver chloride.
Substance must be reported regarding EC number  944-224-5</t>
  </si>
  <si>
    <t>EC 944-224-5</t>
  </si>
  <si>
    <t xml:space="preserve">Reg. (EC) No 1272/2008 (Carc. Cat. 2; N, R52/53)    99/13/EEC  
Reg. (EC) No 1907/2006 (REACH Annex XIV) </t>
  </si>
  <si>
    <t>Japan Chemical Substances Control Law [Class1]</t>
  </si>
  <si>
    <t>Canadian Prohibition of Certain Toxic Substances Regulations, 2012 amended to prohibit the use, manufacture, import, sale and offer for sale any SCCP effective January 1, 2013.  
Japan Chemical Substances Control Law [Class1]</t>
  </si>
  <si>
    <t>Alkanes, C10-26, chloro</t>
  </si>
  <si>
    <t>97659-46-6</t>
  </si>
  <si>
    <t xml:space="preserve">Alkanes, C10-32, chloro </t>
  </si>
  <si>
    <t>84776-06-7</t>
  </si>
  <si>
    <t>Paraffins (petroleum), normal C&gt;10, chloro</t>
  </si>
  <si>
    <t>97553-43-0</t>
  </si>
  <si>
    <t>Undecane, 1,1,1,3,5,7,9,11,11-nonachloro-</t>
  </si>
  <si>
    <t>18993-26-5</t>
  </si>
  <si>
    <t>Undecane, 1,1,1,3,6,7,10,11-octachloro-</t>
  </si>
  <si>
    <t>601523-20-0</t>
  </si>
  <si>
    <t>Undecane, 1,1,1,3,9,11,11,11-octachloro-</t>
  </si>
  <si>
    <t>601523-25-5</t>
  </si>
  <si>
    <t>Undecane, 1,2,10,11,?,?,?,?-octachloro-</t>
  </si>
  <si>
    <t>221174-07-8</t>
  </si>
  <si>
    <t>Undecane, decachloro-</t>
  </si>
  <si>
    <t>276673-33-7</t>
  </si>
  <si>
    <t>Undecane, heptachloro-</t>
  </si>
  <si>
    <t>219697-10-6</t>
  </si>
  <si>
    <t>Undecane, nonachloro-</t>
  </si>
  <si>
    <t>219697-11-7</t>
  </si>
  <si>
    <t>Undecane, octachloro-</t>
  </si>
  <si>
    <t>36312-81-9</t>
  </si>
  <si>
    <t>C.I. Disperse Yellow 3</t>
  </si>
  <si>
    <t xml:space="preserve">Used as a dyeing agent for textiles, and also used for coloring polymethyl methacrylate </t>
  </si>
  <si>
    <t>Cobalt, borate 2-ethylhexanoate complexes</t>
  </si>
  <si>
    <t>91782-60-4</t>
  </si>
  <si>
    <t>Cobalt, borate propionate complexes</t>
  </si>
  <si>
    <t>91782-61-5</t>
  </si>
  <si>
    <t>•  California and Washington ban the sale of brake friction material containing more than 5 % copper and its compounds by weight.
• California and Washington ban the sale of brake friction material containing more than 0.5 % copper and its compounds by weight.</t>
  </si>
  <si>
    <t>• 5 % copper and its compounds by weight
(January 1, 2021)
• 0.5 % copper and its compounds by weight
(January 1, 2025)</t>
  </si>
  <si>
    <t>Cumene</t>
  </si>
  <si>
    <t>98-82-8</t>
  </si>
  <si>
    <t>Fuel additive, rust inhibitor</t>
  </si>
  <si>
    <t>4736-49-6</t>
    <phoneticPr fontId="8"/>
  </si>
  <si>
    <t>rel-(1R, 2S, 5R, 6S, 9S, 10R)-1,2,5,6,9,10-Hexabromocyclododecane</t>
    <phoneticPr fontId="8"/>
  </si>
  <si>
    <t>65701-47-5</t>
    <phoneticPr fontId="8"/>
  </si>
  <si>
    <t>rel-(1R, 2R, 5S, 6R, 9R, 10S)-1,2,5,6,9,10-Hexabromocyclododecane</t>
    <phoneticPr fontId="8"/>
  </si>
  <si>
    <t>134237-50-6</t>
    <phoneticPr fontId="8"/>
  </si>
  <si>
    <t>rel-(1R, 2S, 5R, 6R, 9R, 10S)-1,2,5,6,9,10-Hexabromocyclododecane</t>
    <phoneticPr fontId="8"/>
  </si>
  <si>
    <t>134237-51-7</t>
    <phoneticPr fontId="8"/>
  </si>
  <si>
    <t>rel-(1R, 2R, 5R, 6S, 9S, 10R)-1,2,5,6,9,10-Hexabromocyclododecane</t>
    <phoneticPr fontId="8"/>
  </si>
  <si>
    <t>134237-52-8</t>
    <phoneticPr fontId="8"/>
  </si>
  <si>
    <t>(1R, 2R, 5R, 6S, 9S, 10S)-1,2,5,6,9,10-Hexabromocyclododecane</t>
    <phoneticPr fontId="8"/>
  </si>
  <si>
    <t>138257-17-7</t>
    <phoneticPr fontId="8"/>
  </si>
  <si>
    <t>(1R, 2R, 5R, 6S, 9R, 10S)-1,2,5,6,9,10-Hexabromocyclododecane</t>
    <phoneticPr fontId="8"/>
  </si>
  <si>
    <t>(1R, 2S, 5S, 6R, 9S, 10S)-1,2,5,6,9,10-Hexabromocyclododecane</t>
    <phoneticPr fontId="8"/>
  </si>
  <si>
    <t>138257-19-9</t>
    <phoneticPr fontId="8"/>
  </si>
  <si>
    <t>(1R, 2S, 5S, 6S, 9S, 10R)-1,2,5,6,9,10-Hexabromocyclododecane</t>
    <phoneticPr fontId="8"/>
  </si>
  <si>
    <t>169102-57-2</t>
    <phoneticPr fontId="8"/>
  </si>
  <si>
    <t>(1R, 2R, 5S, 6R, 9R, 10S)-1,2,5,6,9,10-Hexabromocyclododecane</t>
    <phoneticPr fontId="8"/>
  </si>
  <si>
    <t>678970-15-5</t>
    <phoneticPr fontId="8"/>
  </si>
  <si>
    <t>(1R, 2S, 5R, 6S, 9S, 10S)-1,2,5,6,9,10-Hexabromocyclododecane</t>
    <phoneticPr fontId="8"/>
  </si>
  <si>
    <t>678970-16-6</t>
    <phoneticPr fontId="8"/>
  </si>
  <si>
    <t>(1R, 2R, 5R, 6S, 9S, 10R)-1,2,5,6,9,10-Hexabromocyclododecane</t>
    <phoneticPr fontId="8"/>
  </si>
  <si>
    <t>678970-17-7</t>
    <phoneticPr fontId="8"/>
  </si>
  <si>
    <t>D&amp;C Orange No. 17</t>
  </si>
  <si>
    <t>3468-63-1</t>
  </si>
  <si>
    <t>Colorant and pigments in paints, leather</t>
  </si>
  <si>
    <t>1,3-dihydro-4(or 5)-methyl-2H-benzimidazole-2-thione</t>
  </si>
  <si>
    <t>53988-10-6</t>
  </si>
  <si>
    <t>Tyres</t>
  </si>
  <si>
    <t>1,3-dihydro-4(or 5)-methyl-2H-benzimidazole-2-thione, zinc salt</t>
  </si>
  <si>
    <t>61617-00-3</t>
  </si>
  <si>
    <t>Disodium octaborate, anhydrous</t>
  </si>
  <si>
    <t>Reg. (EC) No 1907/2006 (REACH Candidate List)
See also substance entry in Biocidal coatings / biocidal additives, selected</t>
  </si>
  <si>
    <t>Diundecyl phthalate, branched and linear</t>
  </si>
  <si>
    <t>85507-79-5</t>
  </si>
  <si>
    <t>Plasticiser</t>
  </si>
  <si>
    <t>1,6,7,8,9,14,15,16,17,17,18,18-Dodecachloropentacyclo[12.2.1.1*6,9*.0*2,13*.0*5,10*]octadeca-7,15-diene, all members</t>
  </si>
  <si>
    <t>Reg. (EC) No 1907/2006 (REACH Candidate List)
Additional isomers were added to the List</t>
  </si>
  <si>
    <t xml:space="preserve">1,6,7,8,9,14,15,16,17,17,18,18-Dodecachloropentacyclo[12.2.1.1*6,9*.0*2,13*.0*5,10*]octadeca-7,15-diene </t>
  </si>
  <si>
    <t xml:space="preserve">135821-74-8 </t>
  </si>
  <si>
    <t>Ethane-1,2-diol</t>
  </si>
  <si>
    <t>First fill coolant</t>
  </si>
  <si>
    <t>Ethylbenzene</t>
  </si>
  <si>
    <t>Potential residue in lubricants, adhesives and coatings</t>
  </si>
  <si>
    <t>N,N'-ethylenebis(3,4,5,6-tetrabromophthalimide)</t>
  </si>
  <si>
    <t>Ethylene Glycol Monoethyl Ether Acetate</t>
  </si>
  <si>
    <t>Residual solvent remaining on parts</t>
  </si>
  <si>
    <t>Hydrofluorocarbons (HFC's), saturated, all members</t>
  </si>
  <si>
    <t>1,1'-(isopropylidene)bis[3,5-dibromo-4-(2,3-dibromopropoxy)benzene]</t>
  </si>
  <si>
    <t>Possible replacement for HBCD</t>
  </si>
  <si>
    <t>1,1'-(isopropylidene)bis[3,5-dibromo-4-(2,3-dibromo-2-methylpropoxy)benzene]</t>
  </si>
  <si>
    <t>97416-84-7</t>
  </si>
  <si>
    <t>electrical batteries and accumulators.</t>
  </si>
  <si>
    <t>Kieselguhr, soda ash flux-calcined</t>
  </si>
  <si>
    <t>68855-54-9</t>
  </si>
  <si>
    <t>used in rubber, filler additive</t>
  </si>
  <si>
    <t>Dir. 2000/53/EC
Reg. (EC) No 1272/2008
Reg. (EC) No 552/2009
GB/T 30512 (ELV China)
Included in list of substances under REACH PACT assessment
Reg. (EC) No 1907/2006 (REACH)</t>
  </si>
  <si>
    <t>Lead borosilicate Pb5B2SiO10</t>
  </si>
  <si>
    <t xml:space="preserve">Dir. 2000/53/EC
Reg. (EC) No 1272/2008
Reg. (EC) No 552/2009
GB/T 30512 (ELV China)
Domestic law of the countries which approved ratification of Minamata Convention such as Reg. (EU) 2017/852 and Japan domestic law (Act on Preventing Environmental Pollution of Mercury) </t>
  </si>
  <si>
    <t>0.01% by weight of Mercury in the articles or any part thereof</t>
  </si>
  <si>
    <t>Norway, Sweden (SFS 1985:840; SFS 1986:8), Denmark, Finland
 South Korea Registration and Evaluation of Chemical Substance Act (New standards for washer fluid for vehicles)
Reg. (EC) No 1907/2006 (REACH Candidate List and Annex XVII)</t>
  </si>
  <si>
    <t xml:space="preserve">22-Feb-18
</t>
  </si>
  <si>
    <t>0.6% in windscreen washing or defrosting fluids</t>
  </si>
  <si>
    <t>photoinitiator, plastics additive</t>
  </si>
  <si>
    <t>alpha-Methylstyrene</t>
  </si>
  <si>
    <t>Residual monomer in ABS</t>
  </si>
  <si>
    <t>Reg. (EC) No 552/2009
REACH Annex XVII</t>
  </si>
  <si>
    <t>Threshold 0.01%, 0.05% unless present in metals &amp; alloys</t>
    <phoneticPr fontId="8"/>
  </si>
  <si>
    <t>Nickel hydride (NiH)</t>
  </si>
  <si>
    <t>14332-32-2</t>
  </si>
  <si>
    <t>Nickel, [[2,2'-[1,2-phenylenebis[(nitrilo-.kappa.N)methylidyne]]bis[phenolato-.kappa.O]](2-)]-</t>
  </si>
  <si>
    <t>Reaction mass of melamine and nickel, 5,5'-azobis-2,4,6(1H,3H,5H)-pyrimidinetrione complexes</t>
  </si>
  <si>
    <t>EC 939-379-0</t>
  </si>
  <si>
    <t>375-73-5</t>
  </si>
  <si>
    <t>Reg. (EC) No 1272/2008
Reg. (EC) No 552/2009                  
Reg. (EC) No 1907/2006 (REACH Candidate List)</t>
  </si>
  <si>
    <t>Nonaethylene glycol p-nonylphenyl ether; NONOXYNOL 9</t>
  </si>
  <si>
    <t>Perfluorooctanoate (conjugate base of the free acid)</t>
  </si>
  <si>
    <t>45285-51-6</t>
  </si>
  <si>
    <t>PFOA isomers</t>
  </si>
  <si>
    <t>Branched perfluorooctanoic acid</t>
  </si>
  <si>
    <t>90480-55-0</t>
  </si>
  <si>
    <t>Hexanoic acid, 2,2,3,4,5,5,6,6,6-nonafluoro-3,4- bis(trifluoromethyl)-</t>
  </si>
  <si>
    <t>1882109-81-0</t>
  </si>
  <si>
    <t>Hexanoic acid, 2,3,3,4,4,5,6,6,6-nonafluoro-2,5- bis(trifluoromethyl)-</t>
  </si>
  <si>
    <t>1882109-80-9</t>
  </si>
  <si>
    <t>Hexanoic acid, 2,2,3,3,4,5,5,6,6,6-decafluoro-4- (1,1,2,2,2-pentafluoroethyl)-</t>
  </si>
  <si>
    <t>1882109-79-6</t>
  </si>
  <si>
    <t>Hexanoic acid, 2,2,3,4,4,5,5,6,6,6-decafluoro-3-(1,1,2,2,2-pentafluoroethyl)-</t>
  </si>
  <si>
    <t>1882109-78-5</t>
  </si>
  <si>
    <t>Pentanoic acid, 2,3,3,4,4,5,5,5-octafluoro-2- (1,1,2,2,3,3,3-heptafluoropropyl)-</t>
  </si>
  <si>
    <t>1882109-77-4</t>
  </si>
  <si>
    <t>Pentanoic acid, 2,3,3,4,4,5,5,5-octafluoro-2- [1,2,2,2-tetrafluoro-1-(trifluoromethyl)ethyl]-</t>
  </si>
  <si>
    <t>1882109-76-3</t>
  </si>
  <si>
    <t>Pentanoic acid, 2,2,3,5,5,5-hexafluoro-3,4,4- tris(trifluoromethyl)-</t>
  </si>
  <si>
    <t>1882109-75-2</t>
  </si>
  <si>
    <t>Pentanoic acid, 2,2,4,5,5,5-hexafluoro-3,3,4-tris(trifluoromethyl)-</t>
  </si>
  <si>
    <t>1882109-74-1</t>
  </si>
  <si>
    <t>Pentanoic acid, 2,3,3,5,5,5-hexafluoro-2,4,4- tris(trifluoromethyl)-</t>
  </si>
  <si>
    <t>1882109-73-0</t>
  </si>
  <si>
    <t>Pentanoic acid, 2,3,4,5,5,5-hexafluoro-2,3,4- tris(trifluoromethyl)-</t>
  </si>
  <si>
    <t>1882109-72-9</t>
  </si>
  <si>
    <t>Pentanoic acid, 2,4,4,5,5,5-hexafluoro-2,3,3-tris(trifluoromethyl)-</t>
  </si>
  <si>
    <t>1882109-71-8</t>
  </si>
  <si>
    <t>Pentanoic acid, 3,3,4,5,5,5-hexafluoro-2,2,4-tris(trifluoromethyl)-</t>
  </si>
  <si>
    <t>1882109-70-7</t>
  </si>
  <si>
    <t>Pentanoic acid, 2,2,3,4,5,5,5-heptafluoro-3-(1,1,2,2,2-pentafluoroethyl)-4-(trifluoromethyl)-</t>
  </si>
  <si>
    <t>1882109-68-3</t>
  </si>
  <si>
    <t>Pentanoic acid, 2,2,4,4,5,5,5-heptafluoro-3-(1,1,2,2,2-pentafluoroethyl)-3-(trifluoromethyl)-</t>
  </si>
  <si>
    <t>1882109-67-2</t>
  </si>
  <si>
    <t>Pentanoic acid, 2,3,4,4,5,5,5-heptafluoro-3-(1,1,2,2,2-pentafluoroethyl)-2-(trifluoromethyl)-</t>
  </si>
  <si>
    <t>1882109-66-1</t>
  </si>
  <si>
    <t>Pentanoic acid, 2,3,3,4,5,5,5-heptafluoro-2-(1,1,2,2,2-pentafluoroethyl)-4-(trifluoromethyl)-</t>
  </si>
  <si>
    <t>1882109-65-0</t>
  </si>
  <si>
    <t>Pentanoic acid, 2,3,4,4,5,5,5-heptafluoro-2-(1,1,2,2,2-pentafluoroethyl)-3-(trifluoromethyl)-</t>
  </si>
  <si>
    <t>1882109-64-9</t>
  </si>
  <si>
    <t>Pentanoic acid, 3,3,4,4,5,5,5-heptafluoro-2-(1,1,2,2,2-pentafluoroethyl)-2-(trifluoromethyl)-</t>
  </si>
  <si>
    <t>1882109-63-8</t>
  </si>
  <si>
    <t>Pentanoic acid, 3,4,4,5,5,5-hexafluoro-2,2,3-(trifluoromethyl)-</t>
  </si>
  <si>
    <t>1882109-69-4</t>
  </si>
  <si>
    <t>Butanoic acid, 4,4,4-trifluoro-2,2,3,3-tetrakis(trifluoromethyl)-</t>
  </si>
  <si>
    <t>1882109-62-7</t>
  </si>
  <si>
    <t>Butanoic acid, 2,3,4,4,4-pentafluoro-2-[1,2,2,2-tetrafluoro-1-(trifluoromethyl)ethyl]-3-(trifluoromethyl)-</t>
  </si>
  <si>
    <t>1882109-61-6</t>
  </si>
  <si>
    <t>Butanoic acid, 2,3,3,4,4,4-hexafluoro-2-[2,2,2-trifluoro-1,1-bis(trifluoromethyl)ethyl]-</t>
  </si>
  <si>
    <t>1882109-60-5</t>
  </si>
  <si>
    <t>Butanoic acid, 3,3,4,4,4-pentafluoro-2-[1,2,2,2-tetrafluoro-1-(trifluoromethyl)ethyl]-2-(trifluoromethyl)-</t>
  </si>
  <si>
    <t>1882109-59-2</t>
  </si>
  <si>
    <t>Butanoic acid, 3,3,4,4,4-pentafluoro-2,2-bis(1,1,2,2,2-pentafluoroethyl)-</t>
  </si>
  <si>
    <t>1882109-58-1</t>
  </si>
  <si>
    <t>Hexanoic acid, 2,2,4,4,5,5,6,6,6-nonafluoro-3,3-bis(trifluoromethyl)-</t>
  </si>
  <si>
    <t>1812247-20-3</t>
  </si>
  <si>
    <t>Hexanoic acid, 2,3,3,4,5,5,6,6,6-nonafluoro-2,4-bis(trifluoromethyl)-</t>
  </si>
  <si>
    <t>1812247-19-0</t>
  </si>
  <si>
    <t>Hexanoic acid, 2,3,4,4,5,5,6,6,6-nonafluoro-2,3-bis(trifluoromethyl)-</t>
  </si>
  <si>
    <t>1812247-18-9</t>
  </si>
  <si>
    <t>Hexanoic acid, 3,3,4,4,5,5,6,6,6-nonafluoro-2,2-bis(trifluoromethyl)-</t>
  </si>
  <si>
    <t>1812247-17-8</t>
  </si>
  <si>
    <t>Hexanoic acid, 2,2,3,3,5,5,6,6,6-nonafluoro-4,4-bis(trifluoromethyl)-</t>
  </si>
  <si>
    <t>1192593-79-5</t>
  </si>
  <si>
    <t>Hexanoic acid, 2,2,3,3,4,5,6,6,6-nonafluoro-4,5-bis(trifluoromethyl)-</t>
  </si>
  <si>
    <t>1144512-36-6</t>
  </si>
  <si>
    <t>Hexanoic acid, 2,2,3,4,4,5,6,6,6-nonafluoro-3,5-bis(trifluoromethyl)-</t>
  </si>
  <si>
    <t>1144512-35-5</t>
  </si>
  <si>
    <t>Hexanoic acid, 2,2,3,3,4,4,6,6,6-nonafluoro-5,5-bis(trifluoromethyl)-</t>
  </si>
  <si>
    <t>1144512-34-4</t>
  </si>
  <si>
    <t>Heptanoic acid, 2,2,3,3,4,5,5,6,6,7,7,7-dodecafluoro-4-(trifluoromethyl)-</t>
  </si>
  <si>
    <t>1144512-18-4</t>
  </si>
  <si>
    <t>Heptanoic acid, 2,2,3,3,4,4,5,6,6,7,7,7-dodecafluoro-5-(trifluoromethyl)-</t>
  </si>
  <si>
    <t>909009-42-3</t>
  </si>
  <si>
    <t>Heptanoic acid, 2,2,3,4,4,5,5,6,6,7,7,7-dodecafluoro-3-(trifluoromethyl)-</t>
  </si>
  <si>
    <t>705240-04-6</t>
  </si>
  <si>
    <t>Heptanoic acid, 2,3,3,4,4,5,5,6,6,7,7,7-dodecafluoro-2-(trifluoromethyl)-</t>
  </si>
  <si>
    <t>207678-51-1</t>
  </si>
  <si>
    <t>Isooctanoic acid, pentadecafluoro-</t>
  </si>
  <si>
    <t>123116-17-6</t>
  </si>
  <si>
    <t>Hexanoic acid, 2,3,3,4,4,5,5,6,6,6-decafluoro-2-(1,1,2,2,2-pentafluoroethyl)-</t>
  </si>
  <si>
    <t>35605-76-6</t>
  </si>
  <si>
    <t>Heptanoic acid, 2,2,3,3,4,4,5,5,6,7,7,7-dodecafluoro-6-(trifluoromethyl)-</t>
  </si>
  <si>
    <t>15166-06-0</t>
  </si>
  <si>
    <t>PFOA salts (including linear and branched isomers)</t>
  </si>
  <si>
    <t>Ammonium salt, linear/branched PFOA (Octanoic acid, pentadecafluoro-, branched,ammonium salt)</t>
  </si>
  <si>
    <t>90480-56-1</t>
  </si>
  <si>
    <t>Octanoic acid, 2,2,3,3,4,4,5,5,6,6,7,7,8,8,8-pentadecafluoro-, chromium(3+) salt (3:1)</t>
  </si>
  <si>
    <t>68141-02-6</t>
  </si>
  <si>
    <t>Ethanaminium, N,N,N-triethyl-,2,2,3,3,4,4,5,5,6,6,7,7,8,8,8-pentadecafluorooctanoate (1:1)</t>
  </si>
  <si>
    <t>98241-25-9</t>
  </si>
  <si>
    <t>Hexanoic acid, 2,3,3,4,4,5,5,6,6,6-decafluoro-2-(1,1,2,2,2- pentafluoroethyl)-, ammonium salt(1:1)</t>
  </si>
  <si>
    <t>13058-06-5</t>
  </si>
  <si>
    <t>Hexanoic acid, 2,3,3,4,4,5,5,6,6,6-decafluoro-2-(1,1,2,2,2-pentafluoroethyl)-, sodium salt (1:1)</t>
  </si>
  <si>
    <t>1195164-59-0</t>
  </si>
  <si>
    <t>Heptanoic acid, 2,2,3,3,4,4,5,5,6,7,7,7-dodecafluoro-6-(trifluoromethyl)-, ammoniumsalt (1:1)</t>
  </si>
  <si>
    <t>19742-57-5</t>
  </si>
  <si>
    <t>Heptanoic acid, 2,2,3,3,4,4,5,5,6,7,7,7-dodecafluoro-6-(trifluoromethyl)-, iron salt (1:x)</t>
  </si>
  <si>
    <t>61436-04-2</t>
  </si>
  <si>
    <t>Heptanoic acid, 2,2,3,3,4,4,5,5,6,7,7,7-dodecafluoro-6-(trifluoromethyl)-, potassium salt(1:1)</t>
  </si>
  <si>
    <t>29457-73-6</t>
  </si>
  <si>
    <t>Heptanoic acid, 2,2,3,3,4,4,5,5,6,7,7,7-dodecafluoro-6-(trifluoromethyl)- , sodium salt(1:1)</t>
  </si>
  <si>
    <t>18017-22-6</t>
  </si>
  <si>
    <t>Heptanoic acid, 2,2,3,3,4,4,5,5,6,7,7,7-dodecafluoro-6-(trifluoromethyl)-, chromium salt(1:x)</t>
  </si>
  <si>
    <t>15739-82-9</t>
  </si>
  <si>
    <t>Heptanoic acid, 2,2,3,3,4,4,5,5,6,7,7,7-dodecafluoro-6-(trifluoromethyl)-, aluminum salt(3:1)</t>
  </si>
  <si>
    <t>15715-47-6</t>
  </si>
  <si>
    <t>Fluorotelomer iodides (FTIs)</t>
  </si>
  <si>
    <t>Decane, 1,1,1,2,2,3,3,4,4,5,5,6,6,7,7,8,8-heptadecafluoro-10-iodo-</t>
  </si>
  <si>
    <t>Dodecane,1,1,1,2,2,3,3,4,4,5,5,6,6,7,7,8,8,9,9,10,10-heneicosafluoro-12-iodo-</t>
  </si>
  <si>
    <t>Tetradecane,1,1,1,2,2,3,3,4,4,5,5,6,6,7,7,8,8,9,9,10,10,11,11,12,12- pentacosafluoro-14-iodo-</t>
  </si>
  <si>
    <t>30046-31-2</t>
  </si>
  <si>
    <t>Hexadecane,1,1,1,2,2,3,3,4,4,5,5,6,6,7,7,8,8,9,9,10,10,11,11,12,12,13,13,14, 14-nonacosafluoro-16-iodo-</t>
  </si>
  <si>
    <t>65510-55-6</t>
  </si>
  <si>
    <t>Undecane, 1,1,1,2,2,3,3,4,4,5,5,6,6,7,7,8,8,9,9-nonadecafluoro-11-iodo-</t>
  </si>
  <si>
    <t>65510-56-7</t>
  </si>
  <si>
    <t>Alkyl iodides, C4-20, γ-ω-perfluoro</t>
  </si>
  <si>
    <t>68188-12-5</t>
  </si>
  <si>
    <t>Alkyl iodides, C10-12, γ-ω-perfluoro</t>
  </si>
  <si>
    <t>68390-33-0</t>
  </si>
  <si>
    <t>Fluorotelomer alcohols (FTOHs)</t>
  </si>
  <si>
    <t>1-Hexadecanol,3,3,4,4,5,5,6,6,7,7,8,8,9,9,10,10,11,11,12,12,13,13,14,14,15,15,16,16,16-nonacosafluoro-</t>
  </si>
  <si>
    <t>60699-51-6</t>
  </si>
  <si>
    <t>1-Tetradecanol,3,3,4,4,5,5,6,6,7,7,8,8,9,9,10,10,11,11,12,12,13,13,14,14,14-pentacosafluoro-</t>
  </si>
  <si>
    <t>39239-77-5</t>
  </si>
  <si>
    <t>1-Dodecanol,3,3,4,4,5,5,6,6,7,7,8,8,9,9,10,10,11,11,12,12,12-heneicosafluoro-</t>
  </si>
  <si>
    <t>1-Decanol, 3,3,4,4,5,5,6,6,7,7,8,8,9,9,10,10,10-heptadecafluoro-</t>
  </si>
  <si>
    <t>Flourotelomer Acrylates and Methacrylates(FTACs and FTMACs)</t>
  </si>
  <si>
    <t>2-Propenoic acid,4,4,5,5,6,6,7,7,8,8,9,9,10,10,11,11,12,12,13,13,14,14,15,15,16,17,17,17-octacosafluoro-2-hydroxy-16-(trifluoromethyl)heptadecyl ester</t>
  </si>
  <si>
    <t>16083-78-6</t>
  </si>
  <si>
    <t>2-Propenoic acid, 2-methyl-,3,3,4,4,5,5,6,6,7,7,8,8,9,9,10,10,11,11,12,12,13,13,14,14,15,15,16,16,16-nonacosafluorohexadecylester</t>
  </si>
  <si>
    <t>4980-53-4</t>
  </si>
  <si>
    <t>2-Propenoic acid, 2-methyl-,3,3,4,4,5,5,6,6,7,7,8,8,9,9,10,10,11,11,12,12,13,13,14,14,14-pentacosafluorotetradecyl ester</t>
  </si>
  <si>
    <t>6014-75-1</t>
  </si>
  <si>
    <t>2-Propenoic acid,4,4,5,5,6,6,7,7,8,8,9,9,10,10,11,11,12,12,13,13,14,15,15,15-tetracosafluoro-2-hydroxy-14-(trifluoromethyl)pentadecyl ester</t>
  </si>
  <si>
    <t>16083-87-7</t>
  </si>
  <si>
    <t>2-Propenoic acid,3,3,4,4,5,5,6,6,7,7,8,8,9,9,10,10,11,11,12,12,13,14,14,14-tetracosafluoro-13-(trifluoromethyl)tetradecyl ester</t>
  </si>
  <si>
    <t>52956-82-8</t>
  </si>
  <si>
    <t>2-Propenoic acid, 2-methyl-,3,3,4,4,5,5,6,6,7,7,8,8,9,9,10,10,11,12,12,12-eicosafluoro-11-(trifluoromethyl)dodecyl ester</t>
  </si>
  <si>
    <t>74256-14-7</t>
  </si>
  <si>
    <t>2-Propenoic acid, 2-methyl-,3,3,4,4,5,5,6,6,7,7,8,8,9,9,10,10,11,11,12,12,13,14,14,14-tetracosafluoro-13-(trifluoromethyl)tetradecyl ester</t>
  </si>
  <si>
    <t>74256-15-8</t>
  </si>
  <si>
    <t>2-(Perfluorodecyl) ethyl acrylate,  2-Propenoic acid, 3,3,4,4,5,5,6,6,7,7,8,8,9,9,10,10,11,11,12,12,12-heneicosafluorododecyl ester</t>
  </si>
  <si>
    <t>17741-60-5</t>
  </si>
  <si>
    <t>2-(Perfluorodecyl) ethyl methacrylate,  2- Propenoic acid, 2-methyl-, 3,3,4,4,5,5,6,6,7,7,8,8,9,9,10,10,11,11,12,12,12-heneicosafluorododecyl ester</t>
  </si>
  <si>
    <t>2144-54-9</t>
  </si>
  <si>
    <t>8:2 Fluorotelomer acrylate,  2-Propenoic acid, 3,3,4,4,5,5,6,6,7,7,8,8,9,9,10,10,10-heptadecafluorodecyl ester</t>
  </si>
  <si>
    <t>27905-45-9</t>
  </si>
  <si>
    <t>8:2 Fluorotelomer methacrylate, 2-Propenoic acid, 2-methyl-, 3,3,4,4,5,5,6,6,7,7,8,8,9,9,10,10,10-heptadecafluorodecyl ester</t>
  </si>
  <si>
    <t>1996-88-9</t>
  </si>
  <si>
    <t>2-Propenoic acid, γ-ω-perfluoro-C8-14-alkyl esters</t>
  </si>
  <si>
    <t>85631-54-5</t>
  </si>
  <si>
    <t>2-Propenoic acid, 3,3,4,4,5,5,6,6,7,7,8,8,9,9,10,10,11,11,12,12,13,13,14,14,15,16,16,16-octacosafluoro-15-(trifluoromethyl)hexadecyl ester</t>
  </si>
  <si>
    <t>91615-22-4</t>
  </si>
  <si>
    <t>2-Propenoic acid,3,3,4,4,5,5,6,6,7,7,8,8,9,9,10,10,11,11,12,12,13,13,14,14,15,15,16,16,17,18,18,18-dotriacontafluoro-17-(trifluoromethyl)octadecyl ester</t>
  </si>
  <si>
    <t>94158-63-1</t>
  </si>
  <si>
    <t>2-Propenoic acid, 2-methyl-,3,3,4,4,5,5,6,6,7,7,8,8,9,9,10,10,11,11,12,12,13,13,14,14,15,16,16,16-octacosafluoro-15-(trifluoromethyl)hexadecyl ester</t>
  </si>
  <si>
    <t>94158-64-2</t>
  </si>
  <si>
    <t>2-Propenoic acid, 2-methyl-, 3,3,4,4,5,5,6,6,7,7,8,8,9,9,10,10,11,11,12,12,13,13,14,14,15,15,16,16,17,18,18,18-dotriacontafluoro-17-(trifluoromethyl)octadecylester</t>
  </si>
  <si>
    <t>94158-65-3</t>
  </si>
  <si>
    <t>Perfluoroalkyl halides (incl. linear and branched isomers)</t>
  </si>
  <si>
    <t>Perfluorooctyl iodide</t>
  </si>
  <si>
    <t>Undecane, 1,1,1,2,2,3,3,4,4,5,5,6,6,7,7,8,8,9,9,10,10,11,11-tricosafluoro-11-iodo-</t>
  </si>
  <si>
    <t>307-50-6</t>
  </si>
  <si>
    <t>Dodecane, 1,1,1,2,2,3,3,4,4,5,5,6,6,7,7,8,8,9,9,10,10,11,11,12,12-pentacosafluoro-12-iodo-</t>
  </si>
  <si>
    <t>307-60-8</t>
  </si>
  <si>
    <t>Tetradecane, 1,1,1,2,2,3,3,4,4,5,5,6,6,7,7,8,8,9,9,10,10,11,11,12,12,13,13,14,14-nonacosafluoro-14-iodo-</t>
  </si>
  <si>
    <t>307-63-1</t>
  </si>
  <si>
    <t>Pentadecane, 1,1,1,2,2,3,3,4,4,5,5,6,6,7,7,8,8,9,9,10,10,11,11,12,12,13,13,14,14,15,15-hentriacontafluoro-15-iodo</t>
  </si>
  <si>
    <t>335-79-5</t>
  </si>
  <si>
    <t>Tridecane, 1,1,1,2,2,3,3,4,4,5,5,6,6,7,7,8,8,9,9,10,10,11,11,12,12,13,13-heptacosafluoro-13-iodo-</t>
  </si>
  <si>
    <t>376-04-5</t>
  </si>
  <si>
    <t>Decane, 1,1,1,2,2,3,3,4,4,5,5,6,6,7,7,8,8,9,9,10,10-heneicosafluoro-10-iodo-</t>
  </si>
  <si>
    <t>423-62-1</t>
  </si>
  <si>
    <t>Nonane, 1,1,1,2,2,3,3,4,4,5,5,6,6,7,7,8,8,9,9-nonadecafluoro-9-iodo-</t>
  </si>
  <si>
    <t>558-97-4</t>
  </si>
  <si>
    <t>Decane, 1,1,1,2,3,3,4,4,5,5,6,6,7,7,8,8,9,9,10,10-eicosafluoro-10-iodo-2-(trifluoromethyl)-</t>
  </si>
  <si>
    <t>677-93-0</t>
  </si>
  <si>
    <t>Dodecane, 1,1,1,2,3,3,4,4,5,5,6,6,7,7,8,8,9,9,10,10,11,11,12, 12-tetracosafluoro-12-iodo-2-(trifluoromethyl)-</t>
  </si>
  <si>
    <t>3248-61-1</t>
  </si>
  <si>
    <t>Tetradecane, 1,1,1,2,3,3,4,4,5,5,6,6,7,7,8,8,9,9,10,10,11,11,12,12,13,13,14,14-octacosafluoro-14-iodo-2-(trifluoromethyl)-</t>
  </si>
  <si>
    <t>3248-63-3</t>
  </si>
  <si>
    <t>Decane, 1-bromo-1,1,2,2,3,3,4,4,5,5,6,6,7,7,8,8,9,9,10,10,10-heneicosafluoro-</t>
  </si>
  <si>
    <t>307-43-7</t>
  </si>
  <si>
    <t>Alkyl iodides, C6-18, perfluoro</t>
  </si>
  <si>
    <t>90622-71-2</t>
  </si>
  <si>
    <t>8:2 Fluorotelomer olefin</t>
  </si>
  <si>
    <t>1-Dodecene,3,3,4,4,5,5,6,6,7,7,8,8,9,9,10,10,11,11,12,12,12-heneicosafluoro-</t>
  </si>
  <si>
    <t>30389-25-4</t>
  </si>
  <si>
    <t>Other PFOA Related Compounds</t>
  </si>
  <si>
    <t>Silicic acid (H4SiO4), disodium salt, reaction products with chlorotrimethylsilane and 3,3,4,4,5,5,6,6,7,7,8,8,9,9,10,10,10-heptadecafluoro-1-decanol</t>
  </si>
  <si>
    <t>125476-71-3</t>
  </si>
  <si>
    <t>Poly[[1,3-bis(3,3,4,4,5,5,6,6,7,7,8,8,9,9,10,10,10-heptadecafluorodecyl )-1,3:1,3-disiloxanediylidene]-1,3-</t>
  </si>
  <si>
    <t>161045-59-6</t>
  </si>
  <si>
    <t>1,5-Trisiloxanediol, 3-(3,3,4,4,5,5,6,6,7,7,8,8,9,9,10,10,10-heptadecafluorodecyl)-1,1,3,5,5-pentamethyl- (9CI)</t>
  </si>
  <si>
    <t>165320-75-2</t>
  </si>
  <si>
    <t>Silane, (3,3,4,4,5,5,6,6,7,7,8,8,9,9,10,10,10-heptadecafluorodecyl)trimethoxy-</t>
  </si>
  <si>
    <t>83048-65-1</t>
  </si>
  <si>
    <t>Silane, trichloro(3,3,4,4,5,5,6,6,7,7,8,8,9,9,10,10,10-heptadecafluorodecyl)-</t>
  </si>
  <si>
    <t>78560-44-8</t>
  </si>
  <si>
    <t>Included in list of substances under assessment in phase 3 of Canadian Chemical Management Plan (CMP3) (2016-2020)
Reg. (EC) No 1907/2006 (REACH Candidate List)</t>
  </si>
  <si>
    <t>Phenyl Glycidyl Ether</t>
  </si>
  <si>
    <t>Used in the production of epoxy resins as an intermediate and a stabilizer(adhesives, paints, coatings)</t>
  </si>
  <si>
    <t>Phosphoric acid, tris(2-methylphenyl) ester</t>
    <phoneticPr fontId="8" type="noConversion"/>
  </si>
  <si>
    <t>Benzyl octyl phthalate (B79P)</t>
  </si>
  <si>
    <t>68515-40-2</t>
  </si>
  <si>
    <t>Canadian Government has completed a draft risk assessment and proposed that the substance be declared toxic (http://www.ec.gc.ca/ese-ees/default.asp?lang=En&amp;n=516A504A-1).  Government is required to regulate toxic substances once the assessment is finalized (late 2018)</t>
  </si>
  <si>
    <t>Thermoplastic PVC, PVC tape, PVC foam, and sealers</t>
  </si>
  <si>
    <t>2-bromobiphenyl</t>
  </si>
  <si>
    <t>Substance is a mono-brominated substance but has been included in this group per regulations.</t>
  </si>
  <si>
    <t>3-bromobiphenyl</t>
  </si>
  <si>
    <t>Benzene, 1,1'-oxybis[2,3,4,6-tetrabromo-</t>
  </si>
  <si>
    <t>117964-21-3</t>
  </si>
  <si>
    <t>Nonabromo-1,1′-biphenyl</t>
  </si>
  <si>
    <t>Pentabromobiphenyl</t>
  </si>
  <si>
    <t>2,2',3,3',4,5',6-heptabromodiphenyl ether</t>
  </si>
  <si>
    <t>446255-22-7</t>
  </si>
  <si>
    <t>2,2',3,4,4',5',6-Heptabromodiphenyl ether</t>
  </si>
  <si>
    <t>207122-16-5</t>
  </si>
  <si>
    <t>2,2',4,4',5,5'-Hexabromodiphenyl ether</t>
  </si>
  <si>
    <t>68631-49-2</t>
  </si>
  <si>
    <t>2,2',4,4',5,6'-hexabromodiphenyl ether</t>
  </si>
  <si>
    <t>207122-15-4</t>
  </si>
  <si>
    <t>2,2',4,4',5-Pentabromodiphenyl ether</t>
  </si>
  <si>
    <t>60348-60-9</t>
  </si>
  <si>
    <t>2,2',4,4'-tetrabromodiphenyl ether</t>
  </si>
  <si>
    <t>Benzen,1,2,4,5-tetrabromo-3-(2,4-dibromophenoxy)-</t>
  </si>
  <si>
    <t>116995-33-6</t>
  </si>
  <si>
    <t>109945-70-2</t>
  </si>
  <si>
    <t>1201677-32-8</t>
  </si>
  <si>
    <t>145538-74-5</t>
  </si>
  <si>
    <t>Dec 2013 voluntary phase out US EPA. P by July 2015 in D.C. 
Reg. (EC) No 1907/2006 (REACH Candidate List and Annex XVII).</t>
  </si>
  <si>
    <t>1-Jan-14
2-Mar-19 (REACH)</t>
  </si>
  <si>
    <t xml:space="preserve">206-44-0 </t>
  </si>
  <si>
    <t>129-00-0</t>
  </si>
  <si>
    <t>Used as additive in plastic materials, adhesives and sealants, and paints</t>
  </si>
  <si>
    <t>Vanadium pentoxide (orthorhombic crystalline form)</t>
  </si>
  <si>
    <t>Mainly used as a catalyst</t>
  </si>
  <si>
    <t>(米国) 有害物質規制法（TSCA） 使用禁止または制限物質（第6条）</t>
  </si>
  <si>
    <t>(EU) ELV指令</t>
    <phoneticPr fontId="4"/>
  </si>
  <si>
    <t>(EU) RoHS指令 Annex II</t>
    <phoneticPr fontId="4"/>
  </si>
  <si>
    <t>(EU) POPs規則 Annex I</t>
    <phoneticPr fontId="4"/>
  </si>
  <si>
    <t>(EU) REACH規則 Candidate List of SVHC for Authorisation（認可対象候補物質）およびAnnex XIV（認可対象物質）</t>
    <phoneticPr fontId="4"/>
  </si>
  <si>
    <t>(EU) 医療機器規則（MDR）Annex I 10.4 化学物質</t>
    <rPh sb="5" eb="7">
      <t>イリョウ</t>
    </rPh>
    <rPh sb="7" eb="9">
      <t>キキ</t>
    </rPh>
    <rPh sb="9" eb="11">
      <t>キソク</t>
    </rPh>
    <rPh sb="29" eb="31">
      <t>カガク</t>
    </rPh>
    <rPh sb="31" eb="33">
      <t>ブッシツ</t>
    </rPh>
    <phoneticPr fontId="4"/>
  </si>
  <si>
    <t>*1 Ｃは認可対象候補物質の公表日、Aは認可対象物質に関する官報番号を示しています。</t>
    <phoneticPr fontId="4"/>
  </si>
  <si>
    <t>(b) The Commission is empowered to adopt delegated acts in accordance with Article 9a, amending Annex II on a regular basis to adapt it to technical and scientific progress, in order to:</t>
  </si>
  <si>
    <t>(i) as necessary, establish maximum concentration values up to which the existence of the substances referred to in point (a) of this paragraph in specific materials and components of vehicles is to be tolerated;</t>
  </si>
  <si>
    <t>(ii) exempt certain materials and components of vehicles from point (a) of this paragraph if the use of the substances referred to in that point is unavoidable;</t>
  </si>
  <si>
    <t>(iii) delete materials and components of vehicles from Annex II if the use of the substances referred to in point (a) of this paragraph is avoidable;</t>
  </si>
  <si>
    <t>(iv) under points (i) and (ii) designate those materials and components of vehicles that can be stripped before further treatment and require them to be labelled or made identifiable by other appropriate means.</t>
  </si>
  <si>
    <t>The Commission shall adopt a separate delegated act with respect to each substance, material or component concerned by points (i) to (iv);</t>
  </si>
  <si>
    <t>(c) the Commission shall amend Annex II for the first time not later than 21 October 2001. In any case none of the exemptions listed therein shall be deleted from the Annex before 1 January 2003.</t>
  </si>
  <si>
    <t>Materials and components exempt from Article 4(2)(a)</t>
  </si>
  <si>
    <t>A maximum concentration value up to 0,1 % by weight in homogeneous material for lead, hexavalent chromium and mercury and up to 0,01 % by weight in homogeneous material for cadmium shall be tolerated.</t>
  </si>
  <si>
    <t>Spare parts put on the market after 1 July 2003 which are used for vehicles put on the market before 1 July 2003, except for wheel balance weights, carbon brushes for electric motors and brake linings, shall be exempted from the provisions of Article 4(2)(a) of Directive 2000/53/EC.</t>
  </si>
  <si>
    <t>残留性有機汚染物質(Persistent Organic Pollutants; POPs)に関するストックホルム条約のEUにおける担保法（ストックホルム条約締結加盟国は、対象となっている物質について、条約を担保できるように国内法を整備することとなっている）であるPOPs規則のANNEX Iに収載されている物質。これらの物質は、原則製造、上市および使用が禁止される(適用除外規定あり)。</t>
    <phoneticPr fontId="4"/>
  </si>
  <si>
    <t>of 20 June 2019</t>
  </si>
  <si>
    <t>on persistent organic pollutants</t>
  </si>
  <si>
    <t>(recast)</t>
  </si>
  <si>
    <t>Article 3</t>
  </si>
  <si>
    <t>Control of manufacturing, placing on the market and use, and the listing of substances</t>
  </si>
  <si>
    <t>40088-47-9 and others</t>
  </si>
  <si>
    <t>254-787-2 and others</t>
  </si>
  <si>
    <t>32534-81-9 and others</t>
  </si>
  <si>
    <t>251-084-2 and others</t>
  </si>
  <si>
    <t>36483-60-0 and others</t>
  </si>
  <si>
    <t>253-058-6 and others</t>
  </si>
  <si>
    <t>68928-80-3 and others</t>
  </si>
  <si>
    <t>273-031-2 and others</t>
  </si>
  <si>
    <t>Bis(pentabromophenyl) ether (decabromodiphenyl ether; decaBDE)</t>
  </si>
  <si>
    <t>217-179-8</t>
  </si>
  <si>
    <t>220-527-1</t>
  </si>
  <si>
    <t>249-644-6</t>
  </si>
  <si>
    <t>249-415-0</t>
  </si>
  <si>
    <t>70225-14-8</t>
  </si>
  <si>
    <t>274-460-8</t>
  </si>
  <si>
    <t>260-375-3</t>
  </si>
  <si>
    <t>251099-16-8</t>
  </si>
  <si>
    <t>223-980-3</t>
  </si>
  <si>
    <t>4151-50-2</t>
  </si>
  <si>
    <t>250-665-8</t>
  </si>
  <si>
    <t>31506-32-8</t>
  </si>
  <si>
    <t>216-887-4</t>
  </si>
  <si>
    <t>1691-99-2</t>
  </si>
  <si>
    <t>246-262-1</t>
  </si>
  <si>
    <t>24448-09-7</t>
  </si>
  <si>
    <t>206-200-6 and others</t>
  </si>
  <si>
    <t>307-35-7 and others</t>
  </si>
  <si>
    <t>Without prejudice to Directive 96/59/EC, articles already in use at the time of the entry into force of this Regulation are allowed to be used.</t>
  </si>
  <si>
    <t>‘Hexabromocyclododecane’ means: hexabromocyclododecane, 1,2,5,6,9,10-hexabromocyclododecane and its main diastereoisomers: alpha-hexabromocyclododecane; beta-hexabromocyclododecane; and gamma-hexabromocyclododecane</t>
  </si>
  <si>
    <t>Pentachlorophenol and its salts and esters</t>
  </si>
  <si>
    <t>87-86-5 and others</t>
  </si>
  <si>
    <t>201-778-6 and others</t>
  </si>
  <si>
    <t>70776-03-3 and others</t>
  </si>
  <si>
    <t>274-864-4 and others</t>
  </si>
  <si>
    <t>85535-84-8 and others</t>
  </si>
  <si>
    <t>Part B</t>
  </si>
  <si>
    <t>2,3,3,3-tetrafluoro-2-(heptafluoropropoxy)propionic acid, its salts and its acyl halides</t>
  </si>
  <si>
    <t>16/07/2019</t>
  </si>
  <si>
    <t>covering any of their individual isomers and combinations thereof</t>
  </si>
  <si>
    <t>2-methoxyethyl acetate</t>
  </si>
  <si>
    <t>Tris(4-nonylphenyl, branched and linear) phosphite (TNPP) with ≥ 0.1% w/w of 4-nonylphenol, branched and linear (4-NP)</t>
  </si>
  <si>
    <t>206-44-0</t>
  </si>
  <si>
    <t>4-Nonylphenol, ethoxylated</t>
  </si>
  <si>
    <t>1 - 2.5 moles ethoxylated</t>
  </si>
  <si>
    <t>Nonylphenol, branched, ethoxylated</t>
  </si>
  <si>
    <t>4-Nonylphenol, branched, ethoxylated</t>
  </si>
  <si>
    <t>n-pentyl-isopentylphthalate</t>
  </si>
  <si>
    <t>933-378-9</t>
  </si>
  <si>
    <t>EUにおける化学品の登録・評価・認可および制限に関する規則(REACH; Registration,Evaluation, Authorisation and Restriction of Chemicals, 2007年6月1日発効)のAnnex XVII（ある種の危険な物質、混合物及びアーティクルの製造、上市場及び使用に関する制限）に収載されている物質。これらの物質は同規則67条で、制限の条件に合致していない場合には、製造、上市または使用が禁止されている。</t>
    <phoneticPr fontId="4"/>
  </si>
  <si>
    <t>Any of its mono-, di- or tri-O-(alkyl) derivatives (TDFAs)</t>
  </si>
  <si>
    <t>SubstanceClarification</t>
  </si>
  <si>
    <t>MassInfoRequirements</t>
  </si>
  <si>
    <t>1,3-dioxodiarsoxane 1,3-dioxide; Arsenic oxide, (As2O5)</t>
  </si>
  <si>
    <t>Mass percent of article and total mass of all occurrences in product</t>
  </si>
  <si>
    <t>dioxodiarsoxane; Arsenic oxide, (As2O3)</t>
  </si>
  <si>
    <t>Notes: This declarable substance group has a complete list of substances that is specified in the reference substance list</t>
  </si>
  <si>
    <t>[EU] REACH Regulation (EC) No.1907/2006 ANNEX XVII; [USA] Toxic Substances Control Act (TSCA); [Switzerland] Act of Reduction of Risks in Treatment of Specified Hazardous Substances, Preparations, and Articles in Switzerland (ChemRRV) Swiss Ordinance 814.81</t>
  </si>
  <si>
    <t>Mass percent of product</t>
  </si>
  <si>
    <t>Azocolourants and Azodyes which form certain aromatic amines</t>
  </si>
  <si>
    <t>[EU] REACH Regulation (EC) No.1907/2006 ANNEX XVII</t>
  </si>
  <si>
    <t>Mass percent of material</t>
  </si>
  <si>
    <t>BeO</t>
  </si>
  <si>
    <t>(Guidance) EICTA, CECED and EERA Joint Position : Guidance on implementing article 11 of Directive 2002/96(EC) concerning information for treatment facilities</t>
  </si>
  <si>
    <t>Mass percent</t>
  </si>
  <si>
    <t>Additional substance description: EC No. 233-139-2 and EC No. 234-343-4</t>
  </si>
  <si>
    <t>10043-35-3; 11113-50-1</t>
  </si>
  <si>
    <t>H3BO3</t>
  </si>
  <si>
    <t>(Standard) IEC 61249-2-21; (Standard) IPC-4101</t>
  </si>
  <si>
    <t>Mass percent of total bromine content in laminate</t>
  </si>
  <si>
    <t>(Standard) JEDEC JS709</t>
  </si>
  <si>
    <t>Mass percent of bromine in plastic materials</t>
  </si>
  <si>
    <t>Mass percent of total cadmium in homogenous material</t>
  </si>
  <si>
    <t>[EU] Battery Directive 2006/66/EC; [Korea (the Republic of)] Quality Management and Manufactured Product Safety Management Law (Battery Regulation)</t>
  </si>
  <si>
    <t>Mass percent of total hexavalent chromium in homogenous material</t>
  </si>
  <si>
    <t>Cobalt(2+) dichloride; Cobalt chloride, (CoCl2)</t>
  </si>
  <si>
    <t>Mass percent of product part</t>
  </si>
  <si>
    <t>(a) textile and leather articles intended to come into contact with the skin, (b) childcare articles, (c) two-component room temperature vulcanisation moulding kits (RTV-2 moulding kits)</t>
  </si>
  <si>
    <t>Dimethylfumarate (DMF)</t>
  </si>
  <si>
    <t>DMF; Dimethyl (E)-butenedioate; 2-Butenedioic acid (2E)-, dimethyl ester</t>
  </si>
  <si>
    <t>2019-07-21</t>
  </si>
  <si>
    <t>[EU] REGULATION (EU) No 517/2014 on fluorinated greenhouse gases</t>
  </si>
  <si>
    <t>[Austria] BGB I 1990/194: Formaldehyde Restriction §2, 12/2/1990; [Lithuania] Hygiene Norm HN 96:2000 (Hygiene Norms and Regulations)</t>
  </si>
  <si>
    <t>HBCDD</t>
  </si>
  <si>
    <t>[EU] REACH Regulation (EC) No.1907/2006 Candidate List for Authorisation; [Japan] Act on the Evaluation of Chemical Substances and Regulation of Their Manufacture, etc.; [EU] Persistent Organic Pollutants (POPs) Regulation (EC) No.850/2004</t>
  </si>
  <si>
    <t>Mass percent of total lead in homogeneous material</t>
  </si>
  <si>
    <t>[USA] Consumer Product Safety Improvement Act of 2008 PUBLIC LAW 110-314</t>
  </si>
  <si>
    <t>Mass percent of surface coating material</t>
  </si>
  <si>
    <t>[USA California] Safe Drinking Water and Toxic Enforcement Act of 1986 (Proposition 65)</t>
  </si>
  <si>
    <t>[EU] Battery Directive 2006/66/EC; [China] Limitation of mercury, cadmium and lead contents for alkaline and non-alkaline zinc manganese dioxide batteries GB 24427-2009</t>
  </si>
  <si>
    <t>Notes:  This substance contains lead and chromium which is also subject to "RoHS" regulation which may have a more stringent reporting threshold.  Manufactuers should evaluate this substance against both reporting thresholds.</t>
  </si>
  <si>
    <t>C.I. Pigment Yellow 34; Lead(2+) chromate; Chromic acid, (H2CrO4), lead(2+) salt (1:1)</t>
  </si>
  <si>
    <t>C.I. Pigment Red 104; lead chromate molybdate sulfate red</t>
  </si>
  <si>
    <t>C.I. Pigment Yellow 34; lead sulfochromate yellow</t>
  </si>
  <si>
    <t>Notes:  When two reporting thresholds are listed, the manufacturer needs to evaluate their products against both thresholds.  Reporting is required if one or both thresholds are exceeded.</t>
  </si>
  <si>
    <t>Mass percent of total mercury in homogenous material</t>
  </si>
  <si>
    <t>[EU] Battery Directive 2006/66/EC; [China] Limitation of mercury, cadmium and lead contents for alkaline and non-alkaline zinc manganese dioxide batteries GB 24427-2009; [Taiwan (Province of China)] Restrictions on the Manufacture, Import, and Sale of Dry Cell Batteries; [Korea (the Republic of)] Quality Management and Manufactured Product Safety Management Law (Battery Regulation); [USA New York] Environmental Conservation Law, Battery management and disposal § 27-0719</t>
  </si>
  <si>
    <t>[Canada] Products containing Mercury Regulations SOR/2014-254</t>
  </si>
  <si>
    <t>[EU] Regulation on substances that deplete the ozone layer (EC) No. 1005/2009; [Japan] Law concerning the Protection of the Ozone Layer through the Control of Specified Substances and Other Measures; [USA] Clean Air Act; (Treaty) Montreal Protocol on Substances that Deplete the Ozone Layer</t>
  </si>
  <si>
    <t>[USA California] Perchlorate Contamination Prevention Act of 2003 AB 826</t>
  </si>
  <si>
    <t>UV-320; 2-(2H-benzotriazol-2-yl)-4,6-di-tert-butylphenol; Phenol, 2-(2H-benzotriazol-2-yl)-4,6-bis(1,1-dimethylethyl)-</t>
  </si>
  <si>
    <t>[EU] REACH Regulation (EC) No.1907/2006 Candidate List for Authorisation; [Japan] Act on the Evaluation of Chemical Substances and Regulation of Their Manufacture, etc.</t>
  </si>
  <si>
    <t>Phthalates, Selected Group 1 (DEHP, DBP, BBP, DIBP)</t>
  </si>
  <si>
    <t>BBP, DBP, DEHP, DIBP</t>
  </si>
  <si>
    <t>[EU] REACH Regulation (EC) No.1907/2006 ANNEX XVII; [USA] Consumer Product Safety Improvement Act of 2008 PUBLIC LAW 110-314</t>
  </si>
  <si>
    <t>Mass percent in plasticized material</t>
  </si>
  <si>
    <t>DIDP, DINP, DNOP</t>
  </si>
  <si>
    <t>DEHP; 1,2-Benzenedicarboxylic acid, bis(2-ethylhexyl) ester</t>
  </si>
  <si>
    <t>[EU] RoHS Directive 2011/65/EU and its amendments; [EU] REACH Regulation (EC) No.1907/2006 Candidate List for Authorisation</t>
  </si>
  <si>
    <t>Mass percent of homogeneous material and total mass of all occurrences in product</t>
  </si>
  <si>
    <t>DBP; 1,2-Benzenedicarboxylic acid, dibutyl ester</t>
  </si>
  <si>
    <t>BBP; 1,2-Benzenedicarboxylic acid, butyl phenylmethyl ester</t>
  </si>
  <si>
    <t>DIBP; Bis(2-methylpropyl)benzene-1,2-dicarboxylate; 1,2-Benzenedicarboxylic acid, bis(2-methylpropyl) ester</t>
  </si>
  <si>
    <t>DIHP; C6-8-(branched)-Alkyl benzene-1,2-dicarboxylate</t>
  </si>
  <si>
    <t>Di-C7-11-(linear and branched)-alkyl phthalate</t>
  </si>
  <si>
    <t>Polybrominated biphenyls (PBB)</t>
  </si>
  <si>
    <t>PBB</t>
  </si>
  <si>
    <t>[EU] RoHS Directive 2011/65/EU and its amendments; [China] Law Measures for Restriction of the Use of Hazardous Substances in Electrical Appliances and Electronic Products; [Japan] Law for the Promotion of Effective Utilization of Resources</t>
  </si>
  <si>
    <t>Mass percent of total PBBs in homogeneous material</t>
  </si>
  <si>
    <t>Polybrominated diphenyl ethers (PBDE)</t>
  </si>
  <si>
    <t>PBDE</t>
  </si>
  <si>
    <t>[EU] RoHS Directive 2011/65/EU and its amendments; [China] Law Measures for Restriction of the Use of Hazardous Substances in Electrical Appliances and Electronic Products; [Japan] Law for the Promotion of Effective Utilization of Resources; [Japan] Act on the Evaluation of Chemical Substances and Regulation of Their Manufacture, etc.</t>
  </si>
  <si>
    <t>Mass percent of total PBDEs in homogeneous material</t>
  </si>
  <si>
    <t>PCBs</t>
  </si>
  <si>
    <t>[EU] Persistent Organic Pollutants (POPs) Regulation (EC) No.850/2004; [USA] Toxic Substances Control Act (TSCA); [Japan] Act on the Evaluation of Chemical Substances and Regulation of Their Manufacture, etc.</t>
  </si>
  <si>
    <t>PCTs</t>
  </si>
  <si>
    <t>Polychlorinated naphthalenes</t>
  </si>
  <si>
    <t>PCNs</t>
  </si>
  <si>
    <t>Lubricant, paint, stabilizer (electric characteristic, flame-resistant, water-resistant) insulator, flame retardant</t>
  </si>
  <si>
    <t>[EU] Persistent Organic Pollutants (POPs) Regulation (EC) No.850/2004; [Japan] Act on the Evaluation of Chemical Substances and Regulation of Their Manufacture, etc.</t>
  </si>
  <si>
    <t>[USA] Nuclear Regulatory Commission Regulations Title 10 CFR Part 20; [Japan] Law for the Regulation of Nuclear Source Material, Nuclear Fuel Material, and Reactors; [Japan] Law Concerning Prevention from Radiation Hazards due to Radio-Isotopes, etc.; [EU] Directive 2013/59/Euratom</t>
  </si>
  <si>
    <t>Additional substance description: are fibres covered by index number 650-017-00-8 in Annex VI, part 3, table 3.1 of Regulation (EC) No 1272/2008 of the European Parliament and of the Council of 16 December 2008 on classification, labelling and packaging of substances and mixtures, and fulfil the three following conditions: a) oxides of aluminium and silicon are the main components present (in the fibres) within variable concentration ranges b) fibres have a length weighted geometric mean diameter less two standard geometric errors of 6 or less micrometres (µm) c) alkaline oxide and alkali earth oxide (Na2O+K2O+CaO+MgO+BaO) content less or equal to 18% by weight</t>
  </si>
  <si>
    <t>Additional substance description: are fibres covered by index number 650-017-00-8 in Annex VI, part 3, table 3.1 of Regulation (EC) No 1272/2008 of the European Parliament and of the Council of 16 December 2008 on classification, labelling and packaging of substances and mixtures, and fulfil the three following conditions: a) oxides of aluminium, silicon and zirconium are the main components present (in the fibres) within variable concentration ranges b) fibres have a length weighted geometric mean diameter less two standard geometric errors of 6 or less micrometres (µm). c) alkaline oxide and alkali earth oxide (Na2O+K2O+CaO+MgO+BaO) content less or equal to 18% by weight</t>
  </si>
  <si>
    <t>Short Chain Chlorinated Paraffins</t>
  </si>
  <si>
    <t>[EU] REACH Regulation (EC) No.1907/2006 Candidate List for Authorisation; [EU] Persistent Organic Pollutants (POPs) Regulation (EC) No.850/2004; [Norway] Regulations relating to restrictions on the manufacture, import, export, sale and use of chemicals and other products hazardous to health and the environment (Consumer Product Regulations) FOR-2004-06-01-922; [Switzerland] Act of Reduction of Risks in Treatment of Specified Hazardous Substances, Preparations, and Articles in Switzerland (ChemRRV) Swiss Ordinance 814.81</t>
  </si>
  <si>
    <t>C.I. Pigment Yellow 32; Chromic acid (H2CrO4), strontium salt (1:1)</t>
  </si>
  <si>
    <t>TBTO; Distannoxane, hexabutyl-</t>
  </si>
  <si>
    <t>[EU] REACH Regulation (EC) No.1907/2006 ANNEX XVII; [Japan] Act on the Evaluation of Chemical Substances and Regulation of Their Manufacture, etc.; [Norway] Regulations relating to restrictions on the manufacture, import, export, sale and use of chemicals and other products hazardous to health and the environment (Consumer Product Regulations) FOR-2004-06-01-922</t>
  </si>
  <si>
    <t>TCEP; Ethanol, 2-chloro-, phosphate (3:1)</t>
  </si>
  <si>
    <t>4-(2,4,4-trimethylpentan-2-yl)phenol; Phenol, 4-(1,1,3,3-tetramethylbutyl)-</t>
  </si>
  <si>
    <t>1-methoxy-2-(2-methoxyethoxy)ethane; Ethane, 1,1'-oxybis[2-methoxy-</t>
  </si>
  <si>
    <t>1,2-Benzenedicarboxylic acid, 1,2-bis(2-methoxyethyl) ester</t>
  </si>
  <si>
    <t>Zinc chromate hydroxide (Zn5(CrO4)(OH)8)</t>
  </si>
  <si>
    <t>Potassium zinc chromate hydroxide (KZn2(CrO4)2(OH))</t>
  </si>
  <si>
    <t>CFR</t>
  </si>
  <si>
    <t>Mass percent of chlorine in plastic materials</t>
  </si>
  <si>
    <t>Mass percent of total chlorine in laminate</t>
  </si>
  <si>
    <t>decabromodiphenyl ether; DecaBDE; 1,1'-Oxybis(pentabromobenzene); Benzene, 1,1'-oxybis[2,3,4,5,6-pentabromo-]</t>
  </si>
  <si>
    <t>Lead(2+) hydroxide sulfite (2:2:1); Sulfurous acid, lead salt, dibasic</t>
  </si>
  <si>
    <t>TEGDME; triglyme; 2,5,8,11-tetraoxadodecane</t>
  </si>
  <si>
    <t>EGDME; 1,2-dimethoxyethane; Ethane, 1,2-dimethoxy-</t>
  </si>
  <si>
    <t>4-(Phenylazo)aniline; Benzenamine, 4-(2-phenyldiazenyl)-</t>
  </si>
  <si>
    <t>lead tetroxide; Lead oxide (Pb3O4)</t>
  </si>
  <si>
    <t>Lead antimonate; C.I. Pigment Yellow 41</t>
  </si>
  <si>
    <t>Ethane, 1,2- diethoxy-</t>
  </si>
  <si>
    <t>Boron oxide (B2O3)</t>
  </si>
  <si>
    <t>Found in wood veneers, glass/fiber optics, and ceramics - for industrial applications</t>
  </si>
  <si>
    <t>DBTC; Stannane, dibutyldichloro-</t>
  </si>
  <si>
    <t>Lead(2+) cyanamide; Cyanamide, lead(2+) salt (1:1)</t>
  </si>
  <si>
    <t>DMF; Formamide, N,N-dimethyl-</t>
  </si>
  <si>
    <t>Additional substance description: With lead (Pb) content above the applicable generic concentration limit for 'toxicity for reproduction' Repr. 1A (CLP) or category 1 (DSD); the substance is a member of the group entry of lead compounds, with index number 082-001-00-6 in Regulation (EC) No 1272/2008</t>
  </si>
  <si>
    <t>Barium silicate, lead-doped</t>
  </si>
  <si>
    <t>Bis(3-methylbutyl) phthalate; 1,2-Benzenedicarboxylic acid, 1,2-bis(3-methylbutyl) ester</t>
  </si>
  <si>
    <t>n-pentyl-isopentyl phthalate; 1,2-Benzenedicarboxylic acid, 1-(3-methylbutyl) 2-pentyl ester</t>
  </si>
  <si>
    <t>C.I. Pigment Yellow 47; Lead titanium oxide (PbTiO3)</t>
  </si>
  <si>
    <t>PZT; Lead titanium zirconium trioxide; Lead titanium zirconium oxide (Pb(Ti,Zr)O3)</t>
  </si>
  <si>
    <t>Dilead oxide sulphate; Lead oxide sulfate (Pb2O(SO4)​)</t>
  </si>
  <si>
    <t>Lead, [1,​2-​benzenedicarboxylato​(2-​)​]​dioxotri-</t>
  </si>
  <si>
    <t>Octadecanoic acid, lead complex; Lead, bis(octadecanoato)dioxotri-</t>
  </si>
  <si>
    <t>C16-18-(even numbered)-fatty acids, lead salts</t>
  </si>
  <si>
    <t>Lead(2+) dinitrate; Nitric acid, lead(2+) salt (2:1)</t>
  </si>
  <si>
    <t>68515-49-1; 26761-40-0</t>
  </si>
  <si>
    <t>DIDP; 1,​2-​Benzenedicarboxylic acid, di-​C9-​11-​branched alkyl esters, C10-​rich; 1,2-Benzenedicarboxylic acid, 1,2-diisodecyl ester</t>
  </si>
  <si>
    <t>DnHP; Dihexyl phthalate; 1,​2-​Benzenedicarboxylic acid, 1,​2-​dihexyl ester</t>
  </si>
  <si>
    <t>[EU] REACH Regulation (EC) No.1907/2006 Candidate List for Authorisation; [USA California] Safe Drinking Water and Toxic Enforcement Act of 1986 (Proposition 65)</t>
  </si>
  <si>
    <t>cadmium oxide (CdO)</t>
  </si>
  <si>
    <t>DPP; 1,2-Benzenedicarboxylic acid, 1,2-dipentyl ester</t>
  </si>
  <si>
    <t>PFOA; Octanoic acid, 2,2,3,3,4,4,5,5,6,6,7,7,8,8,8-pentadecafluoro-</t>
  </si>
  <si>
    <t>PFOA is used as an emulsion stabilizer to manufacture polyvinylidene fluoride (PVDF) and other fluorinated polymers and elastomers and can be found in concentrations up to 1% w/w in these plastics.</t>
  </si>
  <si>
    <t>APFO; Octanoic acid, 2,2,3,3,4,4,5,5,6,6,7,7,8,8,8-pentadecafluoro-, ammonium salt (1:1)</t>
  </si>
  <si>
    <t>APFO is used as an emulsion stabilizer to manufacture polyvinylidene fluoride (PVDF) and other fluorinated polymers and elastomers and can be found in concentrations up to 1% w/w in these plastics.</t>
  </si>
  <si>
    <t>Additional substance description: Substances with a linear and/or branched alkyl chain with a carbon number of 9 covalently bound in position 4 to phenol, ethoxylated covering UVCB- and well-defined substances, polymers and homologues, which include any of the individual isomers and/or combinations thereof</t>
  </si>
  <si>
    <t>Cadmium sulfide (CdS)</t>
  </si>
  <si>
    <t>Phenol, dimethyl-, 1,1',1''-phosphate</t>
  </si>
  <si>
    <t>C.I. Direct Red 28; Disodium 4-amino-3-[(4-{4-[(1-amino-4-sulfonatonaphthalen-2-yl)diazenyl]phenyl}phenyl)diazenyl]naphthalene-1-sulfonate; 1-Naphthalenesulfonic acid, 3,3'-[[1,1'-biphenyl]-4,4'-diylbis(2,1-diazenediyl)]bis[4-amino-,sodium salt (1:2)</t>
  </si>
  <si>
    <t>[Norway] Regulations relating to restrictions on the manufacture, import, export, sale and use of chemicals and other products hazardous to health and the environment (Consumer Product Regulations) FOR-2004-06-01-922</t>
  </si>
  <si>
    <t>Mass percent and surface area of material</t>
  </si>
  <si>
    <t>Mass percent of the part (as the sum of PFOA)</t>
  </si>
  <si>
    <t>2-imidazoline-2-thiol; 2-imidazolidinethione</t>
  </si>
  <si>
    <t>1,2-Benzenedicarboxylic acid, 1,2-dihexyl ester, branched and linear</t>
  </si>
  <si>
    <t>28553-12-0; 68515-48-0</t>
  </si>
  <si>
    <t>DINP</t>
  </si>
  <si>
    <t>Benzo[a]pyrene (BaP)</t>
  </si>
  <si>
    <t>Notes: This declarable substance is a polycyclic aromatic hydrocarbon (PAH)</t>
  </si>
  <si>
    <t>BaP; Benzo[def]chrysene</t>
  </si>
  <si>
    <t>Benzo[e]pyrene (BeP)</t>
  </si>
  <si>
    <t>BeP</t>
  </si>
  <si>
    <t>Benzo[a]anthracene (BaA)</t>
  </si>
  <si>
    <t>BaA; Benz[a]anthracene</t>
  </si>
  <si>
    <t>Chrysen (CHR)</t>
  </si>
  <si>
    <t>CHR; chrysene</t>
  </si>
  <si>
    <t>Benzo[b]fluoranthene (BbFA)</t>
  </si>
  <si>
    <t>BbFA</t>
  </si>
  <si>
    <t>Benzo[j]fluoranthene (BjFA)</t>
  </si>
  <si>
    <t>BjFA</t>
  </si>
  <si>
    <t>Benzo[k]fluoranthene (BkFA)</t>
  </si>
  <si>
    <t>BkFA</t>
  </si>
  <si>
    <t>Dibenzo[a,h]anthracene (DBAhA)</t>
  </si>
  <si>
    <t>DBAhA</t>
  </si>
  <si>
    <t>Notes: When two reporting thresholds are listed, the manufacturer needs to evaluate their products against both thresholds.  Reporting is required if one or both thresholds are exceeded.</t>
  </si>
  <si>
    <t>PFOS</t>
  </si>
  <si>
    <t>[EU] Persistent Organic Pollutants (POPs) Regulation (EC) No.850/2004; [Canada]  Prohibition of Certain Toxic Substances Regulations SOR/2012-285 and its amendment; [Japan] Act on the Evaluation of Chemical Substances and Regulation of Their Manufacture, etc.</t>
  </si>
  <si>
    <t>Notes: 1. This entry replaces (in part) the original PFOS entry 00034; 2. When two reporting thresholds are listed, the manufacturer needs to evaluate their products against both thresholds.  Reporting is required if one or both thresholds are exceeded.</t>
  </si>
  <si>
    <t>C.I. Direct Black 38; 2,7-Naphthalenedisulfonic acid, 4-amino-3-[2-[4'-[2-(2,4-diaminophenyl)diazenyl][1,1'-biphenyl]-4-yl]diazenyl]-5-hydroxy-6-(2-phenyldiazenyl)-, sodium salt (1:2)</t>
  </si>
  <si>
    <t>DOTE; 8-Oxa-3,5-dithia-4-stannatetradecanoic acid, 10-ethyl-4,4-dioctyl-7-oxo-, 2-ethylhexyl ester</t>
  </si>
  <si>
    <t>reaction mass of DOTE and MOTE</t>
  </si>
  <si>
    <t>UV-328; 2-(2H-benzotriazol-2-yl)-4,6-bis(2-methylbutan-2-yl)phenol; Phenol, 2-(2H-benzotriazol-2-yl)-4,6-bis(1,1-dimethylpropyl)-</t>
  </si>
  <si>
    <t>Additional substance description: With ≥ 0.3% of dihexyl phthalate (EC No. 201-559-5)</t>
  </si>
  <si>
    <t>68515-51-5; 68648-93-1</t>
  </si>
  <si>
    <t>Di-C6-10 alkyl phthalate; Di-C6-10 (even numbered) alkyl phthalate; 1,2-Benzenedicarboxylic acid, di-C6-10-alkyl esters; 1,2-Benzenedicarboxylic acid, mixed decyl and hexyl and octyl diesters</t>
  </si>
  <si>
    <t>1,2-oxathiolane 2,2-dioxide; 1,2-oxathiolane, 2,2-dioxide</t>
  </si>
  <si>
    <t>UV-327; 2-(5-chloro-2H-benzotriazol-2-yl)-4,6-bis(2-methyl-2-propanyl)phenol; Phenol, 2-(5-chloro-2H-benzotriazol-2-yl)-4,6-bis(1,1-dimethylethyl)-</t>
  </si>
  <si>
    <t>UV-350; 2-(2H-benzotriazol-2-yl)-6-sec-butyl-4-tert-butylphenol; phenol, 2-(2H-benzotriazol-2-yl)-4-(1,1-dimethylethyl)-6-(1-methylpropyl)-</t>
  </si>
  <si>
    <t>Benzo[a]pyrene; BaP</t>
  </si>
  <si>
    <t>BPA; Bisphenol A; 4,4'-propane-2,2-diyldiphenol; phenol, 4,4'-(1-methylethylidene)bis-</t>
  </si>
  <si>
    <t>D13.00: Substance Added</t>
  </si>
  <si>
    <t>Notes: This reference substance list provides examples and may not be a complete list as specified in the regulation or standard indicated in the BasisDescription field of the DSL entry.  ECHA has identified additional substances that are part of the declarable substance group</t>
  </si>
  <si>
    <t>D14.00: Substance Added</t>
  </si>
  <si>
    <t>CHR</t>
  </si>
  <si>
    <t>BaA; Benzo[a]anthracene</t>
  </si>
  <si>
    <t>Cadmium dihydroxide</t>
  </si>
  <si>
    <t>Dechlorane Plus™; 1,4:7,10-Dimethanodibenzo[a,e]cyclooctene, 1,2,3,4,7,8,9,10,13,13,14,14-dodecachloro-1,4,4a,5,6,6a,7,10,10a,11,12,12a-dodecahydro-</t>
  </si>
  <si>
    <t>D4; Cyclotetrasiloxane, 2,2,4,4,6,6,8,8-octamethyl-</t>
  </si>
  <si>
    <t>D5; Cyclopentasiloxane, 2,2,4,4,6,6,8,8,10,10-decamethyl-</t>
  </si>
  <si>
    <t>D6; Cyclohexasiloxane, 2,2,4,4,6,6,8,8,10,10,12,12-dodecamethyl-</t>
  </si>
  <si>
    <t>Boron sodium oxide (B8Na2O13)</t>
  </si>
  <si>
    <t>DCHP; 1,2-benzenedicarboxylic acid, 1,2-dicyclohexyl ester</t>
  </si>
  <si>
    <t>D17.00: Substance Added</t>
  </si>
  <si>
    <t>00160</t>
  </si>
  <si>
    <t>Perfluorooctanoic acid and its salts</t>
  </si>
  <si>
    <t>PFOA</t>
  </si>
  <si>
    <t>Greases, textiles and other coated consumer products, and emulsifiers used for manufacturing the Fluoropolymers and fluoroelastomers</t>
  </si>
  <si>
    <t>0.0000025 mass% of PFOA including its salts in article or mixture</t>
  </si>
  <si>
    <t>Article, Mixture</t>
  </si>
  <si>
    <t>Mass percent of article or mixture</t>
  </si>
  <si>
    <t>00161</t>
  </si>
  <si>
    <t>00162</t>
  </si>
  <si>
    <t>TNPP</t>
  </si>
  <si>
    <t>stabilizer and antioxidant in the processing of various plastic materials such as PVC, Polyolefines or rubbers</t>
  </si>
  <si>
    <t>D18.00: Declarable Substance Group added</t>
  </si>
  <si>
    <t>D18.00: added synonym</t>
  </si>
  <si>
    <t>Mercury, chloro(cyclohexylmethyl)-</t>
  </si>
  <si>
    <t>D18.00: Modified the specific substance name (from "Mercuric chloride") for better accuracy</t>
  </si>
  <si>
    <t>Bis (2-ethylhexyl) phthalate (DEHP)</t>
  </si>
  <si>
    <t>R00513</t>
  </si>
  <si>
    <t>D18.00: DSG name updated</t>
  </si>
  <si>
    <t>Nonabromobiphenyl</t>
  </si>
  <si>
    <t>Copolymer of alkyl(c=8) acrylate,methyl methacrylate and tributyltin methacrylate</t>
  </si>
  <si>
    <t>D18.00: DSG name updated; D11.00: Added reference substance.  1.Polychlorinated Napthalenes with 2(two) chlorine atoms.  2.This reference substance is part of a complete list as specified in the regulation or standard indicated in the BasisDescription field of the DSL entry</t>
  </si>
  <si>
    <t>D18.00: DSG name updated; D11.00: Added reference substance.  1.Polychlorinated Napthalenes with 5(five) chlorine atoms.  2.This reference substance is part of a complete list as specified in the regulation or standard indicated in the BasisDescription field of the DSL entry</t>
  </si>
  <si>
    <t>D18.00: DSG name updated; D11.00: Added reference substance.  1.Polychlorinated Napthalenes with 3(three) chlorine atoms.  2.This reference substance is part of a complete list as specified in the regulation or standard indicated in the BasisDescription field of the DSL entry</t>
  </si>
  <si>
    <t>D18.00: DSG name updated; D11.00: Added reference substance.  1.Polychlorinated Napthalenes with 6(six) chlorine atoms.  2.This reference substance is part of a complete list as specified in the regulation or standard indicated in the BasisDescription field of the DSL entry</t>
  </si>
  <si>
    <t>D18.00: DSG name updated; D11.00: Added reference substance.  1.Polychlorinated Napthalenes with 4(four) chlorine atoms.  2.This reference substance is part of a complete list as specified in the regulation or standard indicated in the BasisDescription field of the DSL entry</t>
  </si>
  <si>
    <t>D18.00: DSG name updated; D11.00: Added reference substance.  1.Polychlorinated Napthalenes with 8(eight) chlorine atoms.  2.This reference substance is part of a complete list as specified in the regulation or standard indicated in the BasisDescription field of the DSL entry</t>
  </si>
  <si>
    <t>D18.00: DSG name updated; D11.00: Added reference substance.  1.Polychlorinated Napthalenes with 7(seven) chlorine atoms.  2.This reference substance is part of a complete list as specified in the regulation or standard indicated in the BasisDescription field of the DSL entry</t>
  </si>
  <si>
    <t>R00496</t>
  </si>
  <si>
    <t>D18.00: Added new reference substance.This Specific Substance is the same as R00493.</t>
  </si>
  <si>
    <t>R00497</t>
  </si>
  <si>
    <t>D18.00: Added new reference substance.This Specific Substance is the same as R00494.</t>
  </si>
  <si>
    <t>R00498</t>
  </si>
  <si>
    <t>D18.00: Added new reference substance.This Specific Substance is the same as R00495.</t>
  </si>
  <si>
    <t>R00499</t>
  </si>
  <si>
    <t>D18.00: Added new reference substance</t>
  </si>
  <si>
    <t>R00500</t>
  </si>
  <si>
    <t>R00501</t>
  </si>
  <si>
    <t>R00502</t>
  </si>
  <si>
    <t>R00503</t>
  </si>
  <si>
    <t>R00504</t>
  </si>
  <si>
    <t>R00505</t>
  </si>
  <si>
    <t>R00506</t>
  </si>
  <si>
    <t>R00507</t>
  </si>
  <si>
    <t>R00508</t>
  </si>
  <si>
    <t>R00509</t>
  </si>
  <si>
    <t>R00510</t>
  </si>
  <si>
    <t>R00511</t>
  </si>
  <si>
    <t>R00512</t>
  </si>
  <si>
    <t>3,3,4,4,5,5,6,6,7,7,8,8,9,9,10,10,10-Heptadecafluordecan-1-ol</t>
  </si>
  <si>
    <t>R00514</t>
  </si>
  <si>
    <t>Phenol, 4-nonyl, phosphite</t>
  </si>
  <si>
    <t>3050-88-2</t>
  </si>
  <si>
    <t>R00515</t>
  </si>
  <si>
    <t>Phenol, p-isononyl-, phosphite</t>
  </si>
  <si>
    <t>31631-13-7</t>
  </si>
  <si>
    <t>R00516</t>
  </si>
  <si>
    <t>Phenol, p-sec-nonyl-, phosphite</t>
  </si>
  <si>
    <t>106599-06-8</t>
  </si>
  <si>
    <t>(EU) REACH規則 Annex XVII (制限対象物質)</t>
    <phoneticPr fontId="4"/>
  </si>
  <si>
    <t>LR08</t>
    <phoneticPr fontId="4"/>
  </si>
  <si>
    <t>LR01</t>
    <phoneticPr fontId="4"/>
  </si>
  <si>
    <t>LR02：(米国) 有害物質規制法（TSCA） 使用禁止または制限物質（第6条）</t>
    <phoneticPr fontId="4"/>
  </si>
  <si>
    <t>LR03：(EU) ELV指令</t>
    <phoneticPr fontId="4"/>
  </si>
  <si>
    <t>LR04：(EU) RoHS指令 Annex II</t>
    <phoneticPr fontId="4"/>
  </si>
  <si>
    <t>LR05：(EU) POPs規則 Annex I</t>
    <phoneticPr fontId="4"/>
  </si>
  <si>
    <t>LR07：(EU) REACH規則 Annex XVII（制限対象物質）</t>
    <phoneticPr fontId="4"/>
  </si>
  <si>
    <t>LR08：(EU) 医療機器規則（MDR）Annex I 10.4 化学物質</t>
    <phoneticPr fontId="4"/>
  </si>
  <si>
    <t>40 CFR 763</t>
    <phoneticPr fontId="4"/>
  </si>
  <si>
    <t>1.  Member States shall ensure that EEE placed on the market, including cables and spare parts for its repair, its reuse, updating of its functionalities or upgrading of its capacity, does not contain the substances listed in Annex II.</t>
    <phoneticPr fontId="4"/>
  </si>
  <si>
    <t>2.  For the purposes of this Directive, no more than the maximum concentration value by weight in homogeneous materials as specified in Annex II shall be tolerated. The Commission shall adopt, by means of delegated acts in accordance with Article 20 and subject to the conditions laid down in Articles 21 and 22, detailed rules for complying with these maximum concentration values taking into account, inter alia, surface coatings.</t>
    <phoneticPr fontId="4"/>
  </si>
  <si>
    <t>▼M37</t>
  </si>
  <si>
    <t>▼M37</t>
    <phoneticPr fontId="4"/>
  </si>
  <si>
    <t>3.  Paragraph 1 shall apply to medical devices and monitoring and control instruments which are placed on the market from 22 July 2014, to in vitro diagnostic medical devices which are placed on the market from 22 July 2016, to industrial monitoring and control instruments which are placed on the market from 22 July 2017, and to all other EEE that was outside the scope of Directive 2002/95/EC and which is placed on the market from 22 July 2019.</t>
    <phoneticPr fontId="4"/>
  </si>
  <si>
    <t>▼B</t>
    <phoneticPr fontId="4"/>
  </si>
  <si>
    <t>4.  Paragraph 1 shall not apply to cables or spare parts for the repair, the reuse, the updating of functionalities or upgrading of capacity of the following:</t>
    <phoneticPr fontId="4"/>
  </si>
  <si>
    <t>(ea) all other EEE that was outside the scope of Directive 2002/95/EC and which is placed on the market before 22 July 2019;</t>
  </si>
  <si>
    <t>5.  Provided that reuse takes place in auditable closed-loop business-to-business return systems, and that the reuse of spare parts is notified to the consumer, paragraph 1 shall not apply to reused spare parts:</t>
  </si>
  <si>
    <t>(a) recovered from EEE placed on the market before 1 July 2006 and used in EEE placed on the market before 1 July 2016;</t>
  </si>
  <si>
    <t>(b) recovered from medical devices or monitoring and control instruments placed on the market before 22 July 2014 and used in EEE placed on the market before 22 July 2024;</t>
  </si>
  <si>
    <t>(c) recovered from in vitro diagnostic medical devices placed on the market before 22 July 2016 and used in EEE placed on the market before 22 July 2026;</t>
  </si>
  <si>
    <t>(d) recovered from industrial monitoring and control instruments placed on the market before 22 July 2017 and used in EEE placed on the market before 22 July 2027;</t>
  </si>
  <si>
    <t>(e) recovered from all other EEE that was outside the scope of Directive 2002/95/EC and which is placed on the market before 22 July 2019, and used in EEE placed on the market before 22 July 2029.</t>
  </si>
  <si>
    <t>▼M29</t>
  </si>
  <si>
    <t>The restriction of DEHP, BBP, DBP and DIBP shall apply to medical devices, including in vitro medical devices, and monitoring and control instruments, including industrial monitoring and control instruments, from 22 July 2021.</t>
  </si>
  <si>
    <t>The restriction of DEHP, BBP, DBP and DIBP shall not apply to cables or spare parts for the repair, the reuse, the updating of functionalities or upgrading of capacity of EEE placed on the market before 22 July 2019, and of medical devices, including in vitro medical devices, and monitoring and control instruments, including industrial monitoring and control instruments, placed on the market before 22 July 2021.</t>
  </si>
  <si>
    <t>The restriction of DEHP, BBP and DBP shall not apply to toys which are already subject to the restriction of DEHP, BBP and DBP through entry 51 of Annex XVII to Regulation (EC) No 1907/2006.</t>
  </si>
  <si>
    <t>(a)  hazard classes 2.1 to 2.4, 2.6 and 2.7, 2.8 types A and B, 2.9, 2.10, 2.12, 2.13 categories 1 and 2, 2.14 categories 1 and 2, 2.15 types A to F;</t>
  </si>
  <si>
    <t>(b)  hazard classes 3.1 to 3.6, 3.7 adverse effects on sexual function and fertility or on development, 3.8 effects other than narcotic effects, 3.9 and 3.10;</t>
  </si>
  <si>
    <t>(c)  hazard class 4.1;</t>
  </si>
  <si>
    <t>(a)  motor fuels which are covered by Directive 98/70/EC;</t>
  </si>
  <si>
    <t>1.  The manufacture, placing on the market and use of these fibres and of articles and mixtures containing these fibres added intentionally is prohibited.</t>
  </si>
  <si>
    <t>Any downstream user benefiting from such an exemption shall send, by 31 January of each calendar year to the Member State in which the relevant electrolysis installation is located, a report indicating the amount of chrysotile used in diaphragms pursuant to the exemption. The Member State shall transmit a copy to the European Commission.</t>
  </si>
  <si>
    <t>2.  The use of articles containing asbestos fibres referred to in paragraph 1 which were already installed and/or in service before 1 January 2005 shall continue to be permitted until they are disposed of or reach the end of their service life. However, Member States may, for reasons of protection of human health, restrict, prohibit or make subject to specific conditions, the use of such articles before they are disposed of or reach the end of their service life.</t>
  </si>
  <si>
    <t>Member States may allow placing on the market of articles in their entirety containing asbestos fibres referred to in paragraph 1 which were already installed and/or in service before 1 January 2005, under specific conditions ensuring a high level of protection of human health. Member States shall communicate these national measures to the Commission by 1 June 2011. The Commission shall make this information publicly available.</t>
  </si>
  <si>
    <t>1.  Shall not be placed on the market:</t>
  </si>
  <si>
    <t>(a)  in fever thermometers;</t>
  </si>
  <si>
    <t>(b)  in other measuring devices intended for sale to the general public (such as manometers, barometers, sphygmomanometers, thermometers other than fever thermometers).</t>
  </si>
  <si>
    <t>2.  The restriction in paragraph 1 shall not apply to measuring devices that were in use in the Community before 3 April 2009. However Member States may restrict or prohibit the placing on the market of such measuring devices.</t>
  </si>
  <si>
    <t>3.  The restriction in paragraph 1(b) shall not apply to:</t>
  </si>
  <si>
    <t>(a)  measuring devices more than 50 years old on 3 October 2007;</t>
  </si>
  <si>
    <t>5.  The following mercury-containing measuring devices intended for industrial and professional uses shall not be placed on the market after 10 April 2014:</t>
  </si>
  <si>
    <t>(a)  barometers;</t>
  </si>
  <si>
    <t>(b)  hygrometers;</t>
  </si>
  <si>
    <t>(c)  manometers;</t>
  </si>
  <si>
    <t>(d)  sphygmomanometers;</t>
  </si>
  <si>
    <t>(e)  strain gauges to be used with plethysmographs;</t>
  </si>
  <si>
    <t>(f)  tensiometers;</t>
  </si>
  <si>
    <t>(g)  thermometers and other non-electrical thermometric applications.</t>
  </si>
  <si>
    <t>The restriction shall also apply to measuring devices under points (a) to (g) which are placed on the market empty if intended to be filled with mercury.</t>
  </si>
  <si>
    <t>6.  The restriction in paragraph 5 shall not apply to:</t>
  </si>
  <si>
    <t>(a)  sphygmomanometers to be used:</t>
  </si>
  <si>
    <t>(i)  in epidemiological studies which are ongoing on 10 October 2012;</t>
  </si>
  <si>
    <t>(ii)  as reference standards in clinical validation studies of mercury-free sphygmomanometers;</t>
  </si>
  <si>
    <t>(b)  thermometers exclusively intended to perform tests according to standards that require the use of mercury thermometers until 10 October 2017;</t>
  </si>
  <si>
    <t>7.  The following mercury-using measuring devices intended for professional and industrial uses shall not be placed on the market after 10 April 2014:</t>
  </si>
  <si>
    <t>(a)  mercury pycnometers;</t>
  </si>
  <si>
    <t>(b)  mercury metering devices for determination of the softening point.</t>
  </si>
  <si>
    <t>8.  The restrictions in paragraphs 5 and 7 shall not apply to:</t>
  </si>
  <si>
    <t>1.  Shall not be placed on the market, or used, as substances or in mixtures where the substance or mixture is acting as biocide in free association paint.</t>
  </si>
  <si>
    <t>2.  Shall not be placed on the market, or used, as substances or in mixtures where the substance or mixture acts as biocide to prevent the fouling by micro-organisms, plants or animals of:</t>
  </si>
  <si>
    <t>(a)  all craft irrespective of their length intended for use in marine, coastal, estuarine and inland waterways and lakes;</t>
  </si>
  <si>
    <t>(b)  cages, floats, nets and any other appliances or equipment used for fish or shellfish farming;</t>
  </si>
  <si>
    <t>(c)  any totally or partly submerged appliance or equipment.</t>
  </si>
  <si>
    <t>4.  Tri-substituted organostannic compounds:</t>
  </si>
  <si>
    <t>(a)  Tri-substituted organostannic compounds such as tributyltin (TBT) compounds and triphenyltin (TPT) compounds shall not be used after 1 July 2010 in articles where the concentration in the article, or part thereof, is greater than the equivalent of 0,1 % by weight of tin.</t>
  </si>
  <si>
    <t>(b)  Articles not complying with point (a) shall not be placed on the market after 1 July 2010, except for articles that were already in use in the Community before that date.</t>
  </si>
  <si>
    <t>5.  Dibutyltin (DBT) compounds:</t>
  </si>
  <si>
    <t>(a)  Dibutyltin (DBT) compounds shall not be used after 1 January 2012 in mixtures and articles for supply to the general public where the concentration in the mixture or the article, or part thereof, is greater than the equivalent of 0,1 % by weight of tin.</t>
  </si>
  <si>
    <t>(b)  Articles and mixtures not complying with point (a) shall not be placed on the market after 1 January 2012, except for articles that were already in use in the Community before that date.</t>
  </si>
  <si>
    <t>(d)  By way of derogation, points (a) and (b) shall not apply to materials and articles regulated under Regulation (EC) No 1935/2004.</t>
  </si>
  <si>
    <t>6.  Dioctyltin (DOT) compound:</t>
  </si>
  <si>
    <t>Mixtures and articles produced from plastic material as listed above shall not be placed on the market if the concentration of cadmium (expressed as Cd metal) is equal to or greater than 0,01 % by weight of the plastic material.</t>
  </si>
  <si>
    <t>By way of derogation, the second subparagraph shall not apply to articles placed on the market before 10 December 2011.</t>
  </si>
  <si>
    <t>2.  Shall not be used or placed on the market in paints with codes [3208 ] [3209 ] in a concentration (expressed as Cd metal) equal to or greater than 0,01 % by weight.</t>
  </si>
  <si>
    <t>For paints with codes [3208 ] [3209 ] with a zinc content exceeding 10 % by weight of the paint, the concentration of cadmium (expressed as Cd metal) shall not be equal to or greater than 0,1 % by weight.</t>
  </si>
  <si>
    <t>3.  By way of derogation, paragraphs 1 and 2 shall not apply to articles coloured with mixtures containing cadmium for safety reasons.</t>
  </si>
  <si>
    <t>5.  For the purpose of this entry, ‘cadmium plating’ means any deposit or coating of metallic cadmium on a metallic surface.</t>
  </si>
  <si>
    <t>Shall not be used for cadmium plating metallic articles or components of the articles used in the following sectors/applications:</t>
  </si>
  <si>
    <t>In any case, whatever their use or intended final purpose, the placing on the market of cadmium-plated articles or components of such articles used in the sectors/applications listed in points (a) and (b) above and of articles manufactured in the sectors listed in point (b) above is prohibited.</t>
  </si>
  <si>
    <t>6.  The provisions referred to in paragraph 5 shall also be applicable to cadmium-plated articles or components of such articles when used in the sectors/applications listed in points (a) and (b) below and to articles manufactured in the sectors listed in (b) below:</t>
  </si>
  <si>
    <t>8.  Shall not be used in brazing fillers in concentration equal to or greater than 0,01 % by weight.</t>
  </si>
  <si>
    <t>Brazing fillers shall not be placed on the market if the concentration of cadmium (expressed as Cd metal) is equal to or greater than 0,01 % by weight.</t>
  </si>
  <si>
    <t>For the purpose of this paragraph brazing shall mean a joining technique using alloys and undertaken at temperatures above 450 °C.</t>
  </si>
  <si>
    <t>9.  By way of derogation, paragraph 8 shall not apply to brazing fillers used in defence and aerospace applications and to brazing fillers used for safety reasons.</t>
  </si>
  <si>
    <t>10.  Shall not be used or placed on the market if the concentration is equal to or greater than 0,01 % by weight of the metal in:</t>
  </si>
  <si>
    <t>(i)  metal beads and other metal components for jewellery making;</t>
  </si>
  <si>
    <t>(b)  cosmetic products as defined by Directive 76/768/EEC;</t>
  </si>
  <si>
    <t>1.  Cement and cement-containing mixtures shall not be placed on the market, or used, if they contain, when hydrated, more than 2 mg/kg (0,0002 %) soluble chromium VI of the total dry weight of the cement.</t>
  </si>
  <si>
    <t>2.  If reducing agents are used, then without prejudice to the application of other Community provisions on the classification, packaging and labelling of substances and mixtures, suppliers shall ensure before the placing on the market that the packaging of cement or cement-containing mixtures is visibly, legibly and indelibly marked with information on the packing date, as well as on the storage conditions and the storage period appropriate to maintaining the activity of the reducing agent and to keeping the content of soluble chromium VI below the limit indicated in paragraph 1.</t>
  </si>
  <si>
    <t>5.  Leather articles coming into contact with the skin shall not be placed on the market where they contain chromium VI in concentrations equal to or greater than 3 mg/kg (0,0003 % by weight) of the total dry weight of the leather.</t>
  </si>
  <si>
    <t>6.  Articles containing leather parts coming into contact with the skin shall not be placed on the market where any of those leather parts contains chromium VI in concentrations equal to or greater than 3 mg/kg (0,0003 % by weight) of the total dry weight of that leather part.</t>
  </si>
  <si>
    <t>The standard EN 16143:2013 (Petroleum products — Determination of content of Benzo(a)pyrene (BaP) and selected polycyclic aromatic hydrocarbons (PAH) in extender oils — Procedure using double LC cleaning and GC/MS analysis) shall be used as the test method for demonstrating conformity with the limits referred to in the first subparagraph.</t>
  </si>
  <si>
    <t>Until 23 September 2016, the limits referred to in the first subparagraph may be regarded as kept, if the polycyclic aromatics (PCA) extract is less than 3 % by weight as measured by the Institute of Petroleum standard IP 346:1998 (Determination of PCA in unused lubricating base oils and asphaltene free petroleum fractions — Dimethyl sulphoxide extraction refractive index method), provided that compliance with the limits of BaP and of the listed PAHs, as well as the correlation of the measured values with the PCA extract, is measured by the manufacturer or importer every six months or after each major operational change, whichever is earlier.</t>
  </si>
  <si>
    <t>2.  Furthermore, tyres and treads for retreading manufactured after 1 January 2010 shall not be placed on the market if they contain extender oils exceeding the limits indicated in paragraph 1.</t>
  </si>
  <si>
    <t>These limits shall be regarded as kept, if the vulcanised rubber compounds do not exceed the limit of 0,35 % Bay protons as measured and calculated by ISO 21461 (Rubber vulcanised — Determination of aromaticity of oil in vulcanised rubber compounds).</t>
  </si>
  <si>
    <t>3.  By way of derogation, paragraph 2 shall not apply to retreaded tyres if their tread does not contain extender oils exceeding the limits referred to in paragraph 1.</t>
  </si>
  <si>
    <t>5.  Articles shall not be placed on the market for supply to the general public, if any of their rubber or plastic components that come into direct as well as prolonged or short-term repetitive contact with the human skin or the oral cavity, under normal or reasonably foreseeable conditions of use, contain more than 1 mg/kg (0,0001 % by weight of this component) of any of the listed PAHs.</t>
  </si>
  <si>
    <t>6.  Toys, including activity toys, and childcare articles, shall not be placed on the market, if any of their rubber or plastic components that come into direct as well as prolonged or short-term repetitive contact with the human skin or the oral cavity, under normal or reasonably foreseeable conditions of use, contain more than 0,5 mg/kg (0,00005 % by weight of this component) of any of the listed PAHs.</t>
  </si>
  <si>
    <t>7.  By way of derogation from paragraphs 5 and 6, these paragraphs shall not apply to articles placed on the market for the first time before 27 December 2015.</t>
  </si>
  <si>
    <t>1.  Shall not be used as substances or in mixtures, in concentrations greater than 0,1 % by weight of the plasticised material, in toys and childcare articles which can be placed in the mouth by children.</t>
  </si>
  <si>
    <t>56.  Methylenediphenyl diisocyanate (MDI)</t>
  </si>
  <si>
    <t>CAS No 26447-40-5</t>
  </si>
  <si>
    <t>EC No 247-714-0</t>
  </si>
  <si>
    <t>including the following specific isomers:</t>
  </si>
  <si>
    <t>(a)  4,4’-Methylenediphenyl diisocyanate:</t>
  </si>
  <si>
    <t>CAS No 101-68-8</t>
  </si>
  <si>
    <t>EC No 202-966-0;</t>
  </si>
  <si>
    <t>(b)  2,4’-Methylenediphenyl diisocyanate:</t>
  </si>
  <si>
    <t>CAS No 5873-54-1</t>
  </si>
  <si>
    <t>EC No 227-534-9;</t>
  </si>
  <si>
    <t>(c)  2,2’-Methylenediphenyl diisocyanate:</t>
  </si>
  <si>
    <t>CAS No 2536-05-2</t>
  </si>
  <si>
    <t>1.  Shall not be placed on the market or used in any individual part of jewellery articles if the concentration of lead (expressed as metal) in such a part is equal to or greater than 0,05 % by weight.</t>
  </si>
  <si>
    <t>2.  For the purposes of paragraph 1:</t>
  </si>
  <si>
    <t>(i)  ‘jewellery articles’ shall include jewellery and imitation jewellery articles and hair accessories, including:</t>
  </si>
  <si>
    <t>(a)  bracelets, necklaces and rings;</t>
  </si>
  <si>
    <t>(b)  piercing jewellery;</t>
  </si>
  <si>
    <t>(c)  wrist watches and wrist-wear;</t>
  </si>
  <si>
    <t>(d)  brooches and cufflinks;</t>
  </si>
  <si>
    <t>(ii)  ‘any individual part’ shall include the materials from which the jewellery is made, as well as the individual components of the jewellery articles.</t>
  </si>
  <si>
    <t>3.  Paragraph 1 shall also apply to individual parts when placed on the market or used for jewellery-making.</t>
  </si>
  <si>
    <t>4.  By way of derogation, paragraph 1 shall not apply to:</t>
  </si>
  <si>
    <t>(b)  internal components of watch timepieces inaccessible to consumers;</t>
  </si>
  <si>
    <t>(c)  non-synthetic or reconstructed precious and semiprecious stones (CN code 7103 , as established by Regulation (EEC) No 2658/87), unless they have been treated with lead or its compounds or mixtures containing these substances;</t>
  </si>
  <si>
    <t>(d)  enamels, defined as vitrifiable mixtures resulting from the fusion, vitrification or sintering of minerals melted at a temperature of at least 500 °C.</t>
  </si>
  <si>
    <t>7.  Shall not be placed on the market or used in articles supplied to the general public, if the concentration of lead (expressed as metal) in those articles or accessible parts thereof is equal to or greater than 0,05 % by weight, and those articles or accessible parts thereof may, during normal or reasonably foreseeable conditions of use, be placed in the mouth by children.</t>
  </si>
  <si>
    <t>For the purposes of this paragraph, it is considered that an article or accessible part of an article may be placed in the mouth by children if it is smaller than 5 cm in one dimension or has a detachable or protruding part of that size.</t>
  </si>
  <si>
    <t>8.  By way of derogation, paragraph 7 shall not apply to:</t>
  </si>
  <si>
    <t>(a)  jewellery articles covered by paragraph 1;</t>
  </si>
  <si>
    <t>(b)  crystal glass as defined in Annex I (categories 1, 2, 3 and 4) to Directive 69/493/EEC;</t>
  </si>
  <si>
    <t>(c)  non-synthetic or reconstructed precious and semi-precious stones (CN code 7103 as established by Regulation (EEC) No 2658/87) unless they have been treated with lead or its compounds or mixtures containing these substances;</t>
  </si>
  <si>
    <t>(d)  enamels, defined as vitrifiable mixtures resulting from the fusion, vitrification or sintering of mineral melted at a temperature of at least 500 °C;</t>
  </si>
  <si>
    <t>(e)  keys and locks, including padlocks;</t>
  </si>
  <si>
    <t>(f)  musical instruments;</t>
  </si>
  <si>
    <t>(g)  articles and parts of articles comprising brass alloys, if the concentration of lead (expressed as metal) in the brass alloy does not exceed 0,5 % by weight;</t>
  </si>
  <si>
    <t>(h)  the tips of writing instruments;</t>
  </si>
  <si>
    <t>(i)  religious articles;</t>
  </si>
  <si>
    <t>(j)  portable zinc-carbon batteries and button cell batteries;</t>
  </si>
  <si>
    <t>(k)  articles within the scope of:</t>
  </si>
  <si>
    <t>(i)  Directive 94/62/EC;</t>
  </si>
  <si>
    <t>(ii)  Regulation (EC) No 1935/2004;</t>
  </si>
  <si>
    <t>9.  By 1 July 2019, the Commission shall re-evaluate paragraphs 7 and 8(e), (f), (i) and (j) of this entry in the light of new scientific information, including the availability of alternatives and the migration of lead from the articles referred to in paragraph 7, including the requirement on coating integrity, and, if appropriate, modify this entry accordingly.</t>
  </si>
  <si>
    <t>73.  (3,3,4,4,5,5,6,6,7,7,8,8,8-tridecafluorooctyl) silanetriol</t>
  </si>
  <si>
    <t>1.  Shall not be placed on the market for supply to the general public after 2 January 2021 individually or in any combination, in a concentration equal to or greater than 2 ppb by weight of the mixtures containing organic solvents, in spray products.</t>
  </si>
  <si>
    <t>2.  For the purpose of this entry, ‘spray products’ means aerosol dispensers, pump sprays, trigger sprays, marketed for proofing or impregnation spray applications.</t>
  </si>
  <si>
    <t>3.  Without prejudice to the implementation of other Union provisions concerning the classification, packaging and labelling of substances and mixtures, the packaging of spray products containing (3,3,4,4,5,5,6,6,7,7,8,8,8-tridecafluorooctyl) silanetriol and/or TDFAs combined with organic solvents as referred to in paragraph 1 and placed on the market for professional use shall be marked clearly and indelibly: ‘for professional users only’ and ‘Fatal if inhaled’ with the pictogram GHS06.</t>
  </si>
  <si>
    <t>4.  Section 2.3 of Safety Data Sheets shall contain the following information: ‘mixtures of (3,3,4,4,5,5,6,6,7,7,8,8,8-tridecafluorooctyl) silanetriol and/or any of its mono-, di- or tri-O-(alkyl) derivatives in a concentration equal to or greater than 2 ppb and organic solvents in spray products, are for professional users only and marked “Fatal if inhaled”’.</t>
  </si>
  <si>
    <t>5.  Organic solvents referred to in paragraph 1, 3, and 4 include organic solvents used as aerosol propellants.</t>
  </si>
  <si>
    <t>Note R:</t>
  </si>
  <si>
    <t>Appendix 2</t>
  </si>
  <si>
    <t>Appendix 6</t>
  </si>
  <si>
    <t>tetrabutylammonium butyl tris-(4-tert-butylphenyl)borate</t>
  </si>
  <si>
    <t>2-isopropyloxyphenyl N-methylcarbamate;</t>
  </si>
  <si>
    <t>2-methyl-2-(methylthio)propanal-O-(N-methylcarbamoyl)oxime</t>
  </si>
  <si>
    <t>S-(2,3-dichloroallyl)-N,N-diisopropylthiocarbamate</t>
  </si>
  <si>
    <t>4-chlorbut-2-ynyl N-(3-chlorophenyl)carbamate</t>
  </si>
  <si>
    <t>3,5-dimethyl-4-methylthiophenyl N-methylcarbamate</t>
  </si>
  <si>
    <t>sodium O-isopropyldithiocarbonate</t>
  </si>
  <si>
    <t>(RS)-3-allyl-2-methyl-4-oxocyclopent-2-enyl (1R,3R)-2,2-dimethyl-3-(2-methylprop-1-enyl)cyclopropanecarboxylate; [1]</t>
  </si>
  <si>
    <t>(S)-3-allyl-2-methyl-4-oxocyclopent-2-enyl (1R,3R)-2,2-dimethyl-3-(2-methylprop-1-enyl)cyclopropanecarboxylate; [2]</t>
  </si>
  <si>
    <t>2,3-dihydro-2,2-dimethylbenzofuran-7-yl N-methylcarbamate</t>
  </si>
  <si>
    <t>2-(1,3-dioxolan-2-yl)phenyl N-methylcarbamate</t>
  </si>
  <si>
    <t>S-ethyl dipropylthiocarbamate</t>
  </si>
  <si>
    <t>3-[(EZ)-dimethylaminomethyleneamino]phenyl methylcarbamate</t>
  </si>
  <si>
    <t>N-butyl-N-ethyl-S-propylthiocarbamate</t>
  </si>
  <si>
    <t>3-isopropyl-5-methylphenyl N-methylcarbamate</t>
  </si>
  <si>
    <t>S-2,3,3-trichloroallyl diisopropylthiocarbamate</t>
  </si>
  <si>
    <t>1-(methylthio)ethylideneamino N-methylcarbamate</t>
  </si>
  <si>
    <t>reaction mass of 3-(1-methylbutyl)phenyl N-methylcarbamate and 3-(1-ethylpropyl)phenyl N-methylcarbamate</t>
  </si>
  <si>
    <t>2-(ethylthiomethyl)phenyl N-methylcarbamate</t>
  </si>
  <si>
    <t>2-isopropylphenyl N-methylcarbamate</t>
  </si>
  <si>
    <t>3,5-dimethyl-4-dimethylaminophenyl N-methylcarbamate</t>
  </si>
  <si>
    <t>m-tolyl methylcarbamate;</t>
  </si>
  <si>
    <t>N',N'-dimethylcarbamoyl(methylthio)methylenamine N-methylcarbamate;</t>
  </si>
  <si>
    <t>2,3-dihydro-6-methyl-5-(N-phenylcarbamoyl)-1,4-oxothiine 4,4-dioxide</t>
  </si>
  <si>
    <t>S-ethyl N-(dimethylaminopropyl)thiocarbamatehydrochloride;</t>
  </si>
  <si>
    <t>S-4-chlorobenzyl diethylthiocarbamate</t>
  </si>
  <si>
    <t>3,3-dimethyl-1-(methylthio)butanone-O-(N-methylcarbamoyl)oxime</t>
  </si>
  <si>
    <t>3-chloro-6-cyano-bicyclo(2,2,1)heptan-2-one-O-(N-methylcarbamoyl)oxime;</t>
  </si>
  <si>
    <t>S-propyl dipropylthiocarbamate</t>
  </si>
  <si>
    <t>N-cyclohexyl-N-methoxy-2,5-dimethyl-3-furamide</t>
  </si>
  <si>
    <t>3-(methylthio)-2-butanone O-[(methylamino)carbonyl]oxime</t>
  </si>
  <si>
    <t>tert-butyl (1S)-N-[1-((2S)-2-oxiranyl)-2-phenylethyl]carbamate</t>
  </si>
  <si>
    <t>1-phenyl-3-(p-toluenesulfonyl)urea</t>
  </si>
  <si>
    <t>tert-butyl (1R,5S)-3-azabicyclo[3.1.0]hex-6-ylcarbamate</t>
  </si>
  <si>
    <t>N-(p-toluenesulfonyl)-N'-(3-(p-toluenesulfonyloxy)phenyl)urea;</t>
  </si>
  <si>
    <t>N-(4-[[4-[[(phenylamino)carbonyl]amino]phenylmethyl]phenyl]-N'-cyclohexylurea;</t>
  </si>
  <si>
    <t>5</t>
  </si>
  <si>
    <t>N,N-dimethylhydrazine</t>
  </si>
  <si>
    <t>O-ethylhydroxylamine</t>
  </si>
  <si>
    <t>sec-butyl nitrite</t>
  </si>
  <si>
    <t>tert-butyl nitrite</t>
  </si>
  <si>
    <t>(4-hydrazinophenyl)-N-methylmethanesulfonamide hydrochloride</t>
  </si>
  <si>
    <t>1</t>
  </si>
  <si>
    <t>(ethyl-3-oxobutanoato-O'1,O'3)(2-dimethylaminoethanolato)(1-methoxypropan-2-olato)aluminium(III), dimerised</t>
  </si>
  <si>
    <t>poly(oxo(2-butoxyethyl-3-oxobutanoato-O'1,O'3)aluminium)</t>
  </si>
  <si>
    <t>di-n-octylaluminium iodide</t>
  </si>
  <si>
    <t>bis(4-fluorophenyl)(methyl)(1H-1,2,4-triazol-1-ylmethyl)silane</t>
  </si>
  <si>
    <t>reaction mass of: 4-[[bis-(4-fluorophenyl)methylsilyl]methyl]-4H-1,2,4-triazole;</t>
  </si>
  <si>
    <t>1-[[bis-(4-fluorophenyl)methylsilyl]methyl]-1H-1,2,4-triazole</t>
  </si>
  <si>
    <t>[(dimethylsilylene)bis((1,2,3,3a,7a-η)-1H-inden-1-ylidene)dimethyl]hafnium</t>
  </si>
  <si>
    <t>reaction mass of: O,O',O'',O'''-silanetetrayl tetrakis(4-methyl-2-pentanone oxime) (3 stereoisomers)</t>
  </si>
  <si>
    <t>tricresyl phosphate (m-m-m-, m-m-p-, m-p-p-, p-p-p-);</t>
  </si>
  <si>
    <t>tritolyl phosphate (m-m-m-, m-m-p-, m-p-p-, p-p-p-);</t>
  </si>
  <si>
    <t>demeton-O (ISO);</t>
  </si>
  <si>
    <t>O,O-diethyl-O-2-ethylthioethyl phosphorothioate</t>
  </si>
  <si>
    <t>demeton-S (ISO);</t>
  </si>
  <si>
    <t>diethyl-S-2-ethylthioethyl phosphorothioate</t>
  </si>
  <si>
    <t>demeton-O-methyl (ISO);</t>
  </si>
  <si>
    <t>O-2-ethylthioethyl O,O-dimethyl phosphorothioate</t>
  </si>
  <si>
    <t>demeton-S-methyl (ISO);</t>
  </si>
  <si>
    <t>S-2-ethylthioethyl dimethyl phosphorothioate</t>
  </si>
  <si>
    <t>O,O-diethyl isopropylcarbamoylmethyl phosphorodithioate</t>
  </si>
  <si>
    <t>O,O-diethyl ethylthiomethyl phosphorodithioate</t>
  </si>
  <si>
    <t>O,O-diethyl O-4-nitrophenyl phosphorothioate</t>
  </si>
  <si>
    <t>O,O-dimethyl O-4-nitrophenyl phosphorothioate</t>
  </si>
  <si>
    <t>O-ethyl O-4-nitrophenyl phenylphosphonothioate;</t>
  </si>
  <si>
    <t>O-3-chloro-4-methylcoumarin-7-yl O,O-diethyl phosphorothioate</t>
  </si>
  <si>
    <t>O,O-dimethyl-4-oxobenzotriazin-3-ylmethyl phosphorodithioate</t>
  </si>
  <si>
    <t>O,O-diethyl O-2-isopropyl-6-methylpyrimidin-4-yl phosphorothioate</t>
  </si>
  <si>
    <t>S-2-(ethylsulphinyl)ethyl O,O-dimethyl phosphorothioate</t>
  </si>
  <si>
    <t>S-5-methoxy-4-oxopyran-2-ylmethyl dimethyl phosphorothioate</t>
  </si>
  <si>
    <t>S-2-ethylthioethyl O,O-dimethyl phosphorodithioate</t>
  </si>
  <si>
    <t>O,O-diethyl 4-oxobenzotriazin-3-ylmethyl phosphorodithioate</t>
  </si>
  <si>
    <t>O,O-dimethyl S-2-(1-methylcarbamoylethylthio) ethyl phosphorothioate</t>
  </si>
  <si>
    <t>O,O-diethyl 2-ethylthioethyl phosphorodithioate</t>
  </si>
  <si>
    <t>1,4-dioxan-2,3-diyl-O,O,O',O'-tetraethyl di(phosphorodithioate)</t>
  </si>
  <si>
    <t>S-[2-(ethylsulphinyl)ethyl] O,O-dimethyl phosphorodithioate</t>
  </si>
  <si>
    <t>O—2,4-dichlorophenyl O,O-diethyl phosphorothioate</t>
  </si>
  <si>
    <t>2,3-dihydro-5-methoxy-2-oxo-1,3,4-thiadiazol-3-ylmethyl-O,O-dimethylphosphorodithioate</t>
  </si>
  <si>
    <t>S-(N-(1-cyano-1-methylethyl)carbamoylmethyl) O,O-diethyl phosphorothioate</t>
  </si>
  <si>
    <t>(Z)-2-dimethylcarbamoyl-1-methylvinyl dimethyl phosphate</t>
  </si>
  <si>
    <t>S-[2-(isopropylsulphinyl)ethyl] O,O-dimethyl phosphorothioate</t>
  </si>
  <si>
    <t>S-2-ethylsulphonylethyl dimethyl phosphorothioate</t>
  </si>
  <si>
    <t>2-methoxyethylcarbamoylmethyl O,O-dimethyl phosphorodithioate</t>
  </si>
  <si>
    <t>O,O,O',O'-tetrapropyl dithiopyrophosphate</t>
  </si>
  <si>
    <t>O-4-(4-chlorophenylazo)phenyl O,O-dimethyl phosphorothioate</t>
  </si>
  <si>
    <t>O,O-diethyl O-3,5,6-trichloro-2-pyridyl phosphorothioate</t>
  </si>
  <si>
    <t>O,O-diethyl O-7,8,9,10-tetrahydro-6-oxo-benzo(c)chromen-3-yl phosphorothioate</t>
  </si>
  <si>
    <t>O-4-cyanophenyl O,O-dimethyl phosphorothioate</t>
  </si>
  <si>
    <t>2-chloro-1-phthalimidoethyl O,O-diethyl phosphorodithioate</t>
  </si>
  <si>
    <t>O-ethyl phenyl ethylphosphonodithioate</t>
  </si>
  <si>
    <t>O,O-bis(4-chlorophenyl) N-acetimidoylphosphoramidothioate</t>
  </si>
  <si>
    <t>O-4-bromo-2,5-dichlorophenyl O-methyl phenylphosphorothioate</t>
  </si>
  <si>
    <t>O,S-dimethyl phosphoramidothioate</t>
  </si>
  <si>
    <t>O-ethyl O-2,4,5-trichlorophenyl ethylphosphonothioate</t>
  </si>
  <si>
    <t>ethyl-S,S-dipropyl phosphorodithioate</t>
  </si>
  <si>
    <t>O-4-bromo-2,5-dichlorophenyl O,O-dimethyl phosphorothioate</t>
  </si>
  <si>
    <t>O-4-cyanophenyl O-ethyl phenylphosphonothioate</t>
  </si>
  <si>
    <t>O,O-diethyl O-pyrazin-2-yl phosphorothioate;</t>
  </si>
  <si>
    <t>O-(2,6-dichloro-p-tolyl)-O,O-dimethyl thiophosphate</t>
  </si>
  <si>
    <t>S-chloromethyl O,O-diethyl phosphorodithioate</t>
  </si>
  <si>
    <t>demephion-S (ISO);</t>
  </si>
  <si>
    <t>ethyl-4-methylthio-m-tolyl isopropyl phosphoramidate</t>
  </si>
  <si>
    <t>N,N-bis(phosphonomethyl)glycine</t>
  </si>
  <si>
    <t>S-benzyl diisopropyl phosphorothioate</t>
  </si>
  <si>
    <t>S-ethylsulphinylmethyl O,O-diisopropylphosphorodithioate</t>
  </si>
  <si>
    <t>O-ethyl O-2-isopropoxycarbonylphenyl-isopropylphosphoramidothioate</t>
  </si>
  <si>
    <t>S-2-isopropylthioethyl O,O-dimethyl phosphorodithioate;</t>
  </si>
  <si>
    <t>O,O-diethyl O-5-phenylisoxazol-3-ylphosphorothioate</t>
  </si>
  <si>
    <t>trans-isopropyl-3-[[(ethylamino)methoxyfosfinothioyl]oxy]crotonate;</t>
  </si>
  <si>
    <t>reaction mass of C12-14-tert-alkylammonium diphenyl phosphorothioate and dinonyl sulphide (or disulphide)</t>
  </si>
  <si>
    <t>2-methoxy-4H-1,3,2-benzodioxaphosphorin 2-sulphide</t>
  </si>
  <si>
    <t>methyl (E)-3-[(dimethoxyphosphinothioyl)oxy]methacrylate [2]</t>
  </si>
  <si>
    <t>3,9-bis(2,6-di-tert-butyl-4-methylphenoxy)-2,4,8,10-tetraoxa-3,9-diphosphaspiro[5.5]undecane</t>
  </si>
  <si>
    <t>(RS)-S-sec-butyl-O-ethyl-2-oxo-1,3-thiazolidin-3-ylphosphonothioate</t>
  </si>
  <si>
    <t>1-chloro-N,N-diethyl-1,1-diphenyl-1-(phenylmethyl)phosphoramine</t>
  </si>
  <si>
    <t>tert-butyl (triphenylphosphoranylidene) acetate</t>
  </si>
  <si>
    <t>UVCB condensation product of: tetrakis-hydroxymethylphosphonium chloride, urea and distilled hydrogenated C16-18 tallow alkylamine</t>
  </si>
  <si>
    <t>[R-(R*,S*)]-[[2-methyl-1-(1-oxopropoxy)propoxy]-(4-phenylbutyl)phosphinyl] acetic acid, (-)-cinchonidine (1:1) salt</t>
  </si>
  <si>
    <t>reaction mass of: tetrasodium(((2-hydroxyethyl)imino)bis(methylene))bisphosphonate, N-oxide;</t>
  </si>
  <si>
    <t>trisodium ((tetrahydro-2-hydroxy-4H-1,4,2-oxazaphosphorin-4-yl)-methyl)phosphonate, N-oxide, P-oxide</t>
  </si>
  <si>
    <t>tetrakis(2,6-dimethylphenyl)-m-phenylene biphosphate</t>
  </si>
  <si>
    <t>triphenyl(phenylmethyl)phosphonium 1,1,2,2,3,3,4,4,4-nonafluoro-N-methyl-1-butanesulfonamide (1:1)</t>
  </si>
  <si>
    <t>reaction mass of: potassium o-toluenephosphonate;</t>
  </si>
  <si>
    <t>disodium 6-((4-chloro-6-(N-methyl)-2-toluidino)-1,3,5-triazin-2-ylamino)-1-hydroxy-2-(4-methoxy-2-sulphonatophenylazo)naphthalene-3-sulphonate</t>
  </si>
  <si>
    <t>disodium S,S-hexane-1,6-diyldi(thiosulphate) dihydrate</t>
  </si>
  <si>
    <t>potassium sodium 5-(4-chloro-6-(N-(4-(4-chloro-6-(5-hydroxy-2,7-disulphonato-6-(2-sulphonatophenylazo)-4-naphthylamino)-1,3,5-triazin-2-ylamino) phenyl-N-methyl)amino)-1,3,5-triazin-2-ylamino)-4-hydroxy-3-(2-sulphonatophenylazo)naphthalene-2,7-disulphonat</t>
  </si>
  <si>
    <t>(C16 or C18-n-alkyl)(C16 or C18-n-alkyl)ammonium 2-((C16 or C18-n-alkyl)(C16 or C18-n-alkyl)carbamoyl)benzenesulphonate</t>
  </si>
  <si>
    <t>1,3-bis(phenylsulfonylthio)-2-(N,N-dimethylamino)propane</t>
  </si>
  <si>
    <t>3-amino-4-hydroxy-N-(2-methoxyethyl)-benzenesulfonamide</t>
  </si>
  <si>
    <t>2-chloro-p-toluenesulfochloride</t>
  </si>
  <si>
    <t>sodium 2-anilino-5-(2-nitro-4-(N-phenylsulfamoyl))anilinobenzenesulfonate</t>
  </si>
  <si>
    <t>hexahydrocyclopenta[c]pyrrole-1-(1H)-ammonium N-ethoxycarbonyl-N-(p-tolylsulfonyl)azanide</t>
  </si>
  <si>
    <t>4-methyl-N-(methylsulfonyl)benzenesulfonamide</t>
  </si>
  <si>
    <t>C12-14-tert-alkyl ammonium 1-amino-9,10-dihydro-9,10-dioxo-4-(2,4,6-trimethylanilino)-anthracen-2-sulfonate</t>
  </si>
  <si>
    <t>(Z)-13-docosenyl-N,N-bis(2-hydroxyethyl)-N-methyl-ammonium-chloride</t>
  </si>
  <si>
    <t>(R)-1,2,3,4-tetrahydro-6,7-dimethoxy-1-veratrylisoquinoline hydrochloride</t>
  </si>
  <si>
    <t>bis(η5-cyclopentadienyl)-bis(2,6-difluoro-3-[pyrrol-1-yl]-phenyl)titanium</t>
  </si>
  <si>
    <t>[N-(1,1-dimethylethyl)-1,1-dimethyl-1-[(1,2,3,4,5-η)-2,3,4,5-tetramethyl-2,4-cyclopentadien-1-yl]silanaminato(2-)-κN][(1,2,3,4-η)-1,3-pentadiene]-titanium</t>
  </si>
  <si>
    <t>3</t>
  </si>
  <si>
    <t>ammonium bis(1-(3,5-dinitro-2-oxidophenylazo)-3-(N-phenylcarbamoyl)-2-naphtholato)chromate(1-)</t>
  </si>
  <si>
    <t>potassium tetrasodium bis[(N,N'-n)-1'-(phenylcarbamoyl)-3,5-disulfonatobenzeneazo-1'-prop-1'-ene-2,2'-diolato]chromate(III)</t>
  </si>
  <si>
    <t>bis(d-gluconato-O 1,O 2)nickel; [18]</t>
  </si>
  <si>
    <t>nickel 3,5-bis(tert-butyl)-4-hydroxybenzoate (1:2); [19]</t>
  </si>
  <si>
    <t>fatty acids, C6-19-branched, nickel salts; [29]</t>
  </si>
  <si>
    <t>(tris(chloromethyl)phthalocyaninato)copper(II), reaction products with N-methylpiperazine and methoxyacetic acid</t>
  </si>
  <si>
    <t>phthalocyanine-N-[3-(diethylamino)propyl]sulfonamide copper complex</t>
  </si>
  <si>
    <t>sodium [29H,31H-phthalocyaninato-(2-)-N29,N30,N31,N32]-((3-(N-methyl-N-(2-hydroxyethyl)amino)propyl)amino)sulfonyl-sulfonato, copper complex</t>
  </si>
  <si>
    <t>sodium ((N-(3-trimethylammoniopropyl)sulfamoyl)methylsulfonatophthalocyaninato)copper(II)</t>
  </si>
  <si>
    <t>bis(3,5-di-tert-butylsalicylato-O 1,O 2)zinc</t>
  </si>
  <si>
    <t>zinc-bis(4-(n-octyloxycarbonylamino)salicylate) dihydrate</t>
  </si>
  <si>
    <t>tert-butylarsine</t>
  </si>
  <si>
    <t>1-(tricyclohexylstannyl)-1H-1,2,4-triazole</t>
  </si>
  <si>
    <t>antimony compounds, with the exception of the tetroxide (Sb2O4), pentoxide (Sb2O5), trisulphide (Sb2S3), pentasulphide (Sb2S5) and those specified elsewhere in this Annex</t>
  </si>
  <si>
    <t>hafnium tetra-n-butoxide</t>
  </si>
  <si>
    <t>(Z)-but-2-ene; [4]</t>
  </si>
  <si>
    <t>(E)-but-2-ene [5]</t>
  </si>
  <si>
    <t>o-xylene; [1]</t>
  </si>
  <si>
    <t>p-xylene; [2]</t>
  </si>
  <si>
    <t>m-xylene; [3]</t>
  </si>
  <si>
    <t>(R)-p-mentha-1,8-diene;</t>
  </si>
  <si>
    <t>trans-1-methyl-4-(1-methylvinyl)cyclohexene; [4]</t>
  </si>
  <si>
    <t>benzo[a]pyrene;</t>
  </si>
  <si>
    <t>benzo[def]chrysene</t>
  </si>
  <si>
    <t>benz[a]anthracene</t>
  </si>
  <si>
    <t>benz[e]acephenanthrylene</t>
  </si>
  <si>
    <t>benzo[j]fluoranthene</t>
  </si>
  <si>
    <t>benzo[k]fluoranthene</t>
  </si>
  <si>
    <t>dibenz[a,h]anthracene</t>
  </si>
  <si>
    <t>m-mentha-1,3(8)-diene</t>
  </si>
  <si>
    <t>benzo[e]pyrene</t>
  </si>
  <si>
    <t>N-dodecyl-[3-(4-(dimethylamino)benzamido)-propyl]dimethylammonium tosylate</t>
  </si>
  <si>
    <t>1-(4-(trans-4-heptylcyclohexyl)phenyl) ethanone</t>
  </si>
  <si>
    <t>4,4'-bis(N-carbamoyl-4-methylbenzenesulfonamide)diphenylmethane</t>
  </si>
  <si>
    <t>reaction mass of: trans-trans-cyclohexadeca-1,9-diene;</t>
  </si>
  <si>
    <t>cis-trans-cyclohexadeca-1,9-diene</t>
  </si>
  <si>
    <t>reaction mass of: sec-butylphenyl(phenyl)methane, mixed isomers;</t>
  </si>
  <si>
    <t>1-(sec-butylphenyl(phenyl)-2-phenylethane, mixed isomers;</t>
  </si>
  <si>
    <t>1-(sec-butylphenyl-1-phenylethane, mixed isomers</t>
  </si>
  <si>
    <t>cis-dichloroethylene; [2]</t>
  </si>
  <si>
    <t>trans-dichloroethylene [3]</t>
  </si>
  <si>
    <t>(Z)-1,3-dichloropropene [2]</t>
  </si>
  <si>
    <t>o-dichlorobenzene</t>
  </si>
  <si>
    <t>p-dichlorobenzene</t>
  </si>
  <si>
    <t>tetrachloro-p-benzoquinone</t>
  </si>
  <si>
    <t>dodecachloropentacyclo[5.2.1.02,6.03,9.05,8]decane;</t>
  </si>
  <si>
    <t>p-chlorobenzotrichloride</t>
  </si>
  <si>
    <t>alkanes, C14-17, chloro;</t>
  </si>
  <si>
    <t>chlorinated paraffins, C14-17</t>
  </si>
  <si>
    <t>2-(3-bromophenoxy)tetrahydro-2H-pyran</t>
  </si>
  <si>
    <t>n-propanol</t>
  </si>
  <si>
    <t>n-butanol</t>
  </si>
  <si>
    <t>tert-butyl alcohol</t>
  </si>
  <si>
    <t>tert-pentanol</t>
  </si>
  <si>
    <t>cis-2-methylcyclohexanol; [2]</t>
  </si>
  <si>
    <t>trans-2-methylcyclohexanol [3]</t>
  </si>
  <si>
    <t>exo-1-methyl-4-(1-methylethyl)-7-oxabicyclo[2.2.1]heptan-2-ol</t>
  </si>
  <si>
    <t>3-(N-methyl-N-(4-methylamino-3-nitrophenyl)amino)propane-1,2-diol hydrochloride</t>
  </si>
  <si>
    <t>tetrahydro-2-isobutyl-4-methylpyran-4-ol, mixed isomers (cis and trans)</t>
  </si>
  <si>
    <t>oxirane, mono[(C12-14-alkyloxy)methyl] derivs.</t>
  </si>
  <si>
    <t>(Z)-(2,4-difluorophenyl)piperidin-4-ylmethanone oxime monohydrochloride</t>
  </si>
  <si>
    <t>2-(2,4-dichlorophenyl)-1-(1H—1,2,4-triazol-1-yl)pent-4-en-2-ol</t>
  </si>
  <si>
    <t>1-tert-butoxypropan-2-ol</t>
  </si>
  <si>
    <t>bis[[2,2',2''-nitrilotris-[ethanolato]]-1-N,O]-bis[2-(2-methoxyethoxy)ethoxy]-titanium</t>
  </si>
  <si>
    <t>R—2,3-epoxy-1-propanol</t>
  </si>
  <si>
    <t>(-)-trans-4-(4'-fluorophenyl)-3-hydroxymethyl-N-methylpiperidine</t>
  </si>
  <si>
    <t>(±) trans—3,3-dimethyl-5-(2,2,3-trimethyl-cyclopent-3-en-1-yl)-pent-4-en-2-ol</t>
  </si>
  <si>
    <t>(±)-2-(2,4-dichlorophenyl)-3-(1H-1,2,4-triazol-1-yl)propan-1-ol</t>
  </si>
  <si>
    <t>2-(4-tert-butylphenyl)ethanol</t>
  </si>
  <si>
    <t>1-[(2-tert-butyl)cyclohexyloxy]-2-butanol</t>
  </si>
  <si>
    <t>2-butyl-4-chloro-4,5-dihydro-5-hydroxymethyl-1-[2'-(2-triphenylmethyl-1,2,3,4-2H-tetrazol-5-yl)-1,1'-biphenyl-4-methyl]-1H-imidazole</t>
  </si>
  <si>
    <t>R-1-chloro-2,3-epoxypropane</t>
  </si>
  <si>
    <t>3,3',5,5'-tetra-tert-butylbiphenyl-2,2'-diol</t>
  </si>
  <si>
    <t>(±)-trans-4-(4-fluorophenyl)-3-hydroxymethyl-N-methylpiperidine</t>
  </si>
  <si>
    <t>trans-(5RS,6SR)-6-amino-2,2-dimethyl-1,3-dioxepan-5-ol</t>
  </si>
  <si>
    <t>(E,E)-3,7,11-trimethyldodeca-1,4,6,10-tetraen-3-ol</t>
  </si>
  <si>
    <t>2-(7-ethyl-1H-indol-3-yl)ethanol</t>
  </si>
  <si>
    <t>(1R,3S,7R,8R,10R,13R)-5,5,7,9,9,13-hexamethyl-4,6-dioxatetracyclo[6.5.1.01,10.03,7]tetradecane</t>
  </si>
  <si>
    <t>(1S-cis)-4-(2-amino-6-chloro-9H-purin-9-yl)-2-cyclopentene-1-methanol hydrochloride</t>
  </si>
  <si>
    <t>cis-1-amino-2,3-dihydro-1H-inden-2-ol</t>
  </si>
  <si>
    <t>2,4,6-tri-tert-butylphenyl 2-butyl-2-ethyl-1,3-propanediolphosphite</t>
  </si>
  <si>
    <t>sodium (Z)-3-chloro-3-(4-chlorophenyl)-1-hydroxy-2-propene-1-sulfonate</t>
  </si>
  <si>
    <t>2,6,6,7,8,8-hexamethyldecahydro-2H-indeno[4,5-b]furan</t>
  </si>
  <si>
    <t>(S)-1,1-diphenyl-1,2-propanediol</t>
  </si>
  <si>
    <t>(1R, 4R)-4-methoxy-2,2,7,7-tetramethyltricyclo(6.2.1.0(1,6))undec-5-ene</t>
  </si>
  <si>
    <t>4-chloro-m-cresol;</t>
  </si>
  <si>
    <t>4,4'-thiodi-o-cresol</t>
  </si>
  <si>
    <t>3,5-bis((3,5-di-tert-butyl-4-hydroxy)benzyl)-2,4,6-trimethylphenol</t>
  </si>
  <si>
    <t>2,2'-methylenebis(6-(2H-benzotriazol-2-yl)-4-(1,1,3,3-tetramethylbutyl)phenol)</t>
  </si>
  <si>
    <t>2-n-hexadecylhydroquinone</t>
  </si>
  <si>
    <t>2-(1-methylpropyl)-4-tert-butylphenol</t>
  </si>
  <si>
    <t>4,4'-sulfonylbisphenol, polymer with ammonium chloride(NH4Cl), pentachlorophosphorane and phenol</t>
  </si>
  <si>
    <t>2-methyl-5-tert-butylthiophenol</t>
  </si>
  <si>
    <t>1-(p-methoxyphenyl)acetaldehyde oxime</t>
  </si>
  <si>
    <t>3-[3-(4-fluorophenyl)-1-(1-methylethyl)-1H-indol-2-yl]-(E)-2-propenal</t>
  </si>
  <si>
    <t>(E)-3-(4-(4-fluorophenyl)-5-methoxymethyl-2,6-bis(1-methoxymethyl)pyridin-3-yl)prop-2-enal</t>
  </si>
  <si>
    <t>5(or 6)-tert-butyl-2'-chloro-6'-ethylamino-3',7'-dimethylspiro(isobenzofuran-1(1H),9'-xanthene)-3-one</t>
  </si>
  <si>
    <t>(N-benzyl-N-ethyl)amino-3-hydroxyacetophenone hydrochloride</t>
  </si>
  <si>
    <t>2,4-di-tert-butylcyclohexanone</t>
  </si>
  <si>
    <t>2'-anilino-3'-methyl-6'-dipentylaminospiro(isobenzofuran-1(1H),9'-xanthen)-3-one</t>
  </si>
  <si>
    <t>4-(trans-4-propylcyclohexyl)acetophenone</t>
  </si>
  <si>
    <t>6-anilino-1-benzoyl-4-(4-tert-pentylphenoxy)naphto[1,2,3-de]quinoline-2,7-(3H)-dione</t>
  </si>
  <si>
    <t>4-(N,N-dibutylamino)-2-hydroxy-2'-carboxybenzophenone</t>
  </si>
  <si>
    <t>1-(2,3-dihydro-1,3,3,6-tetramethyl-1-(1-methylethyl)-1H-inden-5-yl)ethanone</t>
  </si>
  <si>
    <t>2,4-difluoro-α-(1H-1,2,4-triazol-1-yl)acetophenone hydrochloride</t>
  </si>
  <si>
    <t>(E)-3-(2-chlorophenyl)-2-(4-fluorophenyl)propenal</t>
  </si>
  <si>
    <t>(E)-5[(4-chlorophenyl)methylene]-2,2-dimethylcyclopentanone</t>
  </si>
  <si>
    <t>(3S,4S)-3-hexyl-4-[(R)-2-hydroxytridecyl]-2-oxetanone</t>
  </si>
  <si>
    <t>2-chloro-5-sec-hexadecylhydroquinone</t>
  </si>
  <si>
    <t>(1R,4S)-2-azabicyclo[2.2.1]hept-5-en-3-one</t>
  </si>
  <si>
    <t>6-ethyl-5-fluoro-4(3H)-pyrimidone</t>
  </si>
  <si>
    <t>5-ethyl-2,4-dihydro-4-(2-phenoxyethyl)-3H-1,2,4-triazol-3-one</t>
  </si>
  <si>
    <t>N-[ethyl(3-methylbutyl)amino]-3-methyl-1-phenyl-spiro[[1]benzo-pyrano[2,3-c]pyrazole-4(1H), 1'(3'H)-isobenzofuran]-3'-one</t>
  </si>
  <si>
    <t>3-(6-O-(6-desoxy-α-l-mannopyranosyl-O-(α-d-glucopyranosyl)-(β-d-glucopyranosyl)oxy)-2-(3,4-dihydroxyphenyl)-5,7-dihydroxy-4H-1-benzopyran-4-one</t>
  </si>
  <si>
    <t>1-(4-(trans-4-ethylcyclohexyl)phenyl)ethanone</t>
  </si>
  <si>
    <t>1-(4-(trans-4-pentylcyclohexyl)phenyl)ethanone</t>
  </si>
  <si>
    <t>1-(4-(trans-4-butylcyclohexyl)phenyl)ethanone</t>
  </si>
  <si>
    <t>5-ethoxy-5H-furan-2-one</t>
  </si>
  <si>
    <t>N-(1,3-dimethylbutyl)-N'-(phenyl)-1,4-benzoquinonediimine</t>
  </si>
  <si>
    <t>(E)-3-methyl-5-cyclopentadecen-1-one</t>
  </si>
  <si>
    <t>(+)-(1S, 2S, 3S, 5R)-2,6,6-trimethylbicyclo[3.1.1]heptane-3-spiro-1'-(cyclohex-2'-en-4'-one)</t>
  </si>
  <si>
    <t>2,2'-(1,3-phenylene)bis[5-chloro-1H-isoindole]-1,3(2H)-dione</t>
  </si>
  <si>
    <t>(S)-4-(3,4-dichlorophenyl)-3,4-dihydro-2H-naphthalen-1-one</t>
  </si>
  <si>
    <t>cycloxydim (ISO); 2-(N-ethoxybutanimidoyl)-3-hydroxy-5-(tetrahydro-2H-thiopyran-3-yl)cyclohex-2-en-1-one</t>
  </si>
  <si>
    <t>n-butyl acetate</t>
  </si>
  <si>
    <t>n-butyl methacrylate</t>
  </si>
  <si>
    <t>n-butyl acrylate</t>
  </si>
  <si>
    <t>2-tert-butylaminoethyl methacrylate</t>
  </si>
  <si>
    <t>reaction mass of α-3-(3-(2H-benzotriazol-2-yl)-5-tert-butyl-4-hydroxyphenyl)propionyl-ω-hydroxypoly(oxyethylene) and α-3-(3-(2H-benzotriazol-2-yl)-5-tert-butyl-4-hydroxyphenyl)propionyl-ω-3-(3-(2H-benzotriazol-2-yl)-5-tert-butyl-4-hydroxyphenyl)propionyloxypoly(oxyethylene)</t>
  </si>
  <si>
    <t>methyl α-((4,6-dimethoxypyrimidin-2-yl)ureidosulphonyl)-o-toluate</t>
  </si>
  <si>
    <t>S-(3-trimethoxysilyl)propyl 19-isocyanato-11-(6-isocyanatohexyl)-10,12-dioxo-2,9,11,13-tetraazanonadecanethioate</t>
  </si>
  <si>
    <t>ethyl trans-3-dimethylaminoacrylate</t>
  </si>
  <si>
    <t>hydrogen sodium N-carboxylatoethyl-N-octadec-9-enylmaleamate</t>
  </si>
  <si>
    <t>disodium N-carboxymethyl-N-(2-(2-hydroxyethoxy)ethyl)glycinate</t>
  </si>
  <si>
    <t>methyl 3-(3-tert-butyl-4-hydroxy-5-methylphenyl)propionate</t>
  </si>
  <si>
    <t>ethyl 3,3-bis(tert-pentylperoxy)butyrate</t>
  </si>
  <si>
    <t>3-(3-tert-butyl-4-hydroxyphenyl)propionic acid</t>
  </si>
  <si>
    <t>4H-3,1-benzoxazine-2,4(1H)-dione</t>
  </si>
  <si>
    <t>methyl 2R,3S-(-)-3-(4-methoxyphenyl)oxiranecarboxylate</t>
  </si>
  <si>
    <t>iso(C10-C14)alkyl (3,5-di-tert-butyl-4-hydroxyphenyl)methylthioacetate</t>
  </si>
  <si>
    <t>tert-butyl (5S,6R,7R)-3-bromomethyl-5,8-dioxo-7-(2-(2-phenylacetamido)-5-thia-1-azabicyclo[4.2.0] oct-2-ene-2-carboxylate</t>
  </si>
  <si>
    <t>2-methylpropyl (R)-2-hydroxypropanoate</t>
  </si>
  <si>
    <t>(R)-2-(4-hydroxyphenoxy)propanoic acid</t>
  </si>
  <si>
    <t>2-(N-benzyl-N-methylamino)ethyl 3-amino-2-butenoate</t>
  </si>
  <si>
    <t>reaction mass of branched and linear C7-C9 alkyl 3-[3-(2H-benzotriazol-2-yl)-5-(1,1-dimethylethyl)-4-hydroxyphenyl]propionates</t>
  </si>
  <si>
    <t>E-ethyl-4-oxo-4-phenylcrotonate</t>
  </si>
  <si>
    <t>O'-methyl O-(1-methyl-2-methacryloyloxy-ethyl)-1,2,3,6-tetrahydrophthalate</t>
  </si>
  <si>
    <t>dodecyl-ω-(C5/C6-cycloalkyl)alkyl carboxylate</t>
  </si>
  <si>
    <t>(S)-methyl-2-chloropropionate</t>
  </si>
  <si>
    <t>2-(1-(2-hydroxy-3,5-di-tert-pentyl-phenyl)ethyl)-4,6-di-tert-pentylphenyl acrylate</t>
  </si>
  <si>
    <t>(S)-2-chloropropionic acid</t>
  </si>
  <si>
    <t>(S)-2,3-dihydro-1H-indole-2-carboxylic acid</t>
  </si>
  <si>
    <t>methyl (R)-2-(4-(3-chloro-5-trifluoromethyl-2-pyridyloxy)phenoxy)propionate</t>
  </si>
  <si>
    <t>4-methyl-8-methylenetricyclo[3.3.1.13,7]dec-2-yl acetate</t>
  </si>
  <si>
    <t>di-tert-(C12-14)-alkylammonium 2-benzothiazolylthiosuccinate</t>
  </si>
  <si>
    <t>(9S)-9-amino-9-deoxyerythromycin</t>
  </si>
  <si>
    <t>4,7-methanooctahydro-1H-indene-diyldimethyl bis(2-carboxybenzoate)</t>
  </si>
  <si>
    <t>potassium 2-(2,4-dichlorophenoxy)-(R)-propionate</t>
  </si>
  <si>
    <t>sodium (R)-2-(2,4-dichlorophenoxy)propionate</t>
  </si>
  <si>
    <t>magnesium bis((R)-2-(2,4-dichlorophenoxy)propionate)</t>
  </si>
  <si>
    <t>methyl O-(4-amino-3,5-dichloro-6-fluoropyridin-2-yloxy)acetate</t>
  </si>
  <si>
    <t>p-tolyl 4-chlorobenzoate</t>
  </si>
  <si>
    <t>ethyl trans-2,2,6-trimethylcyclohexanecarboxylate</t>
  </si>
  <si>
    <t>(1S,3S,5R,6R)-(4-nitrophenylmethyl)-1-dioxo-6-phenylacetamido-penam-3-carboxylate</t>
  </si>
  <si>
    <t>(1S,4R,6R,7R)-(4-nitrophenylmethyl)3-methylene-1-oxo-7-phenylacetamido-cepham-4-carboxylateido-penam-3-carboxylate</t>
  </si>
  <si>
    <t>methyl (R)-2-(4-hydroxyphenoxy)propionate</t>
  </si>
  <si>
    <t>2-(2-amino-1,3-thiazol-4-yl)-(Z)-2-methoxyiminoacetyl chloride hydrochloride</t>
  </si>
  <si>
    <t>1-(N,N-dimethylcarbamoyl)-3-tert-butyl-5-carbethoxymethylthio-1H-1,2,4-triazole</t>
  </si>
  <si>
    <t>trans-4-cyclohexyl-L-proline monohydrochloride</t>
  </si>
  <si>
    <t>ammonium (Z)-α-methoxyimino-2-furylacetate</t>
  </si>
  <si>
    <t>reaction mass of triesters of 2,2-bis(hydroxymethyl)butanol with C7-alkanoic acids and 2-ethylhexanoic acid</t>
  </si>
  <si>
    <t>3-(cis-1-propenyl)-7-amino-8-oxo-5-thia-1-azabicyclo[4.2.0]oct-2-ene-2-carboxylic acid</t>
  </si>
  <si>
    <t>ethyl N-(5-chloro-3-(4-(diethylamino)-2-methylphenylimino)-4-methyl-6-oxo-1,4-cyclohexadienyl)carbamate</t>
  </si>
  <si>
    <t>methyl N-(phenoxycarbonyl)-L-valinate</t>
  </si>
  <si>
    <t>2-hexyldecyl-p-hydroxybenzoate</t>
  </si>
  <si>
    <t>potassium N-(4-fluorophenyl)glycinate</t>
  </si>
  <si>
    <t>oxiranemethanol, 4-methylbenzene-sulfonate, (S)-</t>
  </si>
  <si>
    <t>4-(2-carboxymethylthio)ethoxy-1-hydroxy-5-isobutyloxycarbonylamino-N-(3-dodecyloxypropyl)-2-naphthamide</t>
  </si>
  <si>
    <t>(3'-carboxymethyl-5-(2-(3-ethyl-3H-benzothiazol-2-ylidene)-1-methyl-ethylidene)-4,4'-dioxo-2'-thioxo-(2,5')bithiazolidinyliden-3-yl)-acetic acid</t>
  </si>
  <si>
    <t>2S-isopropyl-5R-methyl-1R-cyclohexyl 2,2-dihydroxyacetate</t>
  </si>
  <si>
    <t>2-mercaptobenzothiazolyl-(Z)-(2-aminothiazol-4-yl)-2-(tert-butoxycarbonyl) isopropoxyiminoacetate</t>
  </si>
  <si>
    <t>pentaerythritol, dipentaerythritol, fatty acids, C6-10, mixed esters with adipic acid, heptanoic acid and isostearic acid</t>
  </si>
  <si>
    <t>(3S-trans)-phenyl-3-[(1,3-benzodioxol-5-yloxy)methyl]-4-(4-fluorophenyl)-1-piperidinecarboxylate</t>
  </si>
  <si>
    <t>N-[2-hydroxy-3-(C12-16-alkyloxy)propyl]-N-methyl glycinate</t>
  </si>
  <si>
    <t>methyl (3aR,4R,7aR)-2-methyl-4-(1S,2R,3-triacetoxypropyl)-3a,7a-dihydro-4H-pyrano[3,4-d]oxazole-6-carboxylate</t>
  </si>
  <si>
    <t>2,2'-methylenebis(4,6-di-tert-butyl-phenyl)-2-ethylhexyl phosphite</t>
  </si>
  <si>
    <t>(E)-3,7-dimethyl-2,6-octadienylhexadecanoate</t>
  </si>
  <si>
    <t>2,4,6-tri-n-propyl-2,4,6-trioxo-1,3,5,2,4,6-trioxatriphosphorinane</t>
  </si>
  <si>
    <t>(2S, 5R)-6,6-dibromo-3,3-dimethyl-7-oxo-4-thia-1-azabicyclo[3.2.0]heptane-2-carboxylic acid 4,4-dioxide</t>
  </si>
  <si>
    <t>potassium N-(1-methoxy-1-oxobut-2-en-3-yl)valinate</t>
  </si>
  <si>
    <t>(S)-α-(acetylthio)benzenepropanoic acid</t>
  </si>
  <si>
    <t>poly-[((4-((4-ethyl-ethylene)amino)phenyl)-((4-(ethyl-(2-oxyethylene)amino)phenyl)methinyl)cyclohexa-2,5-dienylidene)-N-ethyl-N-(2-hydroxyethyl)ammonium acetate]</t>
  </si>
  <si>
    <t>tall oil 2-[(tetrahydro-2H-pyran-2-yl) thio]ethyl esters</t>
  </si>
  <si>
    <t>(Z)-2-methoxymino-2-[2-(tritylamino)thiazol-4-yl]acetic acid</t>
  </si>
  <si>
    <t>(S)-3-methyl-2-(2-oxotetrahydropyrimidine-1-yl)butyric acid</t>
  </si>
  <si>
    <t>benzyl cis-4-ammonium-4'-toluenesulfonato-1-cyclohexanecarboxylate</t>
  </si>
  <si>
    <t>reaction mass of isomers of: C7-9-alkyl 3-(3,5-di-tert-butyl-4-hydroxyphenyl)propionate</t>
  </si>
  <si>
    <t>(S)-1-[2-tert-butoxycarbonyl-3-(2-methoxyethoxy)propyl]-1-cyclopentanecarboxylic acid, cyclohexylamine salt</t>
  </si>
  <si>
    <t>poly-[((4-((4-(ethyl-ethylene)amino)phenyl)-(4-(ethyl-(2-oxyethylene)amino)phenyl)methinyl)-3-methylcyclohexa-2,5-dienylidene)-N-ethyl-N-(2-hydroxyethyl)ammonium acetate]</t>
  </si>
  <si>
    <t>1-(2,4-dichlorophenyl)-2-(1H-imidazol-1-yl)ethanone methanesulfonate</t>
  </si>
  <si>
    <t>methyl (E)-2((3-(1,3-benzodioxol-5-yl)-2-methyl-1-propenyl)amino)benzoate</t>
  </si>
  <si>
    <t>salt of: (1S-cis)-1-amino-2,3-dihydro-1H-inden-2-ol and [R-[R*R*]]-2,3-dihydroxybutanedioic acid</t>
  </si>
  <si>
    <t>2S-isopropyl-5R-methyl-1R-cyclohexyl (2R, 5S)-5-(4-amino-2-oxo-2H-pyrimidin-1-yl)-[1.3]-oxathiolane-2-carboxylate</t>
  </si>
  <si>
    <t>sodium 4-hydroxy-3-(N'-(2-(2-hydroxyethylenesulfonyl)ethylene)ureido)-5-nitrobenzenesulfonate</t>
  </si>
  <si>
    <t>sodium (6R-trans)-7-amino-8-oxo-3-[[[1-(sulfomethyl)-1H-tetrazol-5-yl]thio]methyl]-5-thia-1-azabicyclo[4.2.0]oct-2-ene-2-carboxylate monohydrate</t>
  </si>
  <si>
    <t>diethyl thiophosphoryl (Z)-(2-aminothiazol-4-yl)methoxyimino acetate</t>
  </si>
  <si>
    <t>[1R-(1-α, 2β,5α)]-mono[5-methyl-2-(1-methylethyl)cyclohexyl]butanedioate</t>
  </si>
  <si>
    <t>branched, octyl 3-[3,5-di(tert-butyl)-4-hydroxyphenyl]propanoate</t>
  </si>
  <si>
    <t>(2R*, 3S*)-2-(2,4-difluorophenyl)-3-(5-fluoro-4-pyrimidinyl)-1-(1H-1,2,4-triazol-1-yl)butan-2-ol (1R)-10-camphorsulfonate</t>
  </si>
  <si>
    <t>ethyl 4-((4-diethylamino-2-methylphenyl)imino)-4,5-dihydro-1-isopropyl-5-oxo-1H-pyrazole-3-carboxylate</t>
  </si>
  <si>
    <t>diethyl[(p-ethoxyanilino)methylene]malonate</t>
  </si>
  <si>
    <t>ethyl cis-4-[4-[[2-(2,4-dichlorophenyl)-2-(1H-imidazol-1-ylmethyl)-1,3-dioxolan-4-yl]methoxy]phenyl]piperazine-1-carboxylate</t>
  </si>
  <si>
    <t>di(C9-11-alkyl) cyclohexane-1,4-dicarboxylate</t>
  </si>
  <si>
    <t>ethyl (1S, 5R, 6S)-5-(1-ethylpropoxy)-7-oxabicyclo[4.1.0]hept-3-ene-3-carboxylate</t>
  </si>
  <si>
    <t>N-amidino-N-methylglycine-2-oxopropionate</t>
  </si>
  <si>
    <t>(1S, 1'R)-[1-(3', 3'-dimethyl-1'-cyclohexyl)ethoxycarbonyl]methyl propanoate</t>
  </si>
  <si>
    <t>(Z)-2-(2-t-butoxycarbonylamino-4-thiazolyl)pent-2-enoic acid</t>
  </si>
  <si>
    <t>ethyl (3R)-4-cyano-3-hydroxybutanoate</t>
  </si>
  <si>
    <t>2-(10-oxo-10H-9-oxa-10-phosphaphenanthren-10-ylmethyl)succinic acid</t>
  </si>
  <si>
    <t>ethyl 1-(2,4-dichlorophenyl)-5-(trichloromethyl)-1H-1,2,4-triazole-3-carboxylate</t>
  </si>
  <si>
    <t>[(4S, 5S)-4-benzyl-2-oxo-5-oxazolidinyl]methyl 4-nitrobenzenesulfonate</t>
  </si>
  <si>
    <t>4-oxo-4-(p-tolyl)butyric acid adduct with 4-ethylmorpholine</t>
  </si>
  <si>
    <t>N-[3-(2,4-di-(1,1-dimethyl-propyl)phenoxy)-propyl]-1-hydroxy-5-(2-methylpropyl-oxycarbonylamino)-naphthamide</t>
  </si>
  <si>
    <t>trisodium N-(3-propionato)-l-aspartate</t>
  </si>
  <si>
    <t>dimethyl (2S)-2-hydroxysuccinate</t>
  </si>
  <si>
    <t>5-acetoxy-2-(R, S)butyryloxymethyl-1,3-oxathiolane</t>
  </si>
  <si>
    <t>(S)-3-hydroxy-γ-butyrolactone</t>
  </si>
  <si>
    <t>pentasodium N-[5-[[4-[[3-[(aminocarbonyl)amino]-4-[(3,6,8-trisulfonatonaphthalen-2-yl)azo]phenyl]amino]-6-chloro-1,3,5-triazin-2-yl]amino]-2-sulfonato-4-[[4-[[-2-(oxysulfonato)ethyl] sulfonyl]phenyl]azo]phenyl]-3-aminopropanoic acid</t>
  </si>
  <si>
    <t>trans-methyl-2-ethyl-but-2-enoate</t>
  </si>
  <si>
    <t>(2S)-5-(benzyloxy)-2-(1,3-dioxo-1,3-dihydro-2H-isoindol-2-yl)-5-oxopentanoic acid</t>
  </si>
  <si>
    <t>trans-2-isopropyl-5-carboxy-1,3-dioxane</t>
  </si>
  <si>
    <t>alkenes, C12-14, hydroformylation products, distn. residues, C-(hydrogen sulfobutanedioates), disodium salts</t>
  </si>
  <si>
    <t>(R)-1-cyclohexa-1,4-dienyl-1-methoxycarbonyl-methylammoniumchloride</t>
  </si>
  <si>
    <t>magnesium salts, fatty acids, C16-18 and C18 unsaturated, branched and linear</t>
  </si>
  <si>
    <t>zinc salts, fatty acids, C16-18 and C18 unsaturated, branched and linear</t>
  </si>
  <si>
    <t>tert-butyl propionate</t>
  </si>
  <si>
    <t>4-tert-butylbenzoic acid</t>
  </si>
  <si>
    <t>bromadiolone (ISO); 3-[3-(4′-bromobiphenyl-4-yl)-3-hydroxy-1-phenylpropyl]-4-hydroxy-2H-chromen-2-one</t>
  </si>
  <si>
    <t>3-[3-(4′-bromobiphenyl-4-yl)-1,2,3,4-tetrahydronaphthalen-1-yl]-4-hydroxy-2H-1-benzothiopyran-2-one</t>
  </si>
  <si>
    <t>8</t>
  </si>
  <si>
    <t>9</t>
  </si>
  <si>
    <t>n-butyronitrile</t>
  </si>
  <si>
    <t>2-(4-(N-butyl-N-phenethylamino)phenyl)ethylene-1,1,2-tricarbonitrile</t>
  </si>
  <si>
    <t>N-acetyl-N-[5-cyano-3-(2-dibutylamino-4-phenylthyazol-5-yl-methylene)-4-methyl-2,6-dioxo-1,2,3,6-tetrahydropyridin-1-yl]benzamide</t>
  </si>
  <si>
    <t>N-butyl-3-(2-chloro-4-nitrophenylhydrazono)-1-cyano-2-methylprop-1-ene-1,3-dicarboximide</t>
  </si>
  <si>
    <t>4,4'-dithiobis(5-amino-1-(2,6-dichloro-4-(trifluoromethyl)phenyl)-1H-pyrazole-3-carbonitrile)</t>
  </si>
  <si>
    <t>(S)-2,2-diphenyl-2-(3-pyrrolidinyl)acetonitrile hydrobromide</t>
  </si>
  <si>
    <t>3-(cis-3-hexenyloxy)propanenitril</t>
  </si>
  <si>
    <t>(R)-4-(4-dimethylamino-1-(4-fluorophenyl)-1-hydroxybutyl)-3-(hydroxymethyl)benzonitrile</t>
  </si>
  <si>
    <t>(S)-4-(4-dimethylamino-1-(4-fluorophenyl)-1-hydroxybutyl)-3-(hydroxymethyl)benzonitrile</t>
  </si>
  <si>
    <t>(R,S)-4-(4-dimethylamino-1-(4-fluorophenyl)-1-hydroxybutyl)-3-(hydroxymethyl)benzonitrile</t>
  </si>
  <si>
    <t>N-methyl-N-cyanomethylmorpholiniummethylsulfate</t>
  </si>
  <si>
    <t>5-amino-1-(2,6-dichloro-4-(trifluoromethyl)phenyl)-1H-pyrazole-3-carbonitrile</t>
  </si>
  <si>
    <t>(S)-α-hydroxy-3-phenoxy-benzeneacetonitrile</t>
  </si>
  <si>
    <t>2,4,6-trinitro-m-cresol</t>
  </si>
  <si>
    <t>2,4,6-trinitro-m-xylene</t>
  </si>
  <si>
    <t>p-nitrophenol</t>
  </si>
  <si>
    <t>lead 2,4,6-trinitro-m-phenylene dioxide;</t>
  </si>
  <si>
    <t>4,6-dinitro-o-cresol</t>
  </si>
  <si>
    <t>sodium 4,6-dinitro-o-cresolate; [1]</t>
  </si>
  <si>
    <t>2-sec-butyl-4,6-dinitrophenyl-3-methylcrotonate</t>
  </si>
  <si>
    <t>6-sec-butyl-2,4-dinitrophenol</t>
  </si>
  <si>
    <t>2-tert-butyl-4,6-dinitrophenol</t>
  </si>
  <si>
    <t>3,5-dibromo-4-hydroxybenzaldehyde-O-(2,4-dinitrophenyl)-oxime</t>
  </si>
  <si>
    <t>N-(1-ethylpropyl)-2,6-dinitro-3,4-xylidine</t>
  </si>
  <si>
    <t>3,5-dinitro-2,6-dimethyl-4-tert-butylacetophenone;</t>
  </si>
  <si>
    <t>methyl-ONN-azoxymethyl acetate;</t>
  </si>
  <si>
    <t>4-o-tolylazo-o-toluidine;</t>
  </si>
  <si>
    <t>2-(4-(diethylaminopropylcarbamoyl)phenylazo)-3-oxo-N-(2,3-dihydro-2-oxobenzimidazol-5-yl)butyramide</t>
  </si>
  <si>
    <t>2-(4-(4-cyano-3-methylisothiazol-5-ylazo)-N-ethyl-3-methylanilino)ethyl acetate</t>
  </si>
  <si>
    <t>C,C'-azodi(formamide)</t>
  </si>
  <si>
    <t>o-dianisidine based azo dyes;</t>
  </si>
  <si>
    <t>o-tolidine based dyes;</t>
  </si>
  <si>
    <t>N-(5-(bis(2-methoxyethyl)amino)-2-((5-nitro-2,1-benzisothiazol-3-yl)azo)phenylacetamide</t>
  </si>
  <si>
    <t>2-(4-(5,6(or 6,7)-dichloro-1,3-benzothiazol-2-ylazo)-N-methyl-m-toluidino)ethyl acetate</t>
  </si>
  <si>
    <t>2-[[4[[4,6-bis[[3-(diethylamino)propyl]amino]-1,3,5-triazine-2-yl]amino]phenyl]azo]-N-(2,3-dihydro-2-oxo-1H-benzimidazol-5-yl)-3-oxobutanamide</t>
  </si>
  <si>
    <t>2-[4-[N-(4-acetoxybutyl)-N-ethyl]amino-2-methylphenylazo]-3-acetyl-5-nitrothiophene</t>
  </si>
  <si>
    <t>2-(4-(N-ethyl-N-(2-hydroxy)ethyl)amino-2-methylphenyl)azo-6-methoxy-3-methyl-benzothiazolium chloride</t>
  </si>
  <si>
    <t>N-[4-[(2-hydroxy-5-methylphenyl)azo]phenyl]acetamide</t>
  </si>
  <si>
    <t>octasodium 2-(6-(4-chloro-6-(3-(N-methyl-N-(4-chloro-6-(3,5-disulfonato-2-naphthylazo)-1-hydroxy-6-naphthylamino)-1,3,5-triazin-2-yl)aminomethyl)phenylamino)-1,3,5-triazin-2-ylamino)-3,5-disulfonato-1-hydroxy-2-naphthylazo)naphthalene-1,5-disulfonate</t>
  </si>
  <si>
    <t>4-(3,4-dichlorophenylazo)-2,6-di-sec-butyl-phenol</t>
  </si>
  <si>
    <t>4-(4-nitrophenylazo)-2,6-di-sec-butyl-phenol</t>
  </si>
  <si>
    <t>tetrasodium 5-[4-chloro-6-(N-ethyl-anilino)-1,3,5-triazin-2-ylamino]-4-hydroxy-3-(1,5-disulfonatonaphthalen-2-ylazo)-naphthalene-2,7-disulfonate</t>
  </si>
  <si>
    <t>N,N-di-[poly(oxyethylene)-co-poly(oxypropylene)]-4-[(3,5-dicyano-4-methyl-2-thienyl)azo)]-3-methylaniline</t>
  </si>
  <si>
    <t>dimethyl 3,3'-(N-(4-(4-bromo-2,6-dicyanophenylazo)-3-hydroxyphenyl)imino)dipropionate</t>
  </si>
  <si>
    <t>reaction mass of: 2-[N-ethyl-4-[(5,6-dichlorobenzothiazol-2-yl)azo]-m-toludino]ethyl acetate;</t>
  </si>
  <si>
    <t>2-[N-ethyl-4-[(6,7-dichlorobenzothiazol-2-yl)azo]-m-toludino]ethyl acetate (1:1)</t>
  </si>
  <si>
    <t>methyl N-[3-acetylamino)-4-(2-cyano-4-nitrophenylazo)phenyl]-N-[(1-methoxy)acetyl]glycinate</t>
  </si>
  <si>
    <t>sodium 4-(4-chloro-6-(N-ethylanilino)-1,3,5-triazin-2-ylamino)-2-(1-(2-chlorophenyl)-5-hydroxy-3-methyl-1H-pyrazol-4-ylazo)benzenesulfonate</t>
  </si>
  <si>
    <t>hexasodium 4,4'-dihydroxy-3,3'-bis[2-sulfonato-4-(4-sulfonatophenylazo)phenylazo]-7,7'[p-phenylenebis[imino(6-chloro-1,3,5-triazine-4,2-diyl)imino]]dinaphthalene-2-sulfonate</t>
  </si>
  <si>
    <t>lithium sodium (2-(((5-((2,5-dichlorophenyl)azo)-2-hydroxyphenyl)methylene)amino)benzoato(2-))(2-((4,5-dihydro-3-methyl-5-oxo-1-phenyl-1H-pyrazol-4-yl)azo)-5-sulfobenzoato(3-)) chromate(2-)</t>
  </si>
  <si>
    <t>lithium sodium (4-((5-chloro-2-hydroxyphenyl)azo)-2,4-dihydro-5-methyl-3H-pyrazol-3-onato(2-))(3-((4,5-dihydro-3-methyl-1-(4-methylphenyl)-5-oxo-1H-pyrazol-4-yl)azo)-4-hydroxy-5-nitrobenzenesulfonato(3-)) chromate(2-)</t>
  </si>
  <si>
    <t>hexasodium (di[N-(3-(4-[5-(5-amino-3-methyl-1-phenylpyrazol-4-yl-azo)-2,4-disulfo-anilino]-6-chloro-1,3,5-triazin-2-ylamino)phenyl)-sulfamoyl](di-sulfo)-phthalocyaninato)nickel</t>
  </si>
  <si>
    <t>2,6-bis-(2-(4-(4-amino-phenylamino)-phenylazo)-1,3-dimethyl-3H-imidazolium)-4-dimethylamino-1,3,5-triazine, dichloride</t>
  </si>
  <si>
    <t>N,N'-bis{6-chloro-4-[6-(4-vinylsulfonylphenylazo)-2,7-disulfonicacid-5-hydroxynapht-4-ylamino]-1,3,5-triazin-2-yl}-N-(2-hydroxyethyl)ethane-1,2-diamine, sodium salt</t>
  </si>
  <si>
    <t>6-tert-butyl-7-chloro-3-tridecyl-7,7a-dihydro-1H-pyrazolo[5,1-c]-1,2,4-triazole</t>
  </si>
  <si>
    <t>2-(4-aminophenyl)-6-tert-butyl-1H-pyrazolo[1,5-b][1,2,4]triazole</t>
  </si>
  <si>
    <t>chrysoidine C10-14-alkyl derivatives;</t>
  </si>
  <si>
    <t>reaction product of 1,1,1-tris(p-hydroxyphenyl)ethane with 6-diazo-5,6-dihydro-5-oxo-1-naphthylsulfonylchloride and 3-diazo-3,4-dihydro-4-oxo-1-naphthylsulfonylchloride (2:1);</t>
  </si>
  <si>
    <t>reaction product of 1,1,1-tris(p-hydroxyphenyl)ethane with 6-diazo-5,6-dihydro-5-oxo-1-naphthylsulfonylchloride and 3-diazo-3,4-dihydro-4-oxo-1-naphthylsulfonylchloride (1:2)</t>
  </si>
  <si>
    <t>2,6-bis(2,3,4-trihydroxybenzyl)-p-cresol ester with 6-diazo-5,6-dihydro-5-oxo-1-naphthalenesulfonate</t>
  </si>
  <si>
    <t>trisodium 4-amino-5-hydroxy-3-[(2-hydroxyethylsulfonyl)-phenylazo]-6-[(E)-2-sulfonato-4-(vinylsulfonyl)phenylazo]naphthalene-2,7-disulfonate;</t>
  </si>
  <si>
    <t>trisodium 4-amino-5-hydroxy-3-[(E)-4-(vinylsulfonyl)phenylazo]-6-[-2-sulfonato-4-(2-hydroxyethylsulfonyl)phenylazo]naphthalene-2,7-disulfonate</t>
  </si>
  <si>
    <t>N-methylaniline</t>
  </si>
  <si>
    <t>N,N-dimethylaniline</t>
  </si>
  <si>
    <t>m-toluidine;</t>
  </si>
  <si>
    <t>p-phenylenediamine</t>
  </si>
  <si>
    <t>p-phenylenediamine dihydrochloride</t>
  </si>
  <si>
    <t>2-methyl-p-phenylenediamine sulphate [1]</t>
  </si>
  <si>
    <t>N,N-dimethylbenzene-1,3-diamine; [1]</t>
  </si>
  <si>
    <t>4-amino-N,N-dimethylaniline;</t>
  </si>
  <si>
    <t>3-amino-N,N'-dimethylaniline [2]</t>
  </si>
  <si>
    <t>2-nitro-p-anisidine;</t>
  </si>
  <si>
    <t>o-phenetidine</t>
  </si>
  <si>
    <t>N,N'-dimethylbenzidine</t>
  </si>
  <si>
    <t>N,N'-diacetylbenzidine</t>
  </si>
  <si>
    <t>di-n-butylamine; [1]</t>
  </si>
  <si>
    <t>di-sec-butylamine [2]</t>
  </si>
  <si>
    <t>(S)-sec-butylamine;</t>
  </si>
  <si>
    <t>(R)-2-aminobutane; [2]</t>
  </si>
  <si>
    <t>sec-butylamine;</t>
  </si>
  <si>
    <t>N-ethylaniline</t>
  </si>
  <si>
    <t>N,N-diethylaniline</t>
  </si>
  <si>
    <t>N,N-diethyl-1,3-diaminopropane</t>
  </si>
  <si>
    <t>N-nitrosodimethylamine</t>
  </si>
  <si>
    <t>4-amino-N,N-diethylaniline;</t>
  </si>
  <si>
    <t>N,N-diethyl-p-phenylendiamine</t>
  </si>
  <si>
    <t>salts of 4,4'-bi-o-toluidine;</t>
  </si>
  <si>
    <t>salts of o-tolidine</t>
  </si>
  <si>
    <t>6-chloro-N,N'-diethyl-1,3,5-triazine-2,4-diamine</t>
  </si>
  <si>
    <t>o-toluidine;</t>
  </si>
  <si>
    <t>4-methyl-m-phenylenediamine;</t>
  </si>
  <si>
    <t>2-methyl-m-phenylenediamine;</t>
  </si>
  <si>
    <t>p-anisidine;</t>
  </si>
  <si>
    <t>C12-14-tert-alkylamine, methylphosphonic acid salt</t>
  </si>
  <si>
    <t>N,N,N-trimethylanilinium chloride</t>
  </si>
  <si>
    <t>2-methyl-p-phenylenediamine;</t>
  </si>
  <si>
    <t>(4-ammonio-m-tolyl)ethyl(2-hydroxyethyl)ammonium sulphate;</t>
  </si>
  <si>
    <t>4-(N-ethyl-N-2-hydroxyethyl)-2-methylphenylenediamine sulphate</t>
  </si>
  <si>
    <t>N-(2-(4-amino-N-ethyl-m-toluidino)ethyl)methanesulphonamide sesquisulphate;</t>
  </si>
  <si>
    <t>4-(N-ethyl-N-2-methanesulphonylaminoethyl)-2-methylphenylenediamine sesquisulphate monohydrate</t>
  </si>
  <si>
    <t>N-2-naphthylaniline;</t>
  </si>
  <si>
    <t>N-phenyl-2-naphthylamine</t>
  </si>
  <si>
    <t>N-isopropyl-N'-phenyl-p-phenylenediamine</t>
  </si>
  <si>
    <t>methyl N-(2,6-dimethylphenyl)-N-(2-furylcarbonyl)-DL-alaninate</t>
  </si>
  <si>
    <t>2-(benzothiazol-2-yloxy)-N-methyl-N-phenylacetamide</t>
  </si>
  <si>
    <t>quaternary ammonium compounds, benzyl-C8-18-alkyldimethyl, chlorides</t>
  </si>
  <si>
    <t>N5,N5-diethyltoluene-2,5-diamine monohydrochloride;</t>
  </si>
  <si>
    <t>o-phenylenediamine</t>
  </si>
  <si>
    <t>4-[N-ethyl-N-(2-hydroxyethyl)amino]-1-(2-hydroxyethyl)amino-2-nitrobenzene, monohydrochloride</t>
  </si>
  <si>
    <t>6'-(isobutylethylamino)-3'-methyl-2'-phenylamino-spiro[isobenzo-2-oxofuran-7,9'-[9H]-xanthene]</t>
  </si>
  <si>
    <t>2'-anilino-6'-((3-ethoxypropyl)ethylamino)-3'-methylspiro(isobenzo-3-oxofuran)-1-(1H)-9'-xanthene</t>
  </si>
  <si>
    <t>(Z)-1-benzo[b]thien-2-ylethanone oxime hydrochloride</t>
  </si>
  <si>
    <t>reaction mass of: bis(5-dodecyl-2-hydroxybenzald-oximate) copper (II) C12-alkyl group is branched;</t>
  </si>
  <si>
    <t>p-toluidine;</t>
  </si>
  <si>
    <t>(R)-2-[(2,6-dimethylphenyl)-methoxyacetylamino]propionic acid methyl ester</t>
  </si>
  <si>
    <t>N,N'-diphenyl-N,N'-bis(3-methylphenyl)-(1,1'-diphenyl)-4,4'-diamine</t>
  </si>
  <si>
    <t>trans-(5-ammonium-1,3,3-trimethyl)-cyclohexanemethylammonium phosphate (1:1)</t>
  </si>
  <si>
    <t>bis(N-methyl-N-phenylhydrazine)sulfate</t>
  </si>
  <si>
    <t>4-chlorophenyl cyclopropyl ketone O-(4-aminobenzyl)oxime</t>
  </si>
  <si>
    <t>N,N,N',N'-tetraglycidyl-4,4'-diamino-3,3'-diethyldiphenylmethane</t>
  </si>
  <si>
    <t>4,4'-methylenebis(N,N'-dimethylcyclohexanamine</t>
  </si>
  <si>
    <t>lithium 1-amino-4-(4-tert-butylanilino)anthraquinone-2-sulfonate</t>
  </si>
  <si>
    <t>2-(O-aminooxy)ethylamine dihydrochloride</t>
  </si>
  <si>
    <t>polymer of 1,3-dibromopropane and N,N-diethyl-N',N'-dimethyl-1,3-propanediamine</t>
  </si>
  <si>
    <t>6'-(dibutylamino)-3'-methyl-2'-(phenylamino)spiro[isobenzofuran-1(3H),9-(9H)-xanthen]-3-one</t>
  </si>
  <si>
    <t>bis(N-(7-hydroxy-8-methyl-5-phenylphenazin-3-ylidene)dimethylammonium) sulfate</t>
  </si>
  <si>
    <t>4,4'-(9H-fluoren-9-ylidene)bis(2-chloroaniline)</t>
  </si>
  <si>
    <t>2-isopropyl-4-(N-methyl)aminomethylthiazole</t>
  </si>
  <si>
    <t>2-hydroxy-3-[(2-hydroxyethyl)-[2-(1-oxotetradecyl)amino]ethyl]amino]-N,N,N-trimethyl-1-propanammonium chloride</t>
  </si>
  <si>
    <t>4-chloro-o-toluidine; [1]</t>
  </si>
  <si>
    <t>p-aminophenyl ether</t>
  </si>
  <si>
    <t>4-methoxy-m-phenylenediamine; [1]</t>
  </si>
  <si>
    <t>N,N,N',N'-tetramethyl-4,4'-methylendianiline</t>
  </si>
  <si>
    <t>p-phenetidine</t>
  </si>
  <si>
    <t>N-methylbenzene-1,2-diammonium hydrogen phosphate</t>
  </si>
  <si>
    <t>6-methoxy-m-toluidine;</t>
  </si>
  <si>
    <t>5-nitro-o-toluidine; [1]</t>
  </si>
  <si>
    <t>5-nitro-o-toluidine hydrochloride [2]</t>
  </si>
  <si>
    <t>4-(2,2-diphenylethenyl)-N,N-di-phenylbenzenamine</t>
  </si>
  <si>
    <t>N-nitro-N-(3-methyl-3,6-dihydro-2H-1,3,5-oxadiazin-4-yl)amine</t>
  </si>
  <si>
    <t>cis-1-(3-(4-fluorophenoxy)propyl)-3-methoxy-4-piperidinamine</t>
  </si>
  <si>
    <t>N-benzyl-N-ethyl-(4-(5-nitro-benzo[c]isothiazol-3-ylazo)phenyl)amine</t>
  </si>
  <si>
    <t>benzyl-N-(2-(2-methoxyphenoxy)ethyl)amine hydrochloride</t>
  </si>
  <si>
    <t>reaction mass of: N-(3-(trimethoxysilyl)propyl)ethylenediamine;</t>
  </si>
  <si>
    <t>4-methyl-N-phenyl-6-(1-propynyl)-2-pyrimidinamine</t>
  </si>
  <si>
    <t>N,N-bis(cocoyl-2-oxypropyl)-N,N-dibutylammonium bromide</t>
  </si>
  <si>
    <t>3-((C12-18)-acylamino)-N-(2-((2-hydroxyethyl)amino)-2-oxoethyl)-N,N-dimethyl-1-propanaminium chloride</t>
  </si>
  <si>
    <t>N-(4,6-dimethylpyrimidin-2-yl)aniline</t>
  </si>
  <si>
    <t>4-cyclopropyl-6-methyl-N-phenylpyrimidin-2-amine</t>
  </si>
  <si>
    <t>(1S-cis)-4-(3,4-dichlorophenyl)-1,2,3,4-tetrahydro-N-methyl-1-naphthalenamine 2-hydroxy-2-phenylacetate</t>
  </si>
  <si>
    <t>N-[3-(1,1-dimethylethyl)-1H-pyrazol-5-yl]-N'-hydroxy-4-nitrobenzenecarboximidamide</t>
  </si>
  <si>
    <t>reaction product of diphenylamine, phenothiazine, and alkenes, branched (C8-10, C9-rich)</t>
  </si>
  <si>
    <t>4-[(3-chlorophenyl)(1H-imidazol-1-yl)methyl]-1,2-benzenediamine dihydrochloride</t>
  </si>
  <si>
    <t>cis-1-(3-chloroallyl)-3,5,7-triaza-1-azoniaadamantane chloride</t>
  </si>
  <si>
    <t>1-(6-chloropyridin-3-ylmethyl)-N-nitroimidazolidin-2-ylidenamine</t>
  </si>
  <si>
    <t>benzyl(S)-2-[(2'-cyanobiphenyl-4-ylmethyl)pentanoylamino]-3-methylbutyrate</t>
  </si>
  <si>
    <t>N-ethyl-3-trimethoxysilyl-2-methyl-propanamine</t>
  </si>
  <si>
    <t>bis(hydrogenated tallow C16-18-alkyl)hydroxylamine</t>
  </si>
  <si>
    <t>reaction mass of: 1-[di(4-octylphenyl)aminomethyl]-5-methyl-1H-benzotriazole;</t>
  </si>
  <si>
    <t>1-[di(4-octylphenyl)aminomethyl]-4-methyl-1H-benzotriazole;</t>
  </si>
  <si>
    <t>reaction mass of: N-[(5-methyl-1H-benzotriazol-1-yl)methyl]-4-octyl-N-(4-octylphenyl)aniline;</t>
  </si>
  <si>
    <t>(R, S)-1-[2-amino-1(4-methoxyphenyl)ethyl]cyclohexanol acetate</t>
  </si>
  <si>
    <t>fatty acids, C18-unsatd., dimers, reaction products with 1-piperazineethanamine and tall oil</t>
  </si>
  <si>
    <t>(R, S)-2-amino-3,3-dimethylbutane amide</t>
  </si>
  <si>
    <t>(1E)-N-[4-chloro-2-(trifluoromethyl)phenyl]-1-(1H-imidazol-1-yl)-2-propoxyethanimine</t>
  </si>
  <si>
    <t>imazalil (ISO); 1-[2-(allyloxy)-2-(2,4-dichlorophenyl)ethyl]-1H-imidazole</t>
  </si>
  <si>
    <t>N-(n-octyl)-2-pyrrolidone</t>
  </si>
  <si>
    <t>N—tert-pentyl-2-benzothiazolesulfenamide</t>
  </si>
  <si>
    <t>sodium 5-n-butylbenzotriazole</t>
  </si>
  <si>
    <t>5-tert-butyl-3-isoxazolylamine hydrochloride</t>
  </si>
  <si>
    <t>(S)-3-benzyloxycarbonyl-1,2,3,4-tetrahydro-isoquinolinium 4-methylbenzenesulfonate</t>
  </si>
  <si>
    <t>N-ethyl-N-methylpiperidinium iodide</t>
  </si>
  <si>
    <t>phenyl N-(4,6-dimethoxypyrimidin-2-yl)carbamate</t>
  </si>
  <si>
    <t>5-chloro-1,3-dihydro-2H-indol-2-one</t>
  </si>
  <si>
    <t>(±) 2-(2,4-dichlorophenyl)-3-(1H-1,2,4-triazol-1-yl)propyl-1,1,2,2-tetrafluoroethylether</t>
  </si>
  <si>
    <t>lithium 3-oxo-1,2(2H)-benzisothiazol-2-ide</t>
  </si>
  <si>
    <t>N-(1,1-dimethylethyl)bis(2-benzothiazolesulfen)amide</t>
  </si>
  <si>
    <t>2,3,5,6-tetrahydro-2-methyl-2H-cyclopenta[d]-1,2-thiazol-3-one</t>
  </si>
  <si>
    <t>(2R,3R)-3-((R)-1-(tert-butyldimethylsiloxy)ethyl)-4-oxoazetidin-2-yl acetate</t>
  </si>
  <si>
    <t>1,4,7,10-tetrakis(p-toluensulfonyl)-1,4,7,10-tetraazacyclododecane</t>
  </si>
  <si>
    <t>3-benzyl-exo-6-nitro-2,4-dioxo-3-aza-cis-bicyclo[3.1.0]hexane</t>
  </si>
  <si>
    <t>2,2-(1,4-phenylene)bis((4H—3,1-benzoxazine-4-one)</t>
  </si>
  <si>
    <t>(R)-5-bromo-3-(1-methyl-2-pyrrolidinyl methyl)-1H-indole</t>
  </si>
  <si>
    <t>(E)-4,5-dihydro-6-methyl-4-(3-pyridylmethyleneamino)-1,2,4-triazin-3(2H)-one</t>
  </si>
  <si>
    <t>(S)-5-methyl-2-methylthio-5-phenyl-3-phenylamino-3,5-dihydroimidazol-4-one</t>
  </si>
  <si>
    <t>(RS)-2-(4-isopropyl-4-methyl-5-oxo-2-imidazolin-2-yl)-5-methoxymethylnicotinic acid</t>
  </si>
  <si>
    <t>cis-1-(3-chloropropyl)-2,6-dimethyl-piperidin hydrochloride</t>
  </si>
  <si>
    <t>N-methyl-4-(p-formylstyryl)pyridinium methylsulfate</t>
  </si>
  <si>
    <t>cis-1-benzoyl-4-[(4-methylsulfonyl)oxy]-L-proline</t>
  </si>
  <si>
    <t>6-tert-butyl-7-(6-diethylamino-2-methyl-3-pyridylimino)-3-(3-methylphenyl)pyrazolo[3,2-c][1,2,4]triazole</t>
  </si>
  <si>
    <t>4-[3-(3,5-di-tert-butyl-4-hydroxyphenyl)propionyloxy]-1-[2-[3-(3,5-di-tert-butyl-4-hydrophenyl)propionyloxy]ethyl]-2,2,6,6-tetramethylpiperidine</t>
  </si>
  <si>
    <t>trans-(4S,6S)-5,6-dihydro-6-methyl-4H-thieno[2,3-b]thiopyran-4-ol, 7,7-dioxide</t>
  </si>
  <si>
    <t>N-isopropyl-3-(4-fluorophenyl)-1H-indole</t>
  </si>
  <si>
    <t>(±)-[(R*,R*) and (R*,S*)]-6-fluoro-3,4-dihydro-2-oxiranyl-2H-1-benzopyran</t>
  </si>
  <si>
    <t>(±)-(R*,S*)-6-fluoro-3,4-dihydro-2-oxiranyl-2H-1-benzopyran</t>
  </si>
  <si>
    <t>3-(benzo[b]thien-2-yl)-5,6-dihydro-1,4,2-oxathiazine-4-oxide</t>
  </si>
  <si>
    <t>2,3-dihydro-2,2-dimethyl-1H-perimidine</t>
  </si>
  <si>
    <t>6-tert-butyl-3-(3-dodecylsulfonyl)propyl-7H-1,2,4-triazolo[3.4b][1,3,4]thiadiazine</t>
  </si>
  <si>
    <t>2-[3-(methylamino)propyl]-1H-benzimidazole</t>
  </si>
  <si>
    <t>3-(2H-tetrazol-5-yl)pyridine</t>
  </si>
  <si>
    <t>3,4-dimethyl-1H-pyrazole</t>
  </si>
  <si>
    <t>1-(2-hydroxyethyl)-1H-pyrazol-4,5-diyldiammoniumsulfate</t>
  </si>
  <si>
    <t>reaction mass of: carbonato-bis-N-ethyl-2-isopropyl-1,3-oxazolidine;</t>
  </si>
  <si>
    <t>methyl carbonato-N-ethyl-2-isopropyl-1,3-oxazolidine;</t>
  </si>
  <si>
    <t>2-isopropyl-N-hydroxyethyl 1,3-oxazolidine</t>
  </si>
  <si>
    <t>(R)-3-[(1-methylpyrrolidin-2-yl)methyl]-5-[2-(phenylsulfonyl)ethenyl]-1H-indole</t>
  </si>
  <si>
    <t>reaction products with ethylene oxide (alkyl is C1-12 and the sum to C13, average degree of ethoxylation is 3,5)</t>
  </si>
  <si>
    <t>2-phthalimidoethyl N-[4-(2-cyano-4-nitrophenylazo)phenyl]-N-methyl-β-alaninate</t>
  </si>
  <si>
    <t>reaction mass of: [2,4-dioxo-(2-propyn-1-yl)imidazolidin-3-yl]methyl(1R)-cis-chrysanthemate;</t>
  </si>
  <si>
    <t>[2,4-dioxo-(2-propyn-1-yl)imidazolidin-3-yl]methyl(1R)-trans-chrysanthemate</t>
  </si>
  <si>
    <t>(±)-4-(3-chlorophenyl)-6-[(4-chlorophenyl)hydroxy(1-methyl-1H-imidazol-5-yl)methyl]-1-methyl-2(1H)-quinolin</t>
  </si>
  <si>
    <t>disodium (E)-1,2-bis-(4-(4-methylamino-6-(4-methylcarbamoylphenylamino)-1,3,5-triazin-2-ylamino)phenyl-2-sulfonato)ethene</t>
  </si>
  <si>
    <t>3-(2-chloro-thiazol-5-ylmethyl)-5-methyl[1,3,5]oxadiazinan-4-ylidene-N-nitroamine</t>
  </si>
  <si>
    <t>(4aS-cis-)-6-benzyl-octahydropyrrolo[3.4-b]pyridine</t>
  </si>
  <si>
    <t>5-amino-N-(2,6-dichloro-3-methylphenyl)-1H-1,2,4-triazole-3-sulfonamide</t>
  </si>
  <si>
    <t>tetrahydro-3-methyl-5-((2-phenylthio)thiazol-5-ylmethyl)-[4H]-1,3,5-oxadiazinan-4-ylidene-N-nitroamine</t>
  </si>
  <si>
    <t>1-(2-chlorophenyl)-1,2-dihydro-5H-tetrazol-5-one</t>
  </si>
  <si>
    <t>(4-(6-diethylamino-2-methylpyridin-3-yl)imino-4,5-dihydro-3-methyl-1-(4-methylphenyl)-1H-pyrazol-5-one</t>
  </si>
  <si>
    <t>2-ethyl-2,3-dihydro-2-methyl-1H-perimidine</t>
  </si>
  <si>
    <t>tetrahydro-1,3-dimethyl-1H-pyrimidin-2-one;</t>
  </si>
  <si>
    <t>(RS)-(E)-5-(4-chlorobenzylidene)-2,2-dimethyl-1-(1H-1,2,4-triazol-1-methyl)cyclopentanol</t>
  </si>
  <si>
    <t>1-[4-[4-[[(2SR, 4RS)-2-(2,4-dichlorophenyl)-2-(imidazol-1-ylmethyl)-1,3-dioxolan-4-yl]methoxy]phenyl]piperazin-1-yl]ethanone</t>
  </si>
  <si>
    <t>(1RS, 5RS;1RS, 5SR)-5-(4-chlorobenzyl)-2,2-dimethyl-1-(1H-1,2,4-triazol-1-ylmethyl)cyclopentanol</t>
  </si>
  <si>
    <t>1-(3-iodo-4-aminobenzyl)-1H-1,2,4-triazole</t>
  </si>
  <si>
    <t>3-(4-chloro-2-fluoro-5-methylphenyl)-1-methyl-5-(trifluoromethyl)-1H-pyrazole</t>
  </si>
  <si>
    <t>4-hydroxy-7-(2-aminoethyl)-1,3-benzothiazol-2(3H)-one hydrochloride</t>
  </si>
  <si>
    <t>2,4-dihydro-4-(4-(4-(4-hydroxyphenyl)-1-piperazinyl)phenyl)-2-(1-methylpropyl)-3H-1,2,4-triazol-3-one</t>
  </si>
  <si>
    <t>2-hexyldecanoic acid [4-(6-tert-butyl-7-chloro-1H-pyrazolo[1,5-b][1,2,4]triazol-2-yl)phenylcarbamoyl]methylester</t>
  </si>
  <si>
    <t>5-(2-bromophenyl)-2-tert-butyl-2H-tetrazole</t>
  </si>
  <si>
    <t>bis-(6-hydroxy-4-methyl-5-(3-methylimidazolium-1-yl)-3-(4-phenylazo)-1H-pyridin-2-one)ethylene dilactate</t>
  </si>
  <si>
    <t>5,6-dihydroxy-2,3-dihydro-1H-indolium bromide</t>
  </si>
  <si>
    <t>2-(2-hydroxy-4-octyloxyphenyl)-2H-benzotriazole</t>
  </si>
  <si>
    <t>(2,5-dioxopyrrolidin-1-yl)-9H-fluoren-9-ylmethyl carbonate</t>
  </si>
  <si>
    <t>(-)(3S, 4R)-4-(4-fluorophenyl)-3-(3,4-methylenedioxy-phenoxymethyl)-N-benzylpiperidine hydrochloride</t>
  </si>
  <si>
    <t>2-(4-(4-(3-pyridinyl)-1H-imidazol-1-yl)butyl)-1H-isoindole-1,3(2H)-dione</t>
  </si>
  <si>
    <t>constitutional isomers of penta-O-allyl-β-D-fructofuranosyl-α-D-glucopyranoside;</t>
  </si>
  <si>
    <t>constitutional isomers of hexa-O-allyl-β-D-fructofuranosyl-α-D-glucopyranoside;</t>
  </si>
  <si>
    <t>constitutional isomers of hepta-O-allyl-β-D-fructofuransoyl-α-D-glucopyranoside</t>
  </si>
  <si>
    <t>o-(p-isocyanatobenzyl)phenyl isocyanate;</t>
  </si>
  <si>
    <t>2-methyl-m-phenylene diisocyanate;</t>
  </si>
  <si>
    <t>4-methyl-m-phenylene diisocyanate;</t>
  </si>
  <si>
    <t>m-tolylidene diisocyanate;</t>
  </si>
  <si>
    <t>2</t>
  </si>
  <si>
    <t>1,3,5-tris(oxiranylmethyl)-1,3,5-triazine-2,4,6(1H,3H,5H)-trione;</t>
  </si>
  <si>
    <t>N,N-diallylchloroacetamide</t>
  </si>
  <si>
    <t>2-chloro-N-isopropylacetanilide;</t>
  </si>
  <si>
    <t>α-chloro-N-isopropylacetanilide</t>
  </si>
  <si>
    <t>N-(dichlorofluoromethylthio)phthalimide;</t>
  </si>
  <si>
    <t>N-(fluorodichloromethylthio)phthalimide</t>
  </si>
  <si>
    <t>2-chloro-2',6'-diethyl-N-(methoxymethyl)acetanilide</t>
  </si>
  <si>
    <t>N,N-diethyl-m-toluamide;</t>
  </si>
  <si>
    <t>1,1,1-trifluoro-N-(4-phenylsulphonyl-o-tolyl)methanesulphonamide;</t>
  </si>
  <si>
    <t>1-(5-tert-butyl-1,3,4-thiadiazol-2-yl)-1,3-dimethylurea</t>
  </si>
  <si>
    <t>2-(4,4-dimethyl-2,5-dioxooxazolidin-1-yl)-2-chloro-5-(2-(2,4-di-tert-pentylphenoxy)butyramido)-4,4-dimethyl-3-oxovaleranilide</t>
  </si>
  <si>
    <t>N-(4-(3-(4-cyanophenyl)ureido)-3-hydroxyphenyl)-2-(2,4-di-tert-pentylphenoxy)octanamide</t>
  </si>
  <si>
    <t>2-chloro-N-(2,6-dimethylphenyl)-N-(2-methoxyethyl)acetamide;</t>
  </si>
  <si>
    <t>N-(2,4-difluorophenyl)-2-[3-(trifluoromethyl)phenoxy]-3-pyridinecarboxamide</t>
  </si>
  <si>
    <t>N-(3-chlorophenyl)-N-(tetrahydro-2-oxo-3-furyl)cyclopropanecarboxamide</t>
  </si>
  <si>
    <t>3,4-dihydro-6-methyl-2H-pyran-5-carboxanilide</t>
  </si>
  <si>
    <t>2-cyano-N-[(ethylamino)carbonyl]-2-(methoxyimino)acetamide</t>
  </si>
  <si>
    <t>(4-aminophenyl)-N-methylmethylensulfonamide hydrochloride</t>
  </si>
  <si>
    <t>potassium N-(4-toluenesulfonyl)-4-toluenesulfonamide</t>
  </si>
  <si>
    <t>3',5'-dichloro-2-(2,4-di-tert-pentylphenoxy)-4'-ethyl-2'-hydroxyhexananilide</t>
  </si>
  <si>
    <t>N-(2-(6-ethyl-7-(4-methylphenoxy)-1H-pyrazolo[1,5-b][1,2,4]triazol-2-yl)propyl)-2-octadecyloxybenzamide</t>
  </si>
  <si>
    <t>N-[3-(1-ethyl-1-methylpropyl)-1,2-oxazol-5-yl]-2,6-dimethoxybenzamide</t>
  </si>
  <si>
    <t>N-(3,5-dichloro-4-ethyl-2-hydroxyphenyl)-2-(3-pentadecylphenoxy)-butanamide</t>
  </si>
  <si>
    <t>N-(2-(6-chloro-7-methylpyrazolo(1,5-b)-1,2,4-triazol-4-yl)propyl)-2-(2,4-di-tert-pentylphenoxy)octanamide</t>
  </si>
  <si>
    <t>2-(2,4-bis(1,1-dimethylethyl)phenoxy)-N-(3,5-dichloro-4-ethyl-2-hydroxyphenyl)-hexanamide</t>
  </si>
  <si>
    <t>N-[2,5-dichloro-4-(1,1,2,3,3,3-hexafluoropropoxy)-phenyl-aminocarbonyl]-2,6-difluorobenzamide</t>
  </si>
  <si>
    <t>reaction mass of: 2,4 -bis(N'-(4-methylphenyl)-ureido)-toluene;</t>
  </si>
  <si>
    <t>2,6 -bis(N'-(4-methylphenyl)-ureido)-toluene</t>
  </si>
  <si>
    <t>3-(3,5-dichlorophenyl)-2,4-dioxo-N-isopropylimidazolidine-1-carboxamide</t>
  </si>
  <si>
    <t>3,5-dichloro-N-(1,1-dimethylprop-2-ynyl)benzamide</t>
  </si>
  <si>
    <t>reaction mass of: N-[3-hydroxy-2-(2-methylacryloylaminomethoxy)propoxymethyl]-2-methylacrylamide;</t>
  </si>
  <si>
    <t>2-methyl-N-(2-methylacryloylaminomethoxymethyl)-acrylamide;</t>
  </si>
  <si>
    <t>N-(2,3-dihydroxypropoxymethyl)-2-methylacrylamide</t>
  </si>
  <si>
    <t>1,3-bis(3-methyl-2,5-dioxo-1H-pyrrolinylmethyl)benzene</t>
  </si>
  <si>
    <t>4-((4-(diethylamino)-2-ethoxyphenyl)imino)-1,4-dihydro-1-oxo-N-propyl-2-naphthalenecarboxamide</t>
  </si>
  <si>
    <t>N,N'—1,6-hexanediylbis(N-(2,2,6,6-tetramethyl-piperidin-4-yl)-formamide</t>
  </si>
  <si>
    <t>N-[3-[(2-acetyloxy)ethyl](phenyl-methyl)amino]-4-methoxyphenylacetamide</t>
  </si>
  <si>
    <t>N—tert-butyl-3-methylpicolinamide</t>
  </si>
  <si>
    <t>5,6,12,13-tetrachloroanthra(2,1,9-def:6,5,10-d'e'f')diisoquinoline-1,3,8,10(2H,9H)-tetrone</t>
  </si>
  <si>
    <t>1-hydroxy-5-(2-methylpropyloxycarbonylamino)-N-(3-dodecyloxypropyl)-2-naphthoamide</t>
  </si>
  <si>
    <t>reaction mass of: bis(N-cyclohexyl-N'-phenyleneureido)methylene;</t>
  </si>
  <si>
    <t>bis(N-octadecyl-N'-phenyleneureido)methylene;</t>
  </si>
  <si>
    <t>bis(N-dicyclohexyl-N'-phenyleneureido)methylene (1:2:1)</t>
  </si>
  <si>
    <t>1-(2-deoxy-5-O-trityl-β-D-threopentofuranosyl)thymine</t>
  </si>
  <si>
    <t>N-butyl-2-(4-morpholinylcarbonyl)benzamide</t>
  </si>
  <si>
    <t>D, L-(N,N-diethyl-2-hydroxy-2-phenylacetamide)</t>
  </si>
  <si>
    <t>N-tert-butyl-N'-(4-ethylbenzoyl)-3,5-dimethylbenzohydrazide</t>
  </si>
  <si>
    <t>reaction mass of: 2-(9-methyl-1,3,8,10-tetraoxo-2,3,9,10-tetrahydro-(1H,8H)-anthra[2,1,9-def: 6,5,10-d'e'f']diisoquinolin-2-ylethansulfonic acid;</t>
  </si>
  <si>
    <t>potassium 2-(9-methyl-1,3,8,10-tetraoxo-2,3,9,10-tetrahydro-(1H,8H)-anthra[2,1,9-def: 6,5,10-d'e'f']diisoquinolin-2-ylethansulfate</t>
  </si>
  <si>
    <t>2-[2,4-bis(1,1-dimethyl-ethyl)phenoxy]-N-(2-hydroxy-5-methyl-phenyl)hexanamide</t>
  </si>
  <si>
    <t>N-(5-chloro-3-((4-(diethylamino)-2-methylphenyl)imino-4-methyl-6-oxo-1,4-cyclohexadien-1-yl)benzamide</t>
  </si>
  <si>
    <t>2,4-bis[N'-(4-methylphenyl)ureido]toluene</t>
  </si>
  <si>
    <t>3-(2,4-dichlorophenyl)-6-fluoro-quinazoline-2,4(1H,3H)-dione</t>
  </si>
  <si>
    <t>1,3,5-tris-[(2S and 2R)-2,3-epoxypropyl]-1,3,5-triazine-2,4,6-(1H,3H,5H)-trione</t>
  </si>
  <si>
    <t>N-(3-hexadecyloxy-2-hydroxyprop-1-yl)-N-(2-hydroxyethyl)palmitamide</t>
  </si>
  <si>
    <t>N,N'-1,4-phenylenebis(2-((2-methoxy-4-nitrophenyl)azo)-3-oxobutanamide</t>
  </si>
  <si>
    <t>1-[4-chloro-3-((2,2,3,3,3-pentafluoropropoxy)methyl)phenyl]-5-phenyl-1H-1,2,4-triazole-3-carboxamide</t>
  </si>
  <si>
    <t>2-[4-[(4-hydroxyphenyl)sulfonyl]phenoxy]-4,4-dimethyl-N-[5-[(methylsulfonyl)amino]-2-[4-(1,1,3,3-tetramethylbutyl)phenoxy]phenyl]-3-oxopentanamide</t>
  </si>
  <si>
    <t>(S)-N-tert-butyl-1,2,3,4-tetrahydro-3-isoquinolinecarboxamide</t>
  </si>
  <si>
    <t>(S,S)-trans-4-(acetylamino)-5,6-dihydro-6-methyl-7,7-dioxo-4H-thieno[2,3-b]thiopyran-2-sulfonamide</t>
  </si>
  <si>
    <t>methyl N-(2,6-dimethylphenyl)-N-(phenylacetyl)-DL-alaninate</t>
  </si>
  <si>
    <t>3-(3-chloro-p-tolyl)-1,1-dimethylurea</t>
  </si>
  <si>
    <t>ethyl (Z)-2-chloro-3-[2-chloro-5-(cyclohex-1-ene-1,2-dicarboximido)phenyl]acrylate</t>
  </si>
  <si>
    <t>N-(2,3-dichlor-4-hydroxyphenyl)-1-methylcyclohexancarboxamid</t>
  </si>
  <si>
    <t>dodecanamide, N,N'-(9,9',10,10'-tetrahydro-9,9',10,10'-tetraoxo(1,1'-bianthracene)-4,4'-diyl)bis-</t>
  </si>
  <si>
    <t>N-(3-acetyl-2-hydroxyphenyl)-4-(4-phenylbutoxy)benzamide</t>
  </si>
  <si>
    <t>N-(4-dimethylaminopyridinium)-3-methoxy-4-(1-methyl-5-nitroindol-3-ylmethyl)-N-(o-tolylsulfonyl)benzamidate</t>
  </si>
  <si>
    <t>N-[2-(3-acetyl-5-nitrothiophen-2-ylazo)-5-diethylaminophenyl]acetamide</t>
  </si>
  <si>
    <t>N-(2',6'-dimethylphenyl)-2-piperidinecarboxamide hydrochloride</t>
  </si>
  <si>
    <t>2-(1-butyl-3,5-dioxo-2-phenyl-(1,2,4)-triazolidin-4-yl)-4,4-dimethyl-3-oxo-N-(2-methoxy-5-(2-(dodecyl-1-sulfonyl))propionylamino)-phenyl)-pentanamide</t>
  </si>
  <si>
    <t>reaction mass of: N-(3-dimethylamino-4-methyl-phenyl)-benzamide;</t>
  </si>
  <si>
    <t>N-(3-dimethylamino-2-methyl-phenyl)-benzamide;</t>
  </si>
  <si>
    <t>N-(3-dimethylamino-3-methyl-phenyl)-benzamide</t>
  </si>
  <si>
    <t>2,4-dihydroxy-N-(2-methoxyphenyl)benzamide</t>
  </si>
  <si>
    <t>N-[3-[[4-(diethylamino)-2-methylphenyl]imino]-6-oxo-1,4-cyclohexadienyl]acetamide</t>
  </si>
  <si>
    <t>3-cyano-N-(1,1-dimethylethyl)androsta-3,5-diene-17-β-carboxamide</t>
  </si>
  <si>
    <t>410</t>
  </si>
  <si>
    <t>1-methyl-4-nitro-3-propyl-1H-pyrazole-5-carboxamide</t>
  </si>
  <si>
    <t>12-Hydroxy-N-[2-[1-oxydecyl)amino]ethyl]octadecanamide;</t>
  </si>
  <si>
    <t>N-(2-(1-allyl-4,5-dicyanoimidazol-2-ylazo)-5-(dipropylamino)phenyl)-acetamide</t>
  </si>
  <si>
    <t>N,N'-bis(2,2,6,6-tetramethyl-4-piperidyl)isophthalamide</t>
  </si>
  <si>
    <t>N-(3-(2-(4,4-dimethyl-2,5-dioxo-imidazolin-1-yl)-4,4-dimethyl-3-oxo-pentanoylamino)-4-methoxy-phenyl)-octadecanamide</t>
  </si>
  <si>
    <t>N-[4-(4-cyano-2-furfurylidene-2,5-dihydro-5-oxo-3-furyl)phenyl]butane-1-sulfonamide</t>
  </si>
  <si>
    <t>(3S,4aS,8aS)-2-[(2R,3S)-3-amino-2-hydroxy-4-phenylbutyl]-N-tert-butyldecahydroisoquinoline-3-carboxamide</t>
  </si>
  <si>
    <t>benzoic acid, N-tert-butyl-N'-(4-chlorobenzoyl)hydrazide</t>
  </si>
  <si>
    <t>(3S, 4aS, 8aS)-N-tert-butyldecahydro-3-isoquinolinecarboxamide</t>
  </si>
  <si>
    <t>(RS)-3,5-dichloro-N-(3-chloro-1-ethyl-1-methyl-2-oxopropyl)-p-toluamide</t>
  </si>
  <si>
    <t>N,N'-dihexadecyl-N,N'-bis(2-hydroxyethyl)propanediamide</t>
  </si>
  <si>
    <t>3,4-dichloro-N-[5-chloro-4-[2-[4-dodecyloxyphenylsulfonyl]butyramido]-2-hydroxyphenyl]benzamide</t>
  </si>
  <si>
    <t>N-(2-methoxy-5-octadecanoylaminophenyl)-2-(3-benzyl-2,5-dioxoimidazolidin-1-yl)-4,4-dimethyl-3-oxopentanoic acidamide</t>
  </si>
  <si>
    <t>1-methyl-4-(2-methyl-2H-tetrazol-5-yl)-1H-pyrazole-5-sulfonamide</t>
  </si>
  <si>
    <t>N-(2-amino-4,6-dichloropyrimidin-5-yl)formamide</t>
  </si>
  <si>
    <t>4-(4-fluorophenyl)-2-(2-methyl-1-oxopropyl)-4-oxo-3,N-diphenylbutanamide</t>
  </si>
  <si>
    <t>4-methyl-3-oxo-N-phenyl-2-(phenylmethylene)pentanamide</t>
  </si>
  <si>
    <t>3,4-dichloro-N-[5-chloro-4-[2-[4-(hexadecyloxy)phenylsulfonyl]butyramido]-2-hydroxyphenyl]benzamide</t>
  </si>
  <si>
    <t>N,N,N',N'-tetracyclohexyl-1,3-benzenedicarboxamide</t>
  </si>
  <si>
    <t>6-(2-chloro-6-cyano-4-nitrophenylazo)-4-methoxy-3-[N-(methoxycarbonylmethyl)-N-(1-methoxycarbonylethyl)amino]acetanilide</t>
  </si>
  <si>
    <t>3-amino-4-hydroxy-N-(3-isopropoxypropyl)benzenesulfonamide hydrochloride</t>
  </si>
  <si>
    <t>N-[4-cyano-3-trifluoromethylphenyl]methacrylamide</t>
  </si>
  <si>
    <t>4,4'-methylenebis[N-(4-chlorophenyl)-3-hydroxynaphthalene-2-carboxamide]</t>
  </si>
  <si>
    <t>(E)-2-(methoxyimino)-N-methyl-2-[α-(2,5-xylyloxy)-o-tolyl]acetamide</t>
  </si>
  <si>
    <t>(RS)-N-benzyl-2-(α, α, α, 4-tetrafluoro-m-tolyoxy)butyramide</t>
  </si>
  <si>
    <t>(2R)-2-amino-2-phenylacetamide</t>
  </si>
  <si>
    <t>N-(2,2,6,6-tetramethyl-1-oxylpiperidin-4-yl)acetamide;</t>
  </si>
  <si>
    <t>N-(5-(bis(2-methoxyethyl)amino)-2-((2-cyano-4,6-dinitrophenyl)-azo)phenyl)acetamide</t>
  </si>
  <si>
    <t>2-chloro-N-(4-methylphenyl)acetamide</t>
  </si>
  <si>
    <t>N'-(1,3-dimethylbutylidene)-3-hydroxy-2-naphthohydrazide</t>
  </si>
  <si>
    <t>N-dodecyl-4-methoxybenzamide</t>
  </si>
  <si>
    <t>3-methyl-N-(5,8,13,14-tetrahydro-5,8,14-trioxonaphth[2,3-c]acridin-6-yl)benzamide</t>
  </si>
  <si>
    <t>2-(5,5-dimethyl-2,4-dioxooxazolidin-3-yl)-4,4-dimethyl-3-oxo-N-(2-methoxy-5-octadecanoylaminophenyl)pentanoic acid amide</t>
  </si>
  <si>
    <t>N-[5-(bis-(2-methoxy-ethyl)-amino]-2-(6-bromo-2-methyl-1,3-dioxo-2,3-dihydro-1H-isoindol-5-ylazo)-phenyl]acetamide</t>
  </si>
  <si>
    <t>N-decyl-4-nitrobenzamide</t>
  </si>
  <si>
    <t>2-ethyl-N-methyl-N-(3-methylphenyl)butanamide</t>
  </si>
  <si>
    <t>2-[2-(3-butoxypropyl)-1,1-dioxo-1,2,4-benzothiadiazin-3-yl]-5'-tert-butyl-2-(5,5-dimethyl-2,4-dioxo-1,3-oxazolidin-3-yl)-2'-[(2-ethylhexyl)thio]acetanilide</t>
  </si>
  <si>
    <t>N-[2-(2-butyl-4,6-dicyano-1,3-dioxo-2,3-dihydro-1H-isoindol-5-ylazo)-5-diethylamino-phenyl]acetamide</t>
  </si>
  <si>
    <t>disodium salt of 1-hydroxy-4-(β-(4-(1-hydroxy-3,6-disulfo-8-acetylamino-2-naphthylazo)phenoxy)ethoxy)-N-dodecyl-2-naphthamide</t>
  </si>
  <si>
    <t>1,3-bis[12-hydroxy-octadecamide-N-methylene]-benzene</t>
  </si>
  <si>
    <t>reaction mass of: 2,2'-[(3,3'-dichloro[1,1'-biphenyl]-4,4'-diyl)bis(azo)]bis[N-(2,4-dimethylphenyl)]-3-oxo-butanamide;</t>
  </si>
  <si>
    <t>2-[[3,3'-dichloro-4'-[[1[[(2,4-dimethylphenyl)amino]carbonyl]-2-oxopropyl]azo][1,1'-biphenyl]-4-yl]azo]-N-(2-carboxylphenyl)-3-oxo-butanamide</t>
  </si>
  <si>
    <t>mandipropamid (ISO); 2-(4-chlorophenyl)-N-{2-[3-methoxy-4-(prop-2-yn-1-yloxy)phenyl]ethyl}-2-(prop-2-yn-1-yloxy)acetamide</t>
  </si>
  <si>
    <t>flonicamid (ISO); N-(cyanomethyl)-4-(trifluoromethyl)pyridine-3-carboxamide</t>
  </si>
  <si>
    <t>benzovindiflupyr (ISO); N-[9-(dichloromethylene)-1,2,3,4-tetrahydro-1,4-methanonaphthalen-5-yl]-3-(difluoromethyl)-1-methyl-1H-pyrazole-4-carboxamide</t>
  </si>
  <si>
    <t>fluopyram (ISO); N-{2-[3-chloro-5-(trifluoromethyl)pyridin-2-yl]ethyl}-2-(trifluoromethyl)benzamide</t>
  </si>
  <si>
    <t>di-tert-butyl peroxide</t>
  </si>
  <si>
    <t>tert-butyl α, α-dimethylbenzyl peroxide</t>
  </si>
  <si>
    <t>8-p-menthyl hydroperoxide;</t>
  </si>
  <si>
    <t>p-menthane hydroperoxide</t>
  </si>
  <si>
    <t>reaction mass of: 2,2'-bis(tert-pentylperoxy)-p-diisopropylbenzene;</t>
  </si>
  <si>
    <t>2,2'-bis(tert-pentylperoxy)-m-diisopropylbenzene</t>
  </si>
  <si>
    <t>tert-butyl hydroperoxide</t>
  </si>
  <si>
    <t>Aromatic hydrocarbons, C8-9, hydrocarbon resin polymn. by-product;</t>
  </si>
  <si>
    <t>Aromatic hydrocarbons, C9-12, benzene distn.;</t>
  </si>
  <si>
    <t>[A complex combination of hydrocarbons obtained by the treatment of lignite carbonization tar with bentonite for removal of trace constituents and impurities. It consists predominantly of saturated straight and branched chain hydrocarbons having carbon numbers predominantly greater than C12.]</t>
  </si>
  <si>
    <t>[The condensation product obtained by cooling, to approximately ambient temperature, the gas evolved in the high temperature (greater than 700 oC (1292 oF)) destructive distillation of coal. Composed primarily of a complex mixture of condensed ring aromatic hydrocarbons with a high solid content of coal-type materials.]</t>
  </si>
  <si>
    <t>[A complex combination of hydrocarbons obtained by the treatment of lignite carbonization tar with silicic acid for removal of trace constituents and impurities. It consists predominantly of saturated straight and branched chain hydrocarbons having carbon numbers predominantly greater than C12.]</t>
  </si>
  <si>
    <t>[The product obtained by air-blowing, at elevated temperature, low-temperature coal tar pitch. It has a softening-point within the approximate range of 70 oC to 180 oC (158 oF to 356 oF). Composed primarily of a complex mixture of hydrocarbons.]</t>
  </si>
  <si>
    <t>Aromatic hydrocarbons, C20-28, polycyclic, mixed coal-tar pitch-polyethylene pyrolysis-derived;</t>
  </si>
  <si>
    <t>Aromatic hydrocarbons, C20-28, polycyclic, mixed coal-tar pitch-polystyrene pyrolysis-derived;</t>
  </si>
  <si>
    <t>[A complex combination of organic compounds obtained from brown coal gasification. Composed primarily of C6-10 hydroxy aromatic phenols and their homologs.]</t>
  </si>
  <si>
    <t>Tar acids, brown-coal, C2-alkylphenol fraction;</t>
  </si>
  <si>
    <t>hydrocarbons C26-55, arom-rich</t>
  </si>
  <si>
    <t>[A complex combination of hydrocarbons obtained by treating catalytic cracked clarified oil with hydrogen to convert organic sulfur to hydrogen sulfide which is removed. It consists of hydrocarbons having carbon numbers predominantly greater than C20 and boiling above approximately 350 oC (662 oF). This stream is likely to contain 5 wt. % or more of 4-to 6-membered condensed ring aromatic hydrocarbons.]</t>
  </si>
  <si>
    <t>[A complex combination of hydrocarbons obtained by treating intermediate catalytic cracked distillates with hydrogen to convert organic sulfur to hydrogen sulfide which is removed. It consists of hydrocarbons having carbon numbers predominantly in the range of C11 through C30 and boiling in the range of approximately 205 oC to 450 oC (401 oF to 842 oF). It contains a relatively large proportion of tricyclic aromatic hydrocarbons.]</t>
  </si>
  <si>
    <t>[A complex combination of hydrocarbons produced as the residual fraction from the distillation of heavy coker gas oil and light vacuum gas oil. It consists predominantly of hydrocarbons having carbon numbers predominantly greater than C13 and boiling above approximately 230 oC (446 oF).]</t>
  </si>
  <si>
    <t>[A distillate oil having a minimum viscosity of 900 SUS at 37.7 oC (100 oF) to a maximum of 9000 SUS at 37.7 oC (100 oF).]</t>
  </si>
  <si>
    <t>[A complex residuum from the vacuum distillation of the residuum from atmospheric distillation of crude oil. It consists predominantly of hydrocarbons having carbon numbers predominantly greater than C24 and boiling above approximately 390 oC (734 oF).]</t>
  </si>
  <si>
    <t>[A complex combination of hydrocarbons obtained by the distillation of crude petroleum. It consists predominantly of aliphatic, aromatic and cycloaliphatic hydrocarbons having carbon numbers predominantly higher than C25 and boiling above approximately 400 oC (752 oF).]</t>
  </si>
  <si>
    <t>[A complex combination of hydrocarbons, sulfur compounds and metal-containing organic compounds obtained as the residue from refinery fractionation cracking processes. It produces a finished oil with a viscosity above 2cSt. at 100 oC.]</t>
  </si>
  <si>
    <t>[A complex combination of hydrocarbons obtained as a raffinate from a sulfuric acid treating process. It consists of hydrocarbons having carbon numbers predominantly in the range of C20 through C50 and produces a finished oil with a viscosity of at least 100 SUS at 100 oF (19cSt at 40 oC). It contains relatively few normal paraffins.]</t>
  </si>
  <si>
    <t>[A complex combination of hydrocarbons obtained as a raffinate from a sulfuric acid treating process. It consists of hydrocarbons having carbon numbers predominantly in the range of C15 through C30 and produces a finished oil with a viscosity of less than 100 SUS at 100 oF (19cSt at 40 oC). It contains relatively few normal paraffins.]</t>
  </si>
  <si>
    <t>[A complex combination of hydrocarbons produced by a treating process to remove acidic materials. It consists of hydrocarbons having carbon numbers predominantly in the range of C15 through C30 and produces a finished oil with a viscosity less than 100 SUS at 100 oF (19cSt at 40 oC).]</t>
  </si>
  <si>
    <t>[A complex combination of hydrocarbons produced by a treating process to remove acidic materials. It consists of hydrocarbons having carbon numbers predominantly in the range of C20 through C50 and produces a finished oil with a viscosity of at least 100 SUS at 100 oF (19cSt at 40 oC). It contains relatively few normal paraffins.]</t>
  </si>
  <si>
    <t>[A complex combination of hydrocarbons produced by a treating process to remove acidic materials. It consists of hydrocarbons having carbon numbers predominantly in the range of C15 through C30 and produces a finished oil with a viscosity of less than 100 SUS a 100 oF (19cSt at 40 oC). It contains relatively few normal paraffins.]</t>
  </si>
  <si>
    <t>[A complex combination of hydrocarbons obtained from fractionation of catalytic cracked hydrocarbons and treated to remove acidic impurities. It consists of hydrocarbons having carbon numbers in the range of C2 through C4, predominantly C3.]</t>
  </si>
  <si>
    <t>[A complex combination of hydrocarbons produced by the distillation of the products from a catalytic cracking process. It consists predominantly of aliphatic hydrocarbons having carbon numbers predominantly in the range of C1 through C6.]</t>
  </si>
  <si>
    <t>Gases (petroleum), catalytic cracker, C1-5-rich;</t>
  </si>
  <si>
    <t>Gases (petroleum), catalytic polymd. naphtha stabilizer overhead, C2-4-rich;</t>
  </si>
  <si>
    <t>[A complex combination of hydrocarbons obtained from the fractionation stabilization of catalytic polymerized naphtha. It consists of aliphatic hydrocarbons having carbon numbers in the range of C2 through C6, predominantly C2 through C4.]</t>
  </si>
  <si>
    <t>Gases (petroleum), catalytic reformer, C1-4-rich;</t>
  </si>
  <si>
    <t>[A complex combination of hydrocarbons produced by distillation of products from a catalytic reforming process. It consists of hydrocarbons having carbon numbers in the range of C1 through C6, predominantly C1 through C4.]</t>
  </si>
  <si>
    <t>[A complex combination of olefinic and paraffinic hydrocarbons having carbon numbers in the range of C3 through C5 which are used as alkylation feed. Ambient temperatures normally exceed the critical temperature of these combinations.]</t>
  </si>
  <si>
    <t>[A complex combination of hydrocarbons produced by distillation of products from a catalytic fractionation process. It consists of aliphatic hydrocarbons having carbon numbers in the range of C3 through C5, predominantly C4.]</t>
  </si>
  <si>
    <t>[A complex combination of hydrocarbons produced by distillation of products from the gas and gasoline fractions of a catalytic cracking process. It consists of aliphatic hydrocarbons having carbon numbers predominantly in the range of C2 through C4.]</t>
  </si>
  <si>
    <t>[A complex combination of hydrocarbons obtained by fractionation of miscellaneous hydrocarbon streams. It consists predominantly of hydrocarbons having carbon numbers in the range of C1 through C4, predominantly propane.]</t>
  </si>
  <si>
    <t>Gases (petroleum), isomerized naphtha fractionator, C4-rich, hydrogen sulfide-free;</t>
  </si>
  <si>
    <t>[A complex combination of hydrocarbons obtained from fractionation of catalytic cracked clarified oil and thermal cracked vacuum residue. It consists predominantly of hydrocarbons having carbon numbers predominantly in the range of C1 through C6.]</t>
  </si>
  <si>
    <t>[A complex combination of hydrocarbons obtained from the fractionation stabilization of straight-run naphtha, distillation tail gas and catalytic reformed naphtha stabilizer tail gas. It consists of hydrocarbons having carbon numbers in the range of C3 through C6, predominantly butane and isobutane.]</t>
  </si>
  <si>
    <t>[A complex combination of hydrocarbons obtained from the thermal cracking of vacuum residues. It consists of hydrocarbons having carbon numbers predominantly in the range of C1 through C5.]</t>
  </si>
  <si>
    <t>Hydrocarbons, C3-4-rich, petroleum distillate;</t>
  </si>
  <si>
    <t>[A complex combination of hydrocarbons produced by distillation and condensation of crude oil. It consists of hydrocarbons having carbon numbers in the range of C3 through C5, predominantly C3 through C4.]</t>
  </si>
  <si>
    <t>[A complex combination of hydrocarbons obtained by the stabilization of light straight-run naphtha. It consists of saturated aliphatic hydrocarbons having carbon numbers predominantly in the range of C2 through C6.]</t>
  </si>
  <si>
    <t>Residues (petroleum), alkylation splitter, C4-rich;</t>
  </si>
  <si>
    <t>Hydrocarbons, C1-4, debutanizer fraction;</t>
  </si>
  <si>
    <t>[A complex combination of hydrocarbons produced by the catalytic cracking of gas oil. It consists of hydrocarbons having carbon numbers predominantly in the range of C3 through C4.]</t>
  </si>
  <si>
    <t>Gases (petroleum), C2-4, sweetened;</t>
  </si>
  <si>
    <t>[A complex combination of hydrocarbons produced by the fractionation of crude oil. It consists of saturated aliphatic hydrocarbons having carbon numbers predominantly in the range of C1 through C5.]</t>
  </si>
  <si>
    <t>[A complex combination of hydrocarbons obtained by the fractionation of light straight-run gasoline. It consists of saturated aliphatic hydrocarbons having carbon numbers predominantly in the range of C1 through C5.]</t>
  </si>
  <si>
    <t>[A complex combination of hydrocarbons produced by a naphtha unifiner desulfurization process and stripped from the naphtha product. It consists of saturated aliphatic hydrocarbons having carbon numbers predominantly in the range of C1 through C4.]</t>
  </si>
  <si>
    <t>[A complex combination of hydrocarbons produced by the fractionation of the charge to the C3-C4 splitter. It consists predominantly of C3 hydrocarbons.]</t>
  </si>
  <si>
    <t>[A complex combination of hydrocarbons obtained from the fractionation of the liquid from the first tower used in the distillation of crude oil. It consists of saturated aliphatic hydrocarbons having carbon numbers predominantly in the range of C1 through C4.]</t>
  </si>
  <si>
    <t>[A complex combination of hydrocarbons obtained from fractionation of catalytic cracked naphtha. It consists of hydrocarbons having carbon numbers predominantly in the range of C1 through C4.]</t>
  </si>
  <si>
    <t>[A complex combination of hydrocarbons obtained from the fractionation stabilization of thermal cracked hydrocarbons from petroleum coking process. It consists of hydrocarbons having carbon numbers predominantly in the range of C1 through C6.]</t>
  </si>
  <si>
    <t>[A complex combination of hydrocarbons produced by the distillation of products from a thermal cracking process. It consists of hydrocarbons having a carbon number predominantly of C4.]</t>
  </si>
  <si>
    <t>Gases (petroleum), steam-cracker C3-rich;</t>
  </si>
  <si>
    <t>Hydrocarbons, C4, steam-cracker distillate;</t>
  </si>
  <si>
    <t>[A complex combination of hydrocarbons obtained by subjecting a liquified petroleum gas mix to a sweetening process to oxidize mercaptans or to remove acidic impurities. It consists predominantly of C4 saturated and unsaturated hydrocarbons.]</t>
  </si>
  <si>
    <t>[Off gases produced by the benzene unit. It consists primarily of hydrogen. Carbon monoxide and hydrocarbons having carbon numbers predominantly in the range of C1 through C6, including benzene, may also be present.]</t>
  </si>
  <si>
    <t>[A complex combination of hydrocarbons obtained by distillation of a blend oil. It consists primarily of hydrogen and nitrogen with various small amounts of carbon monoxide, carbon dioxide, and aliphatic hydrocarbons having carbon numbers predominantly in the range of C1 through C5.]</t>
  </si>
  <si>
    <t>Gases (petroleum), C6-8 catalytic reformer recycle;</t>
  </si>
  <si>
    <t>[A complex combination of hydrocarbons produced by distillation of products from catalytic reforming of C6-C8 feed and recycled to conserve hydrogen. It consists primarily of hydrogen. It may also contain various small amounts of carbon monoxide, carbon dioxide, nitrogen, and hydrocarbons having carbon numbers predominantly in the range of C1 through C6.]</t>
  </si>
  <si>
    <t>Gases (petroleum), C6-8 catalytic reformer;</t>
  </si>
  <si>
    <t>[A complex combination of hydrocarbons produced by distillation of products from catalytic reforming of C6-C8feed. It consists of hydrocarbons having carbon numbers in the range of C1 through C5 and hydrogen.]</t>
  </si>
  <si>
    <t>Gases (petroleum), C2-return stream;</t>
  </si>
  <si>
    <t>[A complex combination obtained by absorbing hydrogen from a hydrogen rich stream. It consists of hydrogen, carbon monoxide, nitrogen, and methane with small amounts of C2 hydrocarbons.]</t>
  </si>
  <si>
    <t>[A complex combination separated as a gas from hydrocarbon gases by chilling. It consists primarily of hydrogen with various small amounts of carbon monoxide, nitrogen, methane, and C2 hydrocarbons.]</t>
  </si>
  <si>
    <t>[A complex combination obtained from recycled hydrotreated blend oil. It consists primarily of hydrogen and nitrogen with various small amounts of carbon monoxide, carbon dioxide and hydrocarbons having carbon numbers predominantly in the range of C1 through C5.]</t>
  </si>
  <si>
    <t>[A complex combination obtained from recycled reactor gases. It consists primarily of hydrogen with various small amounts of carbon monoxide, carbon dioxide, nitrogen, hydrogen sulfide, and saturated aliphatic hydrocarbons having carbon numbers in the range of C1 through C5.]</t>
  </si>
  <si>
    <t>[A complex combination obtained from the reforming hydrotreating process. It consists primarily of hydrogen, methane, and ethane with various small amounts of hydrogen sulfide and aliphatic hydrocarbons having carbon numbers predominantly in the range of C3 through C5.]</t>
  </si>
  <si>
    <t>[A complex combination obtained from the reforming hydrotreating process. It consists primarily of hydrogen with various small amounts of carbon monoxide and aliphatic hydrocarbons having carbon numbers predominantly in the range of C1 through C5.]</t>
  </si>
  <si>
    <t>[A complex combination produced by distillation of products from a thermal cracking process. It consists of hydrogen, hydrogen sulfide, carbon monoxide, carbon dioxide and hydrocarbons having carbon numbers predominantly in the range of C1 through C6.]</t>
  </si>
  <si>
    <t>[A complex combination of hydrocarbons obtained from the catalytic reforming of straight run naphtha. It consists of hydrogen and hydrocarbons having carbon numbers predominantly in the range of C1 through C6.]</t>
  </si>
  <si>
    <t>[A complex combination of hydrocarbons obtained from the stabilization of catalytic reformed naphtha. It consists of hydrogen and hydrocarbons having carbon numbers predominantly in the range of C1 through C6.]</t>
  </si>
  <si>
    <t>[A complex combination produced by treating the feed from the benzene unit with hydrogen in the presence of a catalyst followed by depentanizing. It consists primarily of hydrogen, ethane and propane with various small amounts of nitrogen, carbon monoxide, carbon dioxide and hydrocarbons having carbon numbers predominantly in the range of C1 through C6. It may contain trace amounts of benzene.]</t>
  </si>
  <si>
    <t>[A complex combination obtained by the liquid-vapor separation of the hydrocracking process reactor effluent. It consists predominantly of hydrogen and saturated hydrocarbons having carbon numbers predominantly in the range of C1 through C3.]</t>
  </si>
  <si>
    <t>[A complex combination obtained from various petroleum refining operations. It consists of hydrogen and hydrocarbons having carbon numbers predominantly in the range of C1 through C3.]</t>
  </si>
  <si>
    <t>[A complex combination obtained from the chemical reforming of naphthenes to aromatics. It consists of hydrogen and saturated aliphatic hydrocarbons having carbon numbers predominantly in the range of C2 through C4.]</t>
  </si>
  <si>
    <t>[The complex combination obtained from the depentanizer stabilization of hydrotreated kerosine. It consists primarily of hydrogen, methane, ethane, and propane with various small amounts of nitrogen, hydrogen sulfide, carbon monoxide and hydrocarbons having carbon numbers predominantly in the range of C4 through C5.]</t>
  </si>
  <si>
    <t>[A complex combination produced by the fractionation of the overhead product of the fluidized catalytic cracking process. It consists of hydrogen, hydrogen sulfide, nitrogen, and hydrocarbons having carbon numbers predominantly in the range of C1 through C5.]</t>
  </si>
  <si>
    <t>[A complex combination stripped from the liquid product of the heavy distillate hydrotreater desulfurization process. It consists of hydrogen, hydrogen sulfide, and saturated aliphatic hydrocarbons having carbon numbers predominantly in the range of C1 through C5.]</t>
  </si>
  <si>
    <t>[A complex combination produced from the first tower used in the distillation of crude oil. It consists of nitrogen and saturated aliphatic hydrocarbons having carbon numbers predominantly in the range of C1 through C5.]</t>
  </si>
  <si>
    <t>[A complex combination obtained by the fractionation of reduced crude oil. It consists of hydrogen and hydrocarbons having carbon numbers predominantly in the range of C1 through C4.]</t>
  </si>
  <si>
    <t>[A complex combination obtained from the hydrodesulfurization of straight-run naphtha. It consists of hydrogen and hydrocarbons having carbon numbers predominantly in the range of C1 through C5.]</t>
  </si>
  <si>
    <t>[A complex combination produced by crude distillation and catalytic cracking processes. It consists of hydrogen, hydrogen sulfide, nitrogen, carbon monoxide and paraffinic and olefinic hydrocarbons having carbon numbers predominantly in the range of C1 through C6.]</t>
  </si>
  <si>
    <t>[A complex combination produced by desulfurization of gas oils with diethanolamine. It consists predominantly of hydrogen sulfide, hydrogen and aliphatic hydrocarbons having carbon numbers in the range of C1 through C5.]</t>
  </si>
  <si>
    <t>[A complex combination of gases obtained from the reformer and from the purges from the hydrogenation reactor. It consists predominantly of hydrogen and aliphatic hydrocarbons having carbon numbers predominantly in the range of C1 through C4.]</t>
  </si>
  <si>
    <t>[A complex combination obtained as a reaction mass of the non-condensable portions from the product of a naphtha steam cracking process as well as residual gases obtained during the preparation of subsequent products. It consists predominantly of hydrogen and paraffinic and olefinic hydrocarbons having carbon numbers predominantly in the range of C1 through C5 with which natural gas may also be mixed.]</t>
  </si>
  <si>
    <t>[A complex combination obtained from viscosity reduction of residues in a furnace. It consists predominantly of hydrogen sulfide and paraffinic and olefinic hydrocarbons having carbon numbers predominantly in the range of C1 through C5.]</t>
  </si>
  <si>
    <t>[A complex combination of hydrocarbons obtained by treatment of Foot's oil with sulfuric acid. It consists predominantly of branched-chain hydrocarbons with carbon numbers predominantly in the range of C20 through C50.]</t>
  </si>
  <si>
    <t>[A complex combination of hydrocarbons from the distillation of products from miscellaneous hydrocarbon streams. It consists of hydrocarbons having carbon numbers predominantly in the range of C1 through C4.]</t>
  </si>
  <si>
    <t>[A complex combination of hydrocarbons obtained from the distillation of the reaction products of propane with propylene. It consists of hydrocarbons having carbon numbers predominantly in the range of C1 through C4.]</t>
  </si>
  <si>
    <t>[A complex combination of hydrocarbons obtained from catalytic hydrodesulfurization of vacuum gas oil and from which hydrogen sulfide has been removed by amine treatment. It consists predominantly of hydrocarbons having carbon numbers predominantly in the range of C1 through C6.]</t>
  </si>
  <si>
    <t>Alkanes, C3-4;</t>
  </si>
  <si>
    <t>[A complex combination of hydrocarbons from the distillation of saturated and unsaturated hydrocarbons usually ranging in carbon numbers from C3 through C6, predominantly butane and isobutane. It consists of saturated and unsaturated hydrocarbons having carbon numbers in the range of C3 through C4, predominantly isobutane.]</t>
  </si>
  <si>
    <t>Distillates (petroleum), C3-6, piperylene-rich;</t>
  </si>
  <si>
    <t>[A complex combination of hydrocarbons obtained from the distillation of the butane stream. It consists of aliphatic hydrocarbons having carbon numbers predominantly in the range of C3 through C4.]</t>
  </si>
  <si>
    <t>Gases (petroleum), catalytic-cracked gas oil depropanizer bottoms, C4-rich acid-free;</t>
  </si>
  <si>
    <t>Gases (petroleum), catalytic-cracked naphtha debutanizer bottoms, C3-5-rich;</t>
  </si>
  <si>
    <t>[A complex combination of hydrocarbons obtained from the stabilization of catalytic cracked naphtha. It consists of aliphatic hydrocarbons having carbon numbers predominantly in the range of C3 through C5.]</t>
  </si>
  <si>
    <t>[A complex combination of hydrocarbons obtained by the treatment of Foots oil with activated carbon for the removal of trace constituents and impurities. It consists predominantly of saturated straight chain hydrocarbons having carbon numbers predominantly greater than C12.]</t>
  </si>
  <si>
    <t>[A complex combination of hydrocarbons obtained as a raffinate from a sulfuric acid treating process. It consists of hydrocarbons having carbon numbers predominantly in the range of C11 through C20 and boiling in the range of approximately 205 oC to 345 oC (401 oF to 653 oF).]</t>
  </si>
  <si>
    <t>[A distillate oil having a minimum viscosity of 32,6 SUS at 37,7 oC (100 oF).]</t>
  </si>
  <si>
    <t>[A complex combination of hydrocarbons obtained by the subjection of a petroleum fraction to several of the following steps: filtration, centrifugation, atmospheric distillation, vacuum distillation, acidification, neutralization and clay treatment. It consists predominantly of hydrocarbons having carbon numbers predominantly in the range of C10 through C20.]</t>
  </si>
  <si>
    <t>Hydrocarbons, C16-20, hydrotreated middle distillate, distn. lights;</t>
  </si>
  <si>
    <t>Hydrocarbons, C12-20, hydrotreated paraffinic, distn. lights;</t>
  </si>
  <si>
    <t>Hydrocarbons, C11-17, solvent-extd. light naphthenic;</t>
  </si>
  <si>
    <t>Alkanes, C12-26-branched and linear</t>
  </si>
  <si>
    <t>[A complex combination of hydrocarbons obtained from a petroleum fraction by solvent crystallization (solvent dewaxing) or as a distillation fraction from a very waxy crude. It consists predominantly of saturated straight and branched chain hydrocarbons having carbon numbers predominantly greater than C20.]</t>
  </si>
  <si>
    <t>[A complex combination of hydrocarbons obtained as a raffinate by treatment of a petroleum slack wax fraction with sulfuric acid treating process. It consists predominantly of saturated straight and branched chain hydrocarbons having carbon numbers predominantly greater than C20.]</t>
  </si>
  <si>
    <t>[A complex combination of hydrocarbons obtained from a petroleum fraction by solvent deparaffination. It consists predominantly of saturated straight and branched chain hydrocarbons having carbon numbers predominantly greater than C12.]</t>
  </si>
  <si>
    <t>[A complex combination of hydrocarbons obtained by the treatment of low-melting slack wax with activated carbon for the removal of trace polar constituents and impurities. It consists predominantly of saturated straight and branched chain hydrocarbons having carbon numbers predominantly greater than C12.]</t>
  </si>
  <si>
    <t>[A complex combination of hydrocarbons obtained as a semi-solid from dewaxing paraffinic residual oil. It consists predominantly of saturated crystalline and liquid hydrocarbons having carbon numbers predominantly greater than C25.]</t>
  </si>
  <si>
    <t>[A complex combination of hydrocarbons obtained as a semi-solid from dewaxed paraffinic residual oil treated with hydrogen in the presence of a catalyst. It consists predominantly of saturated microcrystalline and liquid hydrocarbons having carbon numbers predominantly greater than C20.]</t>
  </si>
  <si>
    <t>[A complex combination of hydrocarbons obtained by the treatment of petroleum petrolatum with silicic acid for the removal of trace polar constituents and impurities. It consists predominantly of saturated hydrocarbons having carbon numbers predominantly greater than C20.]</t>
  </si>
  <si>
    <t>[A complex combination of hydrocarbons obtained from catalytic isomerization of straight chain paraffinic C4 through C6 hydrocarbons. It consists predominantly of saturated hydrocarbons such as isobutane, isopentane, 2,2-dimethylbutane, 2-methylpentane, and 3-methylpentane.]</t>
  </si>
  <si>
    <t>[A complex combination of hydrocarbons obtained as the raffinate from the UDEX extraction process on the catalytic reformer stream. It consists of saturated hydrocarbons having carbon numbers predominantly in the range of C6 through C9.]</t>
  </si>
  <si>
    <t>[The complex combination of hydrocarbons obtained as a raffinate from a Lurgi separation unit. It consists predominantly of non-aromatic hydrocarbons with various small amounts of aromatic hydrocarbons having carbon numbers predominantly in the range of C6 through C8.]</t>
  </si>
  <si>
    <t>Hydrocarbons, C6-7, naphtha-cracking, solvent-refined;</t>
  </si>
  <si>
    <t>Hydrocarbons, C6-rich, hydrotreated light naphtha distillates, solvent-refined;</t>
  </si>
  <si>
    <t>Hydrocarbons, C3-11, catalytic cracker distillates;</t>
  </si>
  <si>
    <t>[A complex combination of hydrocarbons produced by the distillation of products from a catalytic cracking process. It consists of hydrocarbons having carbon numbers predominantly in the range of C1 through C5.]</t>
  </si>
  <si>
    <t>Hydrocarbons, C8-12, catalytic-cracking, chem. neutralized;</t>
  </si>
  <si>
    <t>Hydrocarbons, C8-12, catalytic cracker distillates;</t>
  </si>
  <si>
    <t>Hydrocarbons, C2-6, C6-8 catalytic reformer;</t>
  </si>
  <si>
    <t>Residues (petroleum), C6-8 catalytic reformer;</t>
  </si>
  <si>
    <t>[A complex combination of hydrocarbons obtained by the catalytic reforming of straight-run naphtha followed by the fractionation of the total effluent. It consists of saturated aliphatic hydrocarbons having carbon numbers predominantly in the range of C2 through C6.]</t>
  </si>
  <si>
    <t>Aromatic hydrocarbons, C8, catalytic reforming-derived;</t>
  </si>
  <si>
    <t>Aromatic hydrocarbons, C7-12, C8-rich;</t>
  </si>
  <si>
    <t>Gasoline, C5-11, high-octane stabilised reformed;</t>
  </si>
  <si>
    <t>Hydrocarbons, C5-11, nonaroms.-rich, reforming light fraction;</t>
  </si>
  <si>
    <t>[A complex combination of hydrocarbons obtained by the treatment of Foots oil with silicic acid for removal of trace constituents and impurities. It consists predominantly of straight chain hydrocarbons having carbon numbers predominantly greater than C12.]</t>
  </si>
  <si>
    <t>[The complex combination of hydrocarbons from the distillation of the products from the thermal cracking of ethane and propane. This higher boiling fraction consists predominantly of C5-7 aromatic hydrocarbons with some unsaturated aliphatic hydrocarbons having carbon number predominantly of C5. This stream may contain benzene.]</t>
  </si>
  <si>
    <t>Distillates (petroleum), thermal cracked naphtha and gas oil, C5-dimer-contg.;</t>
  </si>
  <si>
    <t>Hydrocarbons, C4-12, naphtha-cracking, hydrotreated;</t>
  </si>
  <si>
    <t>Hydrocarbons, C6-11, hydrotreated, dearomatized;</t>
  </si>
  <si>
    <t>Hydrocarbons, C9-12, hydrotreated, dearomatized;</t>
  </si>
  <si>
    <t>[A complex combination of hydrocarbons separated as a liquid from natural gas in a surface separator by retrograde condensation. It consists mainly of hydrocarbons having carbon numbers predominantly in the range of C2 to C20. It is a liquid at atmospheric temperature and pressure.]</t>
  </si>
  <si>
    <t>[A complex combination of hydrocarbons separated as a liquid from natural gas in a gas recycling plant by processes such as refrigeration or absorption. It consists mainly of saturated aliphatic hydrocarbons having carbon numbers in the range of C2 through C8.]</t>
  </si>
  <si>
    <t>Aromatic hydrocarbons, C6-10, acid-treated, neutralized;</t>
  </si>
  <si>
    <t>Distillates (petroleum), C3-5, 2-methyl-2-butene-rich;</t>
  </si>
  <si>
    <t>Distillates (petroleum), steam-cracked, C5-12 fraction;</t>
  </si>
  <si>
    <t>[A complex residuum from the atmospheric distillation of the butane-butylene stream. It consists of aliphatic hydrocarbons having carbon numbers predominantly in the range of C4 through C6.]</t>
  </si>
  <si>
    <t>[A complex combination of hydrocarbons obtained from the fractionation of depropanizer bottoms. It consists of hydrocarbons having carbon numbers predominantly greater than C5.]</t>
  </si>
  <si>
    <t>[A complex combination of hydrocarbons separated and/or condensed from natural gas during transportation and collected at the wellhead and/or from the production, gathering, transmission, and distribution pipelines in deeps, scrubbers, etc. It consists predominantly of hydrocarbons having carbon numbers predominantly in the range of C2 through C8.]</t>
  </si>
  <si>
    <t>[A complex combination of hydrocarbons produced by stripping the products from the naphtha unifiner. It consists of saturated aliphatic hydrocarbons having carbon numbers predominantly in the range of C2 through C6.]</t>
  </si>
  <si>
    <t>Aromatic hydrocarbons, C7-8, dealkylation products, distn. residues;</t>
  </si>
  <si>
    <t>Distillates (petroleum), heat-soaked steam-cracked naphtha, C5-rich;</t>
  </si>
  <si>
    <t>Naphtha (petroleum), light, C5-rich, sweetened;</t>
  </si>
  <si>
    <t>Hydrocarbons, C8-11, naphtha-cracking, toluene cut;</t>
  </si>
  <si>
    <t>Hydrocarbons, C4-11, naphtha-cracking, arom.-free;</t>
  </si>
  <si>
    <t>Distillates (petroleum), steam-cracked, C8-12 fraction, polymd., distn. lights;</t>
  </si>
  <si>
    <t>[A complex combination of hydrocarbons obtained by distillation of the polymerized C8 through C12 fraction from steam-cracked petroleum distillates. It consists predominantly of aromatic hydrocarbons having carbon numbers predominantly in the range of C8 through C12.]</t>
  </si>
  <si>
    <t>Distillates (petroleum), C7-9, C8-rich, hydrodesulfurized dearomatized;</t>
  </si>
  <si>
    <t>Hydrocarbons, C6-8, hydrogenated sorption-dearomatized, toluene raffination;</t>
  </si>
  <si>
    <t>Hydrocarbons, C3-6, C5-rich, steam-cracked naphtha;</t>
  </si>
  <si>
    <t>[A complex combination of hydrocarbons obtained by distillation of steam-cracked naphtha. It consists predominantly of hydrocarbons having carbon numbers in the range of C3 through C6, predominantly C5.]</t>
  </si>
  <si>
    <t>Hydrocarbons, C5-rich, dicyclopentadiene-contg.;</t>
  </si>
  <si>
    <t>Hydrocarbons, C5-rich;</t>
  </si>
  <si>
    <t>[A complex combination of hydrocarbons obtained from the distillation of crude oil or natural gasoline. It consists predominantly of saturated hydrocarbons having carbon numbers predominantly in the range of C11 through C16 and boiling in the range of approximately 190 oC to 290 oC (374 oF to 554 oF).]</t>
  </si>
  <si>
    <t>[A complex combination of hydrocarbons obtained as a wide cut hydrocarbon fuel cut from atmospheric distillation and boiling in the range of approximately 70 oC to 220 oC (158 oF to 428 oF).]</t>
  </si>
  <si>
    <t>[A complex combination of hydrocarbons obtained by the distillation of the products from a steam cracking process. It consists predominantly of unsaturated hydrocarbons having carbon numbers predominantly in the range of C7 through C16 and boiling in the range of approximately 90 oC to 290 oC (190 oF to 554 oF).]</t>
  </si>
  <si>
    <t>Distillates (petroleum), cracked stripped steam-cracked petroleum distillates, C8-10 fraction;</t>
  </si>
  <si>
    <t>Distillates (petroleum), cracked stripped steam-cracked petroleum distillates, C10-12 fraction;</t>
  </si>
  <si>
    <t>[A complex combination of hydrocarbons obtained by distilling cracked stripped steam-cracked distillates. It consists predominantly of aromatic hydrocarbons having carbon numbers in the range of C10 through C12.]</t>
  </si>
  <si>
    <t>Distillates (petroleum), steam-cracked, C8-12 fraction;</t>
  </si>
  <si>
    <t>[A complex combination of organic compounds obtained by the distillation of products from a steam cracking process. It consists predominantly of unsaturated hydrocarbons having carbon numbers predominantly in the range of C8 through C12.]</t>
  </si>
  <si>
    <t>[A complex combination of hydrocarbons produced by the distillation of the products from a steam cracking process treated with hydrogen in the presence of a catalyst. It consists predominantly of aromatic hydrocarbons having carbon numbers predominantly greater than C10 and boiling in the range of approximately 150 oC to 320 oC (302 oF to 608 oF).]</t>
  </si>
  <si>
    <t>[A complex combination of hydrocarbons obtained by the distillation of hydrocracked petroleum distillate. It consists predominantly of hydrocarbons having carbon numbers predominantly in the range of C9 through C16 and boiling in the range of approximately 235 oC to 290 oC (455 oF to 554 oF).]</t>
  </si>
  <si>
    <t>[A complex combination of hydrocarbons obtained by distillation of steam cracking heavy tars. It consists predominantly of highly alkylated aromatic hydrocarbons boiling in the range of approximately 100 oC to 250 oC (212 oF to 482 oF).]</t>
  </si>
  <si>
    <t>[A complex combination of hydrocarbons produced by a treating process to remove acidic materials. It consists of hydrocarbons having carbon numbers predominantly in the range of C9 through C16 and boiling in the range of approximately 150 oC to 290 oC (302 oF to 554 oF).]</t>
  </si>
  <si>
    <t>[A complex combination of hydrocarbons obtained from a petroleum stock by treating with hydrogen to convert organic sulfur to hydrogen sulfide which is removed. It consists of hydrocarbons having carbon numbers predominantly in the range of C9 through C16 and boiling in the range of approximately 150 oC to 290 oC (302 oF to 554 oF).]</t>
  </si>
  <si>
    <t>[A complex combination of hydrocarbons obtained from distillation of aromatic streams. It consists predominantly of aromatic hydrocarbons having carbon numbers predominantly in the range of C9 through C16 and boiling in the range of approximately 165 oC to 290 oC (330 oF to 554 oF).]</t>
  </si>
  <si>
    <t>[A complex combination of hydrocarbons obtained by subjecting a petroleum distillate to a sweetening process to convert mercaptans or to remove acidic impurities. It consists predominantly of hydrocarbons having carbon numbers predominantly in the range of C9 through C16 and boiling in the range of 130 oC to 290 oC (266 oF to 554 oF).]</t>
  </si>
  <si>
    <t>[A complex combination of hydrocarbons obtained from a petroleum stock by solvent refining and sweetening and boiling in the range of approximately 150 oC to 260 oC (302 oF to 500 oF).]</t>
  </si>
  <si>
    <t>Hydrocarbons, C9-16, hydrotreated, dearomatized;</t>
  </si>
  <si>
    <t>[A complex combination of hydrocarbons obtained from the distillation of petroleum and subsequent hydrotreatment. It consists predominantly of alkanes, cycloalkanes and alkylbenzenes having carbon numbers predominantly in the range of C12 through C16 and boiling in the range of approximately 230 oC to 270 oC (446 oF to 518 oF).]</t>
  </si>
  <si>
    <t>[A complex combination of hydrocarbons produced by the distillation of products from a catalytic cracking process. It consists of hydrocarbons having carbon numbers predominantly in the range of C9 through C25 and boiling in the range of approximately 150 oC to 400 oC (302 oF to 752 oF). It contains a relatively large proportion of bicyclic aromatic hydrocarbons.]</t>
  </si>
  <si>
    <t>[A complex combination of hydrocarbons produced by the distillation of products from a catalytic cracking process. It consists of hydrocarbons having carbon numbers predominantly in the range of C11 through C30 and boiling in the range of approximately 205 oC to 450 oC (401 oF to 842 oF). It contains a relatively large proportion of tricyclic aromatic hydrocarbons.]</t>
  </si>
  <si>
    <t>[A complex combination of hydrocarbons obtained by treating light catalytic cracked distillates with hydrogen to convert organic sulfur to hydrogen sulfide which is removed. It consists of hydrocarbons having carbon numbers predominantly in the range of C9 through C25 and boiling in the range of approximately 150 oC to 400 oC (302 oF to 752 oF). It contains a relatively large proportion of bicyclic aromatic hydrocarbons.]</t>
  </si>
  <si>
    <t>[A complex combination of hydrocarbons from the multiple distillation of products from a steam cracking process. It consists of hydrocarbons having carbon numbers predominantly in the range of C10 through C18.]</t>
  </si>
  <si>
    <t>[A complex combination of hydrocarbons produced by distilling cracked steam cracked distillate and/or its fractionation products. It consists of hydrocarbons having carbon numbers predominently in the range of C10 to low molecular weight polymers.]</t>
  </si>
  <si>
    <t>[A complex combination of hydrocarbons produced by distillation of the products from a steam cracking process. It consists of hydrocarbons having carbon numbers predominantly greater than C9 and boiling in the range of from approximately 205 oC to 400 oC (400 oF to 752 oF).]</t>
  </si>
  <si>
    <t>[A complex combination of hydrocarbons obtained as a column bottom from the separation of effluents from steam cracking naphtha at a high temperature. It boils in the range of approximately 147 oC to 300 oC (297 oF to 572 oF) and produces a finished oil having a viscosity of 18cSt at 50 oC.]</t>
  </si>
  <si>
    <t>[A complex combination of hydrocarbons obtained as residue from the distillation of steam cracked heat soaked naphtha and boiling in the range of approximately 150 oC to 350 oC (302 oF to 662 oF).]</t>
  </si>
  <si>
    <t>Hydrocarbons, C16-20, solvent-dewaxed hydrocracked paraffinic distn. residue;</t>
  </si>
  <si>
    <t>[A complex combination of hydrocarbons obtained by solvent dewaxing of a distillation residue from a hydrocracked paraffinic distillate. It consists predominantly of hydrocarbons having carbon numbers predominantly in the range of C16 through C20 and boiling in the range of approximately 360 oC to 500 oC (680 oF to 932 oF). It produces a finished oil having a viscosity of 4,5 cSt at approximately 100 oC (212 oF).]</t>
  </si>
  <si>
    <t>[A complex combination of hydrocarbons obtained by catalytic dehydrosulfurization of thermal-cracked light vacuum petroleum. It consists predominantly of hydrocarbons having carbon numbers predominantly in the range of C14 through C20 and boiling in the range of approximately 270 oC to 370 oC (518 oF to 698 oF).]</t>
  </si>
  <si>
    <t>[A complex combination of hydrocarbons obtained by distillation of steam cracking heavy residues. It consists predominantly of highly alkylated heavy aromatic hydrocarbons boiling in the range of approximately 250 oC to 400 oC (482 oF to 752 oF).]</t>
  </si>
  <si>
    <t>[A complex combination of hydrocarbons from the distillation of the products from a hydrocracking process. It consists predominantly of saturated hydrocarbons having carbon numbers in the range of C15-C39 and boiling in the range of approximately 260 oC to 600 oC (500 oF to 1112 oF).]</t>
  </si>
  <si>
    <t>[A complex combination of hydrocarbons obtained as the solvent soluble fraction from C3-C4 solvent deasphalting of a residuum. It consists of hydrocarbons having carbon numbers predominantly higher than C25 and boiling above approximately 400 oC (752 oF).]</t>
  </si>
  <si>
    <t>[A complex combination of hydrocarbons obtained as the raffinate from a solvent extraction process. It consists of hydrocarbons having carbon numbers predominantly in the range of C20 through C50 and produces a finished oil with a viscosity of at least 100 SUS at 100 oF (19cSt a 40 oC). It contains relatively few normal paraffins.]</t>
  </si>
  <si>
    <t>[A complex combination of hydrocarbons obtained as the raffinate from a solvent extraction process. It consists of hydrocarbons having carbon numbers predominantly in the range of C15 through C30 and produces a finished oil with a viscosity of less than 100 SUS at 100 oF (19cSt at 40 oC). It contains relatively few normal paraffins.]</t>
  </si>
  <si>
    <t>[A complex combination of hydrocarbons resulting from treatment of a petroleum fraction with natural or modified clay in either a contacting or percolation process to remove the trace amounts of polar compounds and impurities present. It consists of hydrocarbons having carbon numbers predominantly in the range of C20 through C50 and produces a finished oil with a viscosity of at least 100 SUS at 100 oF (19cSt at 40 oC). It contains a relatively large proportion of saturated hydrocarbons.]</t>
  </si>
  <si>
    <t>[A complex combination of hydrocarbons resulting from treatment of a petroleum fraction with natural or modified clay in either a contacting or percolation process to remove the trace amounts of polar compounds and impurities present. It consists of hydrocarbons having carbon numbers predominantly in the range of C15 through C30 and produces a finished oil with a viscosity of less than 100 SUS at 100 oF (19cSt at 40 oC). It contains a relatively large proportion of saturated hydrocarbons.]</t>
  </si>
  <si>
    <t>[A complex comination of hydrocarbons obtained by removal of normal paraffins from a petroleum fraction by solvent crystallization. It consists predominantly of hydrocarbons having carbon numbers predominantly in the range of C15 through C30 and produces a finished oil with a viscosity of less than 100 SUS at 100 oF (19cSt at 40 oC).]</t>
  </si>
  <si>
    <t>[A complex combination of hydrocarbons obtained by treating a petroleum fraction with hydrogen in the presence of a catalyst. It consists of hydrocarbons having carbon numbers predominantly greater than C25 and boiling above approximately 400 oC (752 oF).]</t>
  </si>
  <si>
    <t>[A complex combination of hydrocarbons obtained by removal of normal paraffins from a petroleum fraction by solvent crystallization. It consists of hydrocarbons having carbon numbers predominantly in the range C15 through C30 and produces a finished oil with a viscosity of less than 100 SUS at 100 oF (19cSt at 40 oC). It contains relatively few normal paraffins.]</t>
  </si>
  <si>
    <t>[A complex combination of hydrocarbons obtained by removal of normal paraffins from a petroleum fraction by solvent crystallization. It consists predominantly of hydrocarbons having carbon numbers predominantly in the range of C20 through C50 and produces a finished oil with a viscosity not less than 100 SUS at 100 oF (19cSt at 40 oC).]</t>
  </si>
  <si>
    <t>[A complex combination of hydrocarbons obtained from a catalytic dewaxing process. It consists predominantly of hydrocarbons having carbon numbers predominantly in the range of C20 through C50 and produces a finished oil with a viscosity of at least 100 SUS at 100 oF (19cSt at 40 oC). It contains relatively few normal paraffins.]</t>
  </si>
  <si>
    <t>[A complex combination of hydrocarbons obtained from a catalytic dewaxing process. It consists of hydrocarbons having carbon numbers predominantly in the range of C15 through C30 and produces a finished oil with a viscosity less than 100 SUS at 100 oF (19cSt at 40 oC). It contains relatively few normal paraffins.]</t>
  </si>
  <si>
    <t>[A complex combination of hydrocarbons obtained from a catalytic dewaxing process. It consists predominantly of hydrocarbons having carbon numbers predominantly in the range of C20 through C50 and produces a finished oil with a viscosity of at least 100 SUS at 100 oF (19cSt at 40 oC).]</t>
  </si>
  <si>
    <t>[A complex combination of hydrocarbons obtained from a catalytic dewxing process. It consists predominantly of hydrocarbons having carbon numbers predominantly in the range of C15 through C30 and produces a finished oil with a viscosity of less than 100 SUS at 100 oF (19cSt at 40 oC).]</t>
  </si>
  <si>
    <t>[A complex combination of hydrocarbons obtained from a catalytic dewaxing process. It consists of hydrocarbons having carbon numbers predominantly in the range of C15 through C30 and produces a finished oil having a viscosity less than 100 SUS at 100 oF (19cSt at 40 oC). It contains relatively few normal paraffins.]</t>
  </si>
  <si>
    <t>Lubricating oils (petroleum), C20-50, hydrotreated neutral oil-based, high-viscosity;</t>
  </si>
  <si>
    <t>Lubricating oils (petroleum), C15-30, hydrotreated neutral oil-based;</t>
  </si>
  <si>
    <t>[A complex combination of hydrocarbons obtained by treating light vacuum gas oil and heavy vacuum gas oil with hydrogen in the presence of a catalyst in a two stage process with dewaxing being carried out between the two stages. It consists predominantly of hydrocarbons having carbon numbers predominantly in the range of C15 through C30 and produces a finished oil having a viscosity of approximately 15cSt at 40 oC. It contains a relatively large proportion of saturated hydrocabons.]</t>
  </si>
  <si>
    <t>Lubricating oils (petroleum), C20-50, hydrotreated neutral oil-based;</t>
  </si>
  <si>
    <t>[A complex combination of hydrocarbons obtained from solvent extraction and dewaxing processes. It consists predominantly of saturated hydrocarbons having carbon numbers in the range C15 through C50.]</t>
  </si>
  <si>
    <t>[A complex combination of hydrocarbons obtained by dewaxing heavy paraffinic distillate. It consists predominantly of hydrocarbons having carbon numbers predominantly in the range of C20 through C50 and produces a finished oil with a viscosity of equal to or greater than 100 SUS at 100 oF (19cSt at 40 oC). It contains relatively few normal paraffins.]</t>
  </si>
  <si>
    <t>[A complex combination of hydrocarbons obtained by dewaxing light paraffinic distillate. It consists predominantly of hydrocarbons having carbon numbers predominantly in the range of C12 through C30 and produces a finished oil with a viscosity of less than 100 SUS at 100 oF (19cSt at 40 oC). It contains relatively few normal paraffins.]</t>
  </si>
  <si>
    <t>[A complex combination of hydrocarbons obtained by treating dewaxed heavy paraffinic distillate with neutral or modified clay in either a contacting or percolation process. It consists predominantly of hydrocarbons having carbon numbers predominantly in the range of C20 through C50.]</t>
  </si>
  <si>
    <t>Hydrocarbons, C20-50, solvent dewaxed heavy paraffinic, hydrotreated;</t>
  </si>
  <si>
    <t>[A complex combination of hydrocarbons produced by treating dewaxed heavy paraffinic distillate with hydrogen in the presence of a catalyst. It consists predominantly of hydrocarbons having carbon numbers predominantly in the range of C20 through C50.]</t>
  </si>
  <si>
    <t>[A complex combination of hydrocarbons resulting from treatment of dewaxed light paraffinic distillate with natural or modified clay in either a contacting or percolation process. It consists predominantly of hydrocarbons having carbon numbers predominantly in the range of C15 through C30.]</t>
  </si>
  <si>
    <t>[A complex combination of hydrocarbons obtained from an intensive treatment of dewaxed distillate by hydrogenation in the presence of a catalyst. It consists predominantly of saturated hydrocarbons having carbon numbers predominantly in the range of C25 through C39 and produces a finished oil with a viscosity of approximately 44 cSt at 50 oC.]</t>
  </si>
  <si>
    <t>[A complex combination of hydrocarbons obtained from an intensive treatment of dewaxed distillate by hydrogenation in the presence of a catalyst. It consists predominantly of saturated hydrocarbons having carbon numbers predominantly in the range of C21 through C29 and produces a finished oil with a viscosity of approximately 13 cSt at 50 oC.]</t>
  </si>
  <si>
    <t>Lubricating oils (petroleum), C17-35, solvent-extd., dewaxed, hydrotreated;</t>
  </si>
  <si>
    <t>[A complex combination of hydrocarbons obtained from sulfur-containing paraffinic crude oil. It consists predominantly of a solvent refined deparaffinated lubricating oil with a viscosity of 65cSt at 50 oC.]</t>
  </si>
  <si>
    <t>[A complex combination of hydrocarbons obtained by refining of crude oil. It consists predominantly of aromatics, naphthenics and paraffinics and produces a finished oil with a viscosity of 120 SUS at 100 oF (23cSt at 40 oC).]</t>
  </si>
  <si>
    <t>Hydrocarbons, C20-50, residual oil hydrogenation vacuum distillate;</t>
  </si>
  <si>
    <t>Lubricating oils (petroleum), C18-40, solvent-dewaxed hydrocracked distillate-based;</t>
  </si>
  <si>
    <t>Lubricating oils (petroleum), C18-40, solvent-dewaxed hydrogenated raffinate-based;</t>
  </si>
  <si>
    <t>[A complex combination of hydrocarbons obtained by solvent deparaffination of the hydrogenated raffinate obtained by solvent extraction of a hydrotreated petroleum distillate. It consists predominantly of hydrocarbons having carbon numbers predominantly in the range of C18 through C40 and boiling in the range of approximately 370 oC to 550 oC (698 oF to 1022 oF).]</t>
  </si>
  <si>
    <t>Hydrocarbons, C13-30, arom.-rich, solvent-extd. naphthenic distillate;</t>
  </si>
  <si>
    <t>Hydrocarbons, C16-32, arom. rich, solvent-extd. naphthenic distillate;</t>
  </si>
  <si>
    <t>Hydrocarbons, C37-68, dewaxed deasphalted hydrotreated vacuum distn. residues;</t>
  </si>
  <si>
    <t>Hydrocarbons, C37-65, hydrotreated deasphalted vacuum distn. residues;</t>
  </si>
  <si>
    <t>Lubricating oils (petroleum), C18-27, hydrocracked solvent-dewaxed;</t>
  </si>
  <si>
    <t>Hydrocarbons, C17-40, hydrotreated solvent-deasphalted distn. residue, vacuum distn. lights;</t>
  </si>
  <si>
    <t>[A complex combination of hydrocarbons obtained as first runnings from the vacuum distillation of effluents from the catalytic hydrotreatment of a solvent deasphalted short residue having a viscosity of 8cSt at approximately 100 oC (212 oF). It consists predominantly of hydrocarbons having carbon numbers predominantly in the range of C17 through C40 and boiling in the range of approximately 300 oC to 500 oC (592 oF to 932 oF).]</t>
  </si>
  <si>
    <t>Hydrocarbons, C13-27, solvent-extd. light naphthenic;</t>
  </si>
  <si>
    <t>[A complex combination of hydrocarbons obtained by extraction of the aromatics from a light naphthenic distillate having a viscosity of 9.5cSt at 40 oC (104 oF). It consists predominantly of hydrocarbons having carbon numbers predominantly in the range of C13 through C27 and boiling in the range of approximately 240 oC to 400 oC (464 oF to 752 oF).]</t>
  </si>
  <si>
    <t>Hydrocarbons, C14-29, solvent-extd. light naphthenic;</t>
  </si>
  <si>
    <t>Hydrocarbons, C27-42, dearomatized;</t>
  </si>
  <si>
    <t>Hydrocarbons, C27-45, naphthenic vacuum distn.;</t>
  </si>
  <si>
    <t>Hydrocarbons, C27-45, dearomatized;</t>
  </si>
  <si>
    <t>Hydrocarbons, C20-58, hydrotreated;</t>
  </si>
  <si>
    <t>Hydrocarbons, C27-42, naphthenic;</t>
  </si>
  <si>
    <t>Lubricating oils (petroleum), C&gt;25, solvent-extd., deasphalted, dewaxed, hydrogenated;</t>
  </si>
  <si>
    <t>[A complex combination of hydrocarbons obtained by solvent extraction and hydrogenation of vacuum distillation residues. It consists predominantly of hydrocarbons having carbon numbers predominantly greater than C25 and produces a finished oil with a viscosity in the order of 32cSt to 37cSt at 100 oC (212 oF).]</t>
  </si>
  <si>
    <t>Lubricating oils (petroleum), C17-32, solvent-extd., dewaxed, hydrogenated;</t>
  </si>
  <si>
    <t>Lubricating oils (petroleum), C20-35, solvent-extd., dewaxed, hydrogenated;</t>
  </si>
  <si>
    <t>Lubricating oils (petroleum), C24-50, solvent-extd., dewaxed, hydrogenated;</t>
  </si>
  <si>
    <t>[A complex combination of hydrocarbons, obtained by solvent extraction from light vacuum petroleum gas oils and treated with hydrogen in the presence of a catalyst. It consists predominantly of aromatic hydrocarbons having carbon numbers predominantly in the range of C13 through C30.]</t>
  </si>
  <si>
    <t>[A complex combination of hydrocarbons resulting from treatment of a petroleum fraction with natural or modified clay in either a contact or percolation process to remove the trace amounts of polar compounds and impurities present. It consists predominantly of aromatic hydrocarbons having carbon numbers predominantly in the range of C20 through C50. This stream is likely to contain 5 wt.% or more 4-6 membered ring aromatic hydrocarbons.]</t>
  </si>
  <si>
    <t>[A complex combination of hydrocarbons obtained from a petroleum stock by treating with hydrogen to convert organic sulfur to hydrogen sulfide which is removed. It consists predominantly of hydrocarbons having carbon numbers predominantly in the range of C15 through C50 and produces a finished oil with a viscosity of greater than 19cSt at 40 oC.]</t>
  </si>
  <si>
    <t>[A complex combination of hydrocarbons obtained from a solvent dewaxed petroleum stock by treating with hydrogen to convert organic sulfur to hydrogen sulfide which is removed. It consists predominantly of hydrocarbons having carbon numbers predominantly in the range of C15 through C50 and produces a finished oil with a viscosity of greater than 19cSt at 40 oC.]</t>
  </si>
  <si>
    <t>[A complex combination of hydrocarbons obtained by solvent extraction of light vacuum petroleum gas oil treated with activated charcoal for the removal of trace polar constituents and impurities. It consists predominantly of aromatic hydrocarbons having carbon numbers predominantly in the range of C13 through C30.]</t>
  </si>
  <si>
    <t>(2R,6aS,12aS)-1,2,6,6a,12,12a-hexahydro-2-isopropenyl-8,9-dimethoxychromeno[3,4-b]furo[2,3-h]chromen-6-one, rotenone</t>
  </si>
  <si>
    <t>p-benzoquinone 1-benzoylhydrazone 4-oxime</t>
  </si>
  <si>
    <t>bis(4-hydroxy-N-methylanilinium) sulphate</t>
  </si>
  <si>
    <t>reaction product of: 3,5-bis-tert-butylsalicylic acid and aluminiumsulfate</t>
  </si>
  <si>
    <t>mixed linear and branched C14-15 alcohols ethoxylated, reaction product with epichlorohydrin</t>
  </si>
  <si>
    <t>di(tetramethylammonium)(29H,31H-phthalocyanin-N29,N30,N31,N32)disulfonamide disulfonate, cuprate(2-)complex, derivates</t>
  </si>
  <si>
    <t>Annex VI to Regulation (EC) No 1272/2008 is amended as follows:</t>
  </si>
  <si>
    <t>Chemical name</t>
  </si>
  <si>
    <t>Specific Conc. Limits, M-factors and ATEs</t>
  </si>
  <si>
    <t>H373 (blood)</t>
  </si>
  <si>
    <t>M = 10’</t>
  </si>
  <si>
    <t>H370 (nervous system)</t>
  </si>
  <si>
    <t>sodium hypochlorite, solution … % Cl active</t>
  </si>
  <si>
    <t>EUH031:</t>
  </si>
  <si>
    <t>C ≥ 5 %</t>
  </si>
  <si>
    <t>Acute Tox. 4 * Aquatic Acute 1 Aquatic Chronic 1</t>
  </si>
  <si>
    <t>H410’</t>
  </si>
  <si>
    <t>Acute Tox. 2 Acute Tox. 2 Acute Tox. 2</t>
  </si>
  <si>
    <t>cholecalciferol;</t>
  </si>
  <si>
    <t>ATE = 0,05 mg/L (dusts or mists)</t>
  </si>
  <si>
    <t>ATE = 50 mg/kg bw</t>
  </si>
  <si>
    <t>ATE = 35 mg/kg bw</t>
  </si>
  <si>
    <t>STOT RE 1; H372: C ≥ 3 %</t>
  </si>
  <si>
    <t>M = 1’</t>
  </si>
  <si>
    <t>Skin Sens. 1B Aquatic Acute 1</t>
  </si>
  <si>
    <t>Carc. 1Β</t>
  </si>
  <si>
    <t>ATE = 300 mg/kg bw</t>
  </si>
  <si>
    <t>‘606-047-00-9</t>
  </si>
  <si>
    <t>2-benzyl-2-dimethylamino-4′-morpholinobutyrophenone</t>
  </si>
  <si>
    <t>H372 (respiratory system) (inhalation)</t>
  </si>
  <si>
    <t>quizalofop-P-tefuryl (ISO); (+/–) tetrahydrofurfuryl (R)-2-[4-(6-chloroquinoxalin-2-yloxy)phenyloxy]propionate</t>
  </si>
  <si>
    <t>200509-41-7</t>
  </si>
  <si>
    <t>Skin Corr. 1C; H314: C ≥ 0,6 %</t>
  </si>
  <si>
    <t>Eye Dam. 1; H318: C ≥ 0,6 %</t>
  </si>
  <si>
    <t>Skin Sens. 1A; H317: C ≥ 0,0015 %</t>
  </si>
  <si>
    <t>Skin Sens. 1A Aquatic Acute 1</t>
  </si>
  <si>
    <t>ATE = 0,19 mg/L (dusts or mists)</t>
  </si>
  <si>
    <t>ATE = 70 mg/kg bw</t>
  </si>
  <si>
    <t>isoeugenol; [1]</t>
  </si>
  <si>
    <t>202-590-7 [1]</t>
  </si>
  <si>
    <t>97-54-1 [1]</t>
  </si>
  <si>
    <t>227-678-2 [2]</t>
  </si>
  <si>
    <t>5932-68-3 [2]</t>
  </si>
  <si>
    <t>227-633-7 [3]</t>
  </si>
  <si>
    <t>5912-86-7 [3]</t>
  </si>
  <si>
    <t>240494-71-7</t>
  </si>
  <si>
    <t>65733-16-6</t>
  </si>
  <si>
    <t>pinoxaden (ISO);</t>
  </si>
  <si>
    <t>243973-20-8</t>
  </si>
  <si>
    <t>ATE = 4,63 mg/L (dusts or mists)</t>
  </si>
  <si>
    <t>ATE = 500 mg/kg bw</t>
  </si>
  <si>
    <t>tetramethrin (ISO);</t>
  </si>
  <si>
    <t>231-711-6</t>
  </si>
  <si>
    <t>7696-12-0</t>
  </si>
  <si>
    <t>H371 (nervous system) (inhalation)</t>
  </si>
  <si>
    <t>214-619-0</t>
  </si>
  <si>
    <t>1166-46-7</t>
  </si>
  <si>
    <t>mesosulfuron-methyl (ISO);</t>
  </si>
  <si>
    <t>208465-21-8</t>
  </si>
  <si>
    <t>spirodiclofen (ISO);</t>
  </si>
  <si>
    <t>148477-71-8</t>
  </si>
  <si>
    <t>3-(2,4-dichlorophenyl)-2-oxo-1-oxaspiro[4.5]dec-3-en-4-yl 2,2-dimethylbutyrate</t>
  </si>
  <si>
    <t>218-953-8</t>
  </si>
  <si>
    <t>2302-17-2</t>
  </si>
  <si>
    <t>salicylic acid</t>
  </si>
  <si>
    <t>200-712-3</t>
  </si>
  <si>
    <t>69-72-7</t>
  </si>
  <si>
    <t>flutianil (ISO);</t>
  </si>
  <si>
    <t>958647-10-4</t>
  </si>
  <si>
    <t>reaction mass of 1-[2-(2-aminobutoxy)ethoxy]but-2-ylamine and 1-({[2-(2-aminobutoxy)ethoxy]methyl}propoxy)but-2-ylamine</t>
  </si>
  <si>
    <t>447-920-2</t>
  </si>
  <si>
    <t>220-239-6</t>
  </si>
  <si>
    <t>pyroxsulam (ISO);</t>
  </si>
  <si>
    <t>422556-08-9</t>
  </si>
  <si>
    <t>1-vinylimidazole</t>
  </si>
  <si>
    <t>214-012-0</t>
  </si>
  <si>
    <t>1072-63-5</t>
  </si>
  <si>
    <t>amisulbrom (ISO);</t>
  </si>
  <si>
    <t>348635-87-0</t>
  </si>
  <si>
    <t>REGULATION (EU) No 528/2012 OF THE EUROPEAN PARLIAMENT AND OF THE COUNCIL</t>
  </si>
  <si>
    <t>of 22 May 2012</t>
  </si>
  <si>
    <t>concerning the making available on the market and use of biocidal products</t>
  </si>
  <si>
    <t>Article 5</t>
  </si>
  <si>
    <t>Exclusion criteria</t>
  </si>
  <si>
    <t>3.   No later than 13 December 2013, the Commission shall adopt delegated acts in accordance with Article 83 specifying scientific criteria for the determination of endocrine-disrupting properties.</t>
  </si>
  <si>
    <t>Pending the adoption of those criteria, active substances that are classified in accordance with Regulation (EC) No 1272/2008 as, or meet the criteria to be classified as, carcinogen category 2 and toxic for reproduction category 2, shall be considered as having endocrine-disrupting properties.</t>
  </si>
  <si>
    <t>Substances such as those that are classified in accordance with Regulation (EC) No 1272/2008 as, or that meet the criteria to be classified as, toxic for reproduction category 2 and that have toxic effects on the endocrine organs, may be considered as having endocrine-disrupting properties.</t>
  </si>
  <si>
    <t>16/01/2020</t>
  </si>
  <si>
    <t>2-benzyl-2-dimethylamino-4'-morpholinobutyrophenone</t>
  </si>
  <si>
    <t>71850-09-4</t>
  </si>
  <si>
    <t>276-090-2</t>
  </si>
  <si>
    <t>Diisohexyl phthalate</t>
  </si>
  <si>
    <t>Perfluorobutane sulfonic acid (PFBS) and its salts</t>
  </si>
  <si>
    <t>LR06：(EU) REACH規則 Candidate List of SVHC for Authorisation（認可対象候補物質）およびAnnex XIV（認可対象物質）</t>
    <phoneticPr fontId="4"/>
  </si>
  <si>
    <t>2020-01-16</t>
  </si>
  <si>
    <t>1-Butanesulfonic acid, 1,1,2,2,3,3,4,4,4-nonafluoro-; Nonafluorobutane-1-sulfonic acid; Nonafluoro-1-butanesulfonic acid</t>
  </si>
  <si>
    <t>1,1,2,2,3,3,4,4,4-nonafluorobutane-1-sulphonic acid</t>
  </si>
  <si>
    <t>R00519</t>
  </si>
  <si>
    <t>Ethanaminium, N,N,N-triethyl-, 1,1,2,2,3,3,4,4,4-nonafluoro-1-butanesulfonate (1:1); Tetraethylammonium perfluorobutanesulfonate; Tetraethylazanium nonafluorobutane-1-sulfonate</t>
  </si>
  <si>
    <t>25628-08-4</t>
  </si>
  <si>
    <t>N,N,N,-triethylethanaminium 1,1,2,2,3,3,4,4,4-nonafluorobutane-1-sulfonate</t>
  </si>
  <si>
    <t>R00517</t>
  </si>
  <si>
    <t>D19.00: The substance group name was modified to align with the EU REACH Candidate List</t>
  </si>
  <si>
    <t>D19.00: Substance added</t>
  </si>
  <si>
    <t>Impurity in production of PFOS and alternative for PFOS, a surfactant which can be found in protective coatings and adhesives which are resistant to water, dirt, oils etc. May be used as a flame retardant agent for polycarbonate and as an anti-static additive.</t>
  </si>
  <si>
    <t>PFBS</t>
  </si>
  <si>
    <t>Notes: This reference substance list provides examples and may not be a complete list as specified in the regulation or standard indicated in the BasisDescription field of the DSL entry.</t>
  </si>
  <si>
    <t>00165</t>
  </si>
  <si>
    <t>00164</t>
  </si>
  <si>
    <t>D19.00: Substance Added; this declarable substance entry was create by separating out "Tetraboron disodium heptaoxide, hydrate" from the prior entry "Disodium tetraborates". This change was made to align with the entries listed in the EU REACH Candidate List.</t>
  </si>
  <si>
    <t>In wood veneers/ pressed wooden panels as starch additive, flame retardant and stabilizer in aminoplastic resin, wood preservative</t>
  </si>
  <si>
    <t>00163</t>
  </si>
  <si>
    <t>Notes:  EU REACH Regulation Annex XVII applies to one or more reference substances in this Declarable Substance Group.</t>
  </si>
  <si>
    <t>Notes: On a scientific point of view, the "anhydrous" designation is not accurate as 2 substances of this group are hydrated, but the REACH Candidate List designation is used for consistancy with official publication.</t>
  </si>
  <si>
    <t>http://std.iec.ch/iec62474/iec62474.nsf</t>
    <phoneticPr fontId="4"/>
  </si>
  <si>
    <t>IC02：IEC 62474 DB　Declarable substance groups and declarable substances</t>
    <phoneticPr fontId="4"/>
  </si>
  <si>
    <t>https://www.ecfr.gov/cgi-bin/retrieveECFR?gp=1&amp;SID=81e036ff1ce193600be3d4c4b46b1a37&amp;ty=HTML&amp;h=L&amp;mc=true&amp;r=PART&amp;n=pt40.31.763#sp40.31.763.g</t>
    <phoneticPr fontId="4"/>
  </si>
  <si>
    <t>国際電気標準会議（IEC; International Electrotechnical Commission）が作成した IEC 62474(Material Declaration for Products of and for the Electrotechnical Industry)の報告対象物質リスト(Declarable Substance List; DSL)に収載されている報告対象物質/物質群。報告対物質群については、参照物質リスト（Reference substance List; RSL）に個別の物質が例示されている。</t>
    <phoneticPr fontId="4"/>
  </si>
  <si>
    <t>Alkyl Phenol derivatives, selected</t>
  </si>
  <si>
    <t xml:space="preserve">Toxic to Reproduction 1B(CLP).  
 (EU) 2017/1510 REACH  Annex XVII, Entries  30
</t>
  </si>
  <si>
    <t>Anti-oxide additive of  lubricant</t>
  </si>
  <si>
    <t>0.3% 
per CLP regulation 1712/2008 (EC) table 3.7.2
These substance use are prohibitted for additives of mixture sold independently (for example; anti-oxide additive of  lubricant)</t>
  </si>
  <si>
    <t xml:space="preserve">Phenol, dodecyl-, branched </t>
  </si>
  <si>
    <t>121158-58-5</t>
  </si>
  <si>
    <t>Phenol, 2-dodecyl-, branched</t>
  </si>
  <si>
    <t>1801269-80-6</t>
  </si>
  <si>
    <t>Phenol, 3-dodecyl-, branched</t>
  </si>
  <si>
    <t>1801269-77-1</t>
  </si>
  <si>
    <t>Phenol, 4-dodecyl-, branched</t>
  </si>
  <si>
    <t>210555-94-5</t>
  </si>
  <si>
    <t>Phenol, (tetrapropenyl) derivatives</t>
  </si>
  <si>
    <t>74499-35-7</t>
  </si>
  <si>
    <t xml:space="preserve"> K-REACH</t>
  </si>
  <si>
    <t>K-REACH</t>
  </si>
  <si>
    <t>REACH Authorisation Sunset Date.</t>
  </si>
  <si>
    <t xml:space="preserve"> Asbestos Convention, 1986 (No. 162)
Ratifications of Asbestos Convention, 1986 (No. 162):
https://www.ilo.org/dyn/normlex/en/f?p=1000:11300:0::NO:11300:P11300_INSTRUMENT_ID:312307</t>
  </si>
  <si>
    <t>Coating, adhesives</t>
  </si>
  <si>
    <t>Allyl isothiocyanate</t>
  </si>
  <si>
    <t>57-06-7</t>
  </si>
  <si>
    <t>Authorisation as biocide needed for product-type 7
Authorisation as biocide needed for product-type 8
Authorisation as biocide needed for product-type 9</t>
  </si>
  <si>
    <t>Fibre, leather, rubber and polymerised materials preservatives</t>
  </si>
  <si>
    <t>1-Mar-2017
1-Mar-2017</t>
  </si>
  <si>
    <t>182442-95-1
346417-97-8</t>
  </si>
  <si>
    <t>Dodecamethylcyclohexasiloxane (D6)</t>
  </si>
  <si>
    <t>Intermediate chemical, remains in the final product of varying content. Use for silicone rubbers, adhesives, sealants, coatings...
As well as lacquers, polishes, waxes, washing &amp; cleaning products</t>
  </si>
  <si>
    <t>Prohibition of Certain Toxic Substances Regulations, 2005 (SOR/SOR/2005-41.  Published in Canada Gazette Part II, 2006-11-29 Vol. 140, No. 24          
Reg. (EC) No 1907/2006 (REACH Candidate List)</t>
  </si>
  <si>
    <t>Precursor to various polymers. Used in the production of polyurethane fibers.</t>
  </si>
  <si>
    <t>Reg. (EC) No 1907/2006 (REACH Candidate List)
K-REACH</t>
  </si>
  <si>
    <t>Nonylphenol ethoxylates, -OH terminated, all members</t>
  </si>
  <si>
    <t xml:space="preserve"> 4-Jan 2021</t>
  </si>
  <si>
    <t>Fluorotelomer olefins (FTOs)</t>
  </si>
  <si>
    <t>4-(1,1,3,3-tetramethylbutyl)phenol, ethoxylated, selected</t>
  </si>
  <si>
    <t>1689515-36-3</t>
  </si>
  <si>
    <t>0.05% for tetra-, penta-, hexa-, hepta- and deca-BDE and the sum of them
0.1% for each of the other entries, and for tetra-, penta-, hexa-, hepta- and deca-BDE in electronic equipment</t>
  </si>
  <si>
    <t>Reg. (EC) No 552/2009; 
40 CFR §761.20;
Japan Chemical Substance Control Law [Class I];
CEPA 19999 (SOR/2008-273)</t>
  </si>
  <si>
    <t>0.0002%
0.005 % for Pigments allowed (BAT)</t>
  </si>
  <si>
    <t xml:space="preserve">Polycyclic aromatic hydrocarbons (PAH; PCAH), selected </t>
  </si>
  <si>
    <t>Reg. (EC) No 1907/2006  (REACH Candidate List)
GB/T 30512 (ELV China)</t>
  </si>
  <si>
    <t xml:space="preserve">Thioperoxydicarbonic diamide
([(H2N)C(S)]2S2), tetramethyl-; 
Thiram; Tetramethylthiuram disulphide; </t>
  </si>
  <si>
    <t xml:space="preserve">D/P                                                                                                                                     </t>
  </si>
  <si>
    <t xml:space="preserve">Vulcanization accelerator for rubber 
</t>
  </si>
  <si>
    <t>Reg. (EC) No 1907/2006 (REACH Annex XVII)
K-REACH</t>
  </si>
  <si>
    <t>►M18  Chemical name ◄</t>
  </si>
  <si>
    <t>▼M16</t>
  </si>
  <si>
    <t>(2-methylpropyl)lithium; isobutyllithium</t>
  </si>
  <si>
    <t>Repr.1B;</t>
  </si>
  <si>
    <t>H360FD: C ≥ 5,5  %</t>
  </si>
  <si>
    <t>H360FD:C ≥ 3,1  %</t>
  </si>
  <si>
    <t>disodium tetraborate, anhydrous; boric acid, disodium salt; [1]</t>
  </si>
  <si>
    <t>Repr. 1B; H360FD: C ≥4,5  %</t>
  </si>
  <si>
    <t>Repr.1B; H360FD: C ≥ 8,5  %</t>
  </si>
  <si>
    <t>Repr.B; H360FD: C ≥ 6,5  %</t>
  </si>
  <si>
    <t>Repr.1B; H360Df: C ≥9 % Repr.1B; H360 D: 6,5  % ≤ C &lt;9 % Eye Dam. 1; H318: C ≥ 22 % Eye Irrit. 2; H319: 14 % ≤ C &lt; 22 %</t>
  </si>
  <si>
    <t>[containing ≥ 0,1 % (w/w) of particles with an aerodynamic diameter of below 50 μm]</t>
  </si>
  <si>
    <t>239-172-9 [1] 231-556-4 [2]</t>
  </si>
  <si>
    <t>Repr. 1B; H360Df: C ≥9 % Repr. 1B; H360D: 6,5  % ≤ C &lt; 9 % Eye Dam. 1; H318: C ≥ 22 % Eye Irrit. 2; H319: 14 % ≤ C &lt; 22 %</t>
  </si>
  <si>
    <t>sodium peroxoborate hexahydrate; [containing &lt; 0,1 % (w/w) of particles with an aerodynamic diameter of below 50 μm]</t>
  </si>
  <si>
    <t>Repr. 1B;</t>
  </si>
  <si>
    <t>H360Df: C ≥ 14 % Repr. 1B;</t>
  </si>
  <si>
    <t>H360D: 10 % ≤ C &lt; 14 % Eye Dam. 1; H318: C ≥ 36 % Eye Irrit. 2;</t>
  </si>
  <si>
    <t>H319: 22 % ≤ C &lt; 36 %</t>
  </si>
  <si>
    <t>sodium peroxoborate hexahydrate; [containing ≥ 0,1 % (w/w) of particles with an aerodynamic diameter of below 50 μm]</t>
  </si>
  <si>
    <t>Repr. 1B; H360</t>
  </si>
  <si>
    <t>Df: C ≥ 14 % Repr. 1B; H360D: 10 % ≤ C &lt; 14 % Eye Dam. 1; H318: C ≥ 36 % Eye Irrit. 2; H319: 22 % ≤ C &lt; 36 %</t>
  </si>
  <si>
    <t>Repr. 1B; H360Df: C ≥ 9 %</t>
  </si>
  <si>
    <t>Repr. 1B; H360D: 6,5  % ≤ C &lt; 9 %</t>
  </si>
  <si>
    <t>Eye Dam. 1; H318: C ≥ 22 %</t>
  </si>
  <si>
    <t>Eye Irrit. 2; H319: 14 % ≤ C &lt; 22 %</t>
  </si>
  <si>
    <t>perboric acid (HBO(O2)), sodium salt, monohydrate;[3]</t>
  </si>
  <si>
    <t>Repr. 1B; H360Df: C ≥</t>
  </si>
  <si>
    <t>9 %</t>
  </si>
  <si>
    <t>Repr. 1B; H360D: 6,5  %</t>
  </si>
  <si>
    <t>≤ C &lt; 9 %</t>
  </si>
  <si>
    <t>H360D *** H331</t>
  </si>
  <si>
    <t>phosgene; carbonyl chloride</t>
  </si>
  <si>
    <t>Repr. 2; H361fd: C ≥ 1 %</t>
  </si>
  <si>
    <t>STOT RE 1; H372: C ≥ 1 %</t>
  </si>
  <si>
    <t>STOT RE 2; H373: 0,2  %</t>
  </si>
  <si>
    <t>≤ C &lt; 1 %</t>
  </si>
  <si>
    <t>Acute Tox. 2 * Aquatic Acute 1</t>
  </si>
  <si>
    <t>5,5-dimethyl-3-oxocyclohex-1-enyl dimethylcarbamate 5,5-dimethyldihydroresorcinol dimethylcarbamate; dimetan</t>
  </si>
  <si>
    <t>zinc bis dimethyldithiocarbamate</t>
  </si>
  <si>
    <t>H373** H410</t>
  </si>
  <si>
    <t>Acute Tox. 3 * Aquatic Acute 1</t>
  </si>
  <si>
    <t>Repr. 1B Carc. 2</t>
  </si>
  <si>
    <t>Acute Tox. 3 * Aquatic Chronic 2</t>
  </si>
  <si>
    <t>3-methylpyrazol-5-yl-dimethylcarbamate; monometilan</t>
  </si>
  <si>
    <t>Carc. 1B;</t>
  </si>
  <si>
    <t>H350: C ≥ 0,001  %</t>
  </si>
  <si>
    <t>▼M18</t>
  </si>
  <si>
    <t>manganese</t>
  </si>
  <si>
    <t>ethylenebis(dithiocarbamate)</t>
  </si>
  <si>
    <t>(polymeric) complex with zinc salt</t>
  </si>
  <si>
    <t>(polymeric)</t>
  </si>
  <si>
    <t>fenoxycarb (ISO);</t>
  </si>
  <si>
    <t>ethyl [2-(4-phenoxyphenoxy)ethyl]carbamate</t>
  </si>
  <si>
    <t>3-][(4-methylphenyl)sulfonyl]carbamoyl}amino)phenyl4-methylbenzenesulfonate</t>
  </si>
  <si>
    <t>STOT SE 3; H335: C ≥ 5 %</t>
  </si>
  <si>
    <t>STOT SE 3; H335: C ≥0,5  %</t>
  </si>
  <si>
    <t>Skin Corr. 1A; H314: C ≥ 20 %</t>
  </si>
  <si>
    <t>Skin Corr. 1B; H314: 5 % ≤ C &lt; 20 %</t>
  </si>
  <si>
    <t>Ox. Liq. 2; H272: C ≥ 99 %</t>
  </si>
  <si>
    <t>Ox. Liq. 3; H272: 99 % &gt; C ≥ 65 %</t>
  </si>
  <si>
    <t>Skin Corr. 1B; H314: C ≥ 10 % Skin Irrit. 2; H315: 3 % ≤ C &lt; 10 %</t>
  </si>
  <si>
    <t>Eye Irrit. 2; H319: 3 % ≤ C &lt; 10 %</t>
  </si>
  <si>
    <t>Carc. 1B; H350: C ≥ 0,01  %</t>
  </si>
  <si>
    <t>hydrogen peroxide solution… %</t>
  </si>
  <si>
    <t>Ox. Liq. 1; H271: C ≥70 %****</t>
  </si>
  <si>
    <t>Ox. Liq. 2; H272: 50 % ≤ C &lt; 70 % ****</t>
  </si>
  <si>
    <t>Skin Corr. 1A; H314: C ≥ 70 % Skin Corr. 1B; H314: 50 % ≤ C &lt; 70 %</t>
  </si>
  <si>
    <t>Skin Irrit. 2; H315: 35 % ≤ C &lt; 50 %</t>
  </si>
  <si>
    <t>Eye Dam. 1; H318: 8 % ≤ C &lt; 50 %</t>
  </si>
  <si>
    <t>Eye Irrit. 2; H319: 5 % ≤ C&lt; 8 % STOT SE 3; H335; C ≥ 35 %</t>
  </si>
  <si>
    <t>Skin Corr. 1A; H314: C ≥ 7 % Skin Corr. 1B; H314: 1 % ≤ C&lt; 7 % Eye Irrit. 2; H319: 0,1  % ≤C &lt; 1 %</t>
  </si>
  <si>
    <t>*Skin Corr. 1B; H314: C ≥ 1 % Skin Irrit. 2; H315: 0,1  % ≤ C &lt; % Eye Irrit. 2;</t>
  </si>
  <si>
    <t>H319: 0,1  % ≤</t>
  </si>
  <si>
    <t>C &lt; 1 %</t>
  </si>
  <si>
    <t>Skin Corr. 1B; H314: C ≥ 1 %</t>
  </si>
  <si>
    <t>Skin Irrit. 2; H315: 0,1  % ≤ C &lt; 1 %</t>
  </si>
  <si>
    <t>Eye Irrit. 2; H319: 0,1  % ≤ C &lt; 1 %</t>
  </si>
  <si>
    <t>Skin Corr. 1B; H314: C ≥ 1 % Skin Irrit.2; H315: 0,1  % ≤ C &lt; 1 %</t>
  </si>
  <si>
    <t>fluoroboric acid … %</t>
  </si>
  <si>
    <t>Skin Corr. 1B; H314: C ≥ 25 % Skin Irrit. 2; H315: 10 % ≤ C &lt; 25 %</t>
  </si>
  <si>
    <t>Eye Irrit. 2; H319: 10 % ≤</t>
  </si>
  <si>
    <t>C &lt; 25 %</t>
  </si>
  <si>
    <t>fluorosilicic acid … %</t>
  </si>
  <si>
    <t>trisodium hexafluoroaluminate(cryolite) [2]</t>
  </si>
  <si>
    <t>Skin Corr. 1A; H314: C ≥ 5 % Skin Corr. 1B; H314 2 % ≤ C &lt; 5 % Skin Irrit. 2; H315: 0,5  % ≤ C &lt; 2 % Eye Irrit.2; H319: 0,5  % ≤ C &lt; 2 %</t>
  </si>
  <si>
    <t>diethyl(ethyldimethylsilanolato) aluminium</t>
  </si>
  <si>
    <t>STOT SE 3; H335: C ≥ 1 %</t>
  </si>
  <si>
    <t>trichloro(methyl)silane; methyltrichlorosilane</t>
  </si>
  <si>
    <t>Skin Irrit.2; H315: C ≥ 1 % Eye Irrit. 2; H319: C ≥ 1 % STOT SE 3; H335: C ≥ 1 %</t>
  </si>
  <si>
    <t>H360D *** H302</t>
  </si>
  <si>
    <t>α-trimethylsilanyl-ω-trimethylsiloxypoly[oxy(methyl-3-(2-(2-methoxypropoxy)propoxy)propylsilanediyl]-co-oxy(dimethylsilane))</t>
  </si>
  <si>
    <t>H361f *** H413</t>
  </si>
  <si>
    <t>α-[3-(1-oxoprop-2-enyl)l-1-oxypropyl]dimethoxysilyloxy-ω-[3(1-oxoprop-2-enyl)-1-oxypropyl]dimethoxysilyl poly(dimethylsiloxane)</t>
  </si>
  <si>
    <t>H361f *** H302</t>
  </si>
  <si>
    <t>H360F*** H400</t>
  </si>
  <si>
    <t>H360F*** H410</t>
  </si>
  <si>
    <t>reaction product of amorphous silica (50-85 %), butyl (1-methylpropyl) magnesium (3-15 %), tetraethyl orthosilicate (5-15 %) and titanium tetrachloride (5-20 %)</t>
  </si>
  <si>
    <t>phosphoric acid . %, orthophosphoric acid . %</t>
  </si>
  <si>
    <t>Skin Corr. 1B; H314: C ≥ 25 % Skin Irrit. 2; H315: 10 % ≤ C &lt; 25 % Eye Irrit. 2; H319: 10 % ≤ C &lt; 25 %</t>
  </si>
  <si>
    <t>STOT SE 1; H370: C ≥ 1 % STOT SE 2; H371: 0,2  % ≤ C &lt; 1 %</t>
  </si>
  <si>
    <t>schradan (ISO); octamethylpyrophosphoramide</t>
  </si>
  <si>
    <t>parathion — methyl (ISO);</t>
  </si>
  <si>
    <t>[containing ≤ 0,03 % isomalathion]</t>
  </si>
  <si>
    <t>H372** H410</t>
  </si>
  <si>
    <t>dimefox (ISO); tetramethylphosphorodiamidic fluoride</t>
  </si>
  <si>
    <t>2-chloro-1-(2,4 dichlorophenyl)vinyl diethyl phosphate</t>
  </si>
  <si>
    <t>H361f*** H302</t>
  </si>
  <si>
    <t>H360F*** H302</t>
  </si>
  <si>
    <t>Skin Irrit. 2; H315: C ≥ 5 % Eye Irrit. 2; H319: C ≥ 5 %</t>
  </si>
  <si>
    <t>hexamethylphosphoric triamide; hexamethylphosphoramide</t>
  </si>
  <si>
    <t>H350: C ≥ 0,01  %</t>
  </si>
  <si>
    <t>demephion-O (ISO);</t>
  </si>
  <si>
    <t>isopropyl 3-[[(ethylamino)methoxyphosphinothioyl]oxy]isocrotonate; propetamphos (ISO)</t>
  </si>
  <si>
    <t>reaction mass of 2-chloroethyl chloropropyl 2-chloroethylphosphonate, reaction mass of isomers and 2-chloroethyl chloropropyl 2-chloropropylphosphonate, reaction mass of isomers</t>
  </si>
  <si>
    <t>reaction mass of: hexyldioctylphosphineoxide; dihexyloctylphosphineoxide; trioctylphosphineoxide</t>
  </si>
  <si>
    <t>ethephon;</t>
  </si>
  <si>
    <t>2-chloroethylphosphonic acid</t>
  </si>
  <si>
    <t>glufosinate ammonium (ISO); ammonium 2-amino-4-(hydroxymethylphosphinyl)butyrate</t>
  </si>
  <si>
    <t>233-663-1 [2]</t>
  </si>
  <si>
    <t>H373 ** H314</t>
  </si>
  <si>
    <t>H373 ** H319</t>
  </si>
  <si>
    <t>H373 ** H318</t>
  </si>
  <si>
    <t>H361f *** H411</t>
  </si>
  <si>
    <t>salts of glyphosate, with the exception of those specified elsewhere in this Annex</t>
  </si>
  <si>
    <t>bis(2,4-dicumylphenyl)neopentyl diphosphite;</t>
  </si>
  <si>
    <t>Carc. 1B Repr. 2</t>
  </si>
  <si>
    <t>STOT RE 1; H372: C ≥0,1  % Carc 1B;</t>
  </si>
  <si>
    <t>H350: C</t>
  </si>
  <si>
    <t>≥0,01  % STOT RE 2;</t>
  </si>
  <si>
    <t>H373: 0,01  % ≤</t>
  </si>
  <si>
    <t>C &lt; 0,1  %</t>
  </si>
  <si>
    <t>EUH031: C ≥1 %</t>
  </si>
  <si>
    <t>oleum … % SO3</t>
  </si>
  <si>
    <t>sulphuric acid … %</t>
  </si>
  <si>
    <t>Skin Corr. 1A; H314: C ≥ 15 % Skin Irrit. 2; H315: 5 % ≤ C</t>
  </si>
  <si>
    <t>&lt; 15 %</t>
  </si>
  <si>
    <t>Eye Irrit. 2; H319: 5 % ≤ C</t>
  </si>
  <si>
    <t>Carc. 1B; H350: C ≥ 0,01  % Muta. 2 H341: C ≥ 0,01  % STOT SE 3; H335: C ≥ 5 %</t>
  </si>
  <si>
    <t>dimexano(ISO); bis(methoxythiocarbonyl) disulphide</t>
  </si>
  <si>
    <t>Eye Irrit. 2; H319: 10 % ≤ C &lt; 25 %</t>
  </si>
  <si>
    <t>STOT SE 3; H335: C ≥ 20 %</t>
  </si>
  <si>
    <t>tetrahydrothiophene-1,1-dioxide; sulpholane</t>
  </si>
  <si>
    <t>tetrasodium 5-benzamido-3-(5-(4-fluoro-6-(1-sulphonato-2-naphthylamino)-1,3,5-triazin-2-ylamino)-2-sulphonatophenylazo)-4-hydroxynaphthalene-2,7-disulphonate</t>
  </si>
  <si>
    <t>dilithium 6-acetamido-4-hydroxy-3-(4-((2-sulphonatooxy)ethylsulphonyl) phenylazo)naphthalene-2-sulphonate</t>
  </si>
  <si>
    <t>hexasodium 7-(4-(4-(4-(2,5-disulphonatoanilino)-6-fluoro-1,3,5-triazin-2-ylamino)-2-methylphenylazo)-7-sulphonatonaphthylazo)naphthalene-1,3,5-trisulphonate</t>
  </si>
  <si>
    <t>trisodium 7-(4-(6-fluoro-4-(2-(2-vinylsulphonylethoxy)ethylamino)-1,3,5-triazin-2-ylamino)-2-ureidophenylazo)naphthalene-1,3,6-trisulphonate</t>
  </si>
  <si>
    <t>H372 ** H302</t>
  </si>
  <si>
    <t>tetrasodium 4-amino-3,6-bis(5-(6-chloro-4-(2-hydroxyethylamino)-1,3,5-triazin-2-ylamino)-2-sulfonatophenylazo)-5-hydroxynaphthalene-2,7-sulfonate (containing &gt; 35 % sodium chloride and sodium acetate)</t>
  </si>
  <si>
    <t>diammonium peroxodisulphate; ammonium persulphate</t>
  </si>
  <si>
    <t>dipotassium peroxodisulphate; potassium persulphate</t>
  </si>
  <si>
    <t>sodium hydrogensulphite … %;</t>
  </si>
  <si>
    <t>tetrasodium [5-((4-amino-6-chloro-1,3,5-triazin-2-yl)amino)-2-((2-hydroxy-3,5-disulfonatophenylazo)-2-sulfonatobenzylidenehydrazino)benzoate]copper(II)</t>
  </si>
  <si>
    <t>H373 ** H400</t>
  </si>
  <si>
    <t>H373 ** H410</t>
  </si>
  <si>
    <t>reaction product of 4,4'-methylenebis[2-(4-hydroxybenzyl)-3,6-dimethylphenol] and 6-diazo-5,6-dihydro-5-oxo-naphthalenesulfonate (1:3)</t>
  </si>
  <si>
    <t>hydrochloric acid … %</t>
  </si>
  <si>
    <t>EyeIrrit. 2; H319: 10 % ≤ C &lt; 25 %</t>
  </si>
  <si>
    <t>STOT SE 3; H335: C ≥ 10 %</t>
  </si>
  <si>
    <t>perchloric acid … %</t>
  </si>
  <si>
    <t>Skin Corr. 1A; H314: C ≥ 50 % Skin Corr. 1B; H314: 10 % ≤ C &lt; 50 %</t>
  </si>
  <si>
    <t>Skin Irrit. 2; H315: 1 % ≤ C</t>
  </si>
  <si>
    <t>&lt; 10 %</t>
  </si>
  <si>
    <t>Eye Irrit. 2; H319: 1 % ≤ C</t>
  </si>
  <si>
    <t>Ox. Liq. 1; H271: C &gt; 50 %:</t>
  </si>
  <si>
    <t>Ox. Liq. 2; H272: C ≤ 50 %:</t>
  </si>
  <si>
    <t>Skin Corr. 1B; H314: C ≥ 5 % Skin Irrit. 2; H315: 1 % ≤ C</t>
  </si>
  <si>
    <t>&lt; 5 %</t>
  </si>
  <si>
    <t>Eye Dam.1; H318: 3 % ≤ C</t>
  </si>
  <si>
    <t>Eye Irrit. 2; H319: 0,5  % ≤ C &lt; 3 %</t>
  </si>
  <si>
    <t>Eye Irrit. 2; H319: 0,3  % ≤ C &lt; 3 %</t>
  </si>
  <si>
    <t>STOT SE 3; H335: C ≥ 3 % M = 10</t>
  </si>
  <si>
    <t>Skin Corr. 1A; H314: C ≥ 5 % Skin Corr. 1B; H314: 2 % ≤ C</t>
  </si>
  <si>
    <t>Skin Irrit. 2; H315: 0,5  % ≤ C &lt; 2 %</t>
  </si>
  <si>
    <t>Eye Irrit. 2; H319: 0,5  % ≤ C &lt; 2 %</t>
  </si>
  <si>
    <t>H361f *** H373 **</t>
  </si>
  <si>
    <t>H361f *** H373 ** H411</t>
  </si>
  <si>
    <t>H361d *** H372 **</t>
  </si>
  <si>
    <t>Muta. 1B Repr. 2</t>
  </si>
  <si>
    <t>H361f *** H330</t>
  </si>
  <si>
    <t>Resp. Sens.; H334: C ≥0,2  %</t>
  </si>
  <si>
    <t>Skin Sens.; H317:C ≥0,2  %</t>
  </si>
  <si>
    <t>Resp. Sens. 1; H334: C ≥ 0,2  %</t>
  </si>
  <si>
    <t>Skin Sens. 1; H317:C ≥0,2  %</t>
  </si>
  <si>
    <t>Skin Corr. 1A; H314: C ≥ 10 % Skin Corr. 1B; H314: 5 % ≤ C</t>
  </si>
  <si>
    <t>Skin Irrit. 2; H315: 0,5  % ≤</t>
  </si>
  <si>
    <t>C &lt; 5 %</t>
  </si>
  <si>
    <t>Eye Irrit. 2; H319: 0,5  % ≤</t>
  </si>
  <si>
    <t>STOT SE 3; H335: 0,5  % ≤ C &lt; 5 %</t>
  </si>
  <si>
    <t>Skin Sens. 1; H317: C ≥ 0,5  %</t>
  </si>
  <si>
    <t>Skin Sens. 1; H317:C ≥ 0,5  %</t>
  </si>
  <si>
    <t>chromium (VI) compounds, with the exception of barium chromate and of compounds specified elsewhere in this Annex</t>
  </si>
  <si>
    <t>Resp. Sens.;</t>
  </si>
  <si>
    <t>H334: C ≥ 0,2  %</t>
  </si>
  <si>
    <t>Skin Sens.; H317:C ≥ 0,2  %</t>
  </si>
  <si>
    <t>Main component: acetoacetic acid anilide/3-amino-1-hydroxybenzene (ATAN-MAP): trisodium {6-[(2 or 3 or 4)-amino-(4 or 5 or 6)-hydroxyphenylazo]-5'-(phenylsulfamoyl)-3-sulfonatonaphthalene-2-azobenzene-1,2'-diolato}-{6''-[1-(phenylcarbamoyl)ethylazo]-5'-(phenylsulfamoyl)-3-sulfonatonaphthalene-2''-azobenzene-1'',2'''-diolato}chromate (III); by-product 1: acetoacetic acid anilide/acetoacetic acid anilide (ATAN-ATAN): trisodium bis{6-[1-(phenylcarbamoyl)ethylazo]-5'''-(phenylsulfonyl)-3''-sulfonatonaphthalene-2-azobenzene-1,2'-diolato}chromate (III);</t>
  </si>
  <si>
    <t>by-product 2: 3-amino-1-hydroxybenzene/3-amino-1-hydroxybenzene (MAP-MAP): trisodium bis{6-[(2 or 3 or 4)-amino-(4 or 5 or 6)-hydroxyphenylazo]-5'-(phenylsulfamoyl)-3-sulfonatonaphthalene-2-azobenzene-1,2'-diolato}chromate (III)</t>
  </si>
  <si>
    <t>H373 ** H411</t>
  </si>
  <si>
    <t>iron (II) sulfate (1:1) heptahydrate; sulfuric acid, iron(II) salt (1:1), heptahydrate;</t>
  </si>
  <si>
    <t>Skin Irrit.2; H315: C ≥ 25 %</t>
  </si>
  <si>
    <t>Carc. 1B; H350i: C ≥ 0,01  % M=10</t>
  </si>
  <si>
    <t>H360F*** H334</t>
  </si>
  <si>
    <t>Carc. 1B; H350i: C ≥ 0,01  %</t>
  </si>
  <si>
    <t>H360D *** H330</t>
  </si>
  <si>
    <t>[particle diameter &lt; 1mm]</t>
  </si>
  <si>
    <t>215-215-7[1]</t>
  </si>
  <si>
    <t>234-323-5[2]-[3]</t>
  </si>
  <si>
    <t>240-841-2[1]</t>
  </si>
  <si>
    <t>234-349-7[2]-[3]</t>
  </si>
  <si>
    <t>234-829-6[1]</t>
  </si>
  <si>
    <t>-[2]</t>
  </si>
  <si>
    <t>H372** H317</t>
  </si>
  <si>
    <t>H350i H360D*** H341</t>
  </si>
  <si>
    <t>H360D*** H372**</t>
  </si>
  <si>
    <t>H360D*** H372** H332</t>
  </si>
  <si>
    <t>STOT RE 2; H373: 0,1  % ≤ C &lt; 1 %</t>
  </si>
  <si>
    <t>Skin Irrit. 2; H315: C ≥ 20 %</t>
  </si>
  <si>
    <t>Skin Sens. 1; H317: C ≥</t>
  </si>
  <si>
    <t>0,01  %</t>
  </si>
  <si>
    <t>Carc. 1A Muta. 2</t>
  </si>
  <si>
    <t>H360D*** H331</t>
  </si>
  <si>
    <t>STOT RE 2; H373: 0,1  % &lt; C &lt; 1 %</t>
  </si>
  <si>
    <t>Skin Sens. 1; H317: C ≥ 0,01  %</t>
  </si>
  <si>
    <t>Skin Sens. 1; H317 C ≥0,01  %</t>
  </si>
  <si>
    <t>H350i H372**</t>
  </si>
  <si>
    <t>STOT RE 1; H372: C ≥ 1 % STOT RE 2; H373:0,1  % ≤ C &lt; %</t>
  </si>
  <si>
    <t>Skin Sens. 1; H317:C ≥ 0,01  %</t>
  </si>
  <si>
    <t>STOT RE 1; H372: C ≥ 1 % STOT RE 2; H373: 0,1  % ≤ C &lt; 1 %</t>
  </si>
  <si>
    <t>STOT RE 1; H372: C ≥ 1 % STOT RE 2; H373:0,1  % ≤ C &lt; 1 %</t>
  </si>
  <si>
    <t>H360D*** H372** H334</t>
  </si>
  <si>
    <t>Skin Sens. 1; H317: C ≥0,01  %</t>
  </si>
  <si>
    <t>Skin Sens. 1; H317:C ≥0,01  %</t>
  </si>
  <si>
    <t>Skin Sens. 1; H317:C≥ 0,01  %</t>
  </si>
  <si>
    <t>Skin Sens. 1; H317:C;≥0,01  %</t>
  </si>
  <si>
    <t>STOT RE 1; H372:C ≥ 1 % STOT RE 2; H373:0,1  % ≤ C &lt; 1 %</t>
  </si>
  <si>
    <t>-[4]</t>
  </si>
  <si>
    <t>Skin Sens. 1; H317:C≥0,01  %</t>
  </si>
  <si>
    <t>diphosphoric acid, nickel(II) salt[8]</t>
  </si>
  <si>
    <t>-[7]</t>
  </si>
  <si>
    <t>-[8]</t>
  </si>
  <si>
    <t>H350i H372** H334</t>
  </si>
  <si>
    <t>H350i H372** H317</t>
  </si>
  <si>
    <t>C.I. Pigment Black 25; C.I. 77332; [1]</t>
  </si>
  <si>
    <t>STOT RE 1; H372:C ≥ 1 % STOT RE 2; H373: 0,1  % ≤ C &lt; 1 %</t>
  </si>
  <si>
    <t>H360Df H372**</t>
  </si>
  <si>
    <t>H350i H360Df H372**</t>
  </si>
  <si>
    <t>C.I. Pigment Yellow 157; C.I. 77900</t>
  </si>
  <si>
    <t>STOT RE 1; H372: C ≥ 1 % STOT RE 2; H373: 0,1  % ≤ C &lt; %</t>
  </si>
  <si>
    <t>Skin Sens. 1; H317:C≥0,01 %1</t>
  </si>
  <si>
    <t>dimethylhexanoic acid nickelsalt; [9]</t>
  </si>
  <si>
    <t>nickel(II) neodecanoate; [15] neodecanoic acid, nickel salt;[16]</t>
  </si>
  <si>
    <t>-[31]</t>
  </si>
  <si>
    <t>[25]</t>
  </si>
  <si>
    <t>H372: C ≥ 1 % STOT RE 2; H373: 0,1  % ≤ C &lt; 1 %</t>
  </si>
  <si>
    <t>0,01  % M=1</t>
  </si>
  <si>
    <t>nickel tellurium tetraoxide; [3] molybdenum nickel hydroxide oxide phosphate [4]</t>
  </si>
  <si>
    <t>-[10]</t>
  </si>
  <si>
    <t>-[11]</t>
  </si>
  <si>
    <t>naphthenic acids, copper salts;</t>
  </si>
  <si>
    <t>zinc powder — zinc dust (pyrophoric)</t>
  </si>
  <si>
    <t>zinc powder — zinc dust (stabilised)</t>
  </si>
  <si>
    <t>zinc sulphate (hydrous) (mono-, hexa-and hepta hydrate); [1]</t>
  </si>
  <si>
    <t>2-dodec-1-enylbutanedioic acid,4-methyl ester zinc salt</t>
  </si>
  <si>
    <t>arsenic acid and it salts with the exception of those specified elsewhere in this Annex</t>
  </si>
  <si>
    <t>H373 ** H413</t>
  </si>
  <si>
    <t>hydrobromic acid … %</t>
  </si>
  <si>
    <t>Skin Corr. 1B; H314: C ≥ 40 % Skin Irrit. 2; H315: 10 % ≤ C &lt; 40 %</t>
  </si>
  <si>
    <t>Eye Irrit. 2; H319: 10 % ≤ C &lt; 40 %</t>
  </si>
  <si>
    <t>reaction mass of: mono-and di-glycerols of canola oil;</t>
  </si>
  <si>
    <t>tetraammine palladium (II)hydrogen carbonate</t>
  </si>
  <si>
    <t>H373** H318</t>
  </si>
  <si>
    <t>[This entry covers LTA (Linde Type A) framework type zeolite which has been surface-modified with both silver and zinc ions at contents Ag+ 0,5 %-6 %, Zn2 + 5 %-16 %, and potentially with phosphorus, NH4+, Mg2+ and/or Ca2+ each at level &lt; 3 %]</t>
  </si>
  <si>
    <t>cadmium compounds, with the exception of cadmium sulphoselenide (xCdS.yCdSe), reaction mass of cadmium sulphide with zinc sulphide (xCdS.yZnS), reaction mass of cadmium sulphide with mercury sulphide (xCdS.yHgS), and those specified elsewhere in this Annex</t>
  </si>
  <si>
    <t>H372 ** H410</t>
  </si>
  <si>
    <t>STOT RE 2; H373: C ≥0,25  %</t>
  </si>
  <si>
    <t>STOT RE 2; H373: C ≥0,1  %</t>
  </si>
  <si>
    <t>EUH032:C≥1 %</t>
  </si>
  <si>
    <t>H360FD H330</t>
  </si>
  <si>
    <t>STOT RE 1; H372: C ≥ 7 % STOT RE 2:</t>
  </si>
  <si>
    <t>0,1  % ≤ C &lt;7 %</t>
  </si>
  <si>
    <t>STOT RE 2; H373: C ≥ 0,1  %</t>
  </si>
  <si>
    <t>STOT RE 1; H372: C ≥ 7 % STOT RE 2; H373: 0,1  % ≤ C &lt; 7 %</t>
  </si>
  <si>
    <t>STOT RE 1; H372: C ≥ 7 % STOT RE 2; H373 0,1  % ≤ C &lt; 7 %</t>
  </si>
  <si>
    <t>STOT RE 1; H372: C ≥ 10 % STOT RE 2; H373: 0,1  % ≤ C &lt; 10 %</t>
  </si>
  <si>
    <t>C ≥ 0,01 %</t>
  </si>
  <si>
    <t>STOT SE 3; H335:C≥5 %</t>
  </si>
  <si>
    <t>cyhexatin (ISO); hydroxytricyclohexylstannane; tri(cyclohexyl)tin hydroxide</t>
  </si>
  <si>
    <t>H361d*** H330</t>
  </si>
  <si>
    <t>STOT RE 2; H373: 0,25 % ≤ C &lt; 1 %</t>
  </si>
  <si>
    <t>Skin Irrit. 2; H315:C ≥ 1 %</t>
  </si>
  <si>
    <t>Eye Irrit. 2; H319:C ≥ 1 %</t>
  </si>
  <si>
    <t>fluorotripentylstannane;[1]</t>
  </si>
  <si>
    <t>* M=100</t>
  </si>
  <si>
    <t>tetracyclohexylstannane; [1] chlorotricyclohexylstannane; [2] butyltricyclohexylstannane [3]</t>
  </si>
  <si>
    <t>Skin Irrit. 2; H315: C ≥ 1 % Eye Irrit.2; H319: C ≥ 1 % STOT SE 3; H335: C ≥ 1 %</t>
  </si>
  <si>
    <t>H372 ** H315</t>
  </si>
  <si>
    <t>Skin Corr. 1B; H314: C ≥ 5 % Skin Irrit. 2; H315: 0,01  % ≤ C &lt; 5 %</t>
  </si>
  <si>
    <t>Eye Irrit. 2; H319: 0,01  % ≤ C &lt; 3 %</t>
  </si>
  <si>
    <t>bis[((2-ethyl-1-oxohexyl)oxy)dioctylstannyl]oxide; bis(1-phenyl-1,3-decanedionyl)dioctyl stannane;</t>
  </si>
  <si>
    <t>(nervous system, immune system)</t>
  </si>
  <si>
    <t>STOT SE3; H335: C ≥ 5 %</t>
  </si>
  <si>
    <t>Skin Corr. 1A; H314: C ≥ 10 % Skin Corr. 1B; H314: 0,2  % ≤ C &lt; 10 %</t>
  </si>
  <si>
    <t>Skin Irrit. 2; H315: 0,02  % ≤ C &lt; 0,2  %</t>
  </si>
  <si>
    <t>Eye Irrit. 2; H319: 0,02  % ≤ C &lt; 0,2  %</t>
  </si>
  <si>
    <t>STOT SE 3; H335: C ≥0,02  %</t>
  </si>
  <si>
    <t>hydriodic acid … %</t>
  </si>
  <si>
    <t>(4-(1-methylethyl)phenyl)-(4-methylphenyl)iodonium tetrakis(pentafluorophenyl)borate(1-)</t>
  </si>
  <si>
    <t>reaction products of tungsten hexachloride with 2-methylpropan-2-ol, nonylphenol and pentane-2,4-dione</t>
  </si>
  <si>
    <t>tetraammine platinum (II)</t>
  </si>
  <si>
    <t>hydrogen carbonate</t>
  </si>
  <si>
    <t>hydroxydisulfito platinum(II)acid</t>
  </si>
  <si>
    <t>H360D*** H330</t>
  </si>
  <si>
    <t>Inorganic compounds of mercury with the exception of mercuric sulphide and those specified elsewhere in this Annex</t>
  </si>
  <si>
    <t>fulminate of mercury [≥ 20 % phlegmatiser]</t>
  </si>
  <si>
    <t>STOT RE 2; H373: C ≥0,05  %</t>
  </si>
  <si>
    <t>phenylmercury nitrate; [1] phenylmercury hydroxide; [2]</t>
  </si>
  <si>
    <t>H372 ** H314</t>
  </si>
  <si>
    <t>H361f*** H300</t>
  </si>
  <si>
    <t>Repr.2 H361f: C ≥ 2,5  %</t>
  </si>
  <si>
    <t>STOT RE 2; H373: C ≥0,5  %</t>
  </si>
  <si>
    <t>Repr.1A; H360D: C≥ 0,1  %</t>
  </si>
  <si>
    <t>Unst. Expl. Repr. 1A</t>
  </si>
  <si>
    <t>lead azide [≥ 20 % phlegmatiser]</t>
  </si>
  <si>
    <t>H360Df H373**</t>
  </si>
  <si>
    <t>H373 ** H315</t>
  </si>
  <si>
    <t>lead sulfochromate yellow; C.I. Pigment Yellow 34;</t>
  </si>
  <si>
    <t>lead chromate molybdate sulfate red; C.I. Pigment Red 104;</t>
  </si>
  <si>
    <t>Repr. 1A; H360D: C ≥ 0,03 %</t>
  </si>
  <si>
    <t>[particle diameter ≥ 1 mm]</t>
  </si>
  <si>
    <t>butane; [1] and isobutane [2]</t>
  </si>
  <si>
    <t>butane (containing ≥ 0,1 % butadiene (203-450-8)); [1]</t>
  </si>
  <si>
    <t>isobutane (containing ≥ 0,1 % butadiene (203-450-8)) [2]</t>
  </si>
  <si>
    <t>2-methylpentane;[1]</t>
  </si>
  <si>
    <t>Carc. 1B Muta. 2</t>
  </si>
  <si>
    <t>H372 ** H304</t>
  </si>
  <si>
    <t>H361d *** H304</t>
  </si>
  <si>
    <t>(hearing organs)</t>
  </si>
  <si>
    <t>STOT SE 3; H335: C ≥ 25 %</t>
  </si>
  <si>
    <t>dipentene; limonene;[1]</t>
  </si>
  <si>
    <t>H360FD H317</t>
  </si>
  <si>
    <t>H361f *** H304</t>
  </si>
  <si>
    <t>STOT RE 2; H373: C ≥ 5 %</t>
  </si>
  <si>
    <t>Carc. 1B; H350: C ≥ 0,01  % M=100</t>
  </si>
  <si>
    <t>reaction mass of isomers of: dibenzylbenzene; dibenzyl(methyl)benzene; dibenzyl(dimethyl)benzene; dibenzyl(trimethyl)benzene</t>
  </si>
  <si>
    <t>reaction mass of isomers of: mono-(2-tetradecyl)naphthalenes; di-(2-tetradecyl)naphthalenes; tri-(2-tetradecyl)naphthalenes</t>
  </si>
  <si>
    <t>reaction mass of isomers of: methyldiphenylmethane; dimethyldiphenylmethane</t>
  </si>
  <si>
    <t>1,2-bis[4-fluoro-6-{4-sulfo-5-(2-(4-sulfonaphtalene-3-ylazo)-1-hydroxy-3,6-disulfo-8-aminonaphthalene-7-ylazo)phenylamino}-1,3,5-triazin-2ylamino]ethane;</t>
  </si>
  <si>
    <t>x-sodium, y-potassium salts x = 7,755 y =0,245</t>
  </si>
  <si>
    <t>reaction mass of: (1'α, 3'α, 6'α)-2,2,3' ,7', 7'-pentamethylspiro(1,3-dioxane-5,2'-norcarane);</t>
  </si>
  <si>
    <t>reaction mass of: branched icosane; branched docosane; branched tetracosane</t>
  </si>
  <si>
    <t>reaction mass of:5-endo-butyl-bicyclo[2.2.1]hept-2-ene;</t>
  </si>
  <si>
    <t>H372 ** H412</t>
  </si>
  <si>
    <t>STOT RE 1; H372:C≥1 % STOT RE 2; H373:0,2  % ≤C</t>
  </si>
  <si>
    <t>&lt; 1 %</t>
  </si>
  <si>
    <t>H372 ** H411</t>
  </si>
  <si>
    <t>STOT RE 1; H372: C≥ 1 % STOT RE 2; H373: 0,2  % ≤ C &lt; 1 %</t>
  </si>
  <si>
    <t>H360FD H373 **</t>
  </si>
  <si>
    <t>H360F *** H301</t>
  </si>
  <si>
    <t>H373 ** H412</t>
  </si>
  <si>
    <t>H373 ** H335</t>
  </si>
  <si>
    <t>α, α, α-trichlorotoluene;</t>
  </si>
  <si>
    <t>STOT RE 2; H373: C ≥ 0,005  %</t>
  </si>
  <si>
    <t>H373 ** H362</t>
  </si>
  <si>
    <t>dicophane;1,1,1-trichloro-2,2-bis(4-chlorophenyl)ethane; dichlorodiphenyltrichloroethane</t>
  </si>
  <si>
    <t>α, α, α-trifluorotoluene;</t>
  </si>
  <si>
    <t>H360F *** H332</t>
  </si>
  <si>
    <t>Unst. Expl. Carc. 2</t>
  </si>
  <si>
    <t>3-chloro-4,5,α, α, α-pentafluorotoluene</t>
  </si>
  <si>
    <t>H373 ** H317</t>
  </si>
  <si>
    <t>dichloro [(dichlorophenyl)methyl]methylbenzene, reaction mass of isomers; (dichlorophenyl)(dichlorotolyl)methane, reaction mass of isomers (IUPAC)</t>
  </si>
  <si>
    <t>Carc. 1B; H350: C ≥ 0,01  % STOT SE 3; H335:C≥5 %</t>
  </si>
  <si>
    <t>Carc. 2; H351: C</t>
  </si>
  <si>
    <t>≥ 0,1  %</t>
  </si>
  <si>
    <t>H360F *** H373 **</t>
  </si>
  <si>
    <t>H361f *** H311</t>
  </si>
  <si>
    <t>α, α, α,4-tetrachlorotoluene;</t>
  </si>
  <si>
    <t>H361f *** H372 **</t>
  </si>
  <si>
    <t>H361f *** H372 ** H312</t>
  </si>
  <si>
    <t>diphenylether;</t>
  </si>
  <si>
    <t>octabromo derivate</t>
  </si>
  <si>
    <t>H361d *** H302</t>
  </si>
  <si>
    <t>2-chloro-4-fluoro-5-nitrophenyl(isobutyl)carbonate</t>
  </si>
  <si>
    <t>hexabromocyclododecane [1]</t>
  </si>
  <si>
    <t>STOT SE 1; H370: C≥10 %</t>
  </si>
  <si>
    <t>STOT SE 2; H371: 3 % ≤ C&lt;10 %</t>
  </si>
  <si>
    <t>pentanol isomers, with the exception of those specified elsewhere in this Annex</t>
  </si>
  <si>
    <t>Acute Tox. 4 * STOT SE 3</t>
  </si>
  <si>
    <t>H360FD H332</t>
  </si>
  <si>
    <t>H360FD H331</t>
  </si>
  <si>
    <t>ethyleneglycol monobutyl ether;</t>
  </si>
  <si>
    <t>4-hydroxy-4-methylpentan-2-one; diacetone alcohol</t>
  </si>
  <si>
    <t>Eye Irrit. 2; H319: C≥ 10 %</t>
  </si>
  <si>
    <t>STOT SE 3; H335: C≥25 % Eye Irrit.2;</t>
  </si>
  <si>
    <t>H319: C ≥ 25 %</t>
  </si>
  <si>
    <t>1-chloro-2,3-epoxypropane; epichlorhydrin</t>
  </si>
  <si>
    <t>[&gt;25 % phlegmatiser]</t>
  </si>
  <si>
    <t>glycerol trinitrate; nitroglycerine</t>
  </si>
  <si>
    <t>Acute Tox. 2 * Acute Tox. 1</t>
  </si>
  <si>
    <t>glycerol trinitrate; nitroglycerine; [&gt;40 % phlegmatiser]</t>
  </si>
  <si>
    <t>pentaerythritol tetranitrate; pentaerythrite tetranitrate; P.E.T.N.</t>
  </si>
  <si>
    <t>pentaerythritol tetranitrate; pentaerythrite tetranitrate; P.E.T.N.;[&gt;20 % phlegmatiser]</t>
  </si>
  <si>
    <t>mannitol hexanitrate; nitromannite</t>
  </si>
  <si>
    <t>cellulose nitrate; nitrocellulose</t>
  </si>
  <si>
    <t>allyl glycidyl ether; allyl 2,3-epoxypropyl ether; prop-2-en-1-yl 2,3-epoxypropyl ether</t>
  </si>
  <si>
    <t>Acute Tox. 4 * Acute Tox. 4 * STOT SE 3</t>
  </si>
  <si>
    <t>H361f *** H332</t>
  </si>
  <si>
    <t>butyl glycidyl ether; butyl 2,3-epoxypropyl ether</t>
  </si>
  <si>
    <t>sodium methanolate; sodium methoxide; [1] potassium methanolate; potassium methoxide; [2] lithium methanolate; lithium methoxide [3]</t>
  </si>
  <si>
    <t>potassium ethanolate; potassium ethoxide; [1] sodium ethanolate; sodium ethoxide [2]</t>
  </si>
  <si>
    <t>triarimol (ISO); 2,4-dichloro-α-(pyrimidin-5-yl)benzhydryl alcohol</t>
  </si>
  <si>
    <t>dicofol (ISO); 2,2,2-trichloro-1,1-bis(4-chlorophenyl)ethanol</t>
  </si>
  <si>
    <t>Acute Tox. 4 * Acute Tox. 4 *</t>
  </si>
  <si>
    <t>diisopropyl ether; [1] dipropyl ether [2]</t>
  </si>
  <si>
    <t>bis(chloromethyl) ether; oxybis(chloromethane)</t>
  </si>
  <si>
    <t>Acute Tox. 2 * Acute Tox. 3 * Acute Tox. 4 *</t>
  </si>
  <si>
    <t>Carc. 1A; H350: C ≥ 0,001  %</t>
  </si>
  <si>
    <t>Acute Tox. 4 * Acute Tox. 4 * Acute Tox. 4 *</t>
  </si>
  <si>
    <t>STOT SE 3; H335: C≥5 %</t>
  </si>
  <si>
    <t>chlorfenethol (ISO); 1,1-bis (4-chlorophenyl) ethanol</t>
  </si>
  <si>
    <t>3-butoxypropan-2-ol; propylene glycol monobutyl ether</t>
  </si>
  <si>
    <t>STOT SE 3; H335: C≥10 %</t>
  </si>
  <si>
    <t>2,2'-bioxirane; 1,2:3,4-diepoxybutane</t>
  </si>
  <si>
    <t>Carc. 1B Muta. 1B</t>
  </si>
  <si>
    <t>Acute Tox. 2 * Acute Tox. 3 * Acute Tox. 3 *</t>
  </si>
  <si>
    <t>tetrahydro-2-furyl-methanol; tetrahydrofurfuryl alcohol</t>
  </si>
  <si>
    <t>Repr. 1B Eye Irrit. 2</t>
  </si>
  <si>
    <t>STOT SE 3; H335: C ≥10 %</t>
  </si>
  <si>
    <t>2,3-epoxypropan-1-ol; glycidol; oxiranemethanol</t>
  </si>
  <si>
    <t>Acute Tox. 3 * Acute Tox. 4 *</t>
  </si>
  <si>
    <t>H360F *** H331</t>
  </si>
  <si>
    <t>1-methoxy-2-propanol; monopropylene glycol methyl ether</t>
  </si>
  <si>
    <t>resorcinol diglycidyl ether;1,3-bis(2,3-epoxypropoxy)benzene</t>
  </si>
  <si>
    <t>1,2-epoxy-4-epoxyethylcyclohexane; 4-vinylcyclohexene diepoxide</t>
  </si>
  <si>
    <t>Acute Tox. 3 * Acute Tox. 3 *</t>
  </si>
  <si>
    <t>phenyl glycidyl ether; 2,3-epoxypropyl phenyl ether;1,2-epoxy-3-phenoxypropane</t>
  </si>
  <si>
    <t>2,3-epoxypropyl-2-ethylcyclohexyl ether; ethylcyclohexylglycidyl ether</t>
  </si>
  <si>
    <t>2,2'-iminodiethanol; diethanolamine</t>
  </si>
  <si>
    <t>Acute Tox. 4 * STOT RE 2 *</t>
  </si>
  <si>
    <t>1,4-bis(2,3 epoxypropoxy)butane; butanedioldiglycidyl ether</t>
  </si>
  <si>
    <t>Eye Irrit. 2; H319: C≥ 5 % Skin Irrit. 2; H315: C≥5 %</t>
  </si>
  <si>
    <t>reaction product: bisphenol-A-(epichlorhydrin); epoxy resin (number average molecular weight ≤ 700)</t>
  </si>
  <si>
    <t>Eye Irrit. 2; H319: C ≥ 5 % Skin Irrit 2; H315: C≥ 5 %</t>
  </si>
  <si>
    <t>chlormethyl methyl ether; chlorodimethyl ether</t>
  </si>
  <si>
    <t>but-2-yne-1,4-diol; 2-butyne-1,4-diol</t>
  </si>
  <si>
    <t>Acute Tox. 3 * Acute Tox. 3 * Acute Tox. 4 * STOT RE 2 *</t>
  </si>
  <si>
    <t>Skin Corr. 1B; H314: C≥50 % Skin Irrit. 2; H315: 25 %≤ C &lt; 50 %</t>
  </si>
  <si>
    <t>Eye Irrit. 2; H319: 25 %≤</t>
  </si>
  <si>
    <t>C&lt;50 %</t>
  </si>
  <si>
    <t>1-dimethylaminopropan-2-ol; dimepranol (INN)</t>
  </si>
  <si>
    <t>prop-2-yn-1-ol; propargyl alcohol</t>
  </si>
  <si>
    <t>2,2'-thiodiethanol; thiodiglycol</t>
  </si>
  <si>
    <t>1-aminopropan-2-ol; isopropanolamine</t>
  </si>
  <si>
    <t>1,1'-iminodipropan-2-ol; di-isopropanolamine</t>
  </si>
  <si>
    <t>styrene oxide;(epoxyethyl)benzene; phenyloxirane</t>
  </si>
  <si>
    <t>bronopol (INN); 2-bromo-2-nitropropane-1,3-diol</t>
  </si>
  <si>
    <t>ethirimol (ISO); 5-butyl-2-ethylamino-6-methylpyrimidin-4-ol</t>
  </si>
  <si>
    <t>2-ethylhexane-1,3-diol; octylene glycol; ethoexadiol</t>
  </si>
  <si>
    <t>2-(octylthio)ethanol; 2-hydroxyethyl octyl sulphide</t>
  </si>
  <si>
    <t>cinmethylin (ISO); exo-(±)-1-methyl-2-(2-methylbenzyloxy)-4-isopropyl-7-oxabicyclo(2.2.1)heptane</t>
  </si>
  <si>
    <t>2-(propyloxy)ethanol; EGPE</t>
  </si>
  <si>
    <t>2-(2-butoxyethoxy)ethanol; diethylene glycol monobutyl ether</t>
  </si>
  <si>
    <t>1,1’,1’-nitrilotripropan-2-ol; triisopropanolamine</t>
  </si>
  <si>
    <t>fenarimol (ISO); 2,4'-dichloro-α-(pyrimidin-5-yl)benzhydryl alcohol</t>
  </si>
  <si>
    <t>Acute Tox. 4 * Acute Tox. 4 * STOT RE 2 *</t>
  </si>
  <si>
    <t>H360D *** H335</t>
  </si>
  <si>
    <t>2-(2-methoxyethoxy)ethanol; diethylene glycol monomethyl ether</t>
  </si>
  <si>
    <t>2-methylpropan-1-ol; iso-butanol</t>
  </si>
  <si>
    <t>reaction mass of: 1-ethoxy-1,1,2,3,3,3-hexafluoro-2-(trifluoromethyl)propane; 1-ethoxy-1,1,2,2,3,3,4,4,4-nonafluorobutane</t>
  </si>
  <si>
    <t>H373** H413</t>
  </si>
  <si>
    <t>propan-2-ol; isopropyl alcohol; isopropanol</t>
  </si>
  <si>
    <t>reaction mass of: 1-deoxy-1-[methyl-(1-oxododecyl)amino]-D-glucitol; 1-deoxy-1-[methyl-(1-oxotetradecyl)amino]-D-glucitol (3:1)</t>
  </si>
  <si>
    <t>reaction mass of: 3-[(4-amino-2-chloro-5-nitrophenyl)amino]-propane-1,2-diol; 3,3'-(2-chloro-5-nitro-1,4-phenylenediimino)bis(propan-1,2-diol)</t>
  </si>
  <si>
    <t>reaction mass of:1-deoxy-1-[methyl-(1-oxohexadecyl)amino]-D-glucitol; 1-deoxy-1-[methyl-(1-oxooctadecyl)amino]-D-glucitol</t>
  </si>
  <si>
    <t>3-(2,2-dimethyl-3-hydroxypropyl)toluene;(alt.): 2,2-dimethyl-3-(3-methylphenyl)propanol</t>
  </si>
  <si>
    <t>2,2' -oxybisethanol; diethylene glycol</t>
  </si>
  <si>
    <t>reaction mass of: dodecyloxy-1-methyl-1-[oxy-poly-(2-hydroxymethylethanoxy)]pentadecane; dodecyloxy-1-methyl-1-[oxy-poly-(2-hydroxymethylethanoxy)]heptadecane</t>
  </si>
  <si>
    <t>Self-react. C **** Carc. 1B</t>
  </si>
  <si>
    <t>Reaction mass of: 2,6,9-trimethyl-2,5,9-cyclododecatrien-1-ol; 6,9-dimethyl-2-methylen-5,9-cyclododecadien-1-ol</t>
  </si>
  <si>
    <t>reaction mass of: diastereoisomers of 1-(1-hydroxyethyl)-4-(1-methylethyl)cyclohexane</t>
  </si>
  <si>
    <t>H361f *** H373 ** H318</t>
  </si>
  <si>
    <t>reaction mass of: 4 diastereoisomers of 2,7-dimethyl-10-(1-methylethyl)-1-oxaspiro[4.5]deca-3,6-diene</t>
  </si>
  <si>
    <t>α[2-[[[(2-hydroxyethyl)methylamino]acetyl]amino]propyl]-ω nonylphenoxy)poly[oxo(methyl-1,2-ethanediyl)]</t>
  </si>
  <si>
    <t>reaction mass of: 4-allyl-2,6-bis(2,3-epoxypropyl)phenol; 4-allyl-6-[3-[6-[3-[6-[3-(4-allyl-2,6-bis(2,3-epoxypropyl)phenoxy)-2-hydroxypropyl]-4-allyl-2-(2,3-epoxypropyl)phenoxy]-2-hydroxypropyl]-4-allyl-2-(2,3-epoxypropyl)phenoxy]-2-hydroxypropyl]-2-(2,3-epoxypropyl)phenol; 4-allyl-6-[3-(4-allyl-2,6-bis(2,3-epoxypropyl)phenoxy)-2-hydroxypropyl]-2-(2,3-epoxypropyl)phenol; 4-allyl-6-[3-[6-[3-(4-allyl-2,6-bis(2,3-epoxypropyl)phenoxy)-2-hydroxypropyl]-4-allyl-2-(2,3-epoxypropyl)phenoxy]-2-hydroxypropyl]-2-(2,3-epoxypropyl)phenol</t>
  </si>
  <si>
    <t>Acute Tox. 3 * Acute Tox. 3 * Acute Tox. 3 *</t>
  </si>
  <si>
    <t>reaction mass of: 2-methyl-1-(6-methylbicyclo[2.2.1]hept-5-en-2-yl)pent-1-en-3-ol; 2-methyl-1-(1-methylbicyclo[2.2.1]hept-5-en-2-yl)-pent-1-en-3-ol; 2-methyl-1-(5-methylbicyclo[2.2.1]hept-5-en-2-yl)pent-1-en-3-ol</t>
  </si>
  <si>
    <t>mono-2-[2-(4-dibenzo[b, f][1,4]thiazepin-11-yl)piperazinium-1-yl]ethoxy)ethanol trans-butenedioate</t>
  </si>
  <si>
    <t>2-(2-hexyloxyethoxy)ethanol; DEGHE; diethylene glycol monohexyl ether; 3,6-dioxa-1-dodecanol; hexyl carbitol; 3,6-dioxadodecan-1-ol</t>
  </si>
  <si>
    <t>1,2-bis(2-methoxyethoxy)ethane; TEGDME; triethylene glycol dimethyl ether; triglyme</t>
  </si>
  <si>
    <t>1-ethoxypropan-2-ol; 2PG1EE; 1-ethoxy-2-propanol; propylene glycol monoethyl ether; [1] 2-ethoxy-1-methylethyl acetate; 2PG1EEA [2]</t>
  </si>
  <si>
    <t>2-hexyloxyethanol; ethylene glycol monohexyl ether; n-hexylglycol</t>
  </si>
  <si>
    <t>ergocalciferol (ISO); Vitamin D2</t>
  </si>
  <si>
    <t>Acute Tox. 2 * Acute Tox. 3 * Acute Tox. 3 * STOT RE 1</t>
  </si>
  <si>
    <t>STOT RE 2; H373: 0,3 % ≤ C &lt; 3 %</t>
  </si>
  <si>
    <t>2-[2-(2-butoxyethoxy)ethoxy]ethanol; TEGBE; triethylene glycol monobutylether; butoxytriethylene glycol</t>
  </si>
  <si>
    <t>Eye Dam.1; H318: C≥30 % Eye Irrit. 2; H319: 20 % ≤C&lt; 30 %</t>
  </si>
  <si>
    <t>reaction mass of: 6,7-epoxy-1,2,3,4,5,6,7,8-octahydro-1,1,2,4,4,7-hexamethylnaphthalene; 7,8-epoxy-1,2,3,4,6,7,8,8a-octahydro-1,1,2,4,4,7-hexamethylnaphthalene</t>
  </si>
  <si>
    <t>2-(2-aminoethylamino)ethanol; (AEEA)</t>
  </si>
  <si>
    <t>etoxazol (ISO); (RS)-5-tert-butyl-2-[2-(2,6-difluorophenyl)-4,5-dihydro-1,3-oxazol-4-yl]phenetole</t>
  </si>
  <si>
    <t>1-pentanol; [1] 3-pentanol [2]</t>
  </si>
  <si>
    <t>reaction mass of: 2,2'-(heptane-1,7-diyl)bis-1,3-dioxolane; 2,2'-(heptane-1,6-diyl)bis-1,3-dioxolane</t>
  </si>
  <si>
    <t>H372** H302</t>
  </si>
  <si>
    <t>Repr. 1A Eye Irrit. 2</t>
  </si>
  <si>
    <t>-[1]</t>
  </si>
  <si>
    <t>2,3-epoxypropyltrimethylammonium chloride … %; glycidyl trimethylammonium chloride … %</t>
  </si>
  <si>
    <t>H361f*** H312</t>
  </si>
  <si>
    <t>1-(2-amino-5-chlorophenyl)-2,2,2-trifluoro-1,1-ethanediol, hydrochloride; [containing &lt; 0,1 % 4-chloroaniline (EC No 203-401-0)]</t>
  </si>
  <si>
    <t>Skin Corr. 1B Aquatic Chronic 2</t>
  </si>
  <si>
    <t>1-(2-amino-5-chlorophenyl)-2,2,2-trifluoro-1,1-ethanediol, hydrochloride; [containing ≥ 0,1 % 4-chloroaniline (EC No 203-401-0)]</t>
  </si>
  <si>
    <t>2-cyclopentylidene cyclopentanol 1,1'-bi(cyclopentyliden)-2-ol</t>
  </si>
  <si>
    <t>α-hydro-ω-[[[(1,1-dimethylethyl)dioxy]carbonyl]oxy]-poly[oxy(methyl-1,2-ethanediyl)] ether with 2,2-bis(hydroxymethyl)-1,3-propanediol (4:1); reaction product of: α-hydro-ω-((chlorocarbonyl)oxy)-poly(oxy(methyl-1,2-ethanediyl)) ether with 2,2-bis(hydroxymethyl)-1,3-propanediol with potassium 1,1-dimethylethylperoxalate</t>
  </si>
  <si>
    <t>**** H400</t>
  </si>
  <si>
    <t>**** GHS09</t>
  </si>
  <si>
    <t>**** H410</t>
  </si>
  <si>
    <t>phenol; carbolic acid; monohydroxybenzene; phenylalcohol</t>
  </si>
  <si>
    <t>Acute Tox. 3 * STOT RE 2 *</t>
  </si>
  <si>
    <t>Skin Corr. 1B; H314: C ≥ 3 %</t>
  </si>
  <si>
    <t>Skin Irrit. 2; H315 1 % ≤ C&lt;3 %</t>
  </si>
  <si>
    <t>Eye Irrit. 2; H319:1 % ≤C&lt;3 %</t>
  </si>
  <si>
    <t>Acute Tox. 2 * Acute Tox. 3 *</t>
  </si>
  <si>
    <t>sodiumpentachlorophenolate; [1] potassium pentachlorophenolate[2]</t>
  </si>
  <si>
    <t>1,4-dihydroxybenzene; hydroquinone; quinol</t>
  </si>
  <si>
    <t>3,4-xylenol; [1] 2,5-xylenol; [2] 2,4-xylenol; [3] 2,3-xylenol; [4] 2,6-xylenol; [5] xylenol; [6] 2,4(or 2,5)-xylenol [7]</t>
  </si>
  <si>
    <t>Acute Tox. 4 * Aquatic Acute 1</t>
  </si>
  <si>
    <t>2-chlorophenol; [1] 4-chlorophenol; [2] 3-chlorophenol; [3] chlorophenol [4]</t>
  </si>
  <si>
    <t>pyrogallol; 1,2,3-trihydroxybenzene</t>
  </si>
  <si>
    <t>resorcinol; 1,3-benzenediol</t>
  </si>
  <si>
    <t>Skin Corr. 1A Aquatic Acute 1</t>
  </si>
  <si>
    <t>STOT SE 3; H335: C≥1 %</t>
  </si>
  <si>
    <t>Eye Irrit. 2; H319:C≥5 % Skin Irrit. 2;</t>
  </si>
  <si>
    <t>H315: C≥5 %</t>
  </si>
  <si>
    <t>2,2'-methylenebis-(3,4,6-trichlorophenol); hexachlorophene</t>
  </si>
  <si>
    <t>ATE = 600 mg/kg bw</t>
  </si>
  <si>
    <t>Eye Irrit. 2; H319: C≥5 %</t>
  </si>
  <si>
    <t>Skin Irrit.2; H315: C ≥5 %</t>
  </si>
  <si>
    <t>2-phenylphenol (ISO)biphenyl-2-ol; 2-hydroxybiphenyl;</t>
  </si>
  <si>
    <t>sodium 2-biphenylate; 2-phenylphenol, sodium salt</t>
  </si>
  <si>
    <t>Skin Corr. 1B Aquatic Acute 1</t>
  </si>
  <si>
    <t>H360F *** H319</t>
  </si>
  <si>
    <t>3,5-xylenol; 3,5-dimethylphenol</t>
  </si>
  <si>
    <t>4-chloro-3,5-dimethylphenol; [1] chloroxylenol [2]</t>
  </si>
  <si>
    <t>ethyl 2-[4-[(6-chlorobenzoxazol-2-yl)oxy]phenoxy]propionate; fenoxaprop-ethyl</t>
  </si>
  <si>
    <t>acifluorfen (ISO); 5-[2-chloro-4-(trifluoromethyl)phenoxy]-2-nitrobenzoic acid [1] sodium 5-[2-chloro-4-(trifluoromethyl) phenoxy]-2-nitrobenzoate; acifluorfen-sodium [2]</t>
  </si>
  <si>
    <t>monobenzone; 4-hydroxyphenyl benzyl ether; hydroquinone monobenzyl ether</t>
  </si>
  <si>
    <t>mequinol; 4-methoxyphenol; hydroquinone monomethyl ether</t>
  </si>
  <si>
    <t>reaction mass of: 2,2'-[[(2-hydroxyethyl)imino]bis(methylene)bis[4-dodecylphenol]; formaldehyde, oligomer with 4-dodecyl phenol and 2-aminoethanol(n = 2); formaldehyde, oligomer with 4-dodecyl phenol and 2-aminoethanol(n = 3, 4 and higher)</t>
  </si>
  <si>
    <t>triclosan;2,4,4'-trichloro-2'-hydroxy-diphenyl-ether; 5-chloro-2-(2,4-dichlorophenoxy)phenol</t>
  </si>
  <si>
    <t>4,4'-(1-{4-[1-(4-hydroxyphenyl)-1-methylethyl]phenyl}ethylidene)diphenol</t>
  </si>
  <si>
    <t>Repr. 1B Skin Sens. 1</t>
  </si>
  <si>
    <t>H360F*** H317</t>
  </si>
  <si>
    <t>tetrabromobisphenol-A; 2,2', 6,6'-tetrabromo-4,4'-isopropylidenediphenol</t>
  </si>
  <si>
    <t>Carc. 1B; H350: C ≥1 %</t>
  </si>
  <si>
    <t>H361f*** H317</t>
  </si>
  <si>
    <t>reaction mass of: 1,2-naphthoquinonediazide-5-sulfonylchloride (or sulfonic acid)monoester with 4,4'-(1-(4-(1-(4-hydroxyphenyl)-1-methylethyl)phenyl)ethylidene)bisphenol; 1,2-naphthoquinonediazide-5-sulfonylchloride(or sulfonicacid)diester with 4,4'-(1-(4-(1-(4-hydroxyphenyl)-1-methylethyl)phenyl)ethylidene)bisphenol; 1,2-naphthoquinonediazide-5-sulfonylchloride (or sulfonic acid)triester with 4,4'-(1-(4-(1-(4-hydroxyphenyl)-1-methylethyl)phenyl)ethylidene)bisphenol</t>
  </si>
  <si>
    <t>H361d*** H373** H304</t>
  </si>
  <si>
    <t>604-094-00-X</t>
  </si>
  <si>
    <t>Skin Sens. 1A; H317: C ≥ 0,01 %</t>
  </si>
  <si>
    <t>Acute Tox. 3* Acute Tox. 3* Acute Tox. 3*</t>
  </si>
  <si>
    <t>Skin Corr. 1B; H314: C ≥25 % Skin Irrit. 2; H315: 5 % ≤C</t>
  </si>
  <si>
    <t>&lt; 25 %</t>
  </si>
  <si>
    <t>&lt;25 %</t>
  </si>
  <si>
    <t>STOT SE 3; H335: C ≥ 5 % SkinSens.; H317: C ≥ 0,2  %</t>
  </si>
  <si>
    <t>1,3,5-trioxan; trioxymethylene</t>
  </si>
  <si>
    <t>H361d *** H335</t>
  </si>
  <si>
    <t>2,4,6-trimethyl-1,3,5-trioxane; paraldehyde</t>
  </si>
  <si>
    <t>2,4,6,8-tetramethyl-1,3,5,7-tetraoxacyclooctane; metaldehyde</t>
  </si>
  <si>
    <t>1,1-dimethoxyethane; dimethyl acetal</t>
  </si>
  <si>
    <t>acrolein; prop-2-enal; acrylaldehyde</t>
  </si>
  <si>
    <t>Skin Corr. 1B; H314:C≥ 0,1  %</t>
  </si>
  <si>
    <t>Acute Tox. 2 * Acute Tox. 3 * Acute Tox. 3 * STOT RE 2 * STOT SE 3</t>
  </si>
  <si>
    <t>chloral hydrate; 2,2,2-trichloroethane-1,1-diol</t>
  </si>
  <si>
    <t>Acute Tox. 3 * Eye Irrit. 2</t>
  </si>
  <si>
    <t>1,1-diethoxyethane; acetal</t>
  </si>
  <si>
    <t>glyoxal…%; ethandial…%</t>
  </si>
  <si>
    <t>propanal; propionaldehyde</t>
  </si>
  <si>
    <t>safrole; 5-allyl-1,3-benzodioxole</t>
  </si>
  <si>
    <t>STOT SE 3; H335: 0,5 % ≤ C &lt; 5 %</t>
  </si>
  <si>
    <t>STOT SE 3; H335: C≥ 5 %</t>
  </si>
  <si>
    <t>reaction mass of: 2,2-dimethoxyethanal [this component is considered to be anhydrous in terms of identity, structure and composition. However, 2,2-dimethoxyethanal will exist in a hydrated form. 60 % anhydrous is equivalent to 70,4 % hydrate; water (Including free water and water in hydrated 2,2-dimethoxyethanal)]</t>
  </si>
  <si>
    <t>acetone; propan-2-one; propanone</t>
  </si>
  <si>
    <t>butanone; ethyl methyl ketone</t>
  </si>
  <si>
    <t>heptan-3-one; butyl ethyl ketone</t>
  </si>
  <si>
    <t>4-methylpentan-2-one; isobutyl methyl ketone</t>
  </si>
  <si>
    <t>2,6-dimethylheptan-4-one; di-isobutyl ketone</t>
  </si>
  <si>
    <t>pentan-3-one; diethyl ketone</t>
  </si>
  <si>
    <t>3-methylbutan-2-one; methyl isopropyl ketone</t>
  </si>
  <si>
    <t>4-methylpent-3-en-2-one; mesityl oxide</t>
  </si>
  <si>
    <t>3,5,5-trimethylcyclohex-2-enone; isophorone</t>
  </si>
  <si>
    <t>C ≥ 0,003 %</t>
  </si>
  <si>
    <t>STOT RE 1; H372 (blood): C ≥ 0,1 %</t>
  </si>
  <si>
    <t>0,01 % ≤ C &lt; 0,1 %</t>
  </si>
  <si>
    <t>pindone (ISO); 2-pivaloylindan-1,3-dione</t>
  </si>
  <si>
    <t>Acute Tox. 3 * STOT RE 1</t>
  </si>
  <si>
    <t>H372 ** H400</t>
  </si>
  <si>
    <t>diketene; diketen</t>
  </si>
  <si>
    <t>dichlone (ISO); 2,3-dichloro-1,4-naphthoquinone</t>
  </si>
  <si>
    <t>STOT SE 3; H335: C ≥ 10 %</t>
  </si>
  <si>
    <t>heptan-2-one; methyl amyl ketone</t>
  </si>
  <si>
    <t>5-methylhexan-2-one; isoamyl methyl ketone</t>
  </si>
  <si>
    <t>2,4-dimethylpentan-3-one; di-isopropyl ketone</t>
  </si>
  <si>
    <t>pentane-2,4-dione; acetylacetone</t>
  </si>
  <si>
    <t>H361f *** H372 ** H336</t>
  </si>
  <si>
    <t>3-propanolide;1,3-propiolactone</t>
  </si>
  <si>
    <t>2-(3,4-dichlorophenyl)-4-methyl-1,2,4-oxadiazolidinedione; methazole</t>
  </si>
  <si>
    <t>chloridazon (ISO); 5-amino-4-chloro-2-phenylpyridazine-3-(2H)-one; pyrazon</t>
  </si>
  <si>
    <t>triadimefon (ISO); 1-(4-chlorophenoxy)-3,3-dimethyl-1-(1,2,4-triazol-1-yl)butanone</t>
  </si>
  <si>
    <t>diphacinone (ISO); 2-diphenylacetylindan-1,3-dione</t>
  </si>
  <si>
    <t>Acute Tox. 2 * STOT RE 1</t>
  </si>
  <si>
    <t>H360D *** H318</t>
  </si>
  <si>
    <t>butroxydim (ISO); 5-(3-butyryl-2,4,6-trimethylphenyl)-2-[1-(ethoxyimino)propyl]-3-hydroxycyclohex-2-en-1-one</t>
  </si>
  <si>
    <t>4,4'-bis(dimethylamino)benzophenone; Michler's ketone</t>
  </si>
  <si>
    <t>H372 ** H317</t>
  </si>
  <si>
    <t>reaction mass of: 1,4-diamino-2-chloro-3-phenoxyanthraquinone; 1,4-diamino-2,3-bis-phenoxyanthraquinone</t>
  </si>
  <si>
    <t>reaction mass of: 1,5-bis[(2-ethylhexyl)amino]-9,10-anthracenedione; 1-[(2-ethylhexyl)amino]-5-[3-[(2-ethylhexyl)oxy]propyl]amino-9,10-anthracenedione; 1,5-bis[3-[(2-ethylhexyl)oxy]propyl]amino-9,10-anthracenedione; 1-[(2-ethylhexyl)amino]-5-[(3-methoxypropyl)amino]-9,10-anthracenedione; 1-[3-[(2-ethylhexyl)oxy]propyl]amino-5-[(3-methoxypropyl)amino]-9,10-anthracenedione; 1,5-bis[(3-methyloxypropyl)amino]-9,10-anthracenedione</t>
  </si>
  <si>
    <t>H373** H317</t>
  </si>
  <si>
    <t>H373** H315</t>
  </si>
  <si>
    <t>STOT RE 2 * Aquatic Acute 1</t>
  </si>
  <si>
    <t>H373** H400</t>
  </si>
  <si>
    <t>H360F*** H373** H411</t>
  </si>
  <si>
    <t>Wn</t>
  </si>
  <si>
    <t>abamectin (combination of avermectin B1a and avermectin B1b) (ISO) [1] avermectin B1a (purity ≥ 80 %); [2]</t>
  </si>
  <si>
    <t>H372 (nervous system) H400</t>
  </si>
  <si>
    <t>H372 (nervous system) H410</t>
  </si>
  <si>
    <t>STOT RE 1; H372: C ≥ 5 % STOT RE 2; H373: 0,5  %</t>
  </si>
  <si>
    <t>≤C&lt; 5 %</t>
  </si>
  <si>
    <t>acequinocyl (ISO); 3-dodecyl-1,4-dioxo-1,4-dihydronaphthalen-2-yl acetate</t>
  </si>
  <si>
    <t>H370 (lung) (inhalation) H373 (blood system)</t>
  </si>
  <si>
    <t>sulcotrione (ISO); 2-[2-chloro-4-(methylsulfonyl)benzoyl]cyclohexane-1,3-dione</t>
  </si>
  <si>
    <t>H361d H373 (kidneys) H317</t>
  </si>
  <si>
    <t>formic acid … %</t>
  </si>
  <si>
    <t>Skin Corr. 1A; H314: C ≥ 90 % Skin Corr. 1B; H314: 10 % ≤ C &lt; 90 %</t>
  </si>
  <si>
    <t>Skin Irrit. 2; H315: 2 % ≤C</t>
  </si>
  <si>
    <t>Eye Irrit. 2; H319: 2 %≤</t>
  </si>
  <si>
    <t>&lt;10 %</t>
  </si>
  <si>
    <t>acetic acid … %</t>
  </si>
  <si>
    <t>Skin Corr. 1A; H314: C ≥90 % Skin Corr. 1B; H314: 25 %≤ C &lt;90 %</t>
  </si>
  <si>
    <t>Skin Irrit. 2; H315: 10 % ≤C &lt;25 %</t>
  </si>
  <si>
    <t>TCA (ISO); trichloroacetic acid</t>
  </si>
  <si>
    <t>TCA-sodium (ISO); sodium trichloroacetate</t>
  </si>
  <si>
    <t>salts of oxalic acid (with the exception of those specified elsewhere in this Annex)</t>
  </si>
  <si>
    <t>Skin Corr. 1B; H314: C ≥ 2 % Skin Irrit. 2; H315: 5 % ≤C</t>
  </si>
  <si>
    <t>Eye Dam. 1; H318: 5 % ≤ C</t>
  </si>
  <si>
    <t>Eye Irrit. 2; H319: 1 % ≤C</t>
  </si>
  <si>
    <t>propyl formate; [1] isopropyl formate [2]</t>
  </si>
  <si>
    <t>isopentyl formate; [1] 2-methylbutyl formate [2]</t>
  </si>
  <si>
    <t>Acute Tox. 2 * Acute Tox. 4 *</t>
  </si>
  <si>
    <t>propyl acetate; [1] isopropyl acetate [2]</t>
  </si>
  <si>
    <t>Skin Irrit. 2; H315: C ≥ 5 % Eye Irrit. 2; H319: C ≥ 5 % STOT SE 3; H335: C ≥ 5 %</t>
  </si>
  <si>
    <t>methyl acrylate; methyl propenoate</t>
  </si>
  <si>
    <t>methyl methacrylate; methyl 2-methylprop-2-enoate; methyl 2-methylpropenoate</t>
  </si>
  <si>
    <t>2-methoxyethyl acetate; methylglycol acetate</t>
  </si>
  <si>
    <t>2-ethoxyethyl acetate; ethylglycol acetate</t>
  </si>
  <si>
    <t>2-butoxyethyl acetate; butylglycol acetate</t>
  </si>
  <si>
    <t>2,4-D (ISO); 2,4-dichlorophenoxyacetic acid</t>
  </si>
  <si>
    <t>2,4,5-T (ISO); 2,4,5-trichlorophenoxy acetic acid</t>
  </si>
  <si>
    <t>salts and esters of 2,4,5-T; salts and esters of 2,4,5-trichlorophenoxy acetic acid</t>
  </si>
  <si>
    <t>dicamba (ISO); 2,5-dichloro-6-methoxybenzoic acid; 3,6-dichloro-2-methoxybenzoic acid</t>
  </si>
  <si>
    <t>dichlorprop (ISO); 2-(2,4-dichlorophenoxy)propionic acid</t>
  </si>
  <si>
    <t>fenoprop (ISO); 2-(2,4,5-trichlorophenoxy)propionic acid</t>
  </si>
  <si>
    <t>salts of fenoprop; salts of 2-(2,4,5-trichlorophenoxy)propionic acid</t>
  </si>
  <si>
    <t>endothal-sodium (ISO); disodium 7-oxabicyclo(2,2,1)heptane-2,3-dicarboxylate</t>
  </si>
  <si>
    <t>STOT RE 1; H372 (blood): C ≥ 0,5 %</t>
  </si>
  <si>
    <t>STOT RE 2; H373 (blood): 0,05 % ≤ C &lt; 0,5 %</t>
  </si>
  <si>
    <t>coumachlor (ISO); 3-[1-(4-chlorophenyl)-3-oxobutyl]-4-hydroxycoumarin</t>
  </si>
  <si>
    <t>Repr. 1B; H360D: C ≥ 0,003 %</t>
  </si>
  <si>
    <t>STOT RE 1; H372 (blood): C ≥ 1,0 %</t>
  </si>
  <si>
    <t>STOT RE 2; H373 (blood) 0,1 % ≤ C &lt; 1,0 %</t>
  </si>
  <si>
    <t>acrylic acid; prop-2-enoic acid</t>
  </si>
  <si>
    <t>Skin Sens. 1; H317: C ≥ 0,2  %</t>
  </si>
  <si>
    <t>4-CPA (ISO); 4-chlorophenoxyacetic acid</t>
  </si>
  <si>
    <t>chlorfenac(ISO); 2,3,6-trichlorophenylacetic acid</t>
  </si>
  <si>
    <t>chlorfenprop-methyl; methyl 2-chloro-3-(4-chlorophenyl)propionate</t>
  </si>
  <si>
    <t>dodine(ISO); dodecylguanidinium acetate</t>
  </si>
  <si>
    <t>erbon (ISO); 2-(2,4,5-trichlorophenoxy)ethyl2,2-dichloropropionate</t>
  </si>
  <si>
    <t>fluenetil (ISO); 2-fluoroethyl biphenyl-4-ylacetate</t>
  </si>
  <si>
    <t>Acute Tox. 3 * Acute Tox. 3 * Acute Tox. 3 * STOT RE 1</t>
  </si>
  <si>
    <t>2,4-DB (ISO); 4-(2,4-dichlorophenoxy)butyric acid</t>
  </si>
  <si>
    <t>methacrylic acid; 2-methylpropenoic acid</t>
  </si>
  <si>
    <t>propionic acid … %</t>
  </si>
  <si>
    <t>Skin Corr. 1B; H314: C ≥ 25 % Skin Irrit. 2; H319 10 % ≤ C &lt; 25 %</t>
  </si>
  <si>
    <t>Org. Perox. D **** Acute Tox. 4 *</t>
  </si>
  <si>
    <t>Skin Sens. 1; H317: C ≥0,1  %</t>
  </si>
  <si>
    <t>Skin Sens. 1A; H317: C ≥ 0,001 %</t>
  </si>
  <si>
    <t>benzene-1,2,4-tricarboxylic acid 1,2-anhydride; trimellitic anhydride</t>
  </si>
  <si>
    <t>benzene-1,2:4,5-tetracarboxylic dianhydride; benzene-1,2:4,5-tetracarboxylic dianhydride; pyromellitic dianhydride</t>
  </si>
  <si>
    <t>benzophenone-3,3',4,4'-tetracarboxylic dianhydride; 4,4'-carbonyldi(phthalic anhydride)</t>
  </si>
  <si>
    <t>Eye Irrit 2; H319: C ≥ 1 % STOT SE 3; H335: C ≥ 1 %</t>
  </si>
  <si>
    <t>1,4,5,6,7,7-hexachlorobicyclo [2,2,1]hept-5-ene-2,3-dicarboxylicanhydride chlorendic anhydride</t>
  </si>
  <si>
    <t>Eye Irrit. 2; H319: C ≥ 1 % STOT SE 3; H335: C ≥ 1 %</t>
  </si>
  <si>
    <t>8,9,10-trinorborn-5-ene-2,3-dicarboxylic anhydride; [1] 1,2,3,6-tetrahydro-3,6-methanophthalic anhydride; [2] (1α,2α,3β,6β)-1,2,3,6-tetrahydro-3,6-methanophthalic anhydride [3]</t>
  </si>
  <si>
    <t>2-hydroxy-1-methylethylacrylate; [1] 2-hydroxypropylacrylate; [2] acrylic acid, monoester with propane-1,2-diol [3]</t>
  </si>
  <si>
    <t>hexamethylene diacrylate; hexane-1,6-diol diacrylate</t>
  </si>
  <si>
    <t>2,2-bis(acryloyloxymethyl)butyl acrylate; trimethylolpropane triacrylate</t>
  </si>
  <si>
    <t>2,2-dimethyltrimethylene diacrylate; neopentyl glycol diacrylate</t>
  </si>
  <si>
    <t>2,3-epoxypropyl acrylate; glycidyl acrylate</t>
  </si>
  <si>
    <t>1-methyltrimethylene diacrylate; 1,3-butylene glycol diacrylate</t>
  </si>
  <si>
    <t>tetramethylene diacrylate; 1,4-butyleneglycol diacrylate</t>
  </si>
  <si>
    <t>2,2'-oxydiethyl diacrylate; diethylene glycol diacrylate</t>
  </si>
  <si>
    <t>Skin Sens. 1; H317:C≥0,2  %</t>
  </si>
  <si>
    <t>2-hydroxypropyl methacrylate; [1] 3-hydroxypropyl methacrylate[2]</t>
  </si>
  <si>
    <t>2,2'-(ethylenedioxy)diethyl diacrylate; triethylene glycol diacrylate</t>
  </si>
  <si>
    <t>pentyl acetate; [1] isopentyl acetate; [2] 1-methylbutyl acetate; [3] 2-methylbutyl acetat; [4] 2(or 3)-methylbutyl acetate [5]</t>
  </si>
  <si>
    <t>isopentyl propionate; [1] pentyl propionate; [2] 2-methylbutyl propionate [3]</t>
  </si>
  <si>
    <t>monoalkylor monoaryl or monoalkylaryl esters of acrylic acid with the exception of those specified elsewhere in this Annex</t>
  </si>
  <si>
    <t>STOTSE 3; H335: C ≥ 10 %</t>
  </si>
  <si>
    <t>butyl chloroformate; chloroformic acid butyl ester</t>
  </si>
  <si>
    <t>oxalic acid diethylester; diethyl oxalate</t>
  </si>
  <si>
    <t>guanidinium chloride; guanadine hydrochloride</t>
  </si>
  <si>
    <t>urethane (INN); ethyl carbamate</t>
  </si>
  <si>
    <t>endothal (ISO); 7-oxabicyclo(2,2,1)heptane-2,3-dicarboxylic acid</t>
  </si>
  <si>
    <t>2,3,6-TBA (ISO); 2,3,6-trichlorobenzoic acid</t>
  </si>
  <si>
    <t>benazolin (ISO); 4-chloro-2,3-dihydro-2-oxo-1,3-benzothiazol-3-ylacetic acid</t>
  </si>
  <si>
    <t>chlorfenson (ISO); 4-chlorophenyl 4-chlorobenzenesulfonate</t>
  </si>
  <si>
    <t>STOT RE 1; H372 (blood): C ≥ 0,02 % STOT RE 2; H373 (blood):</t>
  </si>
  <si>
    <t>0,002 % ≤ C &lt; 0,02 %</t>
  </si>
  <si>
    <t>sodium salt of chloroacetic acid; sodium chloroacetate</t>
  </si>
  <si>
    <t>chlorobenzilate (ISO); ethyl 2,2-di(4-chlorophenyl)-2-hydroxyacetate; ethyl 4,4'-dichlorobenzilate</t>
  </si>
  <si>
    <t>isobutyl 2-(4-(4-chlorophenoxy)phenoxy)propionate; clofop-isobutyl (ISO)</t>
  </si>
  <si>
    <t>dalapon; 2,2-dichloropropionic acid; [1] dalapon-sodium; sodium 2,2-dichloropropionate[2]</t>
  </si>
  <si>
    <t>dipropyl 6,7-methylenedioxy-1,2,3,4-tetrahydro-3-methylnaphthalene-1,2-dicarboxylate; propylisome</t>
  </si>
  <si>
    <t>bis(1,2,3-trithiacyclohexyldimethylammonium) oxalate; thiocyclam-oxalate</t>
  </si>
  <si>
    <t>tribenuron-methyl (ISO); 2-[4-methoxy-6-methyl-1,3,5-triazin-2-yl(methyl)carbamoylsulfamoyl]benzoic acid methyl ester; methyl 2-(3-(4-methoxy-6-methyl-1,3,5-triazin-2-yl)-3methylureidosulfonyl)benzoate</t>
  </si>
  <si>
    <t>quinclorac (ISO); 3,7-dichloroquinoline-8-carboxylic acid</t>
  </si>
  <si>
    <t>methyl acrylamidomethoxyacetate (containing ≥ 0,1 % acrylamid)</t>
  </si>
  <si>
    <t>H360D *** H317</t>
  </si>
  <si>
    <t>haloxyfop-etotyl (ISO); 2-ethoxyethyl 2-(4-(3-chloro-5-trifluoromethyl-2-pyridyloxy)phenoxy)propionate; haloxyfop-(2-ethoxyethyl)</t>
  </si>
  <si>
    <t>methyl acrylamidoglycolate (containing ≥ 0,1 % acrylamide)</t>
  </si>
  <si>
    <t>poly(oxypropylenecarbonyl-co-oxy(ethylethylene)carbonyl), containing 27 % hydroxyvalerate</t>
  </si>
  <si>
    <t>Org. Perox. D**** Flam. Liq. 3</t>
  </si>
  <si>
    <t>Self-React. C **** STOT RE 2 *</t>
  </si>
  <si>
    <t>clopyralid (ISO); 3,6-dichloropyridine-2-carboxylic acid</t>
  </si>
  <si>
    <t>mecrilate; methyl 2-cyanoacrylate</t>
  </si>
  <si>
    <t>benzyl 2-chloro-4-(trifluoromethyl)thiazole-5-carboxylate; flurazole</t>
  </si>
  <si>
    <t>fenpropathrin (ISO); α-cyano-3-phenoxybenzyl 2,2,3,3-tetramethylcyclopropanecarboxylate</t>
  </si>
  <si>
    <t>hexahydro-4-methylphthalic anhydride; [1] hexahydromethylphthalic anhydride; [2] hexahydro-1-methylphthalic anhydride; [3] hexahydro-3-methylphthalicanhydride [4]</t>
  </si>
  <si>
    <t>allyl methacrylate; 2-methyl-2-propenoic acid 2-propenyl ester</t>
  </si>
  <si>
    <t>cyfluthrin (ISO); α-cyano-4-fluoro-3-phenoxybenzyl-3-(2,2-dichlorovinyl)-2,2-dimethylcyclopropanecarboxylate</t>
  </si>
  <si>
    <t>α-cyano-4-fluoro-3-phenoxybenzyl-3-(2,2-dichlorovinyl)-2,2-dimethylcyclopropanecarboxylate; beta-cyfluthrin</t>
  </si>
  <si>
    <t>fluroxypyr (ISO);4-amino-3,5-dichloro-6-fluoro-2-pyridyloxyacetic acid</t>
  </si>
  <si>
    <t>Self-heat. 2 **** Aquatic Chronic 2</t>
  </si>
  <si>
    <t>reaction mass of: 2-(hexylthio)ethylamine hydrochloride; sodium propionate</t>
  </si>
  <si>
    <t>reaction mass of isomers of: sodium phenethylnaphthalenesulfonate; sodium naphthylethylbenzenesulfonate</t>
  </si>
  <si>
    <t>reaction mass of: sodium 3,3'-(1,4-phenylenebis(carbonylimino-3,1-propanediylimino))bis(10-amino-6,13-dichloro-4,11-triphenodioxazinedisulfonate); lithium 3,3'-(1,4-phenylenebis-(carbonylimino-3,1-propanediyl-imino))bis(10-amino-6,13-dichloro)-4,11-triphenodioxazinedisulfonate (9:1)</t>
  </si>
  <si>
    <t>reaction mass of: 7-(((3-aminophenyl)sulfonyl)amino)-naphthalene-1,3-disulfonic acid; sodium 7-(((3-aminophenyl)sulfonyl)amino)-naphthalene-1,3-disulfonate; potassium 7-(((3-aminophenyl)sulfonyl)amino)-naphthalene-1,3-disulfonate</t>
  </si>
  <si>
    <t>reaction mass of: tetrasodium phosphonoethane-1,2-dicarboxylate; hexasodium phosphonobutane-1,2,3,4-tetracarboxylate</t>
  </si>
  <si>
    <t>reaction mass of: dodecanoic acid; poly(1-7)lactate esters of dodecanoic acid</t>
  </si>
  <si>
    <t>reaction mass of: tetradecanoic acid; poly(1-7)lactate esters of tetradecanoic acid</t>
  </si>
  <si>
    <t>H361f *** H412</t>
  </si>
  <si>
    <t>H360D *** H400</t>
  </si>
  <si>
    <t>H360D *** H410</t>
  </si>
  <si>
    <t>H361d *** H400</t>
  </si>
  <si>
    <t>H361d *** H410</t>
  </si>
  <si>
    <t>H360FD H302</t>
  </si>
  <si>
    <t>ethofumesate (ISO); (±)-2-ethoxy-2,3-dihydro-3,3-dimethylbenzofuran-5-ylmethanesulfonate</t>
  </si>
  <si>
    <t>glyphosate-trimesium; glyphosate-trimethylsulfonium</t>
  </si>
  <si>
    <t>bis(2-ethylhexyl) phthalate; di-(2-ethylhexyl) phthalate; DEHP</t>
  </si>
  <si>
    <t>dibutyl phthalate; DBP</t>
  </si>
  <si>
    <t>reaction mass of: isobutyl hydrogen 2-(α-2,4,6-trimethylnon-2-enyl)succinate; isobutyl hydrogen 2-(ß-2,4,6-trimetyhylnon-2-enyl)succinate</t>
  </si>
  <si>
    <t>H361f *** H373 ** H317</t>
  </si>
  <si>
    <t>607-331-00-5</t>
  </si>
  <si>
    <t>reaction mass of: bis(2,2,6,6-tetramethyl-1-octyloxypiperidin-4-yl)-1,10-decanedioate; 1,8-bis[(2,2,6,6-tetramethyl-4-((2,2,6,6-tetramethyl-1-octyloxypiperidin-4-yl)-decan-1,10-dioyl)piperidin-1-yl)oxy]octane</t>
  </si>
  <si>
    <t>406-750-9</t>
  </si>
  <si>
    <t>mono-(tetrapropylammonium)hydrogen 2,2'-dithiobisbenzoate</t>
  </si>
  <si>
    <t>reaction mass of: (3-methoxy)propylammonium/[tris-(2-hydroxyethyl)]ammonium 2-(2-(bis(2-hydroxyethyl)amino)ethoxycarbonylmethyl)hexadec-4-enoate; (3-methoxy)propylammonium/ [tris-(2-hydroxyethyl)]ammonium 2-(2-(bis(2-hydroxyethyl)amino)ethoxycarbonylmethyl)tetradec-4-enoate; (3-methoxy)propylammonium/[tris-(2-hydroxyethyl)]ammonium 2-(3-methoxypropylcarbamoylmethyl)hexadec-4-enoate; (3-methoxy)propylammonium/ [tris-(2-hydroxyethyl)]ammonium 2-(3-methoxypropylcarbamoylmethyl)tetradec-4-enoate</t>
  </si>
  <si>
    <t>3-ethyl 5-methyl 4-(2-chlorophenyl)-1,4-dihydro-2-[2-(1,3-dihydro-1,3-dioxo-(2)isoindol-2-yl)-ethoxymethyl]-6-methyl-3,5-pyridinedicarboxylate</t>
  </si>
  <si>
    <t>ethoxylated bisphenol A di-(norbornene carboxylate)</t>
  </si>
  <si>
    <t>STOT RE 1; H372 (blood): C ≥ 0,05 %</t>
  </si>
  <si>
    <t>0,005 % ≤ C &lt; 0,05 %</t>
  </si>
  <si>
    <t>H361f *** H315</t>
  </si>
  <si>
    <t>reaction mass of: ammonium-1,2-bis(hexyloxycarbonyl)ethanesulfonate; ammonium-1-hexyloxycarbonyl-2-octyloxycarbonylethanesulfonate; ammonium-2-hexyloxycarbonyl-1-octyloxycarbonylethanesulfonate</t>
  </si>
  <si>
    <t>reaction mass of: 2,2,6,6-tetramethylpiperidin-4-yl-hexadecanoate; 2,2,6,6-tetramethylpiperidin-4-yl-octadecanoate</t>
  </si>
  <si>
    <t>copolymer of vinyl-alcohol and vinyl acetate partially acetilized with 4-(2-(4-formylphenyl)ethenyl)-1-methylpyridinium methylsulfate</t>
  </si>
  <si>
    <t>reaction mass of: tetradecanoic acid (42,5-47,5 %); poly(1-7)lactate esters of tetradecanoic acid (52,5-57,5 %)</t>
  </si>
  <si>
    <t>reaction mass of: dodecanoic acid (35-40 %); poly(1-7)lactate esters of dodecanoic acid (60-65 %)</t>
  </si>
  <si>
    <t>reaction mass of: sodium 1-tridecyl-4-allyl-(2 or 3)-sulfobutanedioate; sodium 1-dodecyl-4-allyl-(2 or 3)-sulfobutanedioate</t>
  </si>
  <si>
    <t>H361f *** H317</t>
  </si>
  <si>
    <t>▼M18 —————</t>
  </si>
  <si>
    <t>poly-(methyl methacrylate)-co-(butylmethacrylate)-co-(4-acryloxybutyl-isopropenyl-α, α-dimethylbenzyl carbamate)-co-(maleicanhydride)</t>
  </si>
  <si>
    <t>Acute Tox. 3 * Acute Tox. 4 * STOT RE 2 *</t>
  </si>
  <si>
    <t>Acute Tox. 3 * STOT RE 2 * STOT SE 3</t>
  </si>
  <si>
    <t>H373** H335</t>
  </si>
  <si>
    <t>1,2-benzenedicarboxylic acid, dipentylester, branched and linear; [1] n-pentyl-isopentylphthalate; [2] di-n-pentyl phthalate; [3] diisopentylphthalate [4]</t>
  </si>
  <si>
    <t>H360FD H400</t>
  </si>
  <si>
    <t>bromoxynil heptanoate (ISO); 2,6-dibromo-4-cyanophenyl heptanoate</t>
  </si>
  <si>
    <t>H361d *** H332</t>
  </si>
  <si>
    <t>edetic acid; (EDTA)</t>
  </si>
  <si>
    <t>BBP; benzyl butyl phthalate e</t>
  </si>
  <si>
    <t>prallethrin (ISO); ETOC; 2-methyl-4-oxo-3-(prop-2-ynyl)cyclopent-2-en-1-yl 2,2-dimethyl-3-(2-methylprop-1-enyl)cyclopropanecarboxylate</t>
  </si>
  <si>
    <t>4-benzyl-2,6-dihydroxy-4-aza-heptylene bis (2,2-dimethyloctanoate)</t>
  </si>
  <si>
    <t>reaction mass of: 2-ethyl-[2,6-dibromo-4-[1-[3,5-dibromo-4-(2-hydroxyethoxy)phenyl]-1-methylethyl]phenoxy]propenoate; 2,2'-diethyl-[4,4'-bis(2,6-dibromophenoxy)-1-methylethylidene] dipropenoate;2,2'-[(1-methylethylidene)bis[[2,6-dibromo-4,1-phenylene)oxy]ethanol]]</t>
  </si>
  <si>
    <t>reaction mass of: pentasodium 2-{4-{3-methyl-4-[6-sulfonato-4-(2-sulfonato-phenylazo)-naphthalen-1-ylazo]-phenylamino}-6-[3-(2-sulfato-ethanesulfonyl)-phenylamino]-1,3,5-triazin-2-ylamino}-benzene-1,4-disulfonate; pentasodium 2-{4-{3-methyl-4-[7-sulfonato-4-(2-sulfonato-phenylazo)-naphthalen-1-ylazo]-phenylamino}-6-[3-(2-sulfato-ethanesulfonyl)-phenylamino]-1,3,5-triazin-2-ylamino}-benzene-1,4-disulfonate</t>
  </si>
  <si>
    <t>reaction mass of: 7-chloro-1-ethyl-6-fluoro-1,4-dihydro-4-oxo-quinoline-3-carboxylic acid; 5-chloro-1-ethyl-6-fluoro-1,4-dihydro-4-oxo-quinoline-3-carboxylic acid</t>
  </si>
  <si>
    <t>reaction mass of: monosodium 4-((4-(5-sulfonato-2-methoxyphenylamino)-6-chloro-1,3,5-triazine-2-yl)amino)-2-((1,4-dimethyl-6-oxido-2-oxo-5-sulfonatomethyl-1,2-dihydropyridine-3-yl)azo)benzenesulfonate; disodium 4-((4-(5-sulfonato-2-methoxyphenylamino)-6-chloro-1,3,5-triazine-2-yl)amino)-2-((1,4-dimethyl-6-oxido-2-oxo-5-sulfonatomethyl-1,2-dihydropyridine-3-yl)azo)benzenesulfonate; trisodium 4-((4-(5-sulfonato-2-methoxyphenylamino)-6-chloro-1,3,5-triazine-2-yl)amino)-2-((1,4-dimethyl-6-oxido-2-oxo-5-sulfonatomethyl-1,2-dihydropyridine-3-yl)azo)benzenesulfonate; tetrasodium 4-((4-(5-sulfonato-2-methoxyphenylamino)-6-chloro-1,3,5-triazine-2-yl)amino)-2-((1,4-dimethyl-6-oxido-2-oxo-5-sulfonatomethyl-1,2-dihydropyridine-3-yl)azo)benzenesulfonate</t>
  </si>
  <si>
    <t>reaction mass of: tetrasodium 7-(4-[4-chloro-6-[methyl-(3-sulfonatophenyl)amino]-1,3,5-triazin-2-ylamino]-2-ureidophenylazo)naphthalene-1,3,6-trisulfonate; tetrasodium 7-(4-[4-chloro-6-[methyl-(4-sulfonatophenyl)amino]-1,3,5-triazin-2-ylamino]-2-ureidophenylazo)naphthalene-1,3,6-trisulfonate (1:1)</t>
  </si>
  <si>
    <t>Acute Tox. 3 * STOT RE 2 * Aquatic Acute 1</t>
  </si>
  <si>
    <t>reaction mass of: trihexyl citrate; dihexyloctyl citrate; dioctylhexyl citrate; dihexyldecyl citrate</t>
  </si>
  <si>
    <t>reaction mass of: disodium 4-(3-ethoxycarbonyl-4-(5-(3-ethoxycarbonyl-5-hydroxy-1-(4-sulfonatophenyl)pyrazol-4-yl)penta-2,4-dienylidene)-4,5-dihydro-5-oxopyrazol-1-yl)benzenesulfonate; trisodium 4-(3-ethoxycarbonyl-4-(5-(3-ethoxycarbonyl-5-oxido-1-(4-sulfonatophenyl)pyrazol-4-yl)penta-2,4-dienylidene)-4,5-dihydro-5-oxopyrazol-1-yl)benzenesulfonate</t>
  </si>
  <si>
    <t>H360D *** H412</t>
  </si>
  <si>
    <t>reaction mass of: 2-ethylhexyl linolenate, linoleate and oleate; 2-ethylhexyl epoxyoleate; 2-ethylhexyl diepoxylinoleate; 2-ethylhexyl triepoxylinolenate</t>
  </si>
  <si>
    <t>reaction mass of: diester of 4,4'-methylenebis[2-(2-hydroxy-5-methylbenzyl)-3,6-dimethylphenol] and 6-diazo-5,6-dihydro-5-oxonaphthalene-1-sulfonic acid (1:2); triester of 4,4'-methylenebis[2-(2-hydroxy-5-methylbenzyl)-3,6-dimethylphenol] and 6-diazo-5,6-dihydro-5-oxonaphthalene-1-sulfonic acid (1:3)</t>
  </si>
  <si>
    <t>potassium, sodium 2,4-diamino-3-[4-(2-sulfonatoethoxysulfonyl)phenylazo]-5-[4-(2-sulfonatoethoxysulfonyl)-2-sulfonatophenylazo]-benzenesulfonate</t>
  </si>
  <si>
    <t>reaction mass of: 4-[(3-decyloxypropyl)(3-isobutoxy-1-isobutoxycarbonyl-3-oxopropyl)amino]-4-oxobutyric acid; 4-[(3-isobutoxy-1-isobutoxycarbonyl-3-oxopropyl)(3-octyloxypropyl)amino]-4-oxobutyric acid</t>
  </si>
  <si>
    <t>reaction mass of: trisodium 4-benzoylamino-6-(6-ethenesulfonyl-1-sulfato-naphthalen-2-ylazo)-5-hydroxynaphthalene-2,7-disulfonate; 5-(benzoylamino)-4-hydroxy-3-((1-sulfo-6-((2-(sulfooxy)ethyl)sulfonyl)-2-naphthyl)azo)naphthalene-2,7-disulfonic acid sodium salt; 5-(benzoylamino)-4-hydroxy-3-((1-sulfo-6-((2-(sulfooxy)ethyl)sulfonyl)-2-naphthyl)azo)naphthalene-2,7-disulfonic acid</t>
  </si>
  <si>
    <t>reaction mass of: disodium hexyldiphenyl ether disulphonate; disodium dihexyldiphenyl ether disulphonate</t>
  </si>
  <si>
    <t>sodium salt of the polymer of:sodium 2-methyl-buta-1,3-diene-1-sulfonate with acrylic acid and 2-hydroxyethyl-2-methylacrylate</t>
  </si>
  <si>
    <t>reaction mass of mono to tetra(lithium and/or sodium)3-amino-10-[4-(4-amino-3-sulfonatoanilino)-6-[methyl-(2-sulfonatoethyl)amino]-1,3,5-triazin-2-ylamino]-6-13-dichlorobenzo[1,2-B:4,5-B']di[1,4]benzoxazine-4,11-disulfonate; mono to tetra(lithium and/or sodium)3-amino-10-[4,6-bis(4-amino-3-sulfonatoanilino)-1,3,5-triazin-2-ylamino]-6-13-dichlorobenzo[1,2-B:4,5-B']di[1,4]benzoxazine-4,11-disulfonate; mono to penta(lithium and/or sodium)10,10'-diamino-6,6',13,13'-tetrachloro-3,3'-[6-[methyl-(2-sulfonatoethyl)amino]-1,3,5-triazin-2,4-diyldiimino]bis[benzo[1,2-B:4,5-B']di[1,4]benzoxazine-4,11-disulfonate; mono to hepta(lithium and/or sodium)10-amino-6,6', 13,13'-tetrachloro-10'[4-(4-amino-3-sulfonatoanilino)-[6-methyl-(2-sulfonatoethyl)amino]-1,3,5-triazin-2,4-diimino]bis[benzo[1,2-B:4,5-B']di[1,4]benzoxazine-4,11-disulfonate; mono to hepta(lithium and/or sodium)10,10'-diamino-6,6',3,3'[(2-sulfonato)-1,4-phenylenediiminobis[6-methyl-(2-sulfonatoethyl)amino]-1,3,5-triazin-2,4-diyldiimino]bis[benzo[1,2-B:4,5-B']di[1,4]benzoxazine-4,11-disulfonate</t>
  </si>
  <si>
    <t>Flam. Sol. 1**** Carc. 2</t>
  </si>
  <si>
    <t>cartap (ISO); 1,3-bis(carbamoylthio)-2-(dimethylamino)propane</t>
  </si>
  <si>
    <t>H373** H411</t>
  </si>
  <si>
    <t>Acute Tox. 3 * Acute Tox. 4 * STOT RE 1</t>
  </si>
  <si>
    <t>H372** H318</t>
  </si>
  <si>
    <t>reaction mass of: methyl {[5-acetylamino-4-(2-chloro-4-nitrophenylazo)phenyl]methoxycarbonylmethylamino}acetate; methyl {[5-acetylamino-4-(2-chloro-4-nitrophenylazo)phenyl]ethoxycarbonylmethylamino}acetate</t>
  </si>
  <si>
    <t>hexadecyl -amino-4-isopropoxybenzoate</t>
  </si>
  <si>
    <t>GHS09 Dgr</t>
  </si>
  <si>
    <t>3-ethyl 5 methyl 2-(2-aminoethoxymethyl)-4-(2-chlorophenyl)-1,4-dihydro-6-methyl-3,5-pyridinedicarboxylate</t>
  </si>
  <si>
    <t>reaction mass of: dodecylphenyl dodecylhydroxybenzenecarboxylate; bis(dodecylphenyl)dodecyl hydroxybenzenedicarboxylate</t>
  </si>
  <si>
    <t>reaction mass of: sodium 2-amino-4-(2,6-difluoropyrimidin-4-ylamino)benzenesulfonate; sodium 2-amino-4-(4,6-difluoropyrimidin-4-ylamino)benzenesulfonate</t>
  </si>
  <si>
    <t>reaction mass of: disodium 7-(2,4-difluoropyrimidin-6-ylamino)-4-hydroxy-3-(4-methoxy-2-sulfonatophenylazo)naphthalene-2-sulfonate; disodium; 7-(4,6-difluoropyrimidin-2-ylamino)-4-hydroxy-3-(4-methoxy-2-sulfonatophenylazo)naphthalene-2-sulfonate</t>
  </si>
  <si>
    <t>reaction mass of: tetrasodium 7-(4-(4-fluoro-6-(4-(2-sulfonatoethylsulfonyl)phenylamino)-1,3,5-triazin-2-ylamino)-2-ureidophenylazo)naphthalene-1,3,6-trisulfonate; tetrasodium 7-(4-(4-hydroxy-6-(4-(2-sulfonatoethylsulfonyl)phenylamino)-1,3,5-triazin-2-ylamino)-2-ureidophenylazo)naphthalene-1,3,6-trisulfonate</t>
  </si>
  <si>
    <t>Acute Tox. 4 * STOT RE 2 * Aquatic Acute 1</t>
  </si>
  <si>
    <t>reaction mass of: 2-ethylhexyl 2,3,4,5-tetrabromobenzoate; bis(2-ethylhexyl) 3,4,5,6-tetrabromophthalate</t>
  </si>
  <si>
    <t>reaction mass of: trisodium 5-(4-fluoro-6-morpholin-4-yl-1,3,5-triazin-2-ylamino)-4-hydroxy-3-(4-(2-sulfooxyethanesulfonyl)phenylazo)naphthalene-2,7-disulfonate; disodium 3-(4-ethenesulfonylphenylazo)-5-(4-fluoro-6-morpholin-4-yl-1,3,5-triazin-2-ylamino)-4-hydroxynaphthalene-2,7-disulfonate</t>
  </si>
  <si>
    <t>4-(2-methylacryloyloxy)phenyl4-allyloxybenzoate</t>
  </si>
  <si>
    <t>tetrasodium 4,4'-bis{4-[4-(2-hydroxyethylamino)-6-(4-sulfonatoanilino)-1,3,5-triazin-2-ylamino]phenylazo}stilbene-2,2'-disulfonate</t>
  </si>
  <si>
    <t>pentapotassium 2-(4-{5-[1-(2,5-disulfophenyl)-4,5-dihydro-3-methylcarbamoyl-5-oxopyrazol-4-ylidene]-3-(2-pyrrolidinone-1-yl)-1,3-pentadienyl}-3-methylcarbamoyl-5-oxopyrazol-1-yl)benzene-1,4-disulfonate</t>
  </si>
  <si>
    <t>Reaction mass of: 3,3,4,4,5,5,6,6,7,7,8,8,8-tridecafluoro-1-octanesulfonic acid; ammonium 3,3,4,4,5,5,6,6,7,7,8,8,8-tridecafluoro-1-octanesulfonate</t>
  </si>
  <si>
    <t>reaction mass of: succinic acid; monopersuccinic acid; dipersuccinic acid monomethyl ester of succinic acid monomethyl ester of persuccinic acid dimethyl succinate glutaric acid monoperglutaric acid diperglutaric acid monomethyl ester of glutaric acid monomethyl ester of perglutaric acid dimethyl glutarate adipic acid monoperadipic acid diperadipic acid monomethyl ester of adipic acid monomethyl ester of peradipic aciddimethyl adipate hydrogen peroxide methanolwater</t>
  </si>
  <si>
    <t>Acute Tox. 4* Acute Tox. 4* Acute Tox. 4*</t>
  </si>
  <si>
    <t>Skin Corr. 1B STOT SE 2</t>
  </si>
  <si>
    <t>menadione sodium bisulfite; 2-naphthalenesulfonic acid,1,2,3,4-tetrahydro-2-methyl-1,4-dioxo-, sodium salt</t>
  </si>
  <si>
    <t>menadione nicotinamide bisulfite; 1,2,3,4-tetrahydro-2-methyl-1,4-dioxonaphthalene-2-sulfonicacid, compound with nicotin-3-amide (1:1)</t>
  </si>
  <si>
    <t>≥ 5 %</t>
  </si>
  <si>
    <t>milbemectin (ISO); [reaction mass of milbemycin A3 (CAS No 51596-10-2) and milbemycin A4 (CAS No 51596-11-3) (30:70)]</t>
  </si>
  <si>
    <t>perfluorooctane sulfonic acid; heptadecafluorooctane-1-sulfonic acid; [1] potassium perfluorooctanesulfonate; potassium heptadecafluorooctane-1-sulfonate; [2] diethanolamine perfluorooctane sulfonate; [3] ammonium perfluorooctanesulfonate; ammonium heptadecafluorooctanesulfonate; [4] lithium perfluorooctane sulfonate; lithium heptadecafluorooctanesulfonate [5]</t>
  </si>
  <si>
    <t>Skin Sens. 1; H317: C ≥ 0,001  %</t>
  </si>
  <si>
    <t>reaction mass of: 2-(2-((oxo(phenyl)acetyl)oxy)ethoxy)ethyl oxo(phenyl)acetate; (2-(2-hydroxyethoxy)ethyl)oxo(phenyl)acetate</t>
  </si>
  <si>
    <t>disodium 8-amino-5-{4-[2-(sulfonatoethoxy)sulfonyl]phenylazo}naphthalene-2-sulfonate</t>
  </si>
  <si>
    <t>2-(formylamino)-3-thiophenecarboxylic acid; 2-formamido-3-thiophenecarboxylic acid</t>
  </si>
  <si>
    <t>2-{4-[4-[4-fluoro-6-(2-(2-vinylsulfonylethoxy)ethylamino)-1,3,5-triazin-2-ylamino]phenylazophenylazo}naphthalene-4,6,8-trisulfonate, trisodium salt</t>
  </si>
  <si>
    <t>dibutyl-3-(4-(5-ammonio-2-butyl)benzofuran-3-yl)carbonyl)phenoxy)propyl ammonium oxalate; (5-amino-2-butylbenzofuran-3-yl) [4-(3-dibutylaminopropoxy)phenyl]methanone, dioxalate</t>
  </si>
  <si>
    <t>reaction mass of: 2-hydroxy-3-(methacryloyloxy)propyl (2-benzoyl)benzoate; 1-hydroxymethyl-2-(methacryloyloxy)ethyl (2-benzoyl)benzoate; x-hydroxy-y-(methacryloyloxy)propyl(or -ethyl) (2-benzoyl)benzoate</t>
  </si>
  <si>
    <t>reaction mass of: 2-methylnonanedioic acid; 2,4-dimethyl-4-methoxycarbonylundecanedioic acid; 2,4,6-trimethyl-4,6-dimethoxycarbonyltridecanedioic acid; 8,9-dimethyl-8,9-dimethoxycarbonylhexadecanedioic acid</t>
  </si>
  <si>
    <t>reaction mass of: 3-{5-[3-(4-{1,6-dihydro-2-hydroxy-4-methyl-1-[3-(methylammonio)propyl]-6-oxo-3-pyridylazo[}benzamido)phenylazo]-1,2-dihydro-6-hydroxy-4-methyl-2-oxo-1-pyridyl}propyl(methyl)ammonium di(acetate); 3-{5-[4-(3-{1,6-dihydro-2-hydroxy-4-methyl-1-[3-(methylammonio)propyl]-6-oxo-3-pyridylazo}benzamido]phenylazo-1,2-dihydro-6-hydroxy-4-methyl-2-oxo-1-pyridyl}propyl(dimethyl)ammonium di(acetate); 3-{5-[3-(4-{1-[3-(dimethylammonio)propyl]-1,6-dihydro-2-hydroxy-4-methyl-6-oxo-3-pyridylazo}benzamido)phenylazo]-1,2-dihydro-6-hydroxy-4-methyl-2-oxo-1-pyridyl}propyl(dimethyl)ammoniumdi(acetate)</t>
  </si>
  <si>
    <t>reaction mass of: 9-nonyl-10-octyl-19-carbonyloxyhexadecylnonadecanoic acid; 9-nonyl-10-octyl-19-carbonyloxyoctadecylnonadecanoic acid; dihexadecyl 9-nonyl-10-octylnonadecandioate; 1-octadecyl, 19-hexadecyl 9-nonyl-10-octylnonadecandioate; dioctadecyl 9-nonyl-10-octylnonadecandioate</t>
  </si>
  <si>
    <t>Self-react. C **** Carc. 2</t>
  </si>
  <si>
    <t>reaction mass of: 2-{3,6-bis-[(2-ethylphenyl)-methylamino]-xanthylium-9-yl[}-benzenesulfonate (2-10 %); 2-{3,6-bis-[(2,3-dimethylphenyl)-methylamino]-xanthylium-9-yl}-benzenesulfonate (2-10 %); 2-{3,6-bis-[(2,4-dimethylphenyl)-methylamino]-xanthylium-9-yl}-benzenesulfonate (2-10 %); 2-{3,6-bis-[(2,5-dimethylphenyl)-methylamino]-xanthylium-9-yl}-benzenesulfonate (2-10 %); 2-{3-[(2,3-dimethylphenyl)-methylamino]-6-[(2-ethylphenyl)-methylamino]-xanthylium-9-yl}-benzenesulfonate (7-20 %); 2-{3-[(2,4-dimethylphenyl)-methylamino]-6-[(2-ethylphenyl)-methylamino]-xanthylium-9-yl}-benzenesulfonate (7-20 %); 2-{3-[(2,5-dimethylphenyl)-methylamino]-6-[(2-ethylphenyl)-methylamino]-xanthylium-9-yl}-benzenesulfonate (7-20 %); 2-{3-[(2,3-dimethylphenyl)-methylamino]-6-[(2,4-dimethylphenyl)-methylamino]-xanthylium-9-yl}-benzenesulfonate (7-20 %); 2-{3-[(2,3-dimethylphenyl)-methylamino]-6-[(2,5-dimethylphenyl)-methylamino]-xanthylium-9-yl}-benzenesulfonate (7-20 %); 2-{3-[(2,4-dimethylphenyl)-methylamino]-6-[(2,5-dimethylphenyl)-methylamino]-xanthylium-9-yl}-benzenesulfonate (7-20 %)</t>
  </si>
  <si>
    <t>H360F H372</t>
  </si>
  <si>
    <t>H372 (nervous</t>
  </si>
  <si>
    <t>system) H317</t>
  </si>
  <si>
    <t>ammoniumpentadeca-fluorooctanoate</t>
  </si>
  <si>
    <t>Repr. 1B Lact.</t>
  </si>
  <si>
    <t>H360D H362</t>
  </si>
  <si>
    <t>H372 (liver) H318</t>
  </si>
  <si>
    <t>H372 (lungs) (inhalation) H315</t>
  </si>
  <si>
    <t>STOT RE 1; H372 (blood): C ≥ 0,005 % STOT RE 2; H373 (blood):</t>
  </si>
  <si>
    <t>0,0005 % ≤ C &lt; 0,005 %</t>
  </si>
  <si>
    <t>607-724-00-1</t>
  </si>
  <si>
    <t>607-725-00-7</t>
  </si>
  <si>
    <t>607-726-00-2</t>
  </si>
  <si>
    <t>607-727-00-8</t>
  </si>
  <si>
    <t>607-728-00-3</t>
  </si>
  <si>
    <t>607-729-00-9</t>
  </si>
  <si>
    <t>607-730-00-4</t>
  </si>
  <si>
    <t>607-731-00-X</t>
  </si>
  <si>
    <t>607-732-00-5</t>
  </si>
  <si>
    <t>acetonitrile; cyanomethane</t>
  </si>
  <si>
    <t>2-hydroxy-2-methylpropionitrile; 2-cyanopropan-2-ol; acetone cyanohydrin</t>
  </si>
  <si>
    <t>bromoxynil (ISO) 3,5-dibromo-4-hydroxybenzonitrile; bromoxynil phenol</t>
  </si>
  <si>
    <t>H361d *** H330</t>
  </si>
  <si>
    <t>ioxynil (ISO) 4-hydroxy-3,5-diiodobenzonitrile</t>
  </si>
  <si>
    <t>Acute Tox. 3 * Acute Tox. 3 * Acute Tox. 4 * STOT RE 2 * Eye Irrit. 2</t>
  </si>
  <si>
    <t>H361d *** H331</t>
  </si>
  <si>
    <t>methacrylonitrile; 2-methyl-2-propene nitrile</t>
  </si>
  <si>
    <t>Skin Sens. 1; H317: C ≥0,2  %</t>
  </si>
  <si>
    <t>oxalonitrile; cyanogen</t>
  </si>
  <si>
    <t>chlorothalonil (ISO); tetrachloroisophthalonitrile</t>
  </si>
  <si>
    <t>Acute Tox. 2 * STOT SE 3</t>
  </si>
  <si>
    <t>dichlobenil (ISO); 2,6-dichlorobenzonitrile</t>
  </si>
  <si>
    <t>bromoxynil octanoate (ISO); 2,6-dibromo-4-cyanophenyl octanoate</t>
  </si>
  <si>
    <t>ioxynil octanoate (ISO); 4-cyano-2,6-diiodophenyl octanoate</t>
  </si>
  <si>
    <t>H361d *** H301</t>
  </si>
  <si>
    <t>2,2'-dimethyl-2,2'-azodipropiononitrile; ADZN</t>
  </si>
  <si>
    <t>Acute Tox. 4 * Aquatic Chronic 3</t>
  </si>
  <si>
    <t>reaction mass of: 3-(4-ethylphenyl)-2,2-dimethylpropanenitrile; 3-(2-ethylphenyl)-2,2-dimethylpropanenitrile; 3-(3-ethylphenyl)-2,2-dimethylpropanenitrile</t>
  </si>
  <si>
    <t>chlorfenapyr (ISO); 4-bromo-2-(4-chlorophenyl)-1-ethoxymethyl-5-trifluoromethylpyrrole-3-carbonitrile</t>
  </si>
  <si>
    <t>608-068-00-9</t>
  </si>
  <si>
    <t>H</t>
  </si>
  <si>
    <t>Carc. 2. Repr. 1B</t>
  </si>
  <si>
    <t>H372 (blood) H412</t>
  </si>
  <si>
    <t>2,4,6-trinitrotoluene; TNT</t>
  </si>
  <si>
    <t>lead styphnate (≥ 20 % phlegmatiser)</t>
  </si>
  <si>
    <t>H360D *** H312</t>
  </si>
  <si>
    <t>dinoseb (ISO);</t>
  </si>
  <si>
    <t>reaction mass of isomers:</t>
  </si>
  <si>
    <t>methyl 2-octyl-4,6-dinitrophenyl carbonate, methyl 4-octyl-2,6-dinitrophenyl carbonate</t>
  </si>
  <si>
    <t>H360D *** H300</t>
  </si>
  <si>
    <t>reaction mass of: 4,6-dinitro-2-(3-octyl)phenyl methyl carbonate and 4,6-dinitro-2-(4-octyl)phenyl methyl carbonate; dinocton-6</t>
  </si>
  <si>
    <t>trifluralin (ISO) (containing &lt;0.5 ppm NPDA);</t>
  </si>
  <si>
    <t>&lt; 0,5 ppm NPDA);</t>
  </si>
  <si>
    <t>209-415-3 [4]-[5]</t>
  </si>
  <si>
    <t>577-71-9 [4]-[5]</t>
  </si>
  <si>
    <t>H372 ** H312</t>
  </si>
  <si>
    <t>609-066-00-0</t>
  </si>
  <si>
    <t>lithium sodium 3-amino-10-{4-(10-amino-6,13-dichloro-4,11-disulfonatobenzo[5,6][1,4]oxazino[2,3-b]phenoxazine-3-ylamino)-6-[methyl(2-sulfonato-ethyl)amino]-1,3,5-triazin-2-ylamino}-6,13-dichlorobenzo[5,6][1,4]oxazino[2,3-b]phenoxazine-4,11-disulfonate</t>
  </si>
  <si>
    <t>418-870-9</t>
  </si>
  <si>
    <t>154212-58-5</t>
  </si>
  <si>
    <t>STOT SE 2 **</t>
  </si>
  <si>
    <t>H371 **</t>
  </si>
  <si>
    <t>sodium and potassium 4-(3-aminopropylamino)-2,6-bis[3(4-methoxy-2-sulfophenylazo)4-hydroxy-2-sulfo-7-naphthylamino]-1,3,5-triazine</t>
  </si>
  <si>
    <t>5'-dinitroacetophenone</t>
  </si>
  <si>
    <t>Carc. 1B Repr. 1B</t>
  </si>
  <si>
    <t>disodium {5-[(4'-((2,6-hydroxy3-((2-hydroxy-5-sulphophenyl)azo)phenyl)azo)(1,1'-biphenyl)-4-yl)azo]salicylato (4-)}cuprate(2-);</t>
  </si>
  <si>
    <t>fast garnet GBC base; AAT;</t>
  </si>
  <si>
    <t>sodium (1-(5-(4-(4-anilino-3-sulphophenylazo)-2-methyl-5-methylsulphonamidophenylazo)4-hydroxy-2-oxido-3-(phenylazo)phenylazo)-5-nitro-4-sulphonato-2-naphtholato)iron(II)</t>
  </si>
  <si>
    <t>reaction mass of 1,1'-((dihydroxyphenylene)bis(azo-3,1-phenylenazo(1-(3-dimethylaminopropyl)-1,2-dihydro-6-hydroxy-4-methyl-2-oxopyridine-5,3-diyl)))dipyridinium dichloride dihydrochloride, mixed isomers and 1-(1-(3-dimethylaminopropyl)-5-(3-((4-(1-(3-dimethylaminopropyl)-1,6-dihydro-2-hydroxy-4-methyl-6-oxo-5-pyridinio-3-pyridylazo)phenylazo)-2,4(or 2,6 or 3,5)-dihydroxyphenylazo)phenylazo)-1,2-dihydro-6-hydroxy-4-methyl-2-oxo-3-pyridyl)pyridinium dichloride</t>
  </si>
  <si>
    <t>tetrakis(tetramethylammonium)</t>
  </si>
  <si>
    <t>6-amino-4-hydroxy-3-(7-sulfonato-4-(4-sulfonatophenylazo)-1-naphthylazo)naphthalene-2,7-disulfonate</t>
  </si>
  <si>
    <t>benzidine based azo dyes;</t>
  </si>
  <si>
    <t>tetrasodium 3,3'-[[1,1'-biphenyl]-4,4'diylbis(azo)]bis[5-amino-4-hydroxynaphthalene-2,7-disulphonate];</t>
  </si>
  <si>
    <t>disodium 3,3'-[[1,1'-biphenyl]-4,4'-diylbis(azo)]bis(4-aminonaphthalene-1-sulphonate); C.I. Direct Red 28</t>
  </si>
  <si>
    <t>1,4,5,8-tetraaminoanthra</t>
  </si>
  <si>
    <t>quinone;</t>
  </si>
  <si>
    <t>trisodium 1-hydroxynaphthalene-2-azo-4'(5',5''-dimethylbiphenyl)-4''-azo(4''-phenylsulfonyloxybenzene)-2',2'',4-trisulfonate</t>
  </si>
  <si>
    <t>((1-(4(or 5)-nitro-2-oxidophenylazo)-2-naphtholato)(1-(3-nitro-2-oxido-5-pentylphenylazo)-2-naphtholato))chromate(1-)</t>
  </si>
  <si>
    <t>reaction mass of: 2-[[4-[bis(2-acetoxyethyl)amino]phenyl]azo]-5,6-dichlorobenzothiazole; 2-[[4-[bis(2-acetoxyethyl)amino]phenyl]azo]-6,7-dichlorobenzothiazole (1:1)</t>
  </si>
  <si>
    <t>reaction mass of: pentasodium</t>
  </si>
  <si>
    <t>7-amino-3-[[4-[[4-[[4-[[4-[(6-amino-1-hydroxy-3-sulfonato-2-naphthyl]azo]-7-sulfonato-1naphthyl]azo]phenyl]amino]-3-sulfonatophenyl]azo]-6-sulfonato-1-naphthyl]azo]-4-hydroxynaphthalen-2-sulfonate;</t>
  </si>
  <si>
    <t>tetrasodium 7-amino-4-hydroxy-3-[4-[4-[4-(4-amino-7-sulfonato-naphthalen-1-ylazo)-2-sulfonatophenylamino]phenylazo]-6-sulfonato-naphthalen-1-ylazo]naphthalene-2-sulfonate</t>
  </si>
  <si>
    <t>ammonium 5-[8-[4-[4-[4-[7-(3,5-dicarboxylatophenylazo)-8-hydroxy-3,6-disulfonatonaphthalen-1-ylamino]-6-hydroxy-1,3,5-triazin-2-yl]-2,5-dimethylpiperazin-1-yl]-6-hydroxy-1,3,5-triazin-2-ylamino]-1-hydroxy 3,6-disulfonatonaphthalen-2-ylazo]-isophthalate;</t>
  </si>
  <si>
    <t>reaction mass of: bis(tris(2-(2-hydroxy(1-methyl)ethoxy)ethyl)ammonium) 7-anilino-4-hydroxy-3-(2-methoxy-5-methyl-4-(4-sulfonatophenylazo)phenylazo)naphthalene-2-sulfonate; bis(tris(2-(2-hydroxy(2-methyl)ethoxy)ethyl)ammonium) 7-anilino-4-hydroxy-3-(2-methoxy-5-methyl-4-(4-sulfonatophenylazo)phenylazo)naphthalene-2-sulfonate</t>
  </si>
  <si>
    <t>(2,2'-(3,3'-dioxidobiphenyl-4,4'-diyldiazo)bis(6-(4-(3-(diethylamino)propylamino)-6-(-3-(diethylammonio)propylamino)1,3,5-triazin-2-ylamino)-3-sulfonato-1-naphtholato))dicopper(II) acetate lactate</t>
  </si>
  <si>
    <t>reaction mass of: pentasodium bis(1-(3(or 5)-(4-anilino-3-sulfonatophenylazo)-4-hydroxy-2-oxidophenylazo)-6-nitro-4-sulfonato-2-naphtholato)ferrate(1-); pentasodium [(1-(3-(4-anilino-3-sulfonatophenylazo)-4-hydroxy-2-oxidophenylazo)-6-nitro-4-sulfonato-2-naphtholato)-(5-(4anilino-3-sulfonatophenylazo)-4-hydroxy-2-oxidophenylazo)-6-nitro-4-sulfonato-2-naphtholato]ferrate(1-)</t>
  </si>
  <si>
    <t>reaction mass of: 3-cyano-5-(2-cyano-4-nitro-phenylazo)-2-(2-hydroxy-ethylamino)-4-methyl-6-[3-(2-phenoxyethoxy)propylamino]pyridine; 3-cyano-5-(2-cyano-4-nitro-phenylazo)-6-(2-hydroxy-ethylamino)-4-methyl-2-[3-(2-phenoxyethoxy)propylamino]pyridine;</t>
  </si>
  <si>
    <t>monolithium 5-[[2,4-dihydroxy-5-[(2-hydroxy-3,5-dinitrophenyl)azo]phenyl]azo]-2-naphthalenesulfonate], iron complex,</t>
  </si>
  <si>
    <t>monohydrate</t>
  </si>
  <si>
    <t>reaction mass of: trilithium 4-amino-3-((4-((4-((2-amino-4-hydroxyphenyl)azo)phenyl)amino)-3-sulfophenyl)azo)5-hydroxy-6-(phenylazo)naphthalene-2,7-disulfonate;</t>
  </si>
  <si>
    <t>sodium (1,0-1,95)/lithium (0,051) 5-((5-((5-chloro-6-fluoro-pyrimidin-4-yl)amino)-2-sulfonatophenyl)azo)-1,2-dihydro-6-hydroxy-1,4-dimethyl-2-oxo-3-pyridinemethylsulfonate</t>
  </si>
  <si>
    <t>hexasodium 1,1'-[(1-amino-8-hydroxy-3,6-disulfonate-2,7-naphthalenediyl)bis(azo(4-sulfonate-1,3-phenyl)imino[6[(4-chloro-3-sulfonatophenyl)amino]-1,3,5-triazin-2,4-diyl]]]bis[3-carboxypyridinium] dihydroxide</t>
  </si>
  <si>
    <t>Acute Tox. 3 * Aquatic Chronic 3</t>
  </si>
  <si>
    <t>(methylenebis(4,1-phenylenazo(1-(3-(dimethylamino)propyl)-1,2-dihydro-6-hydroxy-4-methyl-2-oxopyridine-5,3-diyl)))-1,1'dipyridinium dichloride dihydrochloride</t>
  </si>
  <si>
    <t>potassium sodium 3,3'-(3(or 4)-methyl-1,2-phenylenebis(imino(6-chloro)-1,3,5-triazine-4,2-diylimino(2-acetamido-5-methoxy)-4,1-phenylenazo)dinaphthalene-1,5-disulfonate</t>
  </si>
  <si>
    <t>reaction product of: C.I. Leuco Sulfur Black 1 and reaction mass of: disodium-4-{4-[8-amino-1-hydroxy-7-(4-sulfamoylphenylazo)-3,6-disulfonato-2-naphthylazo]phenylsulfonylamino}benzendiazoniumchlorid; disodium-4-{4-[2,6-dihydroxy-3-(8-hydroxy-3,6-disulfonato-1-naphthylazo)phenylazo]phenylsulfonylamino}benzen-diazoniumchlorid</t>
  </si>
  <si>
    <t>reaction mass of: trisodium (2,4(or 2,6 or 4,6)-bis(3,5-dinitro-2-oxidophenylazo)-5-hydroxyphenolato)(2(or 4 or 6)-(3,5-dinitro-2-oxidophenylazo)5-hydroxy-4(or 2 or 6)-(4-(4-nitro-2-sulfonatoanilino)phenylazo)phenolato)ferrate(1-); trisodium bis(2,4(or 2,6 or 4,6)-bis(3,5-dinitro-2-oxidophenylazo)-5-hydroxyphenolato)ferrate(1-);</t>
  </si>
  <si>
    <t>trisodium (2,4(or 2,6 or 4,6)-bis(3,5-dinitro-2-oxidophenylazo)-5-hydroxyphenolato)(2(or 4 or 6)-(3,5-dinitro-2-oxidophenylazo)-5-hydroxy-4(or 2 or 6)-(4-nitro-2-sulfonatophenylazo)phenolato)ferrate(1-); trisodium (2,4(or 2,6 or 4,6)-bis(3,5-dinitro-2-oxidophenylazo)-5-hydroxyphenolato)(2(or 4 or 6)-(3,5-dinitro-2-oxidophenylazo)-5-hydroxy-4(or 2 or 6)-(3-sulfonatophenylazo)phenolato)ferrate(1-);</t>
  </si>
  <si>
    <t>disodium 3,3'-(2,4-dihydroxy1,3(or 1,5 or 3,5)-phenylenediazo)dibenzenesulfonate</t>
  </si>
  <si>
    <t>reaction mass of: trisodium 5{4-chloro-6-[2-(2,6-dichloro-5-cyanopyrimidin-4-ylamino)-propylamino]-1,3,5-triazin-2-ylamino}-4-hydroxy-3-(1-sulfonatonaphthalene-2-ylazo)-naphthalene-2,7-disulfonate;</t>
  </si>
  <si>
    <t>main component 8 (isomer):</t>
  </si>
  <si>
    <t>asym. 1:2 Cr-complex of: A:</t>
  </si>
  <si>
    <t>3-hydroxy-4-(2-hydroxy-naphthalene-1-ylazo)-naphthalene-1-sulfonic acid, Na-salt and B: 1-[2-hydroxy-5-(4-methoxy-phenylazo)-phenylazo]-naphthalene-2-ol</t>
  </si>
  <si>
    <t>5-amino-3-(5-{4-chloro-6-[4-(2-sulfoxyethoxysulfonato)phenylamino]-1,3,5-triazin-2-ylamino}-2-sulfonatophenylazo)-6-[5-(2,3-dibromopropionylamino)-2-sulfonatophenylazo]-4-hydroxynaphthalene-2,7-disulfonate;</t>
  </si>
  <si>
    <t>reaction mass of: disodium 6-[3-carboxy-4,5-dihydro-5-oxo-4-sulfonatophenyl)pyrazolin-4-yl-azo]-3-[2-oxido-4-(ethensulfonyl)-5-methoxyphenylazo]-4-oxidonaphthalene-2-sulfonate copper (II) complex;</t>
  </si>
  <si>
    <t>disodium 6-[3-carboxy-4,5-dihydro-5-oxo-4-sulfonatophenyl)pyrazolin-4-yl-azo]-3-[2-oxido-4-(2-hydroxyethylsulfonyl)-5-methoxyphenylazo]-4-oxidonaphthalene-2-sulfonate copper (II) complex</t>
  </si>
  <si>
    <t>H360D *** H413</t>
  </si>
  <si>
    <t>product by process iron complex of azo dyestuffs obtained by coupling a mixture of diazotized 2-amino-1-hydroxybenzene-4-sulfanilide and 2-amino-1-hydroxybenzene-4-sulfonamide with resorcin, the obtained mixture being subsequently submitted to a second coupling reaction with a mixture of diazotized 3-aminobenzene-1-sulfonic acid (metanilic acid) and 4'-amino-4-nitro-1,1'-diphenylamine-2-sulfonic acid and metallization with ferric chloride, sodium salt</t>
  </si>
  <si>
    <t>product-by-process definition polyazodyestuff obtained by coupling 4-[4-(1-amino-8-hydroxy-3,6-disulfo-2-naphthylazo)phenylsulfonylamino] benzenediazonium with reaction mass of 4-carboxybenzenediazonium and diphenylamine-3-sulfo-4,4'-bisdiazonium, and further coupling of the obtained compounds with reaction mass of naphth-2-ol and 3-aminophenol, sodium salts;</t>
  </si>
  <si>
    <t>reaction mas of: 7-amino-3,8-bis-[4-(2-sulfoxyethylsulfonyl)phenylazo]-4-hydroxynaphthalene-2-sulfonic acid, Na/K salt;</t>
  </si>
  <si>
    <t>7-amino-3-[4-(2-sulfoxyethylsulfonyl)phenylazo]-4-hydroxy-8-[4-(2-sulfoxyethylsulfonyl)-2-sulfophenylazo]naphthalene-2-sulfonic acid, Na/K salt; 7-amino-8-[4-(2-sulfoxyethylsulfonyl)-phenylazo]-4-hydroxy-3-[4-(2-sulfoxyethylsulfonyl)-2-sulfophenylazo]naphthalene-2-sulfonic acid, Na/K salt; 7-amino-3,8-bis-[4-(2-sulfoxyethylsulfonyl)-2-sulfophenylazo]-4-hydroxynaphthalene-2-sulfonic acid, Na/K salt</t>
  </si>
  <si>
    <t>reaction mass of: tetrasodium 3-(1,5-disulfonatonaphthalene-2-ylazo)-4-hydroxy-7-{4-chloro-6-[4-(2-sulfoxyethylsulfonyl)phenylamino]-1,3,5-triazine-2-ylamino}naphthalene-2-sulfonate;</t>
  </si>
  <si>
    <t>3-(2,5-disulfophenylazo)-4-hydroxy-7-{4-chloro-6-[4-(2-sulfoxyethylsulfonyl)phenylamino{-1,3,5-triazine-2-ylamino}naphthalene-2-sulfonic acid, sodium salt</t>
  </si>
  <si>
    <t>3-(4-(4-(7-(2,4-diamino-5-sulfonato-3-(4-sulfonatophenylazo)phenylazo)-1-hydroxy-3-sulfonatonaphthalen-2-ylazo)-2-sulfonatophenylamino)phenylazo)-4-hydroxy-6-(2-oxo-1-phenylcarbamoylpropylazo)naphthalene-2-sulfonate; pentasodium 6-((2,4-diamino-5-sulfonatophenyl)azo)-3-((4-((4-((7-((2,4-diamino-5-sulfonatophenyl)azo)-1-hydroxy-3-sulfonatonaphthalen-2-yl)azo)phenyl)amino)-2-sulfonatophenyl)azo)-4-hydroxynaphthalene2-sulfonate;</t>
  </si>
  <si>
    <t>pentasodium 6-((2,4-diamino-5-sulfonato-3-((4-sulfonatophenyl)azo)phenyl)azo)-3-((4-((4-((1,7-dihydroxy-3-sulfonatonaphthalen-2-yl)azo)-2-sulfonatophenyl)amino)phenyl)azo)-4-hydroxynaphthalene-2-sulfonate; hexasodium 6-((2,4-diamino-5-sulfonatophenyl)azo)-3-((4-((4-((7-((2,4-diamino-5-sulfonato-3-((4-sulfonatophenyl)azo)phenyl)azo)-1-hydroxy-3-sulfonatonaphthalen-2-yl)azo)-2-sulfonatophenyl)amino)phenyl)azo)-4-hydroxynaphthalene-2-sulfonate</t>
  </si>
  <si>
    <t>2-(2-(3-(2,6-dichloro-4-nitro-phenylazo)-carbazol-9-yl)ethoxy)ethanol;</t>
  </si>
  <si>
    <t>4-phenylazophenylene-1,3-diamine monohydrochloride; [1] chrysoidine monoacetate;</t>
  </si>
  <si>
    <t>with 4-(phenylazo)-1,3-benzenediamine; [1]</t>
  </si>
  <si>
    <t>triammonium 4-[4-[7-(4-carboxylatoanilino)-1-hydroxy3-sulfonato-2-naphthylazo]-2,5-dimethoxyphenylazo]benzoate</t>
  </si>
  <si>
    <t>H361f*** H373**</t>
  </si>
  <si>
    <t>benzenesulfonic acid, 3,3'-(methylenebis((dihydroxyphenylene)azo)) bis-, potassium sodium salt;</t>
  </si>
  <si>
    <t>reaction product of: 2,3,4,2', 3',</t>
  </si>
  <si>
    <t>4'-hexahydroxy-5,5'-diacethyl-diphenylmethane and 6-diazo-5,6-dihydro-5-oxo-1-naphthalenesulfonylchloride and 3-diazo-3,4-dihydro-6-methoxy-4-oxo-1-naphthalenesulfonylchloride</t>
  </si>
  <si>
    <t>**** H413</t>
  </si>
  <si>
    <t>reaction mass of: 1,1,1-tris(phenyl-4'-(3''-diazo-3'', 4''-dihydro-4''-oxo-naphthalene-1''-sulfonato)ethane; 1,1,1-tris(phenyl-4'-(6''-diazo-5'',</t>
  </si>
  <si>
    <t>6''-dihydro-5''-oxo-naphthalene1''-sulfonato)ethane;</t>
  </si>
  <si>
    <t>reaction mass of: tetrasodium - 4-amino-6-(5-(2,6-difluoropyrimidin-4-ylamino)-2-sulfonatophenylazo)-5-hydroxy-3-(4-(sulfatoethylsulfonyl)phenylazo)naphthalene-2,7-disulfonate; tetrasodium 4-amino-6-(5-(4,6-difluoropyrimidin-2-ylamino)-2-sulfonatophenylazo)-5-hydroxy-3-(4-(2-sulfatoethylsulfonyl)phenylazo)naphthalene-2,7-disulfonate</t>
  </si>
  <si>
    <t>reaction mass of: 3-[[4-chloro-6-[[7-[(1,5-disulfo-2-naphthalenyl)azo]-8-hydroxy-3,6-disulfo1-naphthalenyl]amino]-1,3,5-triazin-2-yl]amino]-5-[[4-chloro-6-[[8-hydroxy-3,6-disulfo-7-[(2-sulfophenyl)azo]-1-naphthalenyl]amino]-1,3,5-triazin-2yl]amino]benzoic acid;</t>
  </si>
  <si>
    <t>reaction mass of trisodium 3-(5-(2,6-difluoropyrimidin-4-ylamino)-2-sulfonatophenylazo)5-(4-fluoro-6-morpholin-4-yl-1,3,5-triazin-2-ylamino)-4-hydroxy-2,7-naphthalenedisulfonate;</t>
  </si>
  <si>
    <t>reaction mass of: triammonium</t>
  </si>
  <si>
    <t>6-amino-3-((2,5-diethoxy-4-(3-phosphonophenyl)azo)phenyl)azo-4-hydroxy-2-naphthalenesulfonate;</t>
  </si>
  <si>
    <t>reaction mass of: 3-[3-carbamoyl-5-(5-{4-chloro-6[4-(2-sulfonatooxyethylsulfonyl)anilino]-1,3,5-triazin-2-ylamino}-2-sulfonatophenylazo)-1,2-dihydro-6-hydroxy-4-methyl-2-oxo-1-pyridyl]propanoic acid, trisodium salt; 3-[3-carbamoyl-5-(5-{4-chloro-6-[4-(vinylsulfonyl)anilino]-1,3,5-triazin-2-ylamino}-2-sulfonatophenylazo)-1,2-dihydro-6-hydroxy-4-methyl-2oxo-1-pyridyl]propanoicacid, disodium salt</t>
  </si>
  <si>
    <t>reaction mass of: 3-[5-(4-ethenesulfonylbutyrylamino)-2-sulfophenylazo]-5-4-chloro-[6-(4-(3-amino-5-hydroxy-2,7-disulfonaphthalene-4-ylazo)-3-sulfophenylamino]-1,3,5-triazin-2-ylamino[-4-hydroxynaphthalene-2,7-disulfonic acid, sodium salt;</t>
  </si>
  <si>
    <t>3-[5-(4-(2-chloroethanesulfonyl)butyrylamino)-2-sulfophenylazo]-5-4-chloro-[6-(4-(3-amino-5-hydroxy-2,7-disulfonaphthalene-4-ylazo)-3-sulfophenylamino]-1,3,5-triazin-2-ylamino}-4-hydroxynaphthalene-2,7-disulfonic acid, sodium salt</t>
  </si>
  <si>
    <t>Self-react. C**** Aquatic Chronic 2</t>
  </si>
  <si>
    <t>reaction mass of: pentasodium bis[6-anilino-3,5'-disulfonatonaphthalene-2-azobenzene-1,2'-diolato]cobaltate(III); tetrasodium [6-anilino-3,5'-disulfonatonaphthalene-2-azobenzene-1,2'-diolato][6-anilino-5'-sulfamoyl-3-sulfonatonaphthalene-2-azobenzene-1,2'-diolato]cobaltate(III); trisodium bis[6-anilino-5'-sulfamoyl-3-sulfonatonaphthalene-2-azobenzene-1,2'-diolato]cobaltate(III)</t>
  </si>
  <si>
    <t>2-[[8-[[4-chloro-6-[[4-(2-sulfonatethylsulfonyl)]phenyl]amino]-1,3,5-triazin-2-yl]amino-1-hydroxy-3,6-disulfonato-2-naphthalenyl]azo]naphthalene-1,5-disulfonate;</t>
  </si>
  <si>
    <t>2-[[8-[[4-chloro-6-[[4-[[2-ethenyl]sulfonyl]phenyl]amino]1,3,5-triazin-2-yl]amino]-1-hydroxy-3,6-disulfonato-2-naphthalenyl]azo]naphthalene-1,5-disulfonate</t>
  </si>
  <si>
    <t>iron, complexes with diazotised</t>
  </si>
  <si>
    <t>Skin Irrit. 2;</t>
  </si>
  <si>
    <t>H315: C ≥ 5 %</t>
  </si>
  <si>
    <t>Eye Dam. 1; H318: C ≥ 5 % Eye Irrit. 2;</t>
  </si>
  <si>
    <t>H319: 0,5  % ≤</t>
  </si>
  <si>
    <t>mono-methylamine … %; [1]</t>
  </si>
  <si>
    <t>di-methylamine … %; [2]</t>
  </si>
  <si>
    <t>tri-methylamine … % [3]</t>
  </si>
  <si>
    <t>niline</t>
  </si>
  <si>
    <t>STOT RE 2; H373: 0,2  % ≤ C &lt; 1 %</t>
  </si>
  <si>
    <t>STOT RE 1; H372: C ≥ 1 % STOT RE 2;</t>
  </si>
  <si>
    <t>H373: 0,2  % ≤</t>
  </si>
  <si>
    <t>o-nitroaniline; [1] m-nitroaniline; [2] p-nitroaniline [3]</t>
  </si>
  <si>
    <t>Carc. 1A; H350: C ≥ 0,01  %</t>
  </si>
  <si>
    <t>phenylhydrazine; [1] phenylhydrazinium chloride; [2] phenylhydrazine hydrochloride; [3]</t>
  </si>
  <si>
    <t>phenylhydrazinium sulphate</t>
  </si>
  <si>
    <t>(2:1) [4]</t>
  </si>
  <si>
    <t>picramic acid; [≥ 20 % water]</t>
  </si>
  <si>
    <t>piperazine; [solid]</t>
  </si>
  <si>
    <t>piperazine; [liquid]</t>
  </si>
  <si>
    <t>3,6,9-triazaundecamethylenediamine; tetraethylenepentamine</t>
  </si>
  <si>
    <t>3,6,9,12-tetra-azatetradecamethylenediamine; pentacthylenehexamine</t>
  </si>
  <si>
    <t>Carc. 1B; H350: C ≥ 0,001  %</t>
  </si>
  <si>
    <t>methylamine</t>
  </si>
  <si>
    <t>benzyl-2-hydroxydodecyldi</t>
  </si>
  <si>
    <t>methylammonium benzoate</t>
  </si>
  <si>
    <t>GH09</t>
  </si>
  <si>
    <t>amines, polyethylenepoly-; HEPA</t>
  </si>
  <si>
    <t>[&gt; 55 % in aqueous solution]</t>
  </si>
  <si>
    <t>Unst. Expl. Met. Corr. 1</t>
  </si>
  <si>
    <t>hydroxylamine …% [≤ 55 % in aqueous solution]</t>
  </si>
  <si>
    <t>hydroxylammonium chloride; hydroxylamine hydrochloride; [1] bis(hydroxylammonium) sulfate;</t>
  </si>
  <si>
    <t>2,4-diethyl-6-methyl-1,3-benzenediamine; [2] diethylmethylbenzenediamine [3]</t>
  </si>
  <si>
    <t>Skin Sens. 1; H317:C ≥0,1  %</t>
  </si>
  <si>
    <t>reaction mass of: trihexadecylmethylammonium chloride; dihexadecyldimethylammonium chloride</t>
  </si>
  <si>
    <t>reaction mass of: cis-(5-ammonium-1,3,3-trimethyl)-cyclohexanemethylammonium phosphate (1:1);</t>
  </si>
  <si>
    <t>Acute Tox. 4 * Aquatic Chronic 2</t>
  </si>
  <si>
    <t>202-441-6[1]</t>
  </si>
  <si>
    <t>221-627-8[2]</t>
  </si>
  <si>
    <t>95-69-2[1]</t>
  </si>
  <si>
    <t>3165-93-3[2]</t>
  </si>
  <si>
    <t>205-282-0[1]-[2]</t>
  </si>
  <si>
    <t>21436-97-5[2]</t>
  </si>
  <si>
    <t>Carc. 1B Muta.</t>
  </si>
  <si>
    <t>1B Repr. 2</t>
  </si>
  <si>
    <t>C.I. Basic Violet 3 with ≥ 0,1 % of Michler's ketone (EC no.202-027-5)</t>
  </si>
  <si>
    <t>reaction mass of: triisopropanolamine salt of 1-amino-4-(3-propionamidoanilino)anthraquinone-2-sulfonic acid; triisopropanolamine salt of 1-amino-4-[3,4-dimethyl-5-(2-hydroxyethylaminosulfonyl)anilino]anthraquinone-2-sulfonic acid</t>
  </si>
  <si>
    <t>hydroxylamine dihydrogenphos</t>
  </si>
  <si>
    <t>phate; [3] hydroxylamine 4-methylben</t>
  </si>
  <si>
    <t>zenesulfonate [4]</t>
  </si>
  <si>
    <t>(3-chloro-2-hydroxypropyl)</t>
  </si>
  <si>
    <t>trimethylammonium chloride …%</t>
  </si>
  <si>
    <t>piperazine hydrochloride; [1] piperazine dihydrochloride; [2] piperazine phosphate [3]</t>
  </si>
  <si>
    <t>4-cyanobenzylamide hydrochloride</t>
  </si>
  <si>
    <t>ammonium (η-6-2-(2-(1,2-dicarboxylatoethylamino)ethylamino)butane-1,4-dioato(4))iron(3+) monohydrate</t>
  </si>
  <si>
    <t>reaction mass of: 4-amino-3-(4-ethenesulfonyl-2-sulfonatophenylazo)-5-hydroxy-6-(5-{4-chloro-6-[4-(2-sulfonatooxyethanesulfonyl)phenylamino]-1,3,5-triazin-2-ylamino}-2-sulfonatophenylazo)naphthalene-2,7-disulfonate potassium/sodium;</t>
  </si>
  <si>
    <t>4-amino-5-hydroxy-6-(5-{4-chloro-6-[4-(2-sulfonatooxyethanesulfonyl)phenylamino]1,3,5-triazin-2-ylamino}-2-sulfonatophenylazo)-3-(2-sulfonato-4-(2-sulfonatooxyethanesulfonyl)phenylazo)naphthalene-2,7-disulfonate potassium/sodium</t>
  </si>
  <si>
    <t>H361f*** H373** H319</t>
  </si>
  <si>
    <t>H373 (gastrointestinal tract, liver, immune</t>
  </si>
  <si>
    <t>system)</t>
  </si>
  <si>
    <t>612-293-00-8</t>
  </si>
  <si>
    <t>ethyleneimine; aziridine</t>
  </si>
  <si>
    <t>crimidine (ISO);2-chloro-6-methylpyrimidin-4- yldimethylamine</t>
  </si>
  <si>
    <t>desmetryne (ISO);6-isopropylamino-2-methylamino-4-methylthio-1,3,5- triazine</t>
  </si>
  <si>
    <t>dazomet (ISO);tetrahydro-3,5-dimethyl-1,3,5- thiadiazine-2-thione</t>
  </si>
  <si>
    <t>2,4,6-trichloro-1,3,5-triazine; cyanuric chloride</t>
  </si>
  <si>
    <t>amitrole (ISO);1,2,4-triazol-3-ylamine</t>
  </si>
  <si>
    <t>H361d *** H373 **</t>
  </si>
  <si>
    <t>bentazone (ISO);3-isopropyl-2,1,3-benzothiadiazine-4-one-2,2-dioxide</t>
  </si>
  <si>
    <t>cyanazine (ISO);2-(4-chloro-6-ethylamino-1,3,5- triazine-2-ylamino)-2-methylpropionitrile</t>
  </si>
  <si>
    <t>ethoxyquin (ISO); 6-ethoxy-1,2-dihydro-2,2,4-trimethylquinoline</t>
  </si>
  <si>
    <t>fenazaflor (ISO); phenyl 5,6-dichloro-2-trifluor-omethylbenzimidazole-1-carboxylate</t>
  </si>
  <si>
    <t>bis(8-hydroxyquinolinium) sulphate</t>
  </si>
  <si>
    <t>morfamquat (ISO); 1,1'-bis(3,5-dimethylmorpholinocarbonylmethyl)-4,4'-bipyridilium ion</t>
  </si>
  <si>
    <t>thioquinox(ISO); 2-thio-1,3-dithiolo(4,5,b)quinoxaline</t>
  </si>
  <si>
    <t>tridemorph (ISO); 2,6-dimethyl-4-tridecylmorpholine</t>
  </si>
  <si>
    <t>H360D *** H332</t>
  </si>
  <si>
    <t>dithianon (ISO); 5,10-dihydro-5,10-dioxonaphtho(2,3-b)(1,4)dithiazine-2,3- dicarbonitrile</t>
  </si>
  <si>
    <t>cinerin I; 3-(but-2-enyl)-2-methyl-4- oxocyclopent-2-enyl 2,2-dimethyl-3-(2-methylprop-1-enyl)cyclopropanecarboxylate</t>
  </si>
  <si>
    <t>cinerin II; 3-(but-2-enyl)-2-methyl-4- oxocyclopent-2-enyl 2,2-dimethyl-3-(3-methoxy-2-methyl-3-oxoprop-1-enyl)cyclopropanecarboxylate</t>
  </si>
  <si>
    <t>dichloro-1,3,5-triazinetrione; dichloroisocyanuric acid</t>
  </si>
  <si>
    <t>Acute Tox. 4 * Eye Irrit. 2</t>
  </si>
  <si>
    <t>troclosene potassium; [1] troclosene sodium [2]</t>
  </si>
  <si>
    <t>H335: C ≥ 10 % EUH031: C ≥10 %</t>
  </si>
  <si>
    <t>symclosene; trichloroisocyanuric acid; trichloro-1,3,5-triazinetrion</t>
  </si>
  <si>
    <t>methyl-2,3,5,6-tetrachloro-4- pyridylsulphone;2,3,5,6-tetrachloro-4-(methylsulphonyl)pyridine</t>
  </si>
  <si>
    <t>2-methylaziridine; propyleneimine</t>
  </si>
  <si>
    <t>2-methylpyridine; 2-picoline</t>
  </si>
  <si>
    <t>4-methylpyridine; 4-picoline</t>
  </si>
  <si>
    <t>6-phenyl-1,3,5-triazine-2,4- diyldiamine; 6-phenyl-1,3,5-triazine-2,4-diamine; benzoguanamine</t>
  </si>
  <si>
    <t>ethylene thiourea; imidazolidine-2-thione; 2-imidazoline-2-thiol</t>
  </si>
  <si>
    <t>Acute Tox. 4 * Skin Corr. 1B Skin Sens. 1</t>
  </si>
  <si>
    <t>Skin Corr. 1B; H314: C ≥ 50 % Skin Irrit. 2; H315: 30 % ≤ C &lt; 50 %</t>
  </si>
  <si>
    <t>Eye Dam. 1; H318: 15 % ≤ C &lt; 50 %</t>
  </si>
  <si>
    <t>Eye Irrit. 2; H319: 5 % ≤ C &lt; 15 %</t>
  </si>
  <si>
    <t>Carc. 1B Skin Sens. 1</t>
  </si>
  <si>
    <t>1-dimethylcarbamoyl-5-methyl pyrazol-3-yl dimethylcarbamate; dimetilan (ISO)</t>
  </si>
  <si>
    <t>carbendazim (ISO);methyl benzimidazol-2-ylcarbamate</t>
  </si>
  <si>
    <t>Muta. 1B Repr. 1B</t>
  </si>
  <si>
    <t>H360FD H410</t>
  </si>
  <si>
    <t>benomyl (ISO);methyl 1-(butylcarbamoyl)benzimidazol-2-ylcarbamate</t>
  </si>
  <si>
    <t>Muta. 1B Repr. 1B STOT SE 3</t>
  </si>
  <si>
    <t>H360FD H335</t>
  </si>
  <si>
    <t>carbadox (INN);methyl 3-(quinoxalin-2-ylmethylene)carbazate 1,4-dioxide; 2-(methoxycarbonylhydrazonomethyl) quinoxaline 1,4-dioxide</t>
  </si>
  <si>
    <t>molinate (ISO);S-ethyl 1-perhydroazepinecarbothioate; S-ethyl perhydroazepine-1-carbothioate</t>
  </si>
  <si>
    <t>STOT RE 2 * Skin Sens. 1</t>
  </si>
  <si>
    <t>trifenmorph (ISO);4-tritylmorpholine</t>
  </si>
  <si>
    <t>thiabendazol (ISO);2-(thiazole-4-yl)benzimidazole</t>
  </si>
  <si>
    <t>1,2-dimethyl-3,5-diphenylpyra zolium methylsulphate; difenzoquat methyl sulfate</t>
  </si>
  <si>
    <t>resmethrin (ISO);5-benzyl-3-furylmethyl (±)-cis-trans-chrysanthemate</t>
  </si>
  <si>
    <t>6-(1α,5aβ,8aβ,9-pentahydroxy-7β-isopropyl-2β,5β,8β-trimethylperhydro-8bα,9-epoxy-5,8-ethanocyclopenta[1,2-b]indenyl) pyrrole-2-carboxylate; ryania</t>
  </si>
  <si>
    <t>sabadilla (ISO);veratrine</t>
  </si>
  <si>
    <t>secbumeton (ISO);2-sec-butylamino-4-ethylamino-6-methoxy-1,3,5-triazine</t>
  </si>
  <si>
    <t>5-(3,6,9-trioxa-2-undecy loxy)benzo(d)-1,3-dioxolane; sesamex</t>
  </si>
  <si>
    <t>simetryn (ISO);2,4-bis(ethylamino)-6- methylthio-1,3,5-triazine</t>
  </si>
  <si>
    <t>propazine (ISO);2-chloro-4,6-bis(isopropylamino)-1,3,5-triazine</t>
  </si>
  <si>
    <t>atrazine (ISO);2-chloro-4-ethylamine-6- isopropylamine-1,3,5-triazine</t>
  </si>
  <si>
    <t>3-(3-methylpent-3-yl)isoxazol-5- ylamine</t>
  </si>
  <si>
    <t>3-chloro-5-trifluoromethyl-2- pyridylamine</t>
  </si>
  <si>
    <t>reaction mass of 5-heptyl-1,2,4- triazol-3-ylamine and 5-nonyl-1,2,4-triazol-3-ylamine</t>
  </si>
  <si>
    <t>4-(1(or 4 or 5 or 6)-methyl-8,9,10-trinorborn-5-en-2- yl)pyridine, reaction mass of isomers</t>
  </si>
  <si>
    <t>Skin Corr. 1B Skin Sens. 1</t>
  </si>
  <si>
    <t>2-(4-(3-(4-chlorophenyl)-2-pyra zolin-1-yl)phenylsulfonyl)ethyldimethylammonium formate</t>
  </si>
  <si>
    <t>Skin Corr. 1B STOT RE 2 * Skin Sens. 1</t>
  </si>
  <si>
    <t>2-(4-(3-(4-chlorophenyl)-4,5- dihydropyrazolyl)phenylsulphonyl) ethyldimethylammonium hydrogen phosphonate</t>
  </si>
  <si>
    <t>Skin Sens. 1; H317: C≥0,05  %</t>
  </si>
  <si>
    <t>diquat dibromide; [1]diquat dichloride; [2]6,7-dihydrodipyrido[1,2-α:2',1'- c]pyrazinediylium dihydroxide [3]</t>
  </si>
  <si>
    <t>paraquat dichloride;1,1-dimethyl-4,4'-bipyridinium dichloride; [1]paraquat dimethylsulfate;1,1-dimethyl-4,4'-bipyridinium dimethyl sulphate [2]</t>
  </si>
  <si>
    <t>H372 ** H319</t>
  </si>
  <si>
    <t>morfamquat dichloride; [1]morfamquat sulfate [2]</t>
  </si>
  <si>
    <t>225-062-8 [1] [2]</t>
  </si>
  <si>
    <t>hexasodium 6,13-dichloro-3,10- bis((4-(2,5-disulfonatoanilino)-6- fluoro-1,3,5-triazin-2- ylamino)prop-3-ylamino)-5,12- dioxa-7,14-diazapentacene-4,11- disulfonate</t>
  </si>
  <si>
    <t>7-amino-3-((5-carboxymethyl-4- methyl-1,3-thiazol-2- ylthio)methyl)-8-oxo-5-thia-1- azabicyclo(4.2.0)oct-2-ene-2- carboxylic acid</t>
  </si>
  <si>
    <t>dimethomorph (ISO);4-(3-(4-chlorophenyl)-3-(3,4- dimethoxyphenyl)acryloyl)morpholine</t>
  </si>
  <si>
    <t>Acute Tox. 4 * STOT RE 2 * Eye Dam. 1</t>
  </si>
  <si>
    <t>hexakis(tetramethylammonium) 4,4'-vinylenebis((3-sulfonato-4,1-phenylene)imino(6- morpholino-1,3,5-triazine-4,2- diyl)imino)bis(5-hydroxy-6-phenylazonaphthalene-2,7- disulfonate)</t>
  </si>
  <si>
    <t>Acute Tox. 3 * Skin Sens. 1</t>
  </si>
  <si>
    <t>tetrapotassium 2-(4-(5-(1-(2,5- disulfonatophenyl)-3-ethoxycar bonyl-5-hydroxypyrazol-4- yl)penta-2,4-dienylidene)-3- ethoxycarbonyl-5-oxo-2-pyra zolin-1-yl)benzene-1,4- disulfonate</t>
  </si>
  <si>
    <t>2,2',2''-(hexahydro-1,3,5- triazine-1,3,5-triyl)triethanol;1,3,5-tris(2-hydroxyethyl)hexahydro-1,3,5-triazine</t>
  </si>
  <si>
    <t>0,1  %</t>
  </si>
  <si>
    <t>hymexazol (ISO);3-hydroxy-5-methylisoxazole</t>
  </si>
  <si>
    <t>H372** H319</t>
  </si>
  <si>
    <t>(benzothiazol-2-ylthio)methyl thiocyanate; TCMTB</t>
  </si>
  <si>
    <t>Acute Tox. 2 * Acute Tox. 4 * Eye Irrit. 2</t>
  </si>
  <si>
    <t>1,1-dimethylpiperidinium chloride; mepiquat chloride</t>
  </si>
  <si>
    <t>metamitron (ISO);4-amino-3-methyl-6-phenyl-1,2,4-triazin-5-one</t>
  </si>
  <si>
    <t>pyroquilon (ISO);1,2,5,6-tetrahydropyrrolo[3,2,1- ij]quinolin-4-one</t>
  </si>
  <si>
    <t>hexazinone (ISO);3-cyclohexyl-6-dimethylamino-1-methyl-1,2,3,4-tetrahydro-1,3,5-triazine-2,4-dione</t>
  </si>
  <si>
    <t>methabenzthiazuron (ISO);1-(1,3-benzothiazol-2-yl)1,3- dimethylurea</t>
  </si>
  <si>
    <t>quinoxyfen (ISO);5,7-dichloro-4-(4-fluorophenoxy)quinoline</t>
  </si>
  <si>
    <t>metsulfuron-methyl (ISO); methyl-2-{[(4-methoxy-6- methyl-1,3,5-triazin-2-yl)carbamoyl]sulfamoyl}benzoate</t>
  </si>
  <si>
    <t>tetrasodium 1,2-bis(4-fluoro-6- [5-(1-amino-2-sulfonatoanthra chinon-4-ylamino)-2,4,6- trimethyl-3-sulfonatopheny lamino]-1,3,5-triazin-2- ylamino)ethane</t>
  </si>
  <si>
    <t>2,3-dichloro-5-trifluoromethyl- pyridine</t>
  </si>
  <si>
    <t>fenazaquin (ISO);4-[2-[4-(1,1-dimethylethyl)phenyl]-ethoxy]quinazoline</t>
  </si>
  <si>
    <t>flupyrsulfuron-methyl-sodium(ISO);methyl 2-[[(4,6-dimethoxypyrimidin-2-ylcarbamoyl)sulfamoyl]-6-trifluoromethyl]nicotinate, monosodium salt</t>
  </si>
  <si>
    <t>1-(3-(4-fluorophenoxy)propyl)3-methoxy-4-piperidinone</t>
  </si>
  <si>
    <t>H360F *** H314</t>
  </si>
  <si>
    <t>reaction mass of oligomers of</t>
  </si>
  <si>
    <t>2-chloro-5-(4-chloro-5-difluoromethoxy-1-methylpyrazol-3-yl)-4-fluorophenoxyacetic acid ethyl ester; [1] pyraflufen (ISO);</t>
  </si>
  <si>
    <t>H361d*** H373**</t>
  </si>
  <si>
    <t>2,2-dialkyl-4-hydroxymethyl1,3-dioxolane;</t>
  </si>
  <si>
    <t>tritosulfuron (ISO) (containing ≤0,02 % AMTT);</t>
  </si>
  <si>
    <t>1-[4-methoxy-6-(trifluoromethyl)-1,3,5-triazin-2-yl]-3-[2-(trifluoromethyl)benzenesulfonyl]urea (containing ≤ 0,02 % AMTT)</t>
  </si>
  <si>
    <t>200-679-5)]</t>
  </si>
  <si>
    <t>H360D*** H317</t>
  </si>
  <si>
    <t>pentapotassium 2-(4-(5-[1-(2,5-disulfonatophenyl)-4,5-dihydro-3-methylcarbamoyl-5-oxopyrazol-4-ylidene]-3-methyl-1,3-pentadienyl)-3-methylcarbamoyl-5-oxidopyrazol-1yl)benzene-1,4-disulfonate</t>
  </si>
  <si>
    <t>main component 1 (isomer 1):</t>
  </si>
  <si>
    <t>2-{6-fluoro-4-[3-(2,5-disulfo-phenylazo)-4-hydroxy-2-sulfonapht-7-ylamino]-1,3,5-triazin-2-ylamino}-3-{6-fluoro-4-[3-(1,5-disulfonaphth-2-ylazo)-4-hydroxy-2-sulfonaphth-7-ylamino]-1,3,5-triazin-2-ylamino}-propane sodium salt;</t>
  </si>
  <si>
    <t>main component 1 (isomer 2):</t>
  </si>
  <si>
    <t>2-{6-fluoro-4-[3-(2,5-disulfophenylazo)-4-hydroxy-2-sulfonaphth-7-ylamino]-1,3,5-triazin-2-ylamino}-3-{6-fluoro-4-[3(2,5-disulfo-phenylazo)-4-hydroxy-2-sulfonaphth-7-ylamino]-1,3,5-triazin-2-ylamino}-propane sodium salt;</t>
  </si>
  <si>
    <t>main component 2: 2,3-bis-{6-fluoro-4-[3-(2,5-disulfo-phenylazo)-4-hydroxy-2-sulfonaphth-7-ylamino]-1,3,5-triazin-2-ylamino}-propane sodium salt;</t>
  </si>
  <si>
    <t>main component 3: 2,3-bis-{6-fluoro-4-[3-(1,5-disulfonaphth-2-ylazo)-4-hydroxy-2-sulfonaphth-7-ylamino]-1,3,5-triazin-2-ylamino}-propane sodium salt</t>
  </si>
  <si>
    <t>dimethyl-1-{[2-methoxy-5-(2-methyl-butoxycarbonyl)phenylcarbamoyl]-[2-octadecyl-1,1-dioxo-1,2,4-benzothiadiazin-3-yl]methyl} imidazole-4,5-dicarboxylate</t>
  </si>
  <si>
    <t>tetrapotassium 4-[5-[3-carboxylato-4,5-dihydro-5-oxo1-(4-sulfonatophenyl)pyrazol-4-ylidene]-3-(piperidinocarbonyl)penta-1,3-dienylidene]-5-hydroxy-1-(4-sulfonatophenyl)pyrazole-3-carboxylate</t>
  </si>
  <si>
    <t>613-326-00-9</t>
  </si>
  <si>
    <t>613-327-00-4</t>
  </si>
  <si>
    <t>613-328-00-X</t>
  </si>
  <si>
    <t>Repr. 1B; H360D: C ≥ 0,03 %</t>
  </si>
  <si>
    <t>ATE = 5 mg/kg bw</t>
  </si>
  <si>
    <t>4,4'-methylenediphenyl diisocyanate; diphenylmethane-4,4'-diisocyanate; [1]</t>
  </si>
  <si>
    <t>2,2'-methylenediphenyl diisocyanate; diphenylmethane-2,2'-diisocyanate; [2]</t>
  </si>
  <si>
    <t>Eye Irrit. 2; H319:</t>
  </si>
  <si>
    <t>C ≥ 5 % Skin Irrit. 2; H315: C ≥ 5 % Resp. Sens. 1; H334: C ≥ 0,1  %</t>
  </si>
  <si>
    <t>Resp. Sens. 1; H334: C ≥</t>
  </si>
  <si>
    <t>3-isocyanatomethyl-3,5,5-trimethylcyclohexyl isocyanate; isophorone di-isocyanate</t>
  </si>
  <si>
    <t>Resp. Sens. 1; H334: C ≥0,5  %</t>
  </si>
  <si>
    <t>Skin Sens.1; H317: C ≥0,5  %</t>
  </si>
  <si>
    <t>4,4'-methylenedi(cyclohexyl isocyanate); dicyclohexylmethane-4,4'-di-isocyanate</t>
  </si>
  <si>
    <t>Skin Sens. 1; H317: C ≥0,5  %</t>
  </si>
  <si>
    <t>0,5  %</t>
  </si>
  <si>
    <t>Eye Irrit.;</t>
  </si>
  <si>
    <t>H319: C ≥ 5 %</t>
  </si>
  <si>
    <t>STOT SE 3; H335: C ≥ 5 % Skin Irrit. 2; H315: C ≥ 5 %</t>
  </si>
  <si>
    <t>H38</t>
  </si>
  <si>
    <t>2-(isocyanatosulfonylmethyl)benzoic acid methyl ester; (alt.):methyl 2-(isocyanatosulfonylmethyl)benzoate</t>
  </si>
  <si>
    <t>reaction product of diphenylmethanediisocyanate, octylamine,</t>
  </si>
  <si>
    <t>4-ethoxyaniline and ethylenediamine (1:0,37:1,53:0,05)</t>
  </si>
  <si>
    <t>reaction product of diphenylmethanediisocyanate, octylamine and oleylamine (molar ratio</t>
  </si>
  <si>
    <t>1:1.86:0.14)</t>
  </si>
  <si>
    <t>reaction product of diphenylmethanediisocyanate, toluenediisocyanate (reaction of isomers:</t>
  </si>
  <si>
    <t>65 % 2,4-and 35 % 2,6-diisocyanate), octylamine, oleylamine and 4-ethoxyaniline (molar ratio 4:1:7:1:2)</t>
  </si>
  <si>
    <t>reaction product of diphenylmethanediisocyanate, toluenediisocyanate (reaction mass of isomers: 65 % 2,4-and 35 % 2,6-diisocyanate), octylamine and oleylamine (molar ratio 4:1:9:1)</t>
  </si>
  <si>
    <t>reaction product of toluenediisocyanate (reaction mass of isomers: 65 % 2,4- and 35 % 2,6-diisocyanate) and aniline</t>
  </si>
  <si>
    <t>(molarratio 1:2)</t>
  </si>
  <si>
    <t>reaction product of diphenylmethanediisocyanate, toluenediisocyanate (reaction mass of isomers: 65 % 2,4-and 35 % 2,6-diisocyanate), octylamine, oleylamine and 4-ethoxyaniline (molar ratio 3.88:1:6.38:0.47:2.91)</t>
  </si>
  <si>
    <t>H361f *** H301</t>
  </si>
  <si>
    <t>3',4'-dichloropropionanilide</t>
  </si>
  <si>
    <t>1-(3,4-dichlorophenylimino)</t>
  </si>
  <si>
    <t>thiosemicarbazide</t>
  </si>
  <si>
    <t>H361f *** H319</t>
  </si>
  <si>
    <t>Skin Sens. 1; H317: C ≥ 0,1  %</t>
  </si>
  <si>
    <t>condensation product of: 3-(7-carboxyhept-1-yl)-6-hexyl-4-cyclohexene-1,2-dicarboxylic acid with polyamines (primarily</t>
  </si>
  <si>
    <t>amino-ethyl-piperazine and triethylenetetramine)</t>
  </si>
  <si>
    <t>7,7,9-trimethyl-3,14-dioxa-4,13-dioxo-5,12-diazahexadecane-1,16-diyl-prop-2-enoate</t>
  </si>
  <si>
    <t>3,3'-dioctadecyl-1,1'-methylene</t>
  </si>
  <si>
    <t>bis(4,1-phenylene)diurea</t>
  </si>
  <si>
    <t>iodosulfuron-methyl-sodium; sodium ({[5-iodo-2-(methoxycarbonyl)phenyl]sulfonyl}carbamoyl)(4-methoxy-6-methyl-1,3,5-triazin-2-yl)azanide</t>
  </si>
  <si>
    <t>methyl neodecanamide</t>
  </si>
  <si>
    <t>1,3-bis(vinylsulfonylacetamido)propane</t>
  </si>
  <si>
    <t>(4-acetamido-2,2,6,6-tetra</t>
  </si>
  <si>
    <t>methyl-1-piperidinyl)oxidanyl</t>
  </si>
  <si>
    <t>H360D*** H400</t>
  </si>
  <si>
    <t>H360D*** H410</t>
  </si>
  <si>
    <t>sulfonamide</t>
  </si>
  <si>
    <t>metazachlor (ISO);</t>
  </si>
  <si>
    <t>1-(4-(2-cloro-α, α,α-p-trifluorotolyloxy)-2-fluorophenyl)-3-(2,6-difluorobenzolyl)urea</t>
  </si>
  <si>
    <t>H372 (larynx) H318</t>
  </si>
  <si>
    <t>616-224-00-2</t>
  </si>
  <si>
    <t>Org. Perox. E Flam. Liq. 2 Muta. 2</t>
  </si>
  <si>
    <t>Skin Corr. 1B; H314: C ≥ 10 % Skin Irrit. 2; H315: 3 % ≤ C</t>
  </si>
  <si>
    <t>Eye Dam. 1; H318: 3 % ≤ C</t>
  </si>
  <si>
    <t>&lt; 3 %</t>
  </si>
  <si>
    <t>STOT SE 3; H335: C &lt; 10 %</t>
  </si>
  <si>
    <t>bis(α, α-dimethylbenzyl)</t>
  </si>
  <si>
    <t>peroxide</t>
  </si>
  <si>
    <t>cyclohexylidene hydroperoxide;</t>
  </si>
  <si>
    <t>[3] cyclohexanone, peroxide [4] [≤ 91 % solution]</t>
  </si>
  <si>
    <t>Org. Perox. C **** Aquatic Acute 1</t>
  </si>
  <si>
    <t>Org. Perox. C **** Eye Dam. 1</t>
  </si>
  <si>
    <t>Org. Perox. B **** Aquatic Acute 1</t>
  </si>
  <si>
    <t>Org. Perox. C **** Flam. Liq. 3</t>
  </si>
  <si>
    <t>reaction mass of: 1-methyl-1-(3-(1-methylethyl)phenyl)ethyl-1-methyl-1-phenylethylperoxide,</t>
  </si>
  <si>
    <t>63 % by weight;</t>
  </si>
  <si>
    <t>1-methyl-1-(4-(1-methylethyl)phenyl)ethyl-1-methyl-1-phenylethylperoxide, 31 % by weight</t>
  </si>
  <si>
    <t>Org. Perox. C **** Aquatic Chronic 2</t>
  </si>
  <si>
    <t>Org. Perox. D **** Aquatic Chronic 2</t>
  </si>
  <si>
    <t>reaction mass of: 1,2-dimethylpropylidene dihydroperoxide; dimethyl 1,2-benzenedicarboxylate</t>
  </si>
  <si>
    <t>Tar oils, brown-coal; Light Oil;</t>
  </si>
  <si>
    <t>Benzol forerunnings (coal); Light Oil Redistillate, low boiling;</t>
  </si>
  <si>
    <t>Solvent naphtha (coal), light; Light Oil Redistillate, low boiling</t>
  </si>
  <si>
    <t>Solvent naphtha (coal), xylene-styrene cut; Light Oil Redistillate, intermediate boiling</t>
  </si>
  <si>
    <t>Solvent naphtha (coal), coumarone-styrene contg.; Light Oil Redistillate, intermediate boiling</t>
  </si>
  <si>
    <t>Extract residues (coal tar), benzole fraction alk., acid ext.; Light Oil Extract Residues, low boiling;</t>
  </si>
  <si>
    <t>Extract residues (coal), light oil alk., indene naphtha fraction; Light Oil Extract Residues, high boiling;</t>
  </si>
  <si>
    <t>Tar oils, coal; Carbolic Oil;</t>
  </si>
  <si>
    <t>Carbolic Oil Extract Residue; [The oil resulting from the acid washing of alkali-washed carbolic oil to remove the minor amounts of basic compounds (tar bases).</t>
  </si>
  <si>
    <t>Composed primarily of indene, indan and alkylbenzenes.]</t>
  </si>
  <si>
    <t>Carbolic Oil Extract Residue; [The residue obtained from coal tar oil by an alkaline wash such as aqueous sodium hydroxide after the removal of crude coal tar acids. Composed primarily of naphthalenes and aromatic nitrogen bases.]</t>
  </si>
  <si>
    <t>Extract oils (coal), light oil; Acid Extract;</t>
  </si>
  <si>
    <t>Pyridine, alkyl derivs.; Crude Tar Bases;</t>
  </si>
  <si>
    <t>Tar bases, coal, aniline fraction; Distillate Bases;</t>
  </si>
  <si>
    <t>It contains chiefly aniline, collidines, lutidines and toluidines.]</t>
  </si>
  <si>
    <t>Extract oils (coal), coal tar-residual pyrolysis oils, naph thalene oil, redistillate; Redistillates;</t>
  </si>
  <si>
    <t>Extract oils (coal), coal tar residual pyrolysis oils, naph thalene oil, distn. residues; Redistillates;</t>
  </si>
  <si>
    <t>Creosote oil, acenaphthene fraction, acenaphthene-free; Wash Oil Redistillate;</t>
  </si>
  <si>
    <t>Distillates (coal tar), upper; Heavy Anthracene Oil;</t>
  </si>
  <si>
    <t>Distillates (coal tar); Heavy Anthracene Oil;</t>
  </si>
  <si>
    <t>Distillates (coal tar), pitch; Heavy Anthracene Oil;</t>
  </si>
  <si>
    <t>[The oil obtained from condensation of the vapors from the heat treatment of pitch.</t>
  </si>
  <si>
    <t>Paraffin waxes (coal), brown-coal high-temp tar, clay-treated; Coal Tar Extract;</t>
  </si>
  <si>
    <t>▼M21</t>
  </si>
  <si>
    <t>Pitch, coal tar, high-temp.; [The residue from the distillation of high temperature coal tar. A black solid with an approximate softening point from 30 °C to 180 °C (86 °F to 356 °F). Composed primarily of a complex mixture of three or more membered condensed ring aromatic hydrocarbons.]</t>
  </si>
  <si>
    <t>Residues (coal tar), pitch distn.; Pitch Redistillate;</t>
  </si>
  <si>
    <t>[Coke-and ash-containing solid residues that separate on distillation and thermal treatment of bituminous coal high temperature tar in distillation installations and storage vessels. Consists predominantly of carbon and contains a small quantity of hetero compounds as well as ash components.]</t>
  </si>
  <si>
    <t>Tar, coal, storage residues; Coal Tar Solids Residue;</t>
  </si>
  <si>
    <t>Tar, coal, high-temp., residues; Coal Tar Solids Residue;</t>
  </si>
  <si>
    <t>Extract residues (coal), brown; Coal Tar Extract;</t>
  </si>
  <si>
    <t>Tar, coal, low-temp, distn. residues;</t>
  </si>
  <si>
    <t>Pitch, coal tar, low-temp; Pitch Residue;</t>
  </si>
  <si>
    <t>Pitch Residue, oxidised; Pitch Residue, heat-treated;</t>
  </si>
  <si>
    <t>Pitch, coal tar-petroleum; Pitch Residues;</t>
  </si>
  <si>
    <t>Phenanthrene, distn. residues; Heavy Anthracene Oi Redistillate;</t>
  </si>
  <si>
    <t>Distillates (coal tar), upper, fluorene-free; Wash Oil Redistillate;</t>
  </si>
  <si>
    <t>Anthracene oil; Anthracene oil;</t>
  </si>
  <si>
    <t>Residues (coal tar), creosote oil distn.; Wash Oil Redistillate;</t>
  </si>
  <si>
    <t>Tar, coal; Coal tar;</t>
  </si>
  <si>
    <t>[The by-product from the destructive distillation of coal. Almost black semisolid. A complex combination of aromatic hydrocarbons, phenolic compounds, nitrogen bases and thiophene.]</t>
  </si>
  <si>
    <t>Tar, coal, low-temp.; Coal oil;</t>
  </si>
  <si>
    <t>Distillates (coal), coke-oven light oil, naphthalene cut; Naphthalene Oil;</t>
  </si>
  <si>
    <t>JM</t>
  </si>
  <si>
    <t>Distillates (coal tar), naphthalene oils; Naphthalene Oil;</t>
  </si>
  <si>
    <t>Distillates (coal tar), naph thalene oils, naphthalene-low; Naphthalene Oil Redistillate; [A complex combination of hydrocarbons obtained by crys tallization of naphthalene oil. Composed primarily of naphthalene, alkyl naphthalenes and phenolic compounds.]</t>
  </si>
  <si>
    <t>Distillates (coal tar), naphthalene oil crystn. mother liquor; Naphthalene Oil Redistillate;</t>
  </si>
  <si>
    <t>Extract residues (coal), naphthalene oil, alk.; Naphthalene Oil Extract Residue;</t>
  </si>
  <si>
    <t>Distillates (coal tar), naphthalene oils, indole-methylnaphthalene fraction; Methylnaphthalene Oil;</t>
  </si>
  <si>
    <t>Distillates (coal tar), naphthalene oils, acid exts.; Methylnaphthalene Oil Extract Residue;</t>
  </si>
  <si>
    <t>Anthracene oil, anthracene-low; Anthracene Oil Fraction;</t>
  </si>
  <si>
    <t>Residues (coal tar), anthracene oil distn.; Anthracene Oil Fraction;</t>
  </si>
  <si>
    <t>Anthracene oil, anthracene paste, anthracene fraction; Anthracene Oil Fraction;</t>
  </si>
  <si>
    <t>Anthracene oil, anthracene paste, carbazole fraction; Anthracene Oil Fraction;</t>
  </si>
  <si>
    <t>Tar oils, coal, low-temp.; Tar Oil, high boiling;</t>
  </si>
  <si>
    <t>Phenols, ammonia liquor ext.; Alkaline Extract;</t>
  </si>
  <si>
    <t>Extracts, coal tar oil alk.; Alkaline Extract;</t>
  </si>
  <si>
    <t>Distillates (coal tar), naphthalene oils, alk. exts.; Alkaline Extract;</t>
  </si>
  <si>
    <t>Crude Phenols; [The product obtained by treatment of coal tar oil alkaline extract with CO2 and CaO. Composed primarily of CaCO3, Ca(OH)2, Na2CO3 and other organic and inorganic impurities.]</t>
  </si>
  <si>
    <t>Tar acids, coal, crude; Crude Phenols;</t>
  </si>
  <si>
    <t>Tar acids, brown-coal, crude; Crude Phenols;</t>
  </si>
  <si>
    <t>[An acidified alkaline extract of brown coal tar distillate.</t>
  </si>
  <si>
    <t>Composed primarily of phenol and phenol homologs.]</t>
  </si>
  <si>
    <t>Tar acids, browncoal gasification;</t>
  </si>
  <si>
    <t>Tar acids, distn. residues; Distillate Phenols;</t>
  </si>
  <si>
    <t>[The fraction of tar acid rich in 3-and 4-methylphenol, recovered by distillation of low-temperature coal tar crude tar acids.]</t>
  </si>
  <si>
    <t>Tar acids, xylenol fraction; Distillate Phenols;</t>
  </si>
  <si>
    <t>[The fraction of tar acids, rich in 2,4-and 2,5-dimethylphenol, recovered by distillation of low-temperature coal tar crude tar acids.]</t>
  </si>
  <si>
    <t>Tar acids, ethylphenol fraction; Distillate Phenols;</t>
  </si>
  <si>
    <t>[The fraction of tar acids, rich in 3-and 4-ethylphenol, recovered by distillation of low-temperature coal tar rude tar acids.]</t>
  </si>
  <si>
    <t>Tar acids, 3,5-xylenol fraction; Distillate Phenols;</t>
  </si>
  <si>
    <t>Tar acids, cresylic, residues; Distillate Phenols;</t>
  </si>
  <si>
    <t>Tar acids, cresylic; Distillate Phenols;</t>
  </si>
  <si>
    <t>[The aqueous extract produced by an acidic wash of alkali- washed naphthalene oil. Composed primarily of acid salts of various aromatic nitrogen bases including pyridine, quinoline and their alkyl derivatives.]</t>
  </si>
  <si>
    <t>Tar bases, quinoline derivs.; Distillate Bases</t>
  </si>
  <si>
    <t>Tar bases, coal, distn. residues; Distillate Bases;</t>
  </si>
  <si>
    <t>[The distillation residue remaining after the distillation of the neutralized, acid-extracted base-containing tar fractions obtained by the distillation of oal tars. I contains chiefly aniline, collidines, quinoline and quinoline derivatives and toluidines.]</t>
  </si>
  <si>
    <t>[The oil obtained from the heat treatment of polystyrene with coal tar pitch or aromatic oils.</t>
  </si>
  <si>
    <t>Extract residues (coal), tar oil alk., naphthalene distn. residues; Naphthalene Oil Extract Residue;</t>
  </si>
  <si>
    <t>Tar acids, cresylic, sodium salts, caustic solns.; Alkaline Extract</t>
  </si>
  <si>
    <t>Extract oils (coal), tar base; Acid Extract;</t>
  </si>
  <si>
    <t>Tar bases, coal, crude; Crude Tar Bases;</t>
  </si>
  <si>
    <t>Coal liquids, liq. solvent extn.; [The substantially solvent-free product obtained by the distillation of the solvent from filtered coal extract solution produced by digesting coal in a liquid solvent. A black semi-solid, composed primarily of a complex combination of condensed-ring aromatic hydrocarbons, aromatic nitrogen compounds, aromatic sulfur compounds, phenolic compounds and other aromatic oxygen compounds, and their alkyl derivatives.]</t>
  </si>
  <si>
    <t>Light oil (coal), coke-oven; Crude benzole;</t>
  </si>
  <si>
    <t>Fuels, jet aircraft, coal solvent extn.,hydrocracked hydro genated;</t>
  </si>
  <si>
    <t>Residues (petroleum), hydrocracked; Heavy Fuel oil;</t>
  </si>
  <si>
    <t>Residues (petroleum), thermal cracked; Heavy Fuel oil;</t>
  </si>
  <si>
    <t>Gas oils (petroleum), hydro-treated vacuum; Heavy Fuel oil;</t>
  </si>
  <si>
    <t>Residues (petroleum), hydrodesulfurized atmospheric tower; Heavy Fuel oil;</t>
  </si>
  <si>
    <t>[A complex residuum from atmospheric distillation of crude oil.</t>
  </si>
  <si>
    <t>HS08</t>
  </si>
  <si>
    <t>Fuel oil, residual; Heavy Fuel oil;</t>
  </si>
  <si>
    <t>Residues,(petroleum), heavy coker gas oil and vacuum gas oil;</t>
  </si>
  <si>
    <t>Residues(petroleum), light vacuum;</t>
  </si>
  <si>
    <t>Fuel oil, No 6; Heavy Fuel oil;</t>
  </si>
  <si>
    <t>Distillates (petroleum), petroleum residues vacuum; Heavy Fuel oil;</t>
  </si>
  <si>
    <t>Distillates (petroleum), vacuum; Heavy Fuel oil;</t>
  </si>
  <si>
    <t>Gas oils (petroleum), hydrodesulfurized coker heavy vacuum; Heavy Fuel oil;</t>
  </si>
  <si>
    <t>Fuel oil, heavy, high-sulfur; Heavy Fuel oil;</t>
  </si>
  <si>
    <t>Residual oils (petroleum); Heavy Fuel oil;</t>
  </si>
  <si>
    <t>Distillates (petroleum), hydrodesulfurized full-range middle; Heavy Fuel oil;</t>
  </si>
  <si>
    <t>Petroleum; Crude oil;</t>
  </si>
  <si>
    <t>[A complex combination of hydrocarbons, It consists predominantly of aliphatic, alicyclic and aromatic hydrocarbons. It may also contain small amounts of nitrogen, oxygen and sulfur compounds. This category encompasses light, medium, and heavy petroleums, as well as the oils extended from tar sands. Hydrocarbonaceous materials requiring major chemical changes for their recovery or conversion to petroleum refinery feedstocks such as crude shale oils; upgraded shale oils and liquid coal fuels are not included in this definition.]</t>
  </si>
  <si>
    <t>Distillates(petroleum), heavy paraffinic;</t>
  </si>
  <si>
    <t>Distillates (petroleum), acid-treated heavy naphthenic; Unrefined or mildly refined baseoil;</t>
  </si>
  <si>
    <t>Distillates (petroleum), acid-treated light naphthenic; Unrefined or mildly refined baseoil;</t>
  </si>
  <si>
    <t>Distillates (petroleum), acid-treated heavy paraffinic; Unrefined or mildly refined baseoil;</t>
  </si>
  <si>
    <t>Distillates (petroleum), acid-treated light paraffinic; Unrefined or mildly refined baseoil;</t>
  </si>
  <si>
    <t>Carc. 1A Muta. 1B</t>
  </si>
  <si>
    <t>Gasespetroleum),deisobutanizer tower overheads; Petroleum gas;</t>
  </si>
  <si>
    <t>[A complex combination of hydrocarbons produced by the distillation of products from the gas and gasoline fractions of a catalytic cracking process. It consists predominantly of propylene withsome ethane and propane.]</t>
  </si>
  <si>
    <t>Gases (petroleum), gas recovery plant depropanizer overheads; Petroleum gas;</t>
  </si>
  <si>
    <t>Tail gas (petroleum), catalytic cracker, catalytic reformer and hydrodesulfurizer combined fractionater; Petroleum gas;</t>
  </si>
  <si>
    <t>Tail gas (petroleum), vacuum residues thermal cracker; Petroleum gas;</t>
  </si>
  <si>
    <t>[A complex combination of hydrocarbons produced by the distillation of crude oil and/or the cracking of tower gas oil.</t>
  </si>
  <si>
    <t>Gases (petroleum), depropanizer bottoms fractionation off; Petroleum gas;</t>
  </si>
  <si>
    <t>[A complex combination obtained from various processes.</t>
  </si>
  <si>
    <t>Gases (petroleum), straight-run naphtha catalytic reforming off; Petroleum gas;</t>
  </si>
  <si>
    <t>Gases(petroleum), fluidized catalytic cracker splitter overheads; Petroleum gas;</t>
  </si>
  <si>
    <t>Gases (petroleum), catalytic cracked naphtha debutanizer; Petroleum gas;</t>
  </si>
  <si>
    <t>Gases (petroleum, light steam-cracked, butadiene conc.; Petroleum gas;</t>
  </si>
  <si>
    <t>[A complex combination of hydrocarbons obtained by the catalytic reforming of straight-run naphtha and the frac tionation of the total effluent.</t>
  </si>
  <si>
    <t>[A complex combination of hydrocarbons obtained by the extraction of hydrogen from a gas stream which consists primarily of hydroge with small amounts of nitrogen, carbon monoxide, methane, ethane, and ethylene. It contain predominantly hydrocarbons such as methane, ethane, and ethylene with small amounts of hydrogen, nitrogen and carbon monoxide.]</t>
  </si>
  <si>
    <t>Gases (petroleum), reformer make-up, hydrogen-rich; Refinery gas;</t>
  </si>
  <si>
    <t>Tail gas (petroleum), catalytic cracker refractionation absorber; Refinery gas;</t>
  </si>
  <si>
    <t>Tail gas (petroleum), catalytic reformed naphtha separator; Refinery gas;</t>
  </si>
  <si>
    <t>Tail gas (petroleum), catalytic reformed naphtha stabilizer; Refinery gas;</t>
  </si>
  <si>
    <t>[A complex combination produced by the high-pressure flashing of the effluent from the reforming reactor. It consists primarily of hydrogen with various small amounts of methane, ethane, and propane.]</t>
  </si>
  <si>
    <t>Gases (petroleum), benzene unit hydrotreater depentanizer overheads; Refinery gas;</t>
  </si>
  <si>
    <t>Gases (petroleum), secondary absorber off, fluidized catalytic cracker overheads fractionator; Refinery gas;</t>
  </si>
  <si>
    <t>Refinery gas; [A complex combination which consists primarily of hydrogen with various small amounts of methane, ethane, and propane.]</t>
  </si>
  <si>
    <t>Gases (petroleum), hydrocracking low-pressure separator; Refinery gas;</t>
  </si>
  <si>
    <t>Gases (petroleum), refinery; Refinery gas;</t>
  </si>
  <si>
    <t>Gases (petroleum), hydrotreated sour kerosine flash drum; Refinery gas;</t>
  </si>
  <si>
    <t>[A complex combination of hydrocarbons obtained from the hydrodesulfurization of naphtha. It consists of hydrogen, methane, ethane, and propane.]</t>
  </si>
  <si>
    <t>Tail gas (petroleum), straight-run naphtha hydrodesulfurizer; Refinery gas;</t>
  </si>
  <si>
    <t>Gases (petroleum), gas oil diethanolamine scrubber off; Refinery gas;</t>
  </si>
  <si>
    <t>Gases (petroleum), gas oil hydrodesulfurization effluent; Refinery gas;</t>
  </si>
  <si>
    <t>Gases (petroleum), gas oil hydrodesulfurization purge; Refinery gas;</t>
  </si>
  <si>
    <t>Tail gas (petroleum), catalytic cracked distillate and catalytic cracked naphtha fractionation absorber; Petroleum gas;</t>
  </si>
  <si>
    <t>Tail gas (petroleum), catalytic polymn. naphtha fractionation stabilizer; Petroleum gas;</t>
  </si>
  <si>
    <t>[A complex combination of hydrocarbons from the fractionation stabilization products</t>
  </si>
  <si>
    <t>Tail gas (petroleum), straight-run distillate hydrodesulfurizer, hydrogen sulfide-free; Petroleum gas;</t>
  </si>
  <si>
    <t>[A complex combination of hydrocarbons obtained from fractionation of hydrodesul furized naphtha and distillate</t>
  </si>
  <si>
    <t>Gases (petroleum), catalytic cracked overheads; Petroleum gas;</t>
  </si>
  <si>
    <t>Fuel gases; Petroleum gas;</t>
  </si>
  <si>
    <t>Petroleum gases, liquefied; Petroleum gas;</t>
  </si>
  <si>
    <t>[A complex combination of hydrocarbons obtained from fractionation of catalytic cracked gas oil hydrocarbon</t>
  </si>
  <si>
    <t>Gasoil — unspecified;</t>
  </si>
  <si>
    <t>Fuel oil, No 2;</t>
  </si>
  <si>
    <t>Fuel oil, No 4;</t>
  </si>
  <si>
    <t>Fuels, diesel, No 2; Gasoil — unspecified;</t>
  </si>
  <si>
    <t>Gas oils, paraffinic; Gasoil — unspecified;</t>
  </si>
  <si>
    <t>Gasoil — unspecified</t>
  </si>
  <si>
    <t>Gas oils, hydrotreated; Gasoil — unspecified;</t>
  </si>
  <si>
    <t>Lubricating greases; Grease;</t>
  </si>
  <si>
    <t>Slack wax (petroleum); Slack wax;</t>
  </si>
  <si>
    <t>Petrolatum; Petrolatum;</t>
  </si>
  <si>
    <t>Gasoline, vapor-recovery; Low boiling point naphtha;</t>
  </si>
  <si>
    <t>Gasoline, straight-run, topping-plant; Low boiling point naphtha;</t>
  </si>
  <si>
    <t>Distillates (petroleum), light straight-run gasoline frac tionation stabilizer overheads; Low boiling point naphtha;</t>
  </si>
  <si>
    <t>Carc. 1B Muta. 1B Asp. Tox. 1</t>
  </si>
  <si>
    <t>649-28-00-2</t>
  </si>
  <si>
    <t>muta. 1B</t>
  </si>
  <si>
    <t>Distillates (petroleum), naphtha steam cracking-derived, hydro-treated light arom.;</t>
  </si>
  <si>
    <t>Naphtha (petroleum), heavy catalytic cracked, sweetened; Low boiling point cat-cracked naphtha;</t>
  </si>
  <si>
    <t>Naphtha (petroleum), light catalytic cracked sweetened; Low boiling point cat-cracked naphtha;</t>
  </si>
  <si>
    <t>Muta. 1B A</t>
  </si>
  <si>
    <t>Naphtha (petroleum), light catalytic reformed, arom.-free; Low boiling point cat-reformed naphtha;</t>
  </si>
  <si>
    <t>Low boiling point cat-reformed naphtha; -</t>
  </si>
  <si>
    <t>Distillates (petroleum), thermal cracked naphtha and gas oil; Low boiling point thermally cracked naphtha;</t>
  </si>
  <si>
    <t>Low boiling point thermally cracked naphtha; [A complex combination of hydrocarbons produced by the distillation of products from a thermal cracking process. It consists predominantly of aromatic hydrocarbons, primarily benzene.]</t>
  </si>
  <si>
    <t>Naphtha (petroleum), hydrodesulfurized thermal cracked light; Low boiling point hydrogen treated naphtha;</t>
  </si>
  <si>
    <t>Naphtha (petroleum), hydrotreated light, cycloalkane-contg.; Low boiling point hydrogen treated naphtha;</t>
  </si>
  <si>
    <t>Naphtha (petroleum),heavy steam-cracked, hydrogenated; Low boiling point hydrogen treated naphtha</t>
  </si>
  <si>
    <t>Solvent naphtha (petroleum), hydrotreated light naphthenic; Low boiling point hydrogen treated naphtha;</t>
  </si>
  <si>
    <t>Naphtha (petroleum), light steam-cracked, hydrogenated; Low boiling point hydrogen treated naphtha;</t>
  </si>
  <si>
    <t>Low boiling point hydrogen treated naphtha; [A complex combination of hydrocarbons obtained as solvents which have been subjected to hydrotreatment in order to convert aromatics to naphthenes by catalytic hydrogenation.]</t>
  </si>
  <si>
    <t>Low boiling point naphtha —</t>
  </si>
  <si>
    <t>unspecified;</t>
  </si>
  <si>
    <t>Low boiling point naphtha -unspecified;</t>
  </si>
  <si>
    <t>Natural gas (petroleum), raw liq. mix; Low boiling point naphtha -unspecified;</t>
  </si>
  <si>
    <t>Low boiling naphtha — unspecified;</t>
  </si>
  <si>
    <t>Naphtha (petroleum) sweetened;</t>
  </si>
  <si>
    <t>Naphtha(petroleum), acid-treated;</t>
  </si>
  <si>
    <t>Low boilingpoint naphtha — unspecified;</t>
  </si>
  <si>
    <t>Low boiling point naphtha — unspecified</t>
  </si>
  <si>
    <t>Low boiling point naphtha- unspecified;</t>
  </si>
  <si>
    <t>Low boiling point naphtha — unspecified;</t>
  </si>
  <si>
    <t>Naphtha (petroleum), clay-treated full-range straight-run; Low boiling point naphtha -unspecified;</t>
  </si>
  <si>
    <t>Naphtha (petroleum),light steam-cracked, debenzenized; Low boiling point naphtha -unspecified;</t>
  </si>
  <si>
    <t>Low boilingpoint naphtha — unspecified</t>
  </si>
  <si>
    <t>Extracts (petroleum), catalytic reformed light naphtha solvent; Low boiling point naphtha -unspecified;</t>
  </si>
  <si>
    <t>Naphtha (petroleum), hydrodesulfurized light, dearomatized; Low boiling point naphtha -unspecified;</t>
  </si>
  <si>
    <t>Extracts (petroleum) heavy naphtha solvent, clay-treated; Low boiling point naphtha -unspecified;</t>
  </si>
  <si>
    <t>Kerosine (petroleum); Straight run kerosine;</t>
  </si>
  <si>
    <t>Kerosine (petroleum), hydrodesulfurized thermal cracked; Cracked kerosine;</t>
  </si>
  <si>
    <t>Aromtic hydrocarbons, C≥10, steam-cracking, hydrotreated; Cracked kerosine;</t>
  </si>
  <si>
    <t>Solvent naphtha (petroleum), hydrocracked heavy arom.; Cracked kerosine;</t>
  </si>
  <si>
    <t>Distillates (petroleum), alkylate; Kerosine — unspecified;</t>
  </si>
  <si>
    <t>Kerosine — unspecified;</t>
  </si>
  <si>
    <t>Distillates (petroleum), chemically neutralized light; Kerosine — unspecified;</t>
  </si>
  <si>
    <t>Distillates (petroleum), hydro- treated light;</t>
  </si>
  <si>
    <t>Kerosine (petroleum), hydrodesulfurized; Kerosine — unspecified;</t>
  </si>
  <si>
    <t>[A complex combination of hydrocarbons from the distillation of products from a fluid coker. It consists predominantly of unsaturated hydrocarbons</t>
  </si>
  <si>
    <t>GHS08-Dgr</t>
  </si>
  <si>
    <t>Kerosine (petroleum), solvent-refined hydrodesulfurized; Kerosine — unspecified</t>
  </si>
  <si>
    <t>[A complex combination of hydrocarbons obtained by fractionation from hydrodesulfurized coker distillate. It consists predominantly of hydrocarbons having carbon</t>
  </si>
  <si>
    <t>Solvent naphtha (petroleum), hydrodesulfurized heavy arom.; Kerosine — unspecified;</t>
  </si>
  <si>
    <t>Solvent naphtha (petroleum), hydrodesulfurized medium; Kerosine — unspecified;</t>
  </si>
  <si>
    <t>Distillates (petroleum), intermediate catalytic cracked; Cracked gasoil;</t>
  </si>
  <si>
    <t>Distillates (petroleum),light steam-cracked naphtha;</t>
  </si>
  <si>
    <t>Gas oils (petroleum), thermal-cracked, hydrodesulfurized; Cracked gasoil</t>
  </si>
  <si>
    <t>Residues (petroleum), hydrogenated steam-cracked naphtha; Cracked gasoil;</t>
  </si>
  <si>
    <t>Residues (petroleum), steam-cracked heat-soaked naphtha; Cracked gasoil;</t>
  </si>
  <si>
    <t>Distillates (petroleum), hydrodesulfurized middle coker; Cracked gasoil;</t>
  </si>
  <si>
    <t>Baseoil — unspecified;</t>
  </si>
  <si>
    <t>Distillates (petroleum), solvent-refined heavy naphthenic; Baseoil — unspecified;</t>
  </si>
  <si>
    <t>Distillates (petroleum), hydrotreated heavy naphthenic; Baseoil — unspecified;</t>
  </si>
  <si>
    <t>Distillates (petroleum), hydrotreated light naphthenic; Baseoil — unspecified;</t>
  </si>
  <si>
    <t>Distillates (petroleum), hydrotreated heavy paraffinic; Baseoil — unspecified;</t>
  </si>
  <si>
    <t>Distillates (petroleum), hydrotreated light paraffinic; Baseoil — unspecified;</t>
  </si>
  <si>
    <t>Distillates (petroleum), solvent-dewaxed heavy naphthenic; Baseoil — unspecified;</t>
  </si>
  <si>
    <t>Distillates (petroleum), solvent-dewaxed light naphthenic; Baseoil — unspecified;</t>
  </si>
  <si>
    <t>Distillates (petroleum), solvent-dewaxed heavy paraffinic; Baseoil — unspecified;</t>
  </si>
  <si>
    <t>[A complex combination of hydrocarbons obtained by removing straight chain</t>
  </si>
  <si>
    <t>[A complex combination of hydrocarbons obtained by treating light vacuum gas oil, heavy vacuum gas oil, and</t>
  </si>
  <si>
    <t>Distillates (petroleum), complex dewaxed heavy paraffinci; Baseoil — unspecified;</t>
  </si>
  <si>
    <t>Distillates (petroleum), solvent dewaxed heavy paraffinic, clay-treated; Baseoil — unspecified;</t>
  </si>
  <si>
    <t>Residual oils (petroleum), hydrotreated solvent dewaxed; Baseoil — unspecified</t>
  </si>
  <si>
    <t>Baseoil — unspecified</t>
  </si>
  <si>
    <t>Distillates (petroleum), dewaxed heavy paraffinic, hydrotreated; Baseoil — unspecified;</t>
  </si>
  <si>
    <t>Distillates (petroleum), dewaxed light paraffinic, hydrotreated; Baseoil — unspecified;</t>
  </si>
  <si>
    <t>Baseoil — unspecified; [A complex combination of liquid hydrocarbons obtained by recrystallization of dewaxed hydrocracked solvent-refined petroleum distillates.]</t>
  </si>
  <si>
    <t>Paraffin oils (petroleum), solvent-refined dewaxed heavy; Baseoil — unspecified;</t>
  </si>
  <si>
    <t>Distillates (petroleum), solvent-refined hydrotreated heavy; hydrogenated;</t>
  </si>
  <si>
    <t>Distillates (petroleum), solvent-refined hydrocracked light; Baseoil — unspecified;</t>
  </si>
  <si>
    <t>Distillates (petroleum), hydrocracked solvent-refined light; Baseoil — unspecified;</t>
  </si>
  <si>
    <t>Residual oils (petroleum), carbon-treated solvent-dewaxed; Baseoil — unspecified;</t>
  </si>
  <si>
    <t>Extracts(petroleum), light paraffinic distillate solvent, acid-treated;</t>
  </si>
  <si>
    <t>Foots oil (petroleum); Foots oil;</t>
  </si>
  <si>
    <t>5-(α-hydroxy-α-2-pyridylbenzyl)-7-(α-2-pyridylbenzylidene)bicycle [2.2.1] hept-5-ene-2,3-dicarboximide</t>
  </si>
  <si>
    <t>α-[4-(4-dimethylamino-α-{4-[ethyl(3-sodiosulphonato benzyl)amino] phenyl}benzylidene)cyclohexa-2,5-dienylidene(ethyl)ammonio]toluene-3-sulphonate</t>
  </si>
  <si>
    <t>[Man-made vitreous (silicate) fibres with random orientation with alkaline oxide and alkali earth oxide (Na2O+K2O+CaO+MgO+BaO) content greater than 18 % by weight]</t>
  </si>
  <si>
    <t>[Man-made vitreous (silicate) fibres with random orientation with alkaline oxide and alkali earth oxide (Na2O+K2O+CaO+ MgO+BaO) content less or equal to 18 % by weight]</t>
  </si>
  <si>
    <t>Reaction product of: 1,2,3-propanetricarboxylic acid, 2-hydroxy, diethyl ester, 1-propanol and zirconium tetra-n-propanolate</t>
  </si>
  <si>
    <t>2-alkoyloxyethyl hydrogen maleate, where alkoyl represents (by weight 70 to 85 % unsaturated octadecoyl, 0.5 to 10 % saturated octadecoyl, and 2 to 18 % saturated hexadecoyl</t>
  </si>
  <si>
    <t>►M18  Specific Conc. Limits, M-factors and ATEs (*1)  ◄</t>
  </si>
  <si>
    <t>N, N-dimethylanilinium tetrakis(pentafluorophenyl)borate</t>
  </si>
  <si>
    <t>disodium ethylenebis(N, N'-dithiocarbamate)</t>
  </si>
  <si>
    <t>(RS)-3-allyl-2-methyl-4-oxocyclopent-2-enyl (1RS,3RS;1RS,3SR)-2,2-dimethyl-3-(2-methylprop-1-enyl)cyclopropanecarboxylate; bioallethrin;</t>
  </si>
  <si>
    <t>S-bioallethrin; [3]</t>
  </si>
  <si>
    <t>(RS)-3-allyl-2-methyl-4-oxocyclopent-2-enyl(1R,3R)-2,2-dimethyl-3-(2-methylprop-1-enyl)cyclopropanecarboxylate [3]</t>
  </si>
  <si>
    <t>2-chloroallyl N, N-dimethyldithiocarbamate</t>
  </si>
  <si>
    <t>O, O-diethyl dithiobis(thioformate)</t>
  </si>
  <si>
    <t>3-(N, N-dimethylaminomethyleneamino)phenyl N-methylcarbamate</t>
  </si>
  <si>
    <t>3,4-dimethylphenyl N-methylcarbamate;</t>
  </si>
  <si>
    <t>S-benzyl N, N-dipropylthiocarbamate</t>
  </si>
  <si>
    <t>ethyl N-[2,3-dihydro-2,2-dimethylbenzofuran-7-yloxycarbonyl(methyl)aminothio]-N-isopropyl-β-alaninate</t>
  </si>
  <si>
    <t>reaction mass of: N, N''-(methylenedi-4,1-phenylene)bis[N'-phenylurea];</t>
  </si>
  <si>
    <t>N, N''-(methylenedi-4,1-phenylene)bis[N'-cyclohexylurea]</t>
  </si>
  <si>
    <t>N, N''-(methylenedi-4,1-phenylene)bis[N'-octyl]urea</t>
  </si>
  <si>
    <t>sodium (n-butyl)x(ethyl)y-1,5-dihydro)aluminate x = 0,5 y =1,5</t>
  </si>
  <si>
    <t>hydroxy aluminium bis(2,4,8,10-tetra-tert-butyl-6-hydroxy-12H-dibenzo[d, g][1.3.2]dioxaphosphocin-6-oxide)</t>
  </si>
  <si>
    <t>O, O'-(ethenylmethylsilylene)di[(4-methylpentan-2-one)oxime]</t>
  </si>
  <si>
    <t>2-butanone-O, O',O''-(phenylsilylidyne)trioxime</t>
  </si>
  <si>
    <t>S-(3-(triethoxysilyl)propyl)octanethioate</t>
  </si>
  <si>
    <t>N, N-bis(trimethylsilyl)aminopropylmethyldiethoxysilane</t>
  </si>
  <si>
    <t>e-glass microfibres of representative composition; [Calcium-aluminium-silicate fibres with random orientation with the following representative composition (% given by weight): SiO2 50,0-56,0 %, Al2O3 13,0-16,0 %, B2O3 5,8-10,0 %, Na2O &lt; 0,6 %, K2O &lt; 0,4 %, CaO 15,0-24,0 %, MgO &lt; 5,5 %, Fe2O3 &lt; 0,5 %, F2 &lt; 1,0 %. Process: typically produced by flame attenuation and rotary process. (Additionalindividual elements may be present at low levels; the process list does not preclude innovation).]</t>
  </si>
  <si>
    <t>glass microfibres of representative composition; [Calcium-aluminium-silicate fibres with random orientation with the following composition (% given by weight): SiO2 55,0-60,0 %, Al2O3 4,0-7,0 %, B2O3 8,0-11,0 %, ZrO2 0,0-4,0 %, Na2O 9,5-13,5 %, K2O 0,0-4,0 %, CaO 1,0-5,0 %, MgO 0,0-2,0 %, Fe2O3 &lt; 0,2 %, ZnO 2,0-5,0 %, BaO 3,0-6,0 %, F2 &lt; 1,0 %. Process: typically produced by flame attenuation and rotary process. (Additional individual elements may be present at low levels; the process list does not preclude innovation).]</t>
  </si>
  <si>
    <t>tricresyl phosphate (o-o-o-, o-o-m-, o-o-p-, o-m-m-, o-m-p-, o-p-p-); tritolyl phosphate (o-o-o-, o-o-m-, o-o-p-, o-m-m-, o-m-p-, o-p-p-);</t>
  </si>
  <si>
    <t>5-amino-3-phenyl-1,2,4-triazol-1-yl-N, N,N',N'-tetramethylphosphonic diamide</t>
  </si>
  <si>
    <t>O, O,O, O-tetraethyl dithiopyrophosphate</t>
  </si>
  <si>
    <t>S-(2,5-dichlorophenylthiomethyl) O, O-diethyl phosphorodithioate</t>
  </si>
  <si>
    <t>1,2-bis(ethoxycarbonyl)ethyl O, O-dimethyl phosphorodithioate;</t>
  </si>
  <si>
    <t>chlorthion O-(3-chloro-4-nitrophenyl) O, O-dimethyl phosphorothioate</t>
  </si>
  <si>
    <t>O-4-chloro-3-nitrophenyl O, O-dimethyl phosphorothioate</t>
  </si>
  <si>
    <t>4-chlorophenylthiomethyl O, O-diethyl phosphorodithioate</t>
  </si>
  <si>
    <t>N-ethoxycarbonyl-N-methylcarbamoylmethyl O, O-diethyl phosphorodithioate</t>
  </si>
  <si>
    <t>O, O,O',O'-tetraethyl S, S'-methylenedi (phosphorodithioate);</t>
  </si>
  <si>
    <t>O, O-dimethyl-O-(4-methylthion-m-tolyl) phosphorothioate</t>
  </si>
  <si>
    <t>O, O-dimethyl methylcarbamoylmethyl phosphorodithioate</t>
  </si>
  <si>
    <t>O, O-dimethyl O-2,4,5-trichlorophenyl phosphorothioate</t>
  </si>
  <si>
    <t>S-[(4,6-diamino-1,3,5-triazin-2-yl)methyl] O, O-dimethyl phosphorodithioate</t>
  </si>
  <si>
    <t>O, O-dimethyl O-4-nitro-m-tolyl phosphorothioate</t>
  </si>
  <si>
    <t>N-formyl-N-methylcarbamoylmethyl O, O-dimethyl phosphorodithioate</t>
  </si>
  <si>
    <t>O, O-dimethyl-S-(morpholinocarbonylmethyl) phosphorodithioate</t>
  </si>
  <si>
    <t>N,N'-di-isopropylphosphorodiamidic fluoride</t>
  </si>
  <si>
    <t>O-4-bromo-2,5-dichlorophenyl</t>
  </si>
  <si>
    <t>O,O-diethyl phosphorothioate</t>
  </si>
  <si>
    <t>O, O-dimethyl S-methylcarbamoylmethyl phosphorothioate</t>
  </si>
  <si>
    <t>S-(6-chloro-2-oxobenzoxazolin-3-ylmethyl) O, O-diethyl phosphorodithioate</t>
  </si>
  <si>
    <t>O, O-diethyl O-(4-methylcoumarin-7-yl) phosphorothioate</t>
  </si>
  <si>
    <t>demeton-S-methylsulphon(ISO);</t>
  </si>
  <si>
    <t>O, S-dimethyl acetylphosphoramidothioate</t>
  </si>
  <si>
    <t>O, O-diisopropyl 2-phenylsulphonylaminoethyl phosphorodithioate</t>
  </si>
  <si>
    <t>ethoate-methyl (ISO); ethylcarbamoylmethyl O,O-dimethyl phosphorodithioate</t>
  </si>
  <si>
    <t>O,O-diethyl O-4-methylsulfinylphenyl phosphorothioate</t>
  </si>
  <si>
    <t>O, O-diethyl S-2-ethylsulphinylethyl phosphorodithioate</t>
  </si>
  <si>
    <t>O, O-diethyl O-2-diethylamino-6-methylpyrimidin-4-yl phosphorothioate</t>
  </si>
  <si>
    <t>S-[(1,3-dioxo-1,3-dihydro-2H-isoindol-2-yl)methyl] O,O-dimethyl phosphorodithioate;</t>
  </si>
  <si>
    <t>O,O-dimethyl-S-phthalimidomethyl phosphorodithioate</t>
  </si>
  <si>
    <t>[isomeric reaction mass in which O-2,5-dichlorophenyl-4-methylthiophenyl O, O-diethyl phosphorothioate predominates]</t>
  </si>
  <si>
    <t>O, O-dimethyl O-2-methylthioethyl phosphorothioate</t>
  </si>
  <si>
    <t>O, O-dimethyl S-2-methylthioethyl phosphorothioate</t>
  </si>
  <si>
    <t>O, O-diethyl phthalimidophosphonothioate</t>
  </si>
  <si>
    <t>O-ethyl S, S-diphenyl phosphorodithioate</t>
  </si>
  <si>
    <t>O-6-ethoxy-2-ethylpyrimidin-4-yl O, O-dimethylphosphorothioate</t>
  </si>
  <si>
    <t>S-(chlorophenylthiomethyl) O,O-dimethylphosphorodithioate; methylcarbophenothione</t>
  </si>
  <si>
    <t>S-2-methylpiperidinocarbonylmethyl-O, O-dipropyl phosphorodithioate</t>
  </si>
  <si>
    <t>O-(2-diethylamino-6-methylpyrimidin-4-yl) O, O-dimethyl phosphorothioate</t>
  </si>
  <si>
    <t>profenofos (ISO)O-(4-bromo-2-chlorophenyl) O-ethyl S-propyl phosphorothioate;</t>
  </si>
  <si>
    <t>O, O-diethyl O-(6-ethoxycarbonyl-5-methylpyrazolo[2,3-a]pyrimidin-2-yl) phosphorothioate</t>
  </si>
  <si>
    <t>O, O-diethyl-O-quinoxalin-2-yl phosphorothioate</t>
  </si>
  <si>
    <t>S-tert-butylthiomethyl O, O-diethylphosphorodithioate;</t>
  </si>
  <si>
    <t>O, O-diethyl-O-1-phenyl-1H-1,2,4-triazol-3-yl phosphorothioate</t>
  </si>
  <si>
    <t>ethylenediammonium O, O-bis(octyl) phosphorodithioate, mixed isomers</t>
  </si>
  <si>
    <t>reaction mass of copper(I) O, O-diisopropyl phosphorodithioate and copper(I) O-isopropyl O-(4-methylpent-2-yl) phosphorodithioate and copper(I) O, O-bis(4-methylpent-2-yl) phosphorodithioate</t>
  </si>
  <si>
    <t>S-(tricyclo(5.2.1.0 2,6)deca-3-en-8(or 9)-yl O-(isopropyl or isobutyl or 2-ethylhexyl) O-(isopropyl or isobutyl or 2-ethylhexyl) phosphorodithioate</t>
  </si>
  <si>
    <t>tris(isopropyl/tert-butylphenyl)phosphate</t>
  </si>
  <si>
    <t>O-(5-chloro-1-isopropyl-1,2,4-triazol-3-yl) O, O-diethyl phosphorothioate</t>
  </si>
  <si>
    <t>calcium P, P'-(1-hydroxyethylene)bis(hydrogen phosphonate)dihydrate</t>
  </si>
  <si>
    <t>reaction mass of: thiobis(4,1-phenylene)-S, S,S',S'-tetraphenyldisulfonium bishexafluorophosphate; diphenyl(4-phenylthiophenyl)sulfonium hexafluorophosphate</t>
  </si>
  <si>
    <t>reaction mass of: di-(1-octane-N, N,N-trimethylammonium) octylphosphate; 1-octane-N, N,N-trimethylammonium di-octylphosphate; 1-octane-N, N,N-trimethylammonium octylphosphate</t>
  </si>
  <si>
    <t>O, O,O-tris(2(or 4)-C 9-10-isoalkylphenyl) phosphorothioate</t>
  </si>
  <si>
    <t>P, P,P',P'-tetrakis-(o-methoxyphenyl)propane-1,3-diphosphine</t>
  </si>
  <si>
    <t>(R)-α-phenylethylammonium(-)-(1R, 2S)-(1,2-epoxypropyl)phosphonate monohydrate</t>
  </si>
  <si>
    <t>chlorpyrifos-methyl (ISO) O, O-dimethyl O-3,5,6-trichloro-2-pyridyl phosphorothioate</t>
  </si>
  <si>
    <t>potassium m-toluenephosphonate; potassium p-toluenephosphonate</t>
  </si>
  <si>
    <t>p-toluenesulphonic acid, (containing more than 5 % H2SO4)</t>
  </si>
  <si>
    <t>p-toluenesulphonic acid (containing a maximum of 5 % H2SO4)</t>
  </si>
  <si>
    <t>thionyl chloride, reaction products with 1,3,4-thiadiazol-2,5-dithiol, tert-nonanethiol andC 12-14-tert-alkylamine</t>
  </si>
  <si>
    <t>N, N,N',N'-tetramethyldithiobis(ethylene)diamine dihydrochloride</t>
  </si>
  <si>
    <t>4-methyl-N, N-bis(2-(((4-methylphenyl)sulfonyl)amino)ethyl)benzenesulfonamide</t>
  </si>
  <si>
    <t>N, N-bis(2-(p-toluenesulfonyloxy)ethyl)-p-toluenesulfonamide</t>
  </si>
  <si>
    <t>acibenzolar-S-methyl; benzo[1,2,3]thiadiazole-7-carbothioic acid S-methyl ester</t>
  </si>
  <si>
    <t>reaction mass of: thiobis(4,1-phenylene)-S, S,S',S'-tetraphenyldisulfonium bishexafluorophosphate;</t>
  </si>
  <si>
    <t>N, N,N-trimethyl-2,3-bis(stearoyloxy)propylammonium chloride</t>
  </si>
  <si>
    <t>[phosphinyldynetris(oxy)] tris[3-aminopropyl-2-hydroxy-N, N-dimethyl-N-(C6-18)-alkyl] trichlorides</t>
  </si>
  <si>
    <t>Potassium titanium oxide(K 2 Ti 6 O 13 )</t>
  </si>
  <si>
    <t>bis(N, N',N''-trimethyl-1,4,7-triazacyclononane)-trioxo-dimanganese (IV) di(hexafluorophosphate) monohydrate</t>
  </si>
  <si>
    <t>reaction mass of: tri-sodium [29H, 31H-phthalocyanine-C, C,C-trisulfonato (6-)-N29, N30, N31, N32] manganate (3-); tetrasodium [29H, 31H-phthalocyanine-C, C,C, C-tetrasulfonato(6-)-N29, N30, N31, N32], manganate (3-);</t>
  </si>
  <si>
    <t>pentasodium [29H, 31H-phthalocyanine-C, C,C, C,C-pentasulfonato (6-)-N29, N30, N31, N32] manganate (3-)</t>
  </si>
  <si>
    <t>complex of cobalt(III)-bis(N-phenyl-4-(5-ethylsulfonyl-2-hydroxyphenylazo)-3-hydroxynaphthylamide), hydrated(n H2O,2&lt;n&lt;3)</t>
  </si>
  <si>
    <t>[μ-[carbonato(2-)-O:O']]dihydroxy trinickel; [3]</t>
  </si>
  <si>
    <t>2-ethylhexanoato-O)(neodecanoato-O)nickel; [25]</t>
  </si>
  <si>
    <t>fatty acids, C 8-18 and C18-unsaturated, nickel salts; [30]</t>
  </si>
  <si>
    <t>reaction mass of compounds from (dodecakis(p-tolylthio)phthalocyaninato)copper(II)to (hexadecakis(p-tolylthio)phthalocyaninato)copper(II)</t>
  </si>
  <si>
    <t>reaction mass of: 2,2'-[[cis-1,2-cyclohexanediylbis(nitrilomethylidene)]bis[phenolate]](2-)N, N',O, O'-copper complex;2,2'-[[trans-1,2-cyclohexanediylbis(nitrilomethylidyne)]bis[phenolate]](2-)N, N',O, O'-copper complex</t>
  </si>
  <si>
    <t>reaction product of 3,5-di-tert-butylsalicylic acid and zirconium oxychloride, dehydrated, basic Zr: DTBS= 1.0:1.0 to 1.0: 1.5</t>
  </si>
  <si>
    <t>reaction product of ammonium molybdate and C12-C24-diethoxylated alkylamine (1:5-1:3)</t>
  </si>
  <si>
    <t>canola oil acid amide of branched 1,3-propanediamine, N-[3-(tridecyloxy)-propyl];</t>
  </si>
  <si>
    <t>N, N-diorgano dithiocarbamate molybdenum complex</t>
  </si>
  <si>
    <t>reaction mass of: tri-p-tolyltin hydroxide; hexa-p-tolyl-distannoxane</t>
  </si>
  <si>
    <t>hexane (containing &lt; 5 % n-hexane (203-777-6));</t>
  </si>
  <si>
    <t>heptane; n-heptane; [1]</t>
  </si>
  <si>
    <t>octane; n-octane; [1]</t>
  </si>
  <si>
    <t>Carc. 1a</t>
  </si>
  <si>
    <t>(S)-p-mentha-1,8-diene; l-limonene; [3]</t>
  </si>
  <si>
    <t>1-(2,2,3-trimethylcyclopent-3-en-1-yl)-5-methyl-6-oxabicyclo[3.2.1]octane; spiro[cyclohex-3-en-1-yl-[(4,5,6,6a-tetrahydro-3,6',6',6'a-tetramethyl)-1,3'(3'aH)-[2H]cyclopenta[b]furan]; spiro[cyclohex-3-en-1-yl-[4,5,6,6a-tetrahydro-4,6',6',6'a-tetramethyl)-1,3'(3'aH)-[2H]cyclopenta[b]]furan]</t>
  </si>
  <si>
    <t>alkanes, C10-13, chloro; chlorinated paraffins, C10-13</t>
  </si>
  <si>
    <t>Repr. 1a</t>
  </si>
  <si>
    <t>reaction mass of: (R, R)-1,1,1,2,2,3,4,5,5,5-decafluoropentane;</t>
  </si>
  <si>
    <t>(S, S)-1,1,1,2,2,3,4,5,5,5-decafluoropentane</t>
  </si>
  <si>
    <t>mannitol hexanitrate; nitromannite;[&gt;40 % phlegmatiser]</t>
  </si>
  <si>
    <t>2-dimethylaminoethanol; N,N-dimethylethanolamine</t>
  </si>
  <si>
    <t>2-diethylaminoethanol; N,N-diethylethanolamine</t>
  </si>
  <si>
    <t>di-n-butyl ether; dibutyl ether</t>
  </si>
  <si>
    <t>[(p-tolyloxy)methyl]oxirane; [1] [(m-tolyloxy)methyl]oxirane; [2]2,3-epoxypropyl o-tolyl ether; [3] [(tolyloxy)methyl]oxirane; cresyl glycidyl ether [4]</t>
  </si>
  <si>
    <t>2,2'-(methylimino)diethanol; N-methyldiethanolamine</t>
  </si>
  <si>
    <t>2-methylaminoethanol; N-methylethanolamine; N-methyl-2-ethanolamine; N-methyl-2-amino ethanol; 2-(methylamino)ethanol</t>
  </si>
  <si>
    <t>reaction mass of: cis-2-isobutyl-5-methyl 1,3-dioxane; trans-2-isobutyl-5-methyl 1,3-dioxane</t>
  </si>
  <si>
    <t>reaction mass of: 1-(1,1-dimethylpropyl)-4-ethoxy-cis-cyclohexane; 1-(1,1-dimethylpropyl)-4-ethoxy-trans-cyclohexane</t>
  </si>
  <si>
    <t>reaction mass of: O, O',O''-(methylsilanetriyl)tris(4-methyl-2-pentanone oxime) (3 stereoisomers)</t>
  </si>
  <si>
    <t>4-methyl-8-methylenetricyclo[3.3.1.1 3,7]decan-2-ol</t>
  </si>
  <si>
    <t>butan-2-ol; [1](S)-butan-2-ol; [2] (R)-butan-2-ol; [3](±)-butan-2-ol [4]</t>
  </si>
  <si>
    <t>reaction mass of substituted dodecyl and/or tetradecyl, diphenyl ethers. The substance is produce by the Friedel Crafts reaction. The catalyst is removed from the reaction product. Diphenyl ether is substituted by C1-C10 alkyl groups. The alkyl groups are bonded randomly between C1 and C6 Linear C12 and C14, 50/50 used.</t>
  </si>
  <si>
    <t>vitamin D3</t>
  </si>
  <si>
    <t>tert-butyl methyl ether; MTBE; 2-methoxy-2-methylpropane</t>
  </si>
  <si>
    <t>reaction product of: saturated, monounsaturated and multiple unsaturated long-chained partly estrified alcohols of vegetable origin (Brassica napus L., Brassica rapa L., Helianthus annuus L., Glycine hispida, Gossypium hirsutum L., Cocos nucifera L., Elaeis guineensis) with O, O-diisobutyldithiophosphate and 2-ethylhexylamine and hydrogen peroxide</t>
  </si>
  <si>
    <t>(E)-(7R,11R)-3,7,11,15-tetramethylhexadec-2-ene-1-ol</t>
  </si>
  <si>
    <t>spinosad (ISO) (reaction mass of spinosyn A and spinosyn D in ratios between 95:5 to 50:50); reaction mass of 50-95 % of (2R, 3aS, 5aR, 5bS, 9S, 13S,14R, 16aS, 16bR)-2-(6-deoxy-2,3,4-tri-O-methyl-α-l-mannopyranosyloxy)-13-(4-dimethylamino-2,3,4,6-tetradeoxy-β-d-erythropyranosyloxy)-9-ethyl-2,3,3a,5a,5b,6,7,9,10,11,12,13,14,15,16a,16b-hexadecahydro-14-methyl-1H-8-oxacyclododeca[b]as-indacene-7,15-dione and 50-5 % (2S, 3aR, 5aS,5bS, 9S, 13S, 14R, 16aS, 16bS)-2-(6-deoxy-2,3,4-tri-O-methyl-α-l-mannopyranosyloxy)-13-(4-dimethylamino-2,3,4,6-tetradeoxy-β-d-erythropyranosyloxy)-9-ethyl-2,3,3a,5a,5b,6,7,9,10,11,12,13,14,15,16a,16b-hexadecahydro-4,14-dimethyl-1H-8-oxacyclododeca[b]as-indacene-7,15-dione; [1] spinosyn A; [2] spinosyn D [3]</t>
  </si>
  <si>
    <t>1,3,4,6,7,8-hexahydro-4,6,6,7,8,8-hexamethylindeno[5,6-c]pyran; galaxolide;(HHCB)</t>
  </si>
  <si>
    <t>2-methoxy-2-methylbutane; tert-amyl methyl ether</t>
  </si>
  <si>
    <t>1-{]benzyl[}2-(2-methoxyphenoxy)ethyl]amino}-3-(9H-carbazol-4-yloxy)propan-2-ol</t>
  </si>
  <si>
    <t>(2R, 3S, 4R, 5R, 7R, 9R, 10R,11S, 12S, 13R)-10-[(4-dimethylamino-3-hydroxy-6-methyltetrahydropyran-2-yl)oxy]-2-ethyl-3,4,12-trihydroxy-9-methoxy-3,5,7,9,11,13-hexamethyl-6,14-dioxo-1-oxacyclotetradecane</t>
  </si>
  <si>
    <t>erythromycin A9-oxime (E);(3R, 4S, 5S, 6R, 7R, 9R, 11R,12R, 13S, 14R)-4-((2,6-didesoxy-3-C-methyl-3-O-methyl-α-L-ribo-hexopiranosyl)oxy)-14-ethyl-7,12,13-trihydroxy-3,5,7,9,11,13-hexamethyl-6-((3,4,6-tridesoxy-3-dimethylamino-β-d-xylohexapiranosyl)oxy)oxacyclotetradecan-2-ona-10-oxime (E)</t>
  </si>
  <si>
    <t>(+/–)-(R*,R*)-6-fluoro-3,4-dihydro-2-oxiranyl-2H-1-benzopyran; 6-fluoro-2-(2-oxiranyl)chromane</t>
  </si>
  <si>
    <t>reaction mass of: 4-(1,3a,4,6,7,7a-hexahydro-4,7-methanoinden-5-ylidene)-3-methylbutan-2-ol; 4-(3,3a,4,6,7,7a-hexahydro-4,7-methanoinden-5-ylidene)-3-methylbutan-2-ol; 1-(1,3a,4,6,7,7a-hexahydro-4,7-methanoinden-5-ylidene)pentan-3-ol; 1-(3,3a,4,6,7,7a-hexahydro-4,7-methanoinden-5-ylidene)pentan-3-ol; (E)-4-(3a,4,5,6,7,7a-hexahydro-1H-4,7-methanoinden-5-yl)-3-methylbut-3-en-2-ol; (E)-4-(3a,4,5,6,7,7a-hexahydro-3H-4,7-methanoinden-5-yl)-3-methylbut-3-en-2-ol</t>
  </si>
  <si>
    <t>m-cresol; [1] o-cresol; [2] p-cresol; [3] mix-cresol [4]</t>
  </si>
  <si>
    <t>4-chloro-o-cresol; 4-chloro-2-methylphenol</t>
  </si>
  <si>
    <t>fomesafen (ISO); 5-[2-chloro-4-(trifluoromethyl)phenoxy]-N-(methylsulphonyl)-2-nitrobenzamide</t>
  </si>
  <si>
    <t>reaction mass of: 2-methoxy-4-(tetrahydro-4-methylene-2H-pyran-2-yl)-phenol; 4-(3,6-dihydro-4-methyl-2H-pyran-2-yl)-2-methoxyphenol</t>
  </si>
  <si>
    <t>reaction mass of: 2-chloro-5-sec-tetradecylhydroquinones where sec-tetradecyl = 1-methyltridecyl; 1-ethyldodecyl; 1-propylundecyl; 1-butyldecyl; 1-pentylnonyl; 1-hexyloctyl</t>
  </si>
  <si>
    <t>reaction mass of: phenol, 6-(1,1-dimethylethyl)-4-tetrapropyl-2-[(2-hydroxy-5-tetra-propylphenyl)methyl (C41-compound) and methane, 2,2'-bis[6-(1,1-dimethyl-ethyl)-1-hydroxy-4-tetrapropyl-phenyl)]-(C45-compound); 2,6-bis(1,1-dimethylethyl)-4-tetra-propyl-phenol and 2-(1,1-dimethylethyl)-4-tetrapropyl-phenol; 2,6-bis[(6-(1,1-dimethylethyl)-1-hydroxy-4-tetrapropylphenyl)methyl]-4-(tetrapropyl)phenol and 2-[(6-(1,1-dimethylethyl)-1-hydroxy-4-tetrapropylphenylmethyl]-6-[1-hydroxy-4-tetrapropylphenyl)methyl]-4-(tetrapropyl)phenol</t>
  </si>
  <si>
    <t>4-(1,1,3,3-tetramethylbutyl)phenol; 4-tert-octylphenol</t>
  </si>
  <si>
    <t>(E)-2-methoxy-4-(prop-1-enyl)phenol; [2]</t>
  </si>
  <si>
    <t>(Z)-2-methoxy-4-(prop-1-enyl)phenol [3]</t>
  </si>
  <si>
    <t>crotonaldehyde; 2-butenal; [1] (E)-2-butenal; (E)-crotonaldehyde [2]</t>
  </si>
  <si>
    <t>2-chlorobenzaldehyde; o-chlorobenzaldehyde</t>
  </si>
  <si>
    <t>reaction mass of: 3a,4,5,6,7,7a-hexahydro-4,7-methano-1H-indene-6-carboxaldehyde; 3a,4,5,6,7,7a-hexahydro-4,7-methano-1H-indene-5-carboxaldehyde</t>
  </si>
  <si>
    <t>Reaction mass of: 3,7,11-trimethyl-cis-6,10-dodecadienal; 3,7,11-trimethyl-trans-6,10-dodecadienal</t>
  </si>
  <si>
    <t>reaction mass of: (1RS, 2RS,3SR, 6RS, 9SR)-9-methoxytricyclo[5.2.1.0(2,6)]decane-3-carbaldehyde; (1RS, 2RS, 3RS, 6RS, 8SR)-8-methoxytricyclo[5.2.1.0(2,6)]decane-3-carbaldehyde; (1RS, 2RS, 4SR, 6RS, 8SR)-8-methoxytricyclo[5.2.1.0(2,6)]decane-4-carbaldehyde</t>
  </si>
  <si>
    <t>trans-3-[2-(7-chloro-2-quinolinyl)vinyl]benzaldehyde; 3-[(E)-2-(7-chloro-2-quinolinyl)vinyl]benzaldehyde</t>
  </si>
  <si>
    <t>p-benzoquinone; quinone</t>
  </si>
  <si>
    <t>chlordecone (ISO); perchloropentacyclo[5,3,0,02,6,03,9,0 4,8]decan-5-one; decachloropentacyclo[5,2,1,02,6,03,9,05,8]decan-4-one</t>
  </si>
  <si>
    <t>heptan-4-one; di-n-propyl ketone</t>
  </si>
  <si>
    <t>hexan-2-one; methyl butyl ketone; butyl methyl ketone; methyl-n-butyl ketone</t>
  </si>
  <si>
    <t>metribuzin (ISO); 4-amino-6-tert-butyl-3-methylthio-1,2,4-triazin-5(4H)-one; 4-amino-4,5-dihydro-6-(1,1-dimethylethyl)-3-methylthio-1,2,4-triazin-5-one</t>
  </si>
  <si>
    <t>quinomethionate; chinomethionat (ISO); 6-methyl-1,3-dithiolo(4,5-b)quinoxalin-2-one</t>
  </si>
  <si>
    <t>oxadiazon (ISO); 3-[2,4-dichloro-5-(1-methylethoxy)phenyl]-5-(1,1-dimethylethyl)-1,3,4-oxadiazol-2(3H)-one</t>
  </si>
  <si>
    <t>reaction mass of cis-and trans-cyclohexadec-8-en-1-one</t>
  </si>
  <si>
    <t>flurtamone (ISO); (RS)-5-methylamino-2-phenyl-4-(α, α,α-trifluoro-m-tolyl)furan-3(2H)-one</t>
  </si>
  <si>
    <t>Reaction mass of: trans-2,4-dimethyl-2-(5,6,7,8-tetrahydro-5,5,8,8-tetramethyl-naphthalene-2-yl)-1,3-dioxolane; cis-2,4-dimethyl-2-(5,6,7,8-tetrahydro-5,5,8,8-tetramethyl-naphthalene-2-yl)-1,3-dioxolane</t>
  </si>
  <si>
    <t>reaction mass of: 1-(2,3,6,7,8,9-hexahydro-1,1-dimethyl-1H-benz(g)inden-4-yl)ethanone; 1-(2,3,5,6,7,8-hexahydro-1,1-dimethyl-1H-benz(f)inden-4-yl)ethanone; 1-(2,3,6,7,8,9-hexahydro-1,1-dimethyl-1H-benz(g)inden-5-yl)ethanone; 1-(2,3,6,7,8,9-hexahydro-3,3-dimethyl-1H-benz(g)inden-5-yl)ethanone</t>
  </si>
  <si>
    <t>reaction mass of: (1R*, 2S*)-2-acetyl-1,2,3,4,5,6,7,8-octahydro-1,2,8,8-tetramethylnaphthalene; (2R*,3S*)-2-acetyl-1,2,3,4,5,6,7,8-octahydro-2,3,8,8-tetramethylnaphthalene</t>
  </si>
  <si>
    <t>reaction mass of: butan-2-one oxime; syn-O,O'-di(butan-2-one oxime)diethoxysilane</t>
  </si>
  <si>
    <t>reaction mass of: (E)-oxacyclohexadec-12-en-2-one; (E)-oxacyclohexadec-13-en-2-one; a) (Z)-oxacyclohexadec-(12)-en-2-one and b) (Z)-oxacyclohexadec-(13)-en-2-one</t>
  </si>
  <si>
    <t>(R, S)-2-azabicyclo[2.2.1]hept-5-en-3-one</t>
  </si>
  <si>
    <t>(4aR*,8aR*)-4a,5,9,10,11,12-hexahydro-3-methoxy-11-methyl-6H-benzofuro[3a,3,2-ef][2]benzazepin-6-one</t>
  </si>
  <si>
    <t>profoxydim (ISO); 2-{(EZ)-1-[(2RS)-2-(4-chlorophenoxy)propoxyimino]butyl}-3-hydroxy-5-(thian-3-yl)cyclohex-2-en-1-one</t>
  </si>
  <si>
    <t>tepraloxydim (ISO); (RS)-(EZ)-2-{1-[(2E)-3-chloroallyloxyimino]propyl}-3-hydroxy-5-perhydropyran-4-ylcyclohex-2-en-1-one</t>
  </si>
  <si>
    <t>5-amino-[2S-di(methylphenyl)amino]-1,6-diphenyl-4Z-hexen-3-one; (2S, 4Z)-5-amino-2-(dibenzylamino)-1,6-diphenylhex-4-en-3-one</t>
  </si>
  <si>
    <t>(3S, 6R, 9S, 12R, 15S, 18R, 21S,24R)-6,18-dibenzyl-3,9,15,21-tetraisobutyl-4,10,12,16,22,24-hexamethyl-1,7,13,19-tetraoxa-4,10,16,22-tetraazacyclo-tetracosane-2,5,8,11,14,17,20,23-octaone</t>
  </si>
  <si>
    <t>trans-7,7'-dimethyl-(4H,4H')-(2,2')bi[benzo[1,4]thiazinylidene]-3,3'-dione</t>
  </si>
  <si>
    <t>reaction mass of: (1RS, 2SR,7SR, 8SR, E) 9 and 10-ethylidene-3-oxatricyclo[6.2.1.0(2,7)]undecan-4-one; (1RS, 2SR, 7SR, 8SR, Z)-10-ethylidene-3-oxatricyclo[6.2.1.0(2,7)]undecan-4-one; (1RS, 2SR, 7SR, 8SR, Z)-9-ethylidene-3-oxatricyclo[6.2.1.0(2,7)]undecan-4-one</t>
  </si>
  <si>
    <t>butyl formate; [1] tert-butyl formate; [2] isobutyl formate [3]</t>
  </si>
  <si>
    <t>sec-butyl acetate; [1] isobutyl acetate; [2] tert-butyl acetate [3]</t>
  </si>
  <si>
    <t>n-butyl propionate; [1] sec-butyl propionate; [2] iso-butyl propionate [3]</t>
  </si>
  <si>
    <t>3,6-dichloro-o-anisic acid, compound with dimethylamine (1:1); [1] potassium 3,6-dichloro-o-anisate[2]</t>
  </si>
  <si>
    <t>mecoprop (ISO); 2-(4-chloro-o-tolyloxy)propionic acid; (RS)-2-(4-chloro-o-tolyloxy)propionic acid; [1] 2-(4-chloro-2-methylphenoxy)propionic acid [2]</t>
  </si>
  <si>
    <t>MCPA (ISO); 4-chloro-o-tolyloxyacetic acid</t>
  </si>
  <si>
    <t>MCPB (ISO); 4-(4-chloro-o-tolyloxy) butyric acid</t>
  </si>
  <si>
    <t>coumafuryl (ISO); fumarin; (RS)-3-(1-(2-furyl)-3-oxobutyl)4-hydroxycoumarin; 4-hydroxy-3-[3-oxo-1-(2-furyl)butyl]coumarin</t>
  </si>
  <si>
    <t>dicoumarol; 4,4'-dihydroxy-3,3'-methylenebis(2H-chromen-2-one)</t>
  </si>
  <si>
    <t>kelevan (ISO); ethyl 5-(perchloro-5-hydroxypentacyclo[5,3,0,02,6,03,9,04,8]decan-5-yl)-4-oxopentanoate; ethyl 5-(1,2,3,5,6,7,8,9,10,10-decachloro-4-hydroxypentacyclo(5,2,1,02,6,03,9,05,8)dec-4-yl)-4-oxovalerate</t>
  </si>
  <si>
    <t>methyl lactate; [1] methyl (±)-lactate; [2] methyl (R)-lactate; [3] methyl (S)-(-)-lactate [4]</t>
  </si>
  <si>
    <t>1,2,3,6-tetrahydrophthalic anhydride; [1] cis-1,2,3,6-tetrahydrophthalicanhydride; [2] 3,4,5,6-tetrahydrophthalic anhydride; [3] tetrahydrophthalic anhydride [4]</t>
  </si>
  <si>
    <t>cyclohexane-1,2-dicarboxylic anhydride; [1] cis-cyclohexane-1,2-dicarboxylicanhydride; [2] trans-cyclohexane-1,2-dicarboxylic anhydride [3]</t>
  </si>
  <si>
    <t>ethyl lactate; ethyl DL-lactate; [1] ethyl (S)-2-hydroxypropionate; ethyl L-lactate; ethyl-(S)-lactate [2]</t>
  </si>
  <si>
    <t>propyl chloroformate; chloroformic acid propylester; n-propyl chloroformate</t>
  </si>
  <si>
    <t>propargite (ISO); 2-(4-tert-butylphenoxy)cyclohexyl prop-2-ynyl sulphite</t>
  </si>
  <si>
    <t>ethyl N-benzoyl-N-(3,4-dichlorophenyl)-DL-alaninate; benzoylprop-ethyl (ISO)</t>
  </si>
  <si>
    <t>3-(3-amino-5-(1-methylguanidino)-1-oxopentylamino-6-(4-amino-2-oxo-2,3-dihydro-pyrimidin-1-yl)-2,3-dihydro-(6H)-pyran-2-carboxylic acid; blasticidin-s</t>
  </si>
  <si>
    <t>3-acetyl-6-methyl-2H-pyran-2,4(3H)-dione; dehydracetic acid</t>
  </si>
  <si>
    <t>sodium 1-(3,4-dihydro-6-methyl-2,4-dioxo-2H-pyran-3-ylidene)ethonolate; sodium dehydracetate</t>
  </si>
  <si>
    <t>diclofop-methyl (ISO)methyl 2-(4-(2,4-dichlorophenoxy)phenoxy)propionate; methyl (RS)-2-[4-(2,4-dichlorophenoxy)phenoxy]propionate;</t>
  </si>
  <si>
    <t>medinoterb acetate (ISO); 6-tert-butyl-3-methyl-2,4-dinitrophenyl acetate</t>
  </si>
  <si>
    <t>zinc 2-hydroxy-5-C13-18 alkylbenzoate</t>
  </si>
  <si>
    <t>reaction mass of O, O'-diisopropyl (pentathio)dithioformate and O, O'-diisopropyl (trithio)dithioformate and O, O'-diisopropyl (tetrathio)dithioformate</t>
  </si>
  <si>
    <t>N, N-hydrazinodiacetic acid</t>
  </si>
  <si>
    <t>glutamic acid, reaction products with N-(C12-14-alkyl)propylenediamine</t>
  </si>
  <si>
    <t>dichlorprop-P (ISO); (+)-R-2-(2,4-dichlorophenoxy)propionic acid</t>
  </si>
  <si>
    <t>transfluthrin (ISO); 2,3,5,6-tetrafluorobenzyl trans-2-(2,2-dichlorovinyl)-3,3-dimethylcyclopropanecarboxylate</t>
  </si>
  <si>
    <t>pyridate (ISO); O-(6-chloro-3-phenylpyridazin-4-yl) S-octyl thiocarbonate</t>
  </si>
  <si>
    <t>flurenol (ISO); 9-hydroxy-9H-fluorene-9-carboxylic acid</t>
  </si>
  <si>
    <t>tau-fluvalinate (ISO); cyano-(3-phenoxyphenyl)methyl N-[2-chloro-4-(trifluoromethyl)phenyl]-D-valinate</t>
  </si>
  <si>
    <t>cis-1,2,3,6-tetrahydro-4-methylphthalic anhydride; [1] 1,2,3,6-tetrahydro-4-methylphthalic anhydride; [2] 1,2,3,6-tetrahydro-3-methylphthalic anhydride; [3] tetrahydromethylphthalicanhydride; [4] 1,2,3,6-tetrahydromethylphthalic anhydride; [5] tetrahydro-4-methylphthalicanhydride; [6] 2,3,5,6-tetrahydro-2-methylphthalic anhydride [7]</t>
  </si>
  <si>
    <t>sodium 3,6-dichloro-o-anisate; [1] 3,6-dichloro-o-anisic acid, compound with 2,2'-iminodiethanol (1:1); [2] 3,6-dichloro-o-anisic acid, compound with 2-aminoethanol (1:1) [3]</t>
  </si>
  <si>
    <t>naptalam-sodium (ISO); sodium N-naphth-1-ylphthalamate</t>
  </si>
  <si>
    <t>lambda-cyhalothrin (ISO); reaction mass of (S)-α-cyano-3-phenoxybenzyl(Z)-(1R)-cis-3-(2-chloro-3,3,3-trifluoropropenyl)-2,2-dimethylcyclopropanecarboxylate and (R)-α-cyano-3-phenoxybenzyl (Z)-(1S)-cis-3-(2-chloro-3,3,3-trifluoropropenyl)-2,2-dimethylcyclopropanecarboxylate (1:1)</t>
  </si>
  <si>
    <t>azoxystrobin (ISO); methyl (E)-2-{2-[6-(2-cyanophenoxy)pyrimidin-4-yloxy]phenyl}-3-methoxyacrylate</t>
  </si>
  <si>
    <t>potassium iron(III) 1,3-propanediamine-N, N,N',N'-tetraacetate hemihydrate</t>
  </si>
  <si>
    <t>reaction mass of: hydroxyaluminium bis[2-hydroxy-3,5-di-tert-butylbenzoate]; 3,5-di-tert-butyl-salicylic acid</t>
  </si>
  <si>
    <t>3,9-bis(2-(3-(3-tert-butyl-4-hydroxy-5-methylphenyl)propionyloxy-1,1-dimethylethyl)-2,4,8,10-tetraoxaspiro[5.5]undecane</t>
  </si>
  <si>
    <t>fluroxypyr-meptyl (ISO); methylheptyl, O-(4-amino-3,5-dichloro-6-fluoro-2-pyridyloxy) acetate; [1] fluroxypyr-butometyl (ISO); 2-butoxy-1-methylethyl, O-(4-amino-3,5-dichloro-6-fluoro-2-pyridyloxy) acetate [2]</t>
  </si>
  <si>
    <t>reaction mass of n-octadecylaminodiethyl bis(hydrogen maleate); n-octadecylaminodiethyl hydrogen maleate hydrogenphthalate</t>
  </si>
  <si>
    <t>tetrasodium (c-(3-(1-(3-(e-6-dichloro-5-cyanopyrimidin-f-yl(methyl)amino)propyl)-1,6-dihydro-2-hydroxy-4-methyl-6-oxo-3-pyridylazo)-4-sulfonatophenylsulfamoyl)phthalocyanine-a, b,d-trisulfonato(6-))nickelato II, where a is 1 or 2 or 3 or 4,b is 8 or 9 or 10 or 11,c is 15 or 16 or 17 or 18, d is 22 or 23 or 24 or 25 and where e and f together are 2 and 4 or 4 and 2 respectively</t>
  </si>
  <si>
    <t>reaction mass (ratio not known) of: ammonium 1-C14-C18-alkyloxycarbonyl-2-(3-allyloxy-2-hydroxypropoxycarbonyl)ethane-1-sulfonate; ammonium 2-C14-C18-alkyloxycarbonyl-1-(3-allyloxy-2-hydroxypropoxycarbonyl)ethane-1-sulfonate</t>
  </si>
  <si>
    <t>reaction mass of: [1-(methoxymethyl)-2-(C12-alkoxy)-ethoxy]acetic acid; [1-(methoxymethyl)-2-(C14-alkoxy)-ethoxy]acetic acid</t>
  </si>
  <si>
    <t>reaction mass of: N-aminoethylpiperazonium mono-2,4,6-trimethylnonyldiphenyl ether di-sulfonate; N-aminoethylpiperazonium di-2,4,6-trimethylnonyldiphenyl ether di-sulfonate</t>
  </si>
  <si>
    <t>(E-E)-3,3'-(1,4-phenylenedimethylidene)bis(2-oxobornane-10-sulfonic acid)</t>
  </si>
  <si>
    <t>trisodium [2-(5-chloro-2,6-difluoropyrimidin-4-ylamino)-5-(b-sulfamoyl-c, d-sulfonatophthalocyanin-a-yl-K4, N29, N30, N31, N32-sulfonylamino)benzoato(5-)]cuprate(II) where a =1,2,3,4 b = 8,9,10,11 c = 15,16,17,18 d = 22,23,24,25</t>
  </si>
  <si>
    <t>fluazifop-butyl (ISO); butyl (RS)-2-[4-(5-trifluoromethyl-2-pyridyloxy)phenoxy]propionate</t>
  </si>
  <si>
    <t>fluazifop-P-butyl (ISO); butyl (R)-2-[4-(5-trifluoromethyl-2-pyridyloxy)phenoxy]propionate</t>
  </si>
  <si>
    <t>chlozolinate (ISO); ethyl (RS)-3-(3,5-dichlorophenyl)-5-methyl-2,4-dioxo-oxazolidine-5-carboxylate</t>
  </si>
  <si>
    <t>vinclozolin (ISO); N-3,5-dichlorophenyl-5-methyl-5-vinyl-1,3-oxazolidine-2,4-dione</t>
  </si>
  <si>
    <t>carfentrazone-ethyl (ISO); ethyl (RS)-2-chloro-3-[2-chloro-4-fluoro-5-[4-difluoromethyl-4,5-dihydro-3-methyl-5-oxo-1H-1,2,4-triazol-1-yl]phenyl]propionate</t>
  </si>
  <si>
    <t>kresoxim-methyl (ISO); methyl (E)-2-methoxyimino-[2-(o-tolyloxymethyl)phenyl]acetate</t>
  </si>
  <si>
    <t>benazolin-ethyl; ethyl 4-chloro-2-oxo-2H-benzothiazole-3-acetate</t>
  </si>
  <si>
    <t>glyphosate (ISO); N-(phosphonomethyl)glycine</t>
  </si>
  <si>
    <t>deltamethrin (ISO); (S)-α-cyano-3-phenoxybenzyl(1R, 3R)-3-(2,2-dibromovinyl)-2,2-dimethylcyclopropanecarboxylate</t>
  </si>
  <si>
    <t>reaction mass of: N, N-di(hydrogenated alkyl C14-C18)phtalamic acid; dihydrogenated alkyl (C14-C18)amine</t>
  </si>
  <si>
    <t>reaction mass of: sodium 2-(C12-18-n-alkyl)amino-1,4-butandioate; sodium 2-octadecenyl-amino-1,4-butandioate</t>
  </si>
  <si>
    <t>reaction mass of: dodecyl N-(2,2,6,6-tetramethylpiperidin-4-yl)-β-alaninate; tetradecyl N-(2,2,6,6-tetramethylpiperidin-4-yl)-β-alaninate</t>
  </si>
  <si>
    <t>reaction mass of: 3-(N-(3-dimethylaminopropyl)-(C4-8)perfluoroalkylsulfonamido)propionic acid; N-[dimethyl-3-(C4-8-perfluoroalkylsulfonamido)propylammonium propionate; 3-(N-(3-dimethyl-propylammonium)-(C4-8)perfluoroalkylsulfonamido)propionic acid propionate</t>
  </si>
  <si>
    <t>reaction mass of: ethyl exo-tricyclo[5.2.1.02,6]decane-endo-2-carboxylate; ethyl endo-tricyclo[5.2.1.02,6]decane-exo-2-carboxylate</t>
  </si>
  <si>
    <t>reaction mass of: trans-4-acetoxy-4-methyl-2-propyl-tetrahydro-2H-pyran; cis-4-acetoxy-4-methyl-2-propyl-tetrahydro-2H-pyran</t>
  </si>
  <si>
    <t>potassium bis(N-carboxymethyl)-N-methyl-glycinato-(2-)N, O,O, N)-ferrate-(1-)monohydrate</t>
  </si>
  <si>
    <t>reaction mass of: trans-(2R)-5-acetoxy-1,3-oxathiolane-2-carboxylic acid; cis-(2R)-5-acetoxy-1,3-oxathiolane-2-carboxylic acid</t>
  </si>
  <si>
    <t>reaction mass of: 2-[N-(2-hydroxyethyl)stearamido]ethyl stearate; sodium [bis[2-(stearoyloxy)ethyl]amino]methylsulfonate; sodium [bis(2-hydroxyethyl)amino]methylsulfonate; N, N-bis(2-hydroxyethyl)stearamide</t>
  </si>
  <si>
    <t>reaction mass of: esters of C14-C15 branched alcohols with 3,5-di-t-butyl-4-hydroxyphenyl propionic acid; C15 branched and linear alkyl 3,5-bis(1,1-dimethylethyl)-4-hydroxybenzenepropanoate; C13 branched and linear alkyl 3,5-bis(1,1-dimethylethyl)-4-hydroxybenzenepropanoate</t>
  </si>
  <si>
    <t>trisodium N, N-bis(carboxymethyl)-3-amino-2-hydroxypropionate</t>
  </si>
  <si>
    <t>reaction mass of: Ca salicylates (branched C10-14 and C18-30 alkylated); Ca phenates (branched C10-14 and C18-30 alkylated); Ca sulfurised phenates(branched C10-14 and C18-30 alkylated)</t>
  </si>
  <si>
    <t>reaction mass of: bis(1S,2S,4S)-(1-benzyl-4-tert-butoxycarboxamido-2-hydroxy-5-phenyl)pentylammonium succinate; isopropyl alcohol</t>
  </si>
  <si>
    <t>reaction mass of: ((Z)-3,7-dimethyl-2,6-octadienyl)oxycarbonylpropanoic acid; di-((E)-3,7-dimethyl-2,6-octadienyl) butandioate; di-((Z)-3,7-dimethyl-2,6-octadienyl) butandioate; (Z)-3,7-dimethyl-2,6-octadienyl butandioate; ((E)-3,7-dimethyl-2,6-octadienyl)oxycarbonylpropanoic acid</t>
  </si>
  <si>
    <t>reaction mass of: (3R)-[1S-(1α,2α, 6β-((2S)-2-methyl-1-oxo-butoxy)-8aγ)hexahydro-2,6-dimethyl-1-naphthalene]-3,5-dihydroxyheptanoic acid; inert biomass from Aspergillus terreus</t>
  </si>
  <si>
    <t>cypermethrin cis/trans +/-40/60; (RS)-α-cyano-3-phenoxybenzyl (1RS,3RS;1RS,3SR)-3-(2,2-dichlorovinyl)-2,2-dimethylcyclopropanecarboxylate</t>
  </si>
  <si>
    <t>α-cypermethrin (ISO); racemate comprising (R)-α-cyano-3-phenoxybenzyl (1S,3S)-3-(2,2-dichlorovinyl)-2,2-dimethylcyclopropanecarboxylate; (S)-α-cyano-3-phenoxybenzyl(1R, 3R)-3-(2,2-dichlorovinyl)-2,2-dimethylcyclopropanecarboxylate</t>
  </si>
  <si>
    <t>trifloxystrobin (ISO); (E, E)-α-methoxyimino-{2-[[[[1-[3-(trifluoromethyl)phenyl]ethylidene]amino]oxy]methyl]benzeneacetic acid methyl ester</t>
  </si>
  <si>
    <t>metalaxyl (ISO); methyl-N-(2,6-dimethylphenyl)-N-(methoxyacetyl)-DL-alaninate</t>
  </si>
  <si>
    <t>S-metolachlor; reaction mass of (S)-2-chloro-N-(2-ethyl-6-methyl-phenyl)-N-(2-methoxy-1-methyl-ethyl)-acetamide (80-100 %); [1] (R)-2-chloro-N-(2-ethyl-6-methyl-phenyl)-N-(2-methoxy-1-methyl-ethyl)-acetamide (0-20 %) [2]</t>
  </si>
  <si>
    <t>cypermethrin cis/trans +/-80/20; (RS)-α-cyano-3-phenoxybenzyl (1RS;3RS; 1RS, 3SR)-3-(2,2-dichlorovinyl)-2,2-dimethylcyclopropanecarboxylate</t>
  </si>
  <si>
    <t>mecoprop-P [1] and its salts; (R)-2-(4-chloro-2-methylphenoxy)propionic acid</t>
  </si>
  <si>
    <t>reaction mass of: cis-1,4-dimethylcyclohexyl dibenzoate; trans-1,4-dimethylcyclohexyl dibenzoate</t>
  </si>
  <si>
    <t>reaction mass of: 4,4',4''-[(2,4,6-trioxo-1,3,5(2H,4H,6H)-triazine-1,3,5-triyl)tris[methylene(3,5,5-trimethyl-3,1-cyclohexanediyl)iminocarbonyloxy-2,1-ethanediyl(ethyl)amino]]trisbenzenediazoniumtri[bis(2-methylpropyl)naphthalenesulfonate];4,4',4'',4'''-[[5,5'-[carbonylbis[imino(1,5,5-trimethyl-3,1-cyclohexanediyl)methylene]]-2,4,6-trioxo-1,3,5(2H,4H,6H)-triazine-1,1',3,3'-tetrayl]tetrakis[methylene(3,5,5-trimethyl-3,1-cyclohexanediyl)iminocarbonyloxy-2,1-ethanediyl(ethyl)amino]]tetrakisbenzenediazoniumtetra[bis(2-methylpropyl)naphthalenesulfonate]</t>
  </si>
  <si>
    <t>reaction mass of: trans-2-(1-methylethyl)-1,3-dioxane-5-carboxylic acid; cis-2-(1-methylethyl)-1,3-dioxane-5-carboxylic acid</t>
  </si>
  <si>
    <t>reaction mass of: 1-hexyl acetate; 2-methyl-1-pentyl acetate; 3-methyl-1-pentyl acetate; 4-methyl-1-pentyl acetate; other mixed linear and branched C6-alkyl acetates</t>
  </si>
  <si>
    <t>reaction mass of: phenyl 1-(1-[2-chloro-5-(hexadecyloxycarbonyl)phenylcarbamoyl]-3,3-dimethyl-2-oxobutyl)-1H-2,3,3a,7a-tetrahydrobenzotriazole-5-carboxylate; phenyl 2-(1-(2-chloro-5-(hexadecyloxycarbonyl)phenylcarbamoyl)-3,3-dimethyl-2-oxobutyl)-1H-2,3,3a,7a-tetrahydrobenzotriazole-5-carboxylate; phenyl 3-(1-(2-chloro-5-(hexadecyloxycarbonyl)phenylcarbamoyl)-3,3-dimethyl-2-oxobutyl)-1H-2,3,3a,7a-tetrahydrobenzotriazole-5-carboxylate</t>
  </si>
  <si>
    <t>trisodium N, N-bis(carboxymethyl)-β-alanine</t>
  </si>
  <si>
    <t>1,2-benzenedicarboxylic acid; di-C7-11-branched and linear alkylesters</t>
  </si>
  <si>
    <t>N-[1-(S)-ethoxycarbonyl-3-phenylpropyl]-L-alanyl-N-carboxyanhydride</t>
  </si>
  <si>
    <t>1,2-benzenedicarboxylic acid; di-C6-8-branched alkylesters, C7-rich</t>
  </si>
  <si>
    <t>ethyl 2-{[3-acetylamino-4-(6-bromo-2-methyl-1,3-dioxo-2,3-dihydro-1H-isoindol-5-ylazo)phenyl{]ethylamino[}propionate</t>
  </si>
  <si>
    <t>(N-benzyl-N, N,N-tributyl)ammonium 4-dodecylbenzenesulfonate</t>
  </si>
  <si>
    <t>reaction mass of: strontium (4-chloro-2-((4,5-dihydro-3-methyl-5-oxo-1-(3-sulfonatophenyl)-1H-pyrazol-4-yl)azo)-5-methyl)benzenesulfonate; disodium (4-chloro-2-((4,5-dihydro-3-methyl-5-oxo-1-(3-sulfonatophenyl)-1H-pyrazol-4-yl)azo)-5-methyl)benzenesulfonate</t>
  </si>
  <si>
    <t>N, N'-bis(trifluoroacetyl)-S, S'-bis-L-homocysteine</t>
  </si>
  <si>
    <t>reaction mass of: sodium 4,5-dihydro-2-[(propionato)(C6-18)alkyl]-3H-imidazolium-N-ethylphosphate; disodium 4,5-dihydro-2-[(dipropionato)(C6-18)alkyl]-3H-imidazolium-N-ethylphosphate</t>
  </si>
  <si>
    <t>tetraethyl N, N'-(methylenedicyclohexane-4,1-diyl)bis-DL-aspartate</t>
  </si>
  <si>
    <t>Reaction mass of: 1-(1'H,1'H,2'H,2'H-tridecafluorooctyl)-12-(1''H,1''H,2''H,2''H-tridecafluorooctyl)dodecanedioate; 1-(1'H,1'H,2'H,2'H-tridecafluorooctyl)-12-(1''H,1''H,2''H,2''H-heptdecafluorodecyl)dodecanedioate; 1-(1'H,1'H,2'H,2'H-tridecafluorooctyl)-12-(1''H,1''H,2''H,2''H-heneicosafluorododecyl)dodecanedioate; 1-(1'H,1'H,2'H,2'H-tridecafluorooctyl)-12-(1''H,1''H,2''H,2''H-pentacosafluorotetradecyl)dodecanedioate; 1-(1'H,1'H,2'H,2'H-heptadecafluorodecyl)-12-(1''H,1''H,2''H,2''H-heptadecafluorodecyl)dodecanedioate; 1-(1'H,1'H,2'H,2'H-heptadecafluorodecyl)-12-(1''H,1''H,2''H,2''H-heneicosafluorododecyl)dodecanedioate</t>
  </si>
  <si>
    <t>(R, S)-2-butyloctanedioic acid</t>
  </si>
  <si>
    <t>reaction mass of: (2R, 3R)-3-(2-ethoxyphenoxy)-2-hydroxy-3-phenylpropylammonium methanesulfonate; (2S, 3S)-3-(2-ethoxyphenoxy)-2-hydroxy-3-phenylpropylammonium methanesulfonate</t>
  </si>
  <si>
    <t>reaction mass of: calcium bis(C10-14 branched alkyl salicylate); calcium bis(C18-30-alkyl salicylate); calcium C10-14 branched alkylsalicylato-C18-30-alkyl salicylate; calcium bis (C10-14 branched alkyl phenolate); calcium bis (C18-30-alkyl phenolate); calcium C10-14 branched alkylphenolato-C18-30-alkyl phenolate; C10-14 branched alkyl phenol; C18-30-alkyl phenol</t>
  </si>
  <si>
    <t>trisodium 5-{[4-chloro-6-(1-naphthylamino)-1,3,5-triazin-2-yl]amino}-4-hydroxy-3-[(E)-(4-methoxy-2-sulfonatophenyl)diazenyl]-2,7-naphthalenedisulfonate</t>
  </si>
  <si>
    <t>(S)-(–)-2-acetoxypropionylchloride; (1S)-2-chloro-1-methyl-2-oxoethyl acetate</t>
  </si>
  <si>
    <t>D-erythro-hexanoic acid 2,4-dideoxy-3,5-O-(1-methylethylidene)-1,1-dimethylethylester; tert-butyl 2-[(4R, 6S)-6-(hydroxymethyl)-2,2-dimethyl-1,3-dioxan-4-yl]acetate</t>
  </si>
  <si>
    <t>ethyl N2-dodecanoyl-l-argininate hydrochloride</t>
  </si>
  <si>
    <t>reaction mass of: cis-9-octadecenedioic acid; cis-9-cis-12-octadecadienedioic acid; hexadecanedioic acid; octadecanedioic acid</t>
  </si>
  <si>
    <t>2,5-dioxopyrrolidin-1-yl N-{[methyl[[2-(1-methylethyl)-4-thiazoly]methyl]amino]carbonyl}-L-Valinate</t>
  </si>
  <si>
    <t>reaction mass of: ethyl (2R, 3R)-3-isopropylbicyclo[2.2.1]hept-5-ene-2-carboxylate; ethyl (2S, 3S)-3-isopropylbicyclo[2.2.1]hept-5-ene-2-carboxylate</t>
  </si>
  <si>
    <t>tert-butyl(6-{2-[4-(4-fluorophenyl)-6-isopropyl-2-[methyl(methylsulfonyl)amino]pyrimidin-5-ylvinyl}(4S, 6S)-2,2-dimethyl[1,3]dioxan-4-yl)acetate</t>
  </si>
  <si>
    <t>reaction mass of: methyl 3-((1E)-2-methylprop-1-enyl)-2,2-dimethylcyclopropanecarboxylate; methyl 3-((1Z)-2-methylprop-1-enyl)-2,2-dimethylcyclopropanecarboxylate (20:80)</t>
  </si>
  <si>
    <t>reaction mass of: methyl 1,4-dimethylcyclohexanecarboxylate (‘para-isomer’ including cis-and trans-isomers); methyl 1,3-dimethylcyclohexanecarboxylate (‘meta-isomer’including cis-and trans-isomers)</t>
  </si>
  <si>
    <t>dimethyl[2S, 2S']-6,6,6'6'-tetramethoxy-2,2'-[N, N'-bis(trifluoracetyl)-S, S'-bi(L-homocysteinyl) diimino]dihexanoate</t>
  </si>
  <si>
    <t>bifenthrin (ISO); (2-methylbiphenyl-3-yl)methylrel-(1R,3R)-3-[(1Z)-2-chloro-3,3,3-trifluoroprop-1-en-1-yl]-2,2-dimethylcyclopropanecarboxylate</t>
  </si>
  <si>
    <t>indoxacarb (ISO); methyl (4aS)-7-chloro-2-{(methoxycarbonyl)[4-(trifluoromethoxy)phenyl]carbamoyl}-2,5-dihydroindeno[1,2-e][1,3,4]oxadiazine-4a(3H)-carboxylate [1] reaction mass of (S)-Indoxacarb and (R)-Indoxacarb 75:25; methyl 7-chloro-2-{(methoxycarbonyl)[4-(trifluoromethoxy)phenyl]carbamoyl}-2,5-dihydroindeno[1,2-e][1,3,4]oxadiazine-4a(3H)-carboxylate [2]</t>
  </si>
  <si>
    <t>2,3,5,6-tetrafluoro-4-(methoxymethyl)benzyl (1R,3R)-2,2-dimethyl-3-[(1Z)-prop-1-en-1-yl]cyclopropanecarboxylate; epsilon-metofluthrin</t>
  </si>
  <si>
    <t>isopropyl (2E,4E,7S)-11-methoxy-3,7,11-trimethyldodeca-2,4-dienoate; S-methoprene</t>
  </si>
  <si>
    <t>8-(2,6-diethyl-4-methylphenyl)-7-oxo-1,2,4,5-tetrahydro-7H-pyrazolo[1,2-d][1,4,5]oxadiazepin-9-yl 2,2-dimethylpropanoate</t>
  </si>
  <si>
    <t>(1,3-dioxo-1,3,4,5,6,7-hexahydro-2H-isoindol-2-yl)methyl 2,2-dimethyl-3-(2-methylprop-1-en-1-yl)cyclopropanecarboxylate</t>
  </si>
  <si>
    <t>(1,3,4,5,6,7-hexahydro-1,3-dioxo-2H-isoindol-2-yl)methyl (1R-trans)-2,2-dimethyl-3-(2-methylprop-1-enyl)cyclopropanecarboxylate</t>
  </si>
  <si>
    <t>methyl 2-[(4,6-dimethoxypyrimidin-2-ylcarbamoyl)sulfamoyl]-α-(methanesulfonamido)-p-toluate;</t>
  </si>
  <si>
    <t>sodium methyl [(4-aminophenyl)sulphonyl]carbamate; sodium methyl (EZ)-sulfanilylcarbonimidate; asulam-sodium</t>
  </si>
  <si>
    <t>fenbuconazole (ISO); 4-(4-chlorophenyl)-2-phenyl-2-[(1H-1,2,4-triazol-1-yl)methyl]butanenitrile</t>
  </si>
  <si>
    <t>(E)-N 1-[(6-chloro-3-pyridyl)methyl]-N2-cyano-N1-methylacetamidine</t>
  </si>
  <si>
    <t>reaction mass of: (E)-2,12-tridecadiennitrile; (E)-3,12-tridecadiennitrile; (Z)-3,12-tridecadiennitrile</t>
  </si>
  <si>
    <t>(R,S)-4-(4-dimethylamino-1-(4-fluorophenyl)-1-hydroxybutyl)3-(hydroxymethyl)benzonitrile hemisulfate</t>
  </si>
  <si>
    <t>(2Z)-{[2-fluoro-5-(trifluoromethyl)phenyl]thio}[3-(2-methoxyphenyl)-1,3-thiazolidin-2-ylidene]acetonitrile</t>
  </si>
  <si>
    <t>226</t>
  </si>
  <si>
    <t>lead 2,4,6-trinitro-m-phenylene dioxide; lead 2,4,6-trinitroresorcinoxide;</t>
  </si>
  <si>
    <t>potassium salt of DNOC; potassium 4,6-dinitro-o-cresolate [2]</t>
  </si>
  <si>
    <t>ammonium salt of DNOC; ammonium 4,6-dinitro-o-tolyl oxide</t>
  </si>
  <si>
    <t>(RS)-2,6-dinitro-4-octylphenyl crotonates and (RS)-2,4-dinitro-6-octylphenyl crotonates in which "octyl" is a reaction mass of 1-methylheptyl, 1-ethylhexyl and 1-propylpentyl groups</t>
  </si>
  <si>
    <t>α, α, α-trifluoro-2,6-dinitro-N, N-dipropyl-p-toluidine (containing</t>
  </si>
  <si>
    <t>2,6-dinitro-N, N-dipropyl-4-trifluoromethylaniline (containing &lt; 0,5 ppm NPDA);</t>
  </si>
  <si>
    <t>N, N-dipropyl-2,6-dinitro-4-trifluoromethylaniline (containing &lt; 0.5 ppm NPDA)</t>
  </si>
  <si>
    <t>(E, Z)-4-chlorophenyl(cyclopropyl)ketone O-(4-nitrophenylmethyl)oxime</t>
  </si>
  <si>
    <t>4'-tert-butyl-2', 6'-dimethyl-3',</t>
  </si>
  <si>
    <t>lithium potassium sodium N,N''-bis{6-[7-[4-(4-chloro-1,3,5-triazin-2-yl)amino-4-(2-ureidophenylazo)]naphthalene-1,3,6-trisulfonato}-N'-(2-aminoethyl)piperazine</t>
  </si>
  <si>
    <t>2'-(2-cyano-4,6-dinitrophenylazo)-5'-(N, N-dipropylamino)propionanilide</t>
  </si>
  <si>
    <t>N, N,N',N'-tetramethyl-3,3'-(propylenebis(iminocarbonyl-4,1-phenylenazo(1,6-dihydro-2-hydroxy-4-methyl-6-oxopyridine-3,1-diyl)))di(propylammonium) dilactate</t>
  </si>
  <si>
    <t>reaction mass of 2,2-iminodiethanol 6-methyl-2-(4-(2,4,6-triaminopyrimidin-5-ylazo)phenyl)benzothiazole-7-sulfonate and 2-methylaminoethanol 6-methyl-2-(4-(2,4,6-triaminopyrimidin-5-ylazo)phenyl)benzothiazole-7-sulfonate and N, N-diethylpropane-1,3-diamine 6-methyl-2-(4-(2,4,6-triaminopyrimidin-5-ylazo)phenyl)benzothiazole-7-sulfonate</t>
  </si>
  <si>
    <t>hexasodium [4,4''-azoxybis(2,2'-disulfonatostilbene-4,4'diylazo)]-bis[5'-sulfonatobenzene-2,2'-diolato-O(2), O(2), N(1)]-copper(II)</t>
  </si>
  <si>
    <t>3(or 5)-(4-(N-benzyl-N-ethylamino)-2-methylphenylazo)1,4-dimethyl-1,2,4-triazolium methylsulphate</t>
  </si>
  <si>
    <t>reaction mass of: trisodium N(1')-N(2):N(1''')-N(2'')-η-6-[2-amino-4-(or 6)-hydroxy-(or 4-amino-2-hydroxy)phenylazo]-6''-(1-carbaniloyl-2-hydroxyprop-1-enylazo)-5',5'''-disulfamoyl-3,3''-disulfonatobis(naphthalene-2,1'-azobenzene-1,2'-diolato-O(1), O(2'))-chromate;</t>
  </si>
  <si>
    <t>trisodium N(1')-N(2):N(1''')N(2'')-η-6,6''-bis(1-carbaniloyl-2-hydroxyprop-1-enylazo)-5',5'''disulfamoyl-3,3''-disulfonato</t>
  </si>
  <si>
    <t>bis(naphthalene-2,1'azobenzene-1,2'-diolato-O(1),O(2'))-chromate;</t>
  </si>
  <si>
    <t>trisodium N(1')-N(2):N(1''')N(2'')-η-6,6''-bis[2-amino-4-(or 6)-hydroxy-(or 4-amino-2-hydroxy)phenylazo]5',5'''disulfamoyl-3,3''-disulfonatobis(naphthalene-2,1'azobenzene-1,2'-diolato-O(1),O(2'))-chromate (2:1:1)</t>
  </si>
  <si>
    <t>reaction mass of: tert-alkyl(C12-C14)ammonium bis[1-[(2-hydroxy-5-nitrophenyl)azo]-2-naphthalenolato(2-)]-chromate(1-); tert-alkyl(C12-C14)ammonium bis[1-[(2-hydroxy-4-nitrophenyl)azo]-2-naphthalenolato(2)]-chromate(1-); tert-alkyl(C12-C14)ammonium bis[1-[[5-(1,1-dimethylpropyl)-2-hydroxy-3-nitrophenyl]azo]-2-naphthalenolato(2-)]-chromate(1-); tert-alkyl(C12-C14)ammonium [[1-[(2-hydroxy-5-nitrophenyl)azo]-2-naphthalenolato(2)]-[1-[(2-hydroxy-5-nitrophenyl)azo]-2-naphthalenolato(2-)]]-chromate(1-);</t>
  </si>
  <si>
    <t>tert-alkyl(C12-C14)ammonium [[1-[[5-(1,1-dimethylpropyl)-2-hydroxy-3-nitrophenyl]azo]-2-naphthalenolato(2-)]-[1-[(2-hydroxy-5-nitrophenyl)azo]-2-naphthalenolato(2-)]]-chromate(1-); tert-alkyl(C12-C14)ammonium</t>
  </si>
  <si>
    <t>reaction mass of: 2-[[4-[N-ethyl-N-(2-acetoxyethyl)amino]phenyl]azo]-5,6-dichlorobenzothiazole; 2-[[4-[N-ethyl-N-(2-acetoxyethyl)amino]phenyl]azo]-6,7-dichlorobenzothiazole (1:1)</t>
  </si>
  <si>
    <t>trisodium [4'-(8-acetylamino-3,6-disulfonato-2-naphthylazo)-4''-(6-benzoylamino-3-sulfonato2-naphthylazo)-biphenyl 1,3',3'',1'''-tetraolato-O,O',O'',O''']copper(II)</t>
  </si>
  <si>
    <t>2,4-bis[2,2'-[2-(N, N-dimethylamino)ethyloxycarbonyl]phenylazo]-1,3-dihydroxybenzene, dihydrochloride</t>
  </si>
  <si>
    <t>dilithium disodium (5,5'-diamino-(μ-4,4'-dihydroxy-1:2κ-2,O4,O4',-3,3'-[3,3'-dihydroxy-1:2-κ-2-O3,O3'-biphenyl-4,4'-ylenebisazo-1:2-(N3, N4-η:N3', N4'-η)]-dinaphthalene-2,7-disulfonato(8)))dicuprate(2-)</t>
  </si>
  <si>
    <t>disodium 7-[4-chloro-6-(N-ethyl-o-toluidino)-1,3,5-triazin2-ylamino]-4-hydroxy-3-(4-methoxy-2-sulfonatophenylazo)2-naphthalenesulfonate</t>
  </si>
  <si>
    <t>tetrasodium [7-(2,5-dihydroxy-KO2-7-sulfonato-6-[4-(2,5,6-trichloro-pyrimidin-4-ylamino)phenylazo]-(N1,N7-N)1-naphthylazo)-8-hydroxy-KO8-naphthalene-1,3,5-trisulfonato(6)]cuprate(II)</t>
  </si>
  <si>
    <t>tert-(dodecyl/tetradecyl)-ammonium bis(3-(4-((5-(1,1-dimethyl-propyl)-2-hydroxy-3-nitrophenyl)azo)-3-methyl-5-hydroxy-(1H)-pyrazol-1-yl)benzenesulfonamidato)chromate</t>
  </si>
  <si>
    <t>reaction mass of: 2-[2-acetylamino-4-[N, N-bis[2-ethoxy-carbonyloxy)ethyl]amino]phenylazo]-5,6-dichloro-1,3-benzothiazole;</t>
  </si>
  <si>
    <t>2-[2-acetylamino-4-[N, N-bis[2-ethoxy-carbonyloxy)ethyl]amino]phenylazo]-6,7-dichloro-1,3-benzotriazole (1:1)</t>
  </si>
  <si>
    <t>reaction mass of iron complexes of: 1,3-dihydroxy-4-[(5-phenylaminosulfonyl)-2-hydroxyphenylazo]-n-(5-amino-sulfonyl-2-hydroxyphenylazo)benzene</t>
  </si>
  <si>
    <t>and: 1,3-dihydroxy-4-[(5-phenylaminosulfonyl)-2-hydroxyphenylazo]-n-[4-(4-nitro-2-sulfophenylamino)phenylazo]benzene (n=2,5,6)</t>
  </si>
  <si>
    <t>2-(2,4-dichloro-5-prop-2-ynyloxyphenyl)-5,6,7,8-tetrahydro-1,2,4-triazolo[4,3-a]pyridine-3(2H)-one</t>
  </si>
  <si>
    <t>reaction mass of: trisodium 2-(2-[α-(2-carboxylato-κ-O-4-sulfonatophenylazo)benzylidene]hydrazino-κ-N')-6-(2,6-difluoropyrimidin-4-ylamino)-4-sulfonatophenolatocuprate (II); trisodium 2-(2-[α-(2-carboxylato-κ-O-4-sulfonatophenylazo)benzylidene]hydrazino-κ-N')-6-(4,6-difluoropyrimidin-2-ylamino)-4-sulfonatophenolatocuprate (II)</t>
  </si>
  <si>
    <t>chrysoidine-p-dodecylbenzenesulfonate; dodecylbenzenesulfonic acid, compound with 4-(phenylazo)benzene-1,3-diamine (1:1); [4]</t>
  </si>
  <si>
    <t>benzenesulfonic acid, mono-C10-14-alkyl derivatives, compounds</t>
  </si>
  <si>
    <t>potassium sodium 3-[(E)-(6{3,4-dihydroxy-2-}(Z)-(3-sulfonatophenyl)diazenyl]benzyl}-2,3-dihydroxyphenyl)diazenyl]benzenesulfonate</t>
  </si>
  <si>
    <t>trisodium [1,2'-(2-(8-amino-3,5-disulfonatonaphthalene)azo)-(4'-nitrobenzene)diolato-O, O,N][(Z)-2,2-((phenylcarbamoylprop-1'-enyl)azo)-5-sulfamoylbenzene)diolato-O, O,N]chromate(III)</t>
  </si>
  <si>
    <t>4-amino-5-hydroxy-3-{(E)-4-[2-(sulfonatooxy)ethylsulfonyl]phenylazo}-6-{(E)-2-sulfonato-4-[2-(sulfonatooxy)ethylsulfonyl]phenylazo}naphthalene-2,7-disulfonate;</t>
  </si>
  <si>
    <t>tetrasodium 4-amino-5-hydroxy-3-{(E)-4-[2-(sulfonatooxy)ethylsulfonyl]phenylazo}-6-[(E)-2-sulfonato-4-(vinylsulfonyl)phenylazo]naphthalene-2,7-disulfonate; tetrasodium - 4-amino-5-hydroxy-6-(E)-2-sulfonato-4-}2-(sulfonatooxy)ethylsulfonyl{phenylazo}-3-[(E)-4-(vinylsulfonyl)phenylazo]naphthalene-2,7-disulfonate</t>
  </si>
  <si>
    <t>reaction mas of: trisodium 2-((1-(2-hydroxy-κ-O-5-(2-sulfonatoethansulfonyl)phenylazo-κ-N2)-1-phenylmethyl)azo-κ-N1)4-sulfonatobenzoate(5-)-κ-O)cuprate(II);</t>
  </si>
  <si>
    <t>disodium 2-((1-(5-ethenesulfonyl-2-hydroxy-κ-O-phenylazo-κ-N2)-1-phenylmethyl)azo-κ-N1)-4-sulfonatobenzoate-κ-O-(5))cuprate(II)</t>
  </si>
  <si>
    <t>reaction mass of: trisodium 5-{4-chloro-6-[N-ethyl-(3-(2-sulfonatooxy)ethylsulfonyl)aniline]-1,3,5-triazin-2-ylamino}-4-hydroxy-3-[4-(vinylsulfonyl)phenylazo{naphthalene-2,7-disulfonate; trisodium 5-4-chloro-6-[N-ethyl-3-(vinylsulfonyl)anilino]-1,3,5-triazin-2-ylamino}-4-hydroxy-3-[4-(2-(sulfonatooxy)ethylsulfonyl)phenylazo]naphthalene-2,7-disulfonate;</t>
  </si>
  <si>
    <t>disodium 5-4-chloro-6-[N-ethyl-3-(vinylsulfonyl)anilino]-1,3,5-triazin-2-ylamino}-4-hydroxy-3-[(4-vinylsulfonyl)phenylazo]naphthalene-2,7-disulfonate;</t>
  </si>
  <si>
    <t>tetrasodium 5-4-chloro-6-[N-ethyl-3-(2-(sulfonatooxy)ethylsulfonyl)anilino]-1,3,5-triazin-2-ylamino}-3-[4(2-(sulfonatooxy)ethylsulfonyl)phenylazo]-4-hydroxynaphthalene-2,7-disulfonate</t>
  </si>
  <si>
    <t>tetrasodium 4-amino-5-hydroxy-3-{(E)-4-[2-(sulfonatooxy)ethylsulfonyl]phenylazo}-6-[(E)-2-sulfonato-4-(vinylsulfonyl)phenylazo]naphthalene-2,7-disulfonate; tetrasodium 4-amino-5-hydroxy-6-{(E)-2-sulfonato-4-[2-(sulfonatooxy)ethylsulfonyl]phenylazo}-3-[(E)-4-(vinylsulfonyl)phenylazo]naphthalene-2,7-disulfonate; trisodium 4-amino-5-hydroxy-3-[(E)-4-(vinylsulfonyl)phenylazo]-6-[(E)-2-sulfonato-4-(vinylsulfonyl)phenylazo]naphthalene-2,7-disulfonate;</t>
  </si>
  <si>
    <t>4-aminobenzenesulfonamide, diazotized 3-aminobenzenesulfonic acid, diazotised 3-amino-4-hydroxybenzenesulfonamide, diazotised 3-amino-4-hydroxy-N-phenylbenzenesulfonamide, diazotised 5-amino-2-(phenylamino)benzenesulfonic acid and resorcinol, sodium salts</t>
  </si>
  <si>
    <t>N-methyl-N-2,4,6-tetranitroaniline; tetryl</t>
  </si>
  <si>
    <t>N, N,N',N'-tetramethyl-p-phenylenediamine</t>
  </si>
  <si>
    <t>salts of 3,3'-dimethoxybenzidine; salts of o-dianisidine</t>
  </si>
  <si>
    <t>(S)-2-aminobutane; [1] (R)-sec-butylamine;</t>
  </si>
  <si>
    <t>N-methyl-o-toluidine; [1] N-methyl-m-toluidine; [2] N-methyl-p-toluidine [3]</t>
  </si>
  <si>
    <t>N,N-dimethyl-p-toluidine; [1] N,N-dimethyl-m-toluidine; [2] N,N-dimethyl-o-toluidine [3]</t>
  </si>
  <si>
    <t>3-aminopropyldimethylamine; N,N-dimethyl-1,3-diaminopropane</t>
  </si>
  <si>
    <t>N,N-bis(2,4-xylyliminomethyl)</t>
  </si>
  <si>
    <t>N, N'-(2,2-dimethylpropylidene)hexamethylenediamine</t>
  </si>
  <si>
    <t>4,4'-carbonimidoylbis[N, N-dimethylaniline]</t>
  </si>
  <si>
    <t>salts of 4,4'-carbonimidoylbis[N, N-dimethylaniline]</t>
  </si>
  <si>
    <t>N, N-bis(3-aminopropyl)methylamine</t>
  </si>
  <si>
    <t>N, N,N',N'-tetramethylethylenediamine</t>
  </si>
  <si>
    <t>R, R-2-hydroxy-5-(1-hydroxy-2-(4-phenylbut-2-ylamino)ethyl)benzamide hydrogen 2,3-bis(benzoyloxy)succinate</t>
  </si>
  <si>
    <t>C8-18 alkylbis(2-hydroxyethyl)ammonium bis(2-ethylhexyl)phosphate</t>
  </si>
  <si>
    <t>A reaction mass of: (1,3-dioxo-2H-benz(de)isoquinolin-2-ylpropyl)hexadecyldimethylammonium 4-toluenesulfonate; (1,3-dioxo-2H-benz(de)isoquinolin-2-ylpropyl)hexadecyldimethylammonium bromide</t>
  </si>
  <si>
    <t>N, N'-diphenyl-p-phenylenediamine;</t>
  </si>
  <si>
    <t>N, N'-diphenyl-1,4-benzenediamine</t>
  </si>
  <si>
    <t>N-(2-chloro-6-fluorobenzyl)-N-ethyl-α, α,α-trifluoro-2,6-dinitro-p-toluidine</t>
  </si>
  <si>
    <t>[technical product — reaction mass of 4-methyl-m-phenylene diamine (EC No 202-453-1) and 2-methyl-m-phenylene diamine (EC No 212-513-9)]</t>
  </si>
  <si>
    <t>N, N-diethyl-N',N'-dimethylpropan-1,3-diyl-diamine</t>
  </si>
  <si>
    <t>reaction products of: trimethylhexamethylene diamine (a mixture of 2,2,4-trimethyl-1,6-hexanediamine and 2,4,4-trimethyl-1,6-hexanediamine, EINECS listed), Epoxide 8 (mono[(C10-C16-alkyloxy)methyl]oxirane derivatives) and p-toluene-sulfonic acid</t>
  </si>
  <si>
    <t>metalaxyl-M (ISO);</t>
  </si>
  <si>
    <t>5-acetyl-3-amino-10,11-dihydro-5H-dibenz[b, f]azepine-hydrochloride</t>
  </si>
  <si>
    <t>1-[3-[4-((heptadecafluorononyl)oxy)-benzamido]propyl]-N, N,N-trimethylammonium iodide</t>
  </si>
  <si>
    <t>C8-10 alkyl dimethyl hydroxyethyl ammoniumchloride (chain &lt; C8: &lt;3 %, chain = C8: 15 %-70 %, chain = C10: 30 %- 85 %, chain &gt; C10: &lt;3 %)</t>
  </si>
  <si>
    <t>N-[(benzotriazole-1-yl)methyl)]4-carboxy-benzenesulfonamide</t>
  </si>
  <si>
    <t>N2,N4,N6-tris{4-[(1,4-dimethylpentyl)amino]phenyl}-1,3,5-triazine-2,4,6-triamine</t>
  </si>
  <si>
    <t>N-benzyl-N-(3-(trimethoxysilyl)propyl)ethylenediamine; N-benzyl-N'-[3-(trimethoxysilyl)propyl]ethylenediamine;</t>
  </si>
  <si>
    <t>N, N'-bis-benzyl-N'-[3-(trimethoxysilyl)propyl]ethylenediamine; N, N,N'-tris-benzyl-N'-[3-(trimethoxysilyl)propyl]ethylenediamine;</t>
  </si>
  <si>
    <t>N, N-bis-benzyl-N'-[3-(trimethoxysilyl)propyl]ethylenediamine</t>
  </si>
  <si>
    <t>chloro-N, N-dimethylformiminium chloride</t>
  </si>
  <si>
    <t>7-methoxy-6-(3-morpholin-4-yl-propoxy)-3H-quinazolin-4-one; [containing &lt; 0,5 % formamide (EC No 200-842-0)]</t>
  </si>
  <si>
    <t>7-methoxy-6-(3-morpholin-4-yl-propoxy)-3H-quinazolin-4-one; [containing ≥ 0,5 % formamide (EC No 200-842-0)]</t>
  </si>
  <si>
    <t>N-[(4-methyl-1H-benzotriazol-1yl)methyl]-4-octyl-N-(4-octylphenyl)aniline</t>
  </si>
  <si>
    <t>(S)-azetidine-2-carboxylic acid</t>
  </si>
  <si>
    <t>leucomalachite green; N, N,N',N'-tetramethyl-4,4'-benzylidenedianiline</t>
  </si>
  <si>
    <t>fluazinam (ISO); 3-chloro-N-[3- chloro-2,6-dinitro-4-(trifluor omethyl)phenyl]-5-(trifluoromethyl)pyridin-2-amine</t>
  </si>
  <si>
    <t>ametryn (ISO);N-ethyl-N'-isopropyl-6-(methyl-thio)-1,3,5-triazine-2,4-diamine</t>
  </si>
  <si>
    <t>fuberidazole (ISO);2-(2-furyl-)-1H-benzimidazole</t>
  </si>
  <si>
    <t>2-methyl-4-oxo-3-(penta-2,4- dienyl)cyclopent-2-enyl [1R- [1α[S*(Z)],3β]]-chrysanthemate; pyrethrin I</t>
  </si>
  <si>
    <t>2-methyl-4-oxo-3-(penta-2,4- dienyl)cyclopent-2-enyl[1R- [1α[S*(Z)](3β)]]-3-(3-methoxy-2-methyl-3-oxoprop-1-enyl)-2,2- dimethylcyclopropanecar boxylate; pyrethrin II</t>
  </si>
  <si>
    <t>azaconazole (ISO);1-{[2-(2,4-dichlorophenyl)-1,3- dioxolan-2-yl]methyl}-1H-1,2.4- triazole</t>
  </si>
  <si>
    <t>imazalil sulphate (ISO) powder; 1-[2-(allyloxy)ethyl-2-(2,4- dichlorophenyl)]-1H-imid azolium hydrogen sulphate; [1](±)-1-[2-(allyloxy)ethyl-2-(2,4- dichlorophenyl)]-1H-imid azolium hydrogen sulphate [2]</t>
  </si>
  <si>
    <t>imazalil sulphate (ISO), aqueous solution; 1-[2-(allyloxy)ethyl-2-(2,4- dichlorophenyl)]-1H-imidazolium hydrogen sulphate; [1] (±)-1-[2-(allyloxy)ethyl-2-(2,4- dichlorophenyl)]-1H-imid azolium hydrogen sulphate [2]</t>
  </si>
  <si>
    <t>captan (ISO);1,2,3,6-tetrahydro-N-(trichloromethylthio)phthalimide</t>
  </si>
  <si>
    <t>folpet (ISO);N-(trichloromethylthio)phthalimide</t>
  </si>
  <si>
    <t>captafol (ISO);1,2,3,6-tetrahydro-N-(1,1,2,2- tetrachloroethylthio)phthalimide</t>
  </si>
  <si>
    <t>anilazine (ISO);2-chloro-N-(4,6-dichloro-1,3,5- triazin-2-yl)aniline</t>
  </si>
  <si>
    <t>permethrin (ISO);m-phenoxybenzyl 3-(2,2-dichorovinyl)-2,2-dimethylcyclopro panecarboxylate</t>
  </si>
  <si>
    <t>profluralin (ISO);N-(cyclopropylmethyl)-α, α,α- trifluoro-2,6-dinitro-N-propyl-p-toluidine</t>
  </si>
  <si>
    <t>terbumeton (ISO);2-tert-butylamino-4-ethylamino-6-methoxy-1,3,5-triazine</t>
  </si>
  <si>
    <t>N, N-bis(2-ethylhexyl)-((1,2,4- triazol-1-yl)methyl)amine</t>
  </si>
  <si>
    <t>N, N-dimethyl-2-(3-(4-chloro phenyl)-4,5-dihydropyrazol-1- ylphenylsulphonyl)ethylamine</t>
  </si>
  <si>
    <t>N,N,N,N-tetrakis(4,6-bis(butyl- (N-methyl-2,2,6,6-tetramethyl piperidin-4-yl)amino)triazin-2- yl)-4,7-diazadecane-1,10- diamine</t>
  </si>
  <si>
    <t>3-(bis(2-ethylhexyl)amino methyl)benzothiazole-2(3H)- thione</t>
  </si>
  <si>
    <t>reaction mass of 1,1'-(methylenebis(4,1-phenylene))dipyrrole-2,5-dione and N-(4-(4-(2,5-dioxopyrrol-1-yl)benzyl)phenyl)acetamide and 1-(4-(4-(5- oxo-2H-2-furylide namino)benzyl)phenyl)pyrrole-2,5-dione</t>
  </si>
  <si>
    <t>1,2-benzisothiazol-3(2H)-one;1,2-benzisothiazolin-3-one</t>
  </si>
  <si>
    <t>4-methoxy-N,6-dimethyl-1,3,5- triazin-2-ylamine</t>
  </si>
  <si>
    <t>sodium 3-(2H-benzotriazol-2- yl)-5-sec-butyl-4-hydroxyben zenesulfonate</t>
  </si>
  <si>
    <t>hexasodium 2,2'-vinylenebis((3- sulfonato-4,1-pheny lene)imino(6-(N-cyanoethyl-N-(2-hydroxypropyl)amino)-1,3,5-triazine-4,2-diyl)imino)dibenzene-1,4-disulfonate</t>
  </si>
  <si>
    <t>dimepiperate (ISO);S-(1-methyl-1-phenylethyl) piperidine-1-carbothioate</t>
  </si>
  <si>
    <t>octhilinone (ISO);2-octyl-2H-isothiazol-3-one</t>
  </si>
  <si>
    <t>tolylfluanid (ISO);dichloro-N-[(dimethylamino)sulphonyl]fluoro-N-(p-tolyl)methanesulphenamide;[containing ≥0.1 % (w/w) of particles with an aerodynamic diameter of below 50 μm]</t>
  </si>
  <si>
    <t>tolylfluanid (ISO);dichloro-N-[(dimethylamino)sulphonyl]fluoro-N-(p-tolyl)methanesulphenamide;[containing &lt; 0,1 % (w/w) of particles with an aerodynamic diameter of below 50 μm]</t>
  </si>
  <si>
    <t>diniconazole (ISO);(E)-β-[(2,4-dichlorophenyl)methylene]-α-(1,1-dimethylethyl)-1H—1,2,4-triazol-1- ethanol;(E)-(RS)-1-(2,4-dichlorophenyl)-4,4-dimethyl-2-(1H—1,2,4- triazol-1-yl)pent-1-en-3-ol</t>
  </si>
  <si>
    <t>flubenzimine (ISO);N-[3-phenyl-4,5-bis[(trifluoromethyl)imino]thiazolidin-2- ylidene]aniline</t>
  </si>
  <si>
    <t>bioresmethrin (ISO);(5-benzyl-3-furyl)methyl (1R)-2,2-dimethyl-3-(2-methylprop-1- en-1-yl)cyclopropanecarboxylate</t>
  </si>
  <si>
    <t>diclobutrazole (ISO);(R*, R*)-(±)-β-[(2,4-dichlorop henyl)methyl]-α-(1,1-dimethylethyl)-1H-1,2,4-triazole-1-ethanol; (2RS, 3RS)-1-(2,4-dichlorophenyl)-4,4-dimethyl-2- (1H—1,2,4-triazol-1yl)pentan-3-ol</t>
  </si>
  <si>
    <t>5,6-dihydro-3H-imidazo[2,1-c]-1,2,4-dithiazole-3-thione; etem</t>
  </si>
  <si>
    <t>fenpropimorph (ISO);cis-4-[3-(p-tert-butylphenyl)-2- methylpropyl]-2,6-dimethylmorpholine</t>
  </si>
  <si>
    <t>hexythiazox(ISO);trans-5-(4-chlorophenyl)-N- cyclohexyl-4-methyl-2-oxo-3-thiazolidine-carboxamide</t>
  </si>
  <si>
    <t>imazapyr (ISO);2-[4,5-dihydro-4-methyl-4-(1- methylethyl)-5-oxo-1H- imidazol-2-yl]-3-pyridine carboxylate</t>
  </si>
  <si>
    <t>prochloraz (ISO);N-propyl-N-[2-(2,4,6-trichlorop henoxy)ethyl]-1H-imidazole-1- carboxamide</t>
  </si>
  <si>
    <t>myclobutanil(ISO);2-(4-chlorophenyl)-2-(1H-1,2,4- triazol-1-ylmethyl)hexanenitrile</t>
  </si>
  <si>
    <t>N-cyclohexylbenzothiazole-2- sulphenamide</t>
  </si>
  <si>
    <t>cycloheximide (ISO);4-{(2R)-2-[(1S,3S,5S)-3,5- dimethyl-2-oxocyclohexyl]-2- hydroxyethyl}piperidine-2,6- dione</t>
  </si>
  <si>
    <t>trans—N-methyl-2-styryl-[4'- aminomethine-(1-acetyl-1-(2- methoxyphenyl)acetamido)]py ridinium acetate</t>
  </si>
  <si>
    <t>reaction products of: poly(vinyl acetate), partially hydrolyzed, with (E)-2-(4-formylstyryl)-3,4- dimethylthiazoliummethylsulfate</t>
  </si>
  <si>
    <t>2,2'-[3,3'-(piperazine-1,4-diyl)di propyl]bis(1H-benzimidazo[2,1—b]benzo[l, m,n][3,8]phenanthroline-1,3,6-trione</t>
  </si>
  <si>
    <t>(1S)-2-methyl-2,5-diazobicyclo[2.2.1]heptanes dihydrobromide</t>
  </si>
  <si>
    <t>(6R-trans)-1-((7-ammonio-2- carboxylato-8-oxo-5-thia-1- azabicyclo-[4.2.0]oct-2-en-3- yl)methyl)pyridinium iodide</t>
  </si>
  <si>
    <t>azimsulfuron (ISO);1-(4,6-dimethoxypyrimidin-2-yl)-3-[1-methyl-4-(2-methyl-2H- tetrazol-5-yl)pyrazol-5-ylsulfonyl]urea</t>
  </si>
  <si>
    <t>flufenacet (ISO);N-(4-fluorophenyl)-N-isopropyl-2-(5-trifluoromethyl-[1,3,4]thiadiazol-2-yloxy)acetamide</t>
  </si>
  <si>
    <t>reaction mass of 5-chloro-2-methyl-2H-isothiazol-3-one and 2-methyl-2H-isothiazol-3-one (3:1)</t>
  </si>
  <si>
    <t>hexaconazole (ISO);(RS)-2-(2,4-dichlorophenyl)-1-(1H-1,2,4-triazol-1-yl)hexan-2- ol</t>
  </si>
  <si>
    <t>fluquinconazole (ISO);3-(2,4-dichlorophenyl)-6-fluoro-2-(1H-1,2,4-triazol-1-yl)quinazolin-4-(3H)-one</t>
  </si>
  <si>
    <t>epoxiconazole (ISO); (2RS,3SR)-3-(2-chlorophenyl)-2-(4-fluorophenyl)-[(1H-1,2,4-triazol-1-yl)methyl]oxirane</t>
  </si>
  <si>
    <t>reaction mass of: 5-(N-methylperfluorooctylsulfonamido)methyl-3-octadecyl-1,3-oxazolidin-2-one; 5-(N-methylperfluoroheptylsulfonamido)methyl-3-octadecyl-1,3-oxazolidin-2-one</t>
  </si>
  <si>
    <t>reaction mass of: 1,3,5-tris(3-aminomethylphenyl)-1,3,5-(1H,3H,5H)-triazine-2,4,6 trione;</t>
  </si>
  <si>
    <t>3,5-bis(3-aminomethylphenyl)1-poly[3,5-bis(3-aminomethylphenyl)-2,4,6-trioxo-1,3,5-(1H,3H,5H)-triazin-1-yl]-1,3,5(1H,3H,5H)-triazine-2,4,6-trione</t>
  </si>
  <si>
    <t>reaction product of: copper, (29H,31H-phthalocyaninato(2-)-N29,N30,N31,N32)-, chlorosulfuric acid and 3-(2-sulfooxyethylsulfonyl)aniline, sodium salts</t>
  </si>
  <si>
    <t>propiconazole (ISO); (2RS,4RS;2RS,4SR)-1-{[2-(2,4-dichlorophenyl)-4-propyl-1,3-dioxolan-2-yl]methyl}-1H-1,2,4-triazole</t>
  </si>
  <si>
    <t>N, N-di-n-butyl-2-(1,2-dihydro-3-hydroxy-6-isopropyl-2-quinolylidene)-1,3-dioxoindan-5-carboxamide</t>
  </si>
  <si>
    <t>methyl N-{2-[1-(4-chlorophenyl)-1H-pyrazol-3-yloxymethyl]phenyl}(N-methoxy)carbamate</t>
  </si>
  <si>
    <t>[containing &lt; 0,5 % N, N-dimethylformamide (EC no</t>
  </si>
  <si>
    <t>[containing ≥ 0,5 % N, N-dimethylformamide (EC No 200-679-5)]</t>
  </si>
  <si>
    <t>N, N',N''-tris(2-methyl-2,3-epoxypropyl)-perhydro-2,4,6-oxo-1,3,5-triazine</t>
  </si>
  <si>
    <t>2-(4-tert-butylphenyl)-6-cyano-5-[bis(ethoxycarbonyl</t>
  </si>
  <si>
    <t>methyl)carbamoyloxy]-1H-pyrrolo[1,2-b][1,2,4] triazole-7-carboxylic acid 2,6-di-tert-butyl-4-methylcyclohexylester</t>
  </si>
  <si>
    <t>2-methylisothiazol-3(2H)-one</t>
  </si>
  <si>
    <t>N-(5,7-dimethoxy[1,2,4]triazolo[1,5-a]pyrimidin-2-yl)-2-methoxy-4-(trifluoromethyl)pyridine-3-sulfonamide</t>
  </si>
  <si>
    <t>strychnidin-10-one, 2,3-dimethoxy-, compd.with (S) mono(1-methylheptyl)-1,2-benzenedicarboxylate (1:1) [4]</t>
  </si>
  <si>
    <t>N, N-dimethylformamide;</t>
  </si>
  <si>
    <t>N, N-dimethyl-2,2-diphenylacetamide</t>
  </si>
  <si>
    <t>N-hexadecyl(or octadecyl)-N-hexadecyl (or octadecyl)benzamide</t>
  </si>
  <si>
    <t>N, N'-ethylenebis(vinylsulfonylacetamide)</t>
  </si>
  <si>
    <t>reaction mass of: 2,2',2'',2'''-(ethylenedinitrilotetrakis-N, N-di(C16)alkylacetamide;</t>
  </si>
  <si>
    <t>2,2',2'',2'''-(ethylenedinitrilotetrakis-N, N-di(C18)alkylacetamide</t>
  </si>
  <si>
    <t>N-[2,3-bis-(2-methylacryloylaminomethoxy)propoxymethyl]-2-methylacrylamide; methacrylamide;</t>
  </si>
  <si>
    <t>2-aminosulfonyl-N, N-dimethylnicotinamide</t>
  </si>
  <si>
    <t>polymeric reaction product of bicyclo[2.2.1]hepta-2,5-diene, ethene, 1,4-hexadiene, 1-propene with N, N-di-2-propenylformamide</t>
  </si>
  <si>
    <t>reaction products of: aniline-terephthalaldehyde-o-toluidine condensate with maleic anhydride</t>
  </si>
  <si>
    <t>reaction mass of: N, N'-Ethane-1,2-diylbis(decanamide);</t>
  </si>
  <si>
    <t>N, N'-Ethane-1,2-diylbis(12hydroxyoctadecanamide)</t>
  </si>
  <si>
    <t>N-cyclohexyl-S, S-dioxo</t>
  </si>
  <si>
    <t>benzo[b]tiophene-2-carboxamide</t>
  </si>
  <si>
    <t>3,3'-bis(dioctyloxyphosphinothioylthio)-N, N'-oxybis(methylene)dipropionamide</t>
  </si>
  <si>
    <t>N, N''-(methylenedi-4,1-phenylene)bis[N'-(4-methylphenyl)urea]</t>
  </si>
  <si>
    <t>2-chloro-N-(2-ethoxyethyl)-N-(2-methyl-1-phenylprop-1enyl)acetamide</t>
  </si>
  <si>
    <t>(2R,3S)-N-(3-amino-2-hydroxy-4-phenylbutyl)-N-isobutyl-4-nitrobenzenesulfonamide hydrochloride</t>
  </si>
  <si>
    <t>2,2'-azobis[N-(2-hydroxyethyl)2-methylpropionamide]</t>
  </si>
  <si>
    <t>4-chloro-2-cyano-N, N-dimethyl-5-p-tolylimidazole-1-sulfonamide</t>
  </si>
  <si>
    <t>N, N-dibutyl-(2,5-dihydro-5-thioxo-1H-tetrazol-1-yl)acetamide</t>
  </si>
  <si>
    <t>3-N, N-bis(methoxyethyl)aminoacetanilide</t>
  </si>
  <si>
    <t>(3-(4-(2-(butyl-(4-methylphenylsulfonyl)amino)phenylthio)5-oxo-1-(2,4,6-trichlorophenyl)-4,5-dihydro-1H-pyrazole-3-ylamino)-4-chlorophenyl)tetradecanamide;</t>
  </si>
  <si>
    <t>N-[3-({4-[(2-{]butyl[}(4methylphenyl)sulfonyl{]amino[}phenyl)thio{]-5-oxo-1-(2,4,6-trichlorophenyl)-4,5-dihydro-1H-pyrazol-3yl[}amino)-4-chlorophenyl]tetradecanamide</t>
  </si>
  <si>
    <t>N, N-(dimethylamino)thioacetamide hydrochloride</t>
  </si>
  <si>
    <t>N, N'-(2-chloro-1,4-phenylene)bis(3-oxobutaneamide)</t>
  </si>
  <si>
    <t>2,2-diethoxy-N, N-dimethylacetamide</t>
  </si>
  <si>
    <t>reaction mass of: potassium N-[3-(dimethyloxidoamino)propyl]-1,1,2,2,3,3,4,4,5,5,6,6,7,7,8,8,8-heptadecafluorooctane sulfonamidate; N-[3-(dimethyloxidoamino)propyl]-1,1,2,2,3,3,4,4,5,5,6,6,7,7,8,8,8-heptadecafluorooctane</t>
  </si>
  <si>
    <t>reaction mass of N, N’-ethane1,2-diylbis(hexanamide) and 12-hydroxy-N-[2-[(1-oxyhexyl)amino]ethyl]octadecanamide and N, N’-ethane-1,2-diylbis(12-hydroxyoctadecan amide)</t>
  </si>
  <si>
    <t>2-[[3,3'-dichloro-4'-[[1[[(2,4-dimethylphenyl)amino]carbonyl]-2-oxopropyl]azo][1,1'biphenyl]-4-yl]azo]-N-(2-methylphenyl)-3-oxo-butanamide;</t>
  </si>
  <si>
    <t>reaction mass of: N-[5-[bis-(2-methoxyethyl)amino]-2-(2butyl-4,6-dicyano-1,3-dioxo-2,3-dihydro-1H-isoindol-5-yl-azo)phenyl]acetamide;</t>
  </si>
  <si>
    <t>N-[2-(2-butyl-4,6-dicyano-1,3-dioxo-2,3-dihydro-1H-isoindol5-ylazo)5-diethylaminophenyl]acetamide</t>
  </si>
  <si>
    <t>N, N''-(methylenedi-4,1-phenylene)bis[N'-octylurea]</t>
  </si>
  <si>
    <t>2-chloro-N-(2,6-dimethylphenyl)-N-(1H-pyrazol-1-ylmethyl)-acetamide</t>
  </si>
  <si>
    <t>N-(4-tertbutylbenzyl)-4-chloro-3-ethyl-1-methyl-1H-pyrazole-5-carboxamide</t>
  </si>
  <si>
    <t>3-(3-bromo-6-fluoro-2-methylindol-1-ylsulfonyl)-N,N-dimethyl-1H-1,2,4-triazole-1-sulfonamide</t>
  </si>
  <si>
    <t>O, O-tert-butyl O-docosyl monoperoxyoxalate</t>
  </si>
  <si>
    <t>Light Oil; [A complex combination of hydrocarbons obtained by the distillation of coal tar. It consists of hydrocarbons having carbon numbers primarily in the range of C4 to C10 and distilling in the approximate range of 80oC to 160 oC (175oF to 320oF).]</t>
  </si>
  <si>
    <t>[The distillate from lignite tar boiling in the range of approximately 80 o C to 250 o C (176oF to 482 oF). Composed primarily of aliphatic and aromatic hydrocarbons and monobasic phenols.]</t>
  </si>
  <si>
    <t>[The distillate from coke oven light oil having an approximate distillation range below 100 o C (212 oF). Composed primarily of C4 to C6 aliphatic hydrocarbons.]</t>
  </si>
  <si>
    <t>[A residue from the distillation of crude benzole to remove benzole fronts. Composed primarily of benzene, toluene and xylenes boiling in the range of approximately 75 oC to 200 oC (167 oF to 392 oF).]</t>
  </si>
  <si>
    <t>Aromatic hydrocarbons, C6-10, C8-rich; Light Oil Redistillate, low boiling</t>
  </si>
  <si>
    <t>Aromatic hydrocarbons, C8; Light Oil Redistillate, high boiling</t>
  </si>
  <si>
    <t>[A complex combination of hydrocarbons obtained from the evaporation of solven under vacuum from polymerized hydrocarbon resin. It consists predominantly of aromatic hydrocarbons having carbon numbers predominantly in the range of C8 through C9 and boiling in the range of approximately 120 o C to 215 o C (248 oF to 419 oF).]</t>
  </si>
  <si>
    <t>[The redistillate from the distillate, freed of tar acids and tar bases, from bituminous coal high temperature tar boiling in the approximate range of 90o C to 160 o C (194oF to 320 oF). It consists predomi nantly of benzene, toluene and xylenes.]</t>
  </si>
  <si>
    <t>[A complex combination of hydrocarbons obtained by the redistillation of the distillate of high temperature coal tar (tar acid and tar base free). It consists predominantly of unsubstituted and substituted mononuclear aromatic hydrocarbons boiling in the range of 85 oC to 195o C (185oF to 383oF).]</t>
  </si>
  <si>
    <t>[The first fraction from the distillation of aromatic hydrocarbons, coumarone, naphthalene and indene rich prefractionator bottoms or washed carbolic oil boiling substantially below 145o C (293 oF).</t>
  </si>
  <si>
    <t>Composed primarily of C7 and C8 aliphatic and aromatic hydrocarbons.]</t>
  </si>
  <si>
    <t>[The distillate from aromatic hydrocarbons, coumarone, naphthalene and indene rich prefractionator bottoms or washed Carbolic oils, having an approximate boiling range of 155o C to 180o C (311 oF to 356 oF). Composed primarily of indene, indan and trimethylbenzenes.]</t>
  </si>
  <si>
    <t>[The distillate from either high temperature coal tar, coke oven light oil, or coal tar oil alkaline extract residue having an approximate distillation range of 130o C to 210o C (266oF to 410oF). Composed primarily of indene and other polycyclic ring systems containing a single aromatic ring. May contain phenolic compounds and aromatic nitrogen bases.]</t>
  </si>
  <si>
    <t>Distillates (coal tar), light oils, neutral fraction; Light Oil Extract Residues, high boiling; [A distillate from the fractional distillation of high temperature coal tar. Composed primarily of alkyl-substituted one ring aromatic hydrocarbons boiling in the range of approximately 135o C to 210o C (275oF to 410oF). May also include unsaturated hydrocarbons such as indene and coumarone.]</t>
  </si>
  <si>
    <t>[This oil is a complex reaction mass of aromatic hydrocarbons, primarily indene, naphthalene, coumarone, phenol, and o-, m-and p-cresol and boiling in the range of 140o C to 215o C (284 oF to 419 oF).]</t>
  </si>
  <si>
    <t>[A complex combination of hydrocarbons obtained by distillation of coal tar. It consists of aromatic and other hydrocarbons, phenolic compounds and aromatic nitrogen compounds and distills at the approximate range of 150 o C to 210 o C (302 oF to 410 oF).]</t>
  </si>
  <si>
    <t>[The distillate from high temperature coal tar having an approximate distillation range of 130 o C to 250 o C (266 oF to 410 oF). Composed primarily of naphthalene, alkylnaphthalenes, phenolic compounds, and aromatic nitrogen bases.]</t>
  </si>
  <si>
    <t>[The complex combination of polyalkylated pyridines derived from coal tar distillation or as high-boiling distillates approxi mately above 150o C (302oF) from the reaction of ammonia with acetaldehyde, formaldehyde or paraformaldehyde.]</t>
  </si>
  <si>
    <t>[Pyridine bases boiling in the range of approximately 125o C to 160o C (257oF 320oF) obtained by distillation of neutralized acid extract of the base-containing tar fraction obtained by the distillation of bituminous coal tars. Composed chiefly of lutidines and picolines.]</t>
  </si>
  <si>
    <t>[The distillation fraction boiling in the range of approximately 181 o C to 186 o C (356 oF to 367 oF) from the crude bases obtained from the neutralized, acid-extracted base-containing tar fractions obtained by the distillation of bituminous coal tar. It contains chiefly aniline and collidines.]</t>
  </si>
  <si>
    <t>[The distillation fraction boiling in the range of approximately 180o C to 200o C (356 oF to 392 oF) from the crude bases obtained by dephenolating and debasing the carbolated oil from the distillation of coal tar.</t>
  </si>
  <si>
    <t>[A complex combination of hydrocarbons obtained as a redistillate from the fractional distillation of bituminous coal high temperature tar and residual oils that are obtained by the pyrolytic production of alkenes and alkynes from petroleum products or natural gas. It consists predominantly of indene and boils in a range of approximately160 o C to 190 o C (320 oF to 374 oF).]</t>
  </si>
  <si>
    <t>[The redistillate obtained from the fractional distillation of bituminous coal high temperature tar and pyrolysis residual oils and boiling in the range of approximately 190o C to 270o C (374oF to 518oF). Composed primarily of substituted dinuclear aromatics.]</t>
  </si>
  <si>
    <t>[The redistillate from the fractional distillation of dephe nolated and debased methylnaphthalene oil obtained from bituminous coal high temperature tar and pyrolysis residual oils boiling in the approximate range of 220o C to 230o C (428oF to 446oF). It consists predominantly of unsubstituted and substituted dinuclear aromatic hydrocarbons.]</t>
  </si>
  <si>
    <t>[A neutral oil obtained by debasing and dephenolating the oil obtained from the distillation of high temperature tar and pyrolysis residual oils which has a boiliing range of 225o C to 255o C (437oF to 491oF). Composed primarily of substituted dinuclear aromatic hydrocarbons.]</t>
  </si>
  <si>
    <t>[Residue from the distillation of dephenolated and debased methylnaphthalene oil (from bituminous coal tar and pyrolysis residual oils) with a boiling range of 240 o C to 260o C (464oF to 500oF). Composed primarily of substituted dinuclear aromatic and heterocyclic hydrocarbons.]</t>
  </si>
  <si>
    <t>[A complex combination of hydrocarbons obtained as a redistillate from the distillation of wash oil. It consists predominantly of 2-ringed aromatic and heterocyclic hydrocarbons boiling in the range of approximately 260 oC to 290 oC (500oF to 554oF).]</t>
  </si>
  <si>
    <t>Distillates (coal tar), heavy oils; Heavy Anthracene Oil; [Distillate from the fractional distillation of coal tar of bituminous coal, with boiling range of 240oC to 400oC (464oF to 752 oF). Composed primarily of tri-and polynuclear hydrocarbons and heterocyclic compounds.]</t>
  </si>
  <si>
    <t>[The distillate from coal tar having an approximate distillation range of 220oC to 450oC (428oF to 842oF). Composed primarily of three to four membered condensed ring aromatic hydrocarbons and other hydrocarbons.]</t>
  </si>
  <si>
    <t>Anthracene oil, acid ext.; Anthracene Oil Extract Residue; [A complex combination of hydrocarbons from the base-freed fraction obtained from the distillation of coal tar and boiling in the range of approxi mately 325 oC to 365 oC (617 oF to 689 oF). It contains predominantly anthracene and phenanthrene and their alkyl derivatives.]</t>
  </si>
  <si>
    <t>[The distillate from coal tar having an approximate distil lationrange of 100oC to 450oC (212oF to 842oF). Composed primarily of two to four membered condensed ring aromatic hydrocarbons, phenolic compounds, and aromatic nitrogen bases.]</t>
  </si>
  <si>
    <t>[The distillate from the distillation of the pitch obtained from bituminous high temperature tar. Composed primarily of tri-and polynuclear aromatic hydrocarbons and boiling in the range of approximately 300 oC to 470 oC (572 oF to 878 oF). The product may also contain heteroatoms.]</t>
  </si>
  <si>
    <t>Composed primarily of two-to four-ring aromatic compounds boiling in the range of 200 oC to greater than 400 oC (392 oF to greater than 752 oF).]</t>
  </si>
  <si>
    <t>[The redistillate obtained from the fractional distillation of pitch distillate boiling in the range of approximately 350 oC to 400 oC (662 oF to 752 oF). Consists predominantly of tri-and polynuclear aromatics and heterocyclic hydrocarbons.]</t>
  </si>
  <si>
    <t>[The redistillate obtained from the fractional distillation of pitch distillate and boiling in the range of approximately 380 oC to 410 oC (7160 to 770 oF). Composed primarily of tri-and polynuclear aromatic hydrocarbons and heterocyclic compounds.]</t>
  </si>
  <si>
    <t>Coal Tar Extract; [A complet combination of hydrocarbons obtained by the treatment of lignite carbon ization tar with activated carbon for removal of trace constituents and impurities. It consists predominantly of saturated straight and branched chain hydrocarbons having carbon numbers predominantly greater than C12.]</t>
  </si>
  <si>
    <t>Pitch, coal tar, high-temp., heat-treated; Pitch; [The heat treated residue from the distillation of high temperature coal tar. A black solid with an approximate softening point from 80oC to180 oC (176 oF to 356 oF). Composed primarily of a complex mixture of three or more membered condensed ring aromatic hydrocarbons.]</t>
  </si>
  <si>
    <t>Pitch Redistillate; [The residue obtained during the distillation of high boiling fractions from bituminous coal high temperature tar and/or pitch coke oil, with a softening point of 140 oC to 170 oC (284 oF to 392 oF) according to DIN 52025. Composed primarily of tri-and polynuclear aromatic compounds which also contain heteroatoms.]</t>
  </si>
  <si>
    <t>[Residue from the fractional distillation of pitch distillate boiling in the range of approximately 400oC to 470oC (752 oF to 846 oF). Composed primarily of polynuclear aromatic hydrocarbons, and heterocyclic compounds.]</t>
  </si>
  <si>
    <t>Coal Tar Extract; [A complex combination of hydrocarbons obtained from lignite carbonization tar by solvent crystallisation (solvent deoiling), by sweating or an adducting process. It consists predominantly of straight and branched chain saturated hydrocarbons having carbon numbers predominantly greater than C12.]</t>
  </si>
  <si>
    <t>Coal Tar Extract; [A complex combination of hydrocarbons obtained from lignite carbonization tar by solvent crystallisation (solvent deoiling), by sweating or an adducting process treated with hydrogen in the presence of a catalyst. It consists predomi nantly of straight and branched chain saturated hydrocarbons having carbon numbers predominantly greater than C12.]</t>
  </si>
  <si>
    <t>Tar Oil, intermediate boiling; [Residues from fractional distillation of low temperature coal tar to remove oils that boil in a range up to approximately 300 oC (572 oF). Composed primarily of aromatic compounds.]</t>
  </si>
  <si>
    <t>[A complex black solid or semi-solid obtained from the distillation of a low temperature coal tar. It has a softening point within the approximate range of 40 oC to 180 oC (104oF to 356 oF). Composed primarily of a complex mixture of hydrocarbons.]</t>
  </si>
  <si>
    <t>[A complex black solid obtained by the heat treatment of low temperature coal tar pitch. It has a softening point within the approximate range of 50 oC to 140 oC (122oF to 284oF). Composed primarily of a complex mixture of aromatic compounds.]</t>
  </si>
  <si>
    <t>[The distillate from a mixture of coal and tar and aromatic petroleum streams having an approximate distillation range of 220 oC to 450 oC (428oF to 842oF). Composed primarily of 3-to 4-membered condensed ring aromatic hydrocarbons.]</t>
  </si>
  <si>
    <t>Aromatic hydrocarbons, C20-28, polycyclic, mixed coal-tar pitch-polyethylene-polypropylene pyrolysis-derived; Pyrolysis Products;</t>
  </si>
  <si>
    <t>[A complex combination hydrocarbons obtained from mixed coal tar pitch-polyethylene-polypropylene pyrolysis. Composed primarily of polycyclic aromatic hydrocarbons having carbon numbers predominantly in the range of C20 through C28 and having a softening point of 100 oC to 220 oC (212oF to 428oF) according to DIN 52025.];</t>
  </si>
  <si>
    <t>[A complex combination of hydrocarbonsobtained from mixed coal tar pitch-polyethylene pyrolysis. Composed primarily of polycyclic aromatic hydrocarbons having carbon numberspredominantly in the range of C20 through C28 and having a softening pointof 100oC to 220oC (212oF to 428oF) according to DIN 52025.]</t>
  </si>
  <si>
    <t>[A complex combination of hydrocarbons obtained from mixed coal tar pitch-polystyrene pyrolysis. Composed primarily of polycyclic aromatic hydrocarbons having carbon numbers predominantly in the range of C20 through C28 and having a softening point of 100oC to 220oC (212oF to 428oF) according to DIN 52025.]</t>
  </si>
  <si>
    <t>[The residue from the distillation of a mixture of coal tar and aromatic petroleum streams. A solid with a softening point from 40oC to 180oC (140oF to 356oF). Composed; primarily of a complex combination of three or more membered condensed ring aromatic hydrocarbons.]</t>
  </si>
  <si>
    <t>[Residue from the distillation of crude phenanthrene boiling in the approximate range of 340 oC to 420 oC (644oF to 788oF). It consists predominantly of phenanthrene, anthracene and carbazole.]</t>
  </si>
  <si>
    <t>[A complex combination of polycyclic aromatic hydrocarbons obtained from coal tar having an approximate distillation range of 300 oC to 400 oC (572oF to 752oF). Composed primarily of phenanthrene, anthracene and carbazole.]</t>
  </si>
  <si>
    <t>[The residue from the fractional distillation of wash oil boiling in the approximate range of 270 o C to 330 o C (518 oF to 626 oF). It consists predomi nantly of dinuclear aromatic and heterocyclic hydrocarbons.]</t>
  </si>
  <si>
    <t>Tar, coal, high-temp.; Coal tar; [The condensation product obtained by cooling, to approxi mately ambient temperature, the gas evolved in the high temperature (greater than 700 oC (1292oF)) destructive distillation of coal. A black viscous liquid denser than water. Composed primarily of a complex mixture of condensed ring aromatic hydrocarbons. May contain minor amounts of phenolic compounds and aromatic nitrogen bases.]</t>
  </si>
  <si>
    <t>[The condensation product obtained by cooling, to approximately ambient temperature, the gas evolved in low temperature (less than 700 oC (1292oF)) destructive distillation of coal. A black viscous liquid denser than water. Composed primarily of condensed ring aromatic hydrocarbons, phenolic compounds, aromatic nitrogen bases, and their alkyl derivatives.]</t>
  </si>
  <si>
    <t>[The complex combination of hydrocarbons obtained from prefractionation (continuous distillation) of coke oven light oil. It consists predominantly of naphthalene, coumarone and indene and boils above 148 oC (298oF).]</t>
  </si>
  <si>
    <t>[A complex combination of hydrocarbons obtained by the distillation of coal tar. It consists primarily of aromatic and other hydrocarbons, phenolic compound and aromatic nitrogen compounds and distills in the approximate range of 200 oC to 250 oC (392oF to 482oF).]-</t>
  </si>
  <si>
    <t>[A complex combination of organic compounds obtained as a filtrate from the crystallization of the naphthalene fraction from coal tar and boiling in the range of approximately 200 oC to 230 oC (392oF to 446oF). Contains chiefly naphthalene, thionaphthene and alkylnaphthalenes.]</t>
  </si>
  <si>
    <t>[The distillate from alkali-washed naphthalene oil having an approximate distillation range of 180 oC to 220 oC (356oF to 428 oF). Composed primarily of naphthalene, alkylbenzenes, indene and indan.]</t>
  </si>
  <si>
    <t>[A distillate from the fractional distillation of high temperature coal tar. Composed primarily of substituted two ring aromatic hydrocarbons and aromatic nitrogen bases boiling in the range of approximately 225 oC to 255 oC (437oF to 491 oF).]</t>
  </si>
  <si>
    <t>[A distillate from the fractional distillation of high temperature coal tar. Composed primarily of indole and methylnaphthalene boiling in the range of approximately 235 oC to 255 oC (455 oF to 491 oF).]</t>
  </si>
  <si>
    <t>[A complex combination of hydrocarbons obtained by debasing the methylnaphthalene fraction obtained by the distillation of coal tar and boiling in the range of approximately 230 oC to 255 oC (446oF to 491oF). Contains chiefly 1(2)-methylnaphthalene, naphthalene, dimethylnaphthalene and biphenyl.]</t>
  </si>
  <si>
    <t>Extract residues (coal), naphthalene oil alk., distn. residues; Methylnaphthalene Oil Extract Residue; [The residue from the distillation of alkali-washed naphthalene oil having an approximate distillation range of 220 oC to 300 oC (428oF to 572oF). Composed primarily of naphthalene, alkylnaphthalenes and aromatic nitrogen bases.]</t>
  </si>
  <si>
    <t>Methylnaphthalene Oil Extract Residue; [The extract oil boiling in the range of approximately 220 oC to 265 oC (428oF to 509oF) from coal tar alkaline extract residue produced by an acidic wash such as aqueous sulfuric acid after distillation to remove tar bases. Composed primarily of alkylnaphthalenes.]</t>
  </si>
  <si>
    <t>[A complex combination of hydrocarbons obtained from the distillation of crude benzole (high temperature coal tar). It may be a liquid with the approximate distillation range of 150o C to 300 oC (302oF to 572oF) or a semi-solid or solid with a melting point up to 70 oC (158oF). It is composed primarily of naphthalene and alkyl naphthalenes.]</t>
  </si>
  <si>
    <t>Wash Oil; [A complex combination of hydrocarbons produced by the distillation of coal tar and boiling in the range of approximately 240 o C to 280 o C (464oF to 536 oF). Composed primarily of acenaphthene, naphthalene and alkyl naphthalene.]</t>
  </si>
  <si>
    <t>[A complex combination of hydrocarbons obtained by the distillation of coal tar. It consists primarily of aromatic hydrocarbons and may contain appreciable quantities of tar acids and tar bases. It distills at the approximate range of 200 oC to 325 oC (392oF to 617oF).]</t>
  </si>
  <si>
    <t>[The high-boiling distillation fraction obtained from the high temperature carbonization of bituminous coal which is further refined to remove excess crystalline salts. It consists primarily of creosote oil with some of the normal polynuclear aromatic salts, which are components of coal tar distillates, removed. It is crystal free at approximately 5 oC (41oF).]</t>
  </si>
  <si>
    <t>[A complex combination of hydrocarbons from the base-freed fraction from the distillation of coal tar, boiling in the range of approximately 250 oC to 280 oC (482oF to 536oF). It consists predominantly of biphenyl and isomeric diphenylnaphthalenes.]</t>
  </si>
  <si>
    <t>[The residue from the fraction distillation of crude anthracene boiling in the approximate range of 340 oC to 400 oC (644oF to 752oF). It consists predominantly of tri-and polynuclear aromatic and heterocyclic hydrocarbons.]</t>
  </si>
  <si>
    <t>[A complex combination of hydrocarbons from the distillation of anthracene obtained by the crystallization of anthracene oil from bituminous high temperature tar and boiling in the range of 330 oC to 350 oC (626oF to 662oF). It contains chiefly anthracene, carbazole and phenanthrene.]</t>
  </si>
  <si>
    <t>[A complex combination of hydrocarbons from the distil lation of anthracene obtained by crystallization of anthracene oil from bituminous coal high temperature tar and boiling in the approximate range of 350 oC to 360 oC (662oF to 680 oF). It contains chiefly anthracene, carbazole and phenanthrene.]</t>
  </si>
  <si>
    <t>[A complex combination of hydrocarbons from the distillation of anthracene obtained by crystallization of anthracene oil from bituminous high temperature tar and boiling in the range of approximately 290 oC to 340 oC (554oF to 644 oF). It contains chiefly trinuclear aromatics and their dihydro derivatives.]</t>
  </si>
  <si>
    <t>[A distillate from low-temperature coal tar. Composed primarily of hydrocarbons, phenolic compounds and aromatic nitrogen bases boiling in the range of approximately 160 oC to 340 oC (320oF to 644oF).]</t>
  </si>
  <si>
    <t>[The combination of phenols extracted, using isobutyl acetate, from the ammonia liquor condensed from the gas evolved in low-temperature (less than 700 oC (1292oF)) destructive distillation of coal. It consists predominantly of a reaction mass of monohydric and dihydric phenols.]</t>
  </si>
  <si>
    <t>[A residue from the distillation of crude phenol from coal. It consists predominantly of phenols having carbon numbers in the range of C8 through C10 with a softening point of 60 oC to 80 oC (140oF to 176oF).]</t>
  </si>
  <si>
    <t>[The fraction of tar acids, recovered by distillation of low-temperature coal tar crude tar acids, having an approximate boiling range of 225 oC to 320 oC (437oF to 608oF). Composed primarily of polyalkylphenols.]</t>
  </si>
  <si>
    <t>[The residue from the distillation in the range of 235 oC to 355 oC (481oF to 697oF) of light carbolic oil.]</t>
  </si>
  <si>
    <t>[The residue from crude coal tar acids after removal of phenol, cresols, xylenols and any higher boiling phenols. A black solid with a melting point approximately 80 oC (176oF). Composed primarily of polyalkylphenols, resin gums, and inorganic salts.]</t>
  </si>
  <si>
    <t>Phenols, C9-11; Distillate Phenols</t>
  </si>
  <si>
    <t>[A complex combination of organic compounds obtained from brown coal and boiling in the range of approximately 200 oC to 230 oC (392oF to 446oF). It contains chiefly phenols and pyridine bases.]</t>
  </si>
  <si>
    <t>[The distillate from the acidification of alkaline washed lignite tar distillate boiling in the range of approximately 200 oC to 230 oC (392oF to 446oF). Composed primarily of m-and p-ethylphenol as well as cresols and xylenols.]</t>
  </si>
  <si>
    <t>Heat Treatment Products; [The oil obtained from the heat treatment of a polyethylene/ polypropylene reaction mass with coal tar pitch or aromatic oils. It consists predominantly of benzene and its homologs boiling in a range of approximately 70 oC to 120 oC (158 oF to 248 oF).]</t>
  </si>
  <si>
    <t>[The oil obtained from the heat treatment of polyethylene with coal tar pitch or aromatic oils. It consists predominantly of benzene and its homologs boiling in a range of 70 oC to 120 oC (158oF to 248oF).]</t>
  </si>
  <si>
    <t>It consists predominantly of benzene and its homologs boiling in a range of approximately 70 oC to 210 oC (158 oF to 410oF).]</t>
  </si>
  <si>
    <t>[The low-boiling distillation fraction obtained from the high temperature carbonization of bituminous coal, which is further refined to remove excess crystalline salts. It consists primarily of creosote oil with some of the normal polynuclear aromatic salts, which are components of coal tar distillate, removed. It is crystal free at approximately 38 o C (100 oF).]</t>
  </si>
  <si>
    <t>[An oil distilled from brown-coal tar. Composed primarily of aliphatic, naphthenic and one-to three-ring aromatic hydrocarbons, their alkyl derivates, heteroaromatics and one-and two-ring phenols boiling in the range of approximately 150oC to 360 oC (302oF to 680oF).]</t>
  </si>
  <si>
    <t>[The volatile organic liquid extracted from the gas evolved in the high temperature (greater than 700 oC (1 292 oF)) destructive distillation of coal. Composed primarily of benzene, toluene, and xylenes. May contain other minor hydrocarbon constituents.]</t>
  </si>
  <si>
    <t>[The liquid product of condensation of vapors emitted during the digestion of coal in a liquid solvent and boiling in the range of approximately 30 oC to 300 oC 86 oF to 572 oF).</t>
  </si>
  <si>
    <t>Composed primarily of partly hydrogenated condensed-ring aromatic hydrocarbons, aromatic compounds containing nitrogen, oxygen and sulfur, and their alkyl derivatives having carbon numbers predominantly in the range of C4 through C14.]</t>
  </si>
  <si>
    <t>[Distillate obtained by hydrocracking of coal extract or solution produced by the liquid solvent extraction or supercritical gas extraction processes and boiling in the range of approximately 30 oC to 300o C (86 oF to 572 oF). Composed primarily of aromatic, hydrogenated aromatic and naphthenic compounds, their alkyl derivatives and alkanes with carbon numbers predominantly in the range of C4 through C14. Nitrogen, sulfur and oxygen-containing aromatic and hydrogenated aromatic compounds are also present.]</t>
  </si>
  <si>
    <t>[Fraction of the distillate obtained by hydrocracking of coal extract or solution produced by the liquid solvent extraction or supercritical gas extraction processes and boiling in the range of approximately 30 oC to 180 oC (86oF to 356oF). Composed primarily of aromatic, hydrogenated aromatic and naphthenic compounds, their alkyl derivatives and alkanes with carbon numbers predominantly in the range of C4 to C9. Nitrogen, sulfur and oxygen-containing aromatic and hydrogenated aromatic compounds are also present.]</t>
  </si>
  <si>
    <t>[Motor fuel produced by the reforming of the refined naphtha fraction of the products of hydrocracking of coal extract or solution produced by the liquid solvent extraction or supercritical gas extraction processes and boiling in the range of approximately 30 oC to 180 oC (86 oF to 356oF). Composed primarily of aromatic and naphthenic hydrocarbons, their alkyl derivatives and alkyl hydrocarbons having carbon numbers in the range of C4 through C9.]</t>
  </si>
  <si>
    <t>[Distillate obtained from the hydrocracking of coal extract or solution produced by the liquid solvent extraction or supercritical gas extraction processes and boiling in the range of approximately 180 o C to 300 oC (356oF to 572oF. Composed primarily of two-ring aromatic, hydrogenated aromatic and naphthenic compounds, their alkyl derivatives and alkanes having carbon numbers predominantly in the range of C9 through C14. Nitrogen, sulfur and oxygen-containing compounds are also present.]</t>
  </si>
  <si>
    <t>[Distillate from the hydroge nation of hydrocracked middle distillate from coal extract or solution produced by the liquid solvent extraction or supercritical gas extraction processes and boiling in the range of approximately 180 oC to 280 oC (356 F to 536oF). Composed primarily of hydrogenated two-ring carbon compounds and their alkyl derivatives having carbon numbers predominantly in the range of C9 through C14.]</t>
  </si>
  <si>
    <t>[Jet engine fuel produced by hydrogenation of the middle distillate fraction of the products of hydrocracking of coal extract or solution produced by the liquid solvent extraction or supercritical gas extraction processes and boiling in the range of approximately 180oC to 225oC (356oF to 473oF). Composed primarily of hydrogenated two-ring hydrocarbons and their alkyl derivatives having carbon numbers predominantly in the range of C10 through C12.]</t>
  </si>
  <si>
    <t>Fuels, diesel, coal solvent extn., hydrocracked hydrogenated; [Diesel engine fuel produced by the hydrogenation of the middle distillate fraction of the products of hydrocracking of coal extract or solution produced by the liquid solvent extraction or supercritical gas extraction processes and boiling in the range of approximately 200oC to 280oC (392oF to 536oF). Composed primarily of hydrogenated two-ring hydrocarbons andtheir alkylderivatives having carbon numbers predominantly in the range of C11 through C14.]</t>
  </si>
  <si>
    <t>Light oil (coal), semi-coking process; Fresh oil; [The volatile organic liquid condensed from the gasevolved in the low-temperature (less than 700 oC (1 292 oF)) destructive distillation of coal. Composed primarily of C6-10 hydrocarbons.]</t>
  </si>
  <si>
    <t>[A complex residuum from the atmospheric distillation of crude oil. It consists of hydrocarbons having carbon numbers predominantly greater than C20 and boiling above approxi mately 350 oC (662 oF). This stream is likely to contain 5 wt. % or more of 4-to 6-membered condensed ring aromatic hydrocarbons.]</t>
  </si>
  <si>
    <t>[A complex combination of hydrocarbons produced by the vacuum distillation of the residuum from atmospheric distillation of crude oil. It consists of hydrocarbons having carbon numbers predominantly in the range of C20 through C50 and boiling in the range of approximately 350 oC to 600 oC (662 oF to 1112 oF). This stream is likely to contain 5 wt. % or more of 4-to 6-membered condensed ring aromatic hydrocarbons.]</t>
  </si>
  <si>
    <t>[A complex combination of hydrocarbons produced by the distillation of products from a catalytic cracking process. It consists of hydrocarbons having carbon numbers predominantly in the range of C15 through C35 and boiling in the range of approximately 260oC to 500oC (500oF to 932oF). This stream is likely to contain 5 wt. % or more of 4-to 6-membered condensed ring aromatic hydrocarbons.]</t>
  </si>
  <si>
    <t>[A complex combination of hydrocarbons produced as the residual fraction from distillation of the products from a catalytic cracking process. It consists of hydrocarbons having carbon numbers predominantly greater than C20 and boiling above approximately 350oC (662oF). This stream is likely to contain 5 wt. % or more of 4-to 6-membered condensed ring aromatic hydrocarbons.]</t>
  </si>
  <si>
    <t>[A complex combination of hydrocarbons produced as the residual fraction from distillation of the products of a hydrocracking process. It consists of hydrocarbons having carbon numbers predominantly greater than C20 and boiling above approxi mately 350oC (662 oF).]</t>
  </si>
  <si>
    <t>[A complex combination of hydrocarbons produced as the residual fraction from distillation of the product from a thermal cracking process. It consists predominantly of unsaturated hydrocarbons having carbon numbers predominantly greater than C20 and boiling above approximately 350oC (662 oF). This stream is likely to contain 5 wt. % or more of 4-to 6-membered condensed ring aromatic hydrocarbons.]</t>
  </si>
  <si>
    <t>[A complex combination of hydrocarbons from the distillation of the products from a thermal cracking process. It consists predominantly of unsaturated hydrocarbons having carbon numbers predominantly in the range of C15 through C36 and boiling in the range of approximately 260oC to 480 oC (500 oF to 896 oF). This stream is likely to contain 5 wt. % or more of 4-to 6-membered condensed ring aromatic hydrocarbons.]</t>
  </si>
  <si>
    <t>[A complex combination of hydrocarbons obtained by treating a petroleum fraction with hydrogen in the presence of a catalyst. It consists of hydrocarbons having carbon numbers predominantly in the range of C13 through C50 and boiling in the range of approximately 230oC to 600oC (446 oF to 1112 oF). This stream is likely to contain 5 wt.% or more of 4-to 6-membered condensed ring aromatic hydrocarbons.]</t>
  </si>
  <si>
    <t>[A complex combination of hydrocarbons obtained by treating an atmospheric tower residuum with hydrogen in the presence of a catalyst under conditions primarily to remove organic sulfur compounds. It consists of hydrocarbons having carbon numbers predominantly greater than C20 and boiling above approximately 350 oC (662 oF). This stream is likely to contain 5 wt. % or more of 4-to 6-membered condensed ring aromatic hydrocarbons.]</t>
  </si>
  <si>
    <t>Gas oils (petroleum), hydrodesulfurized heavy vacuum; Heavy Fuel oil; [A complex combination of hydrocarbons obtained from a catalytic hydrodesulfurization process. It consists of hydrocarbons having carbon numbers predominantly in the range of C20 through C50 and boiling in the range of approximately 350 oC to 600 oC (662 oF to 1112 oC). This stream is likely to contain 5 wt. % or more of 4-to 6-membered condensed ring aromatic hydrocarbons.]</t>
  </si>
  <si>
    <t>[A complex combination of hydrocarbons obtained as the residual fraction from the distillation of the products of a steam cracking process (including steam cracking to produce ethylene). It consists predominantly of unsaturated hydrocarbons having carbon numbers predominantly greater than C14 and boiling above approximately 260 oC (500 oF). This stream is likely to contain 5 wt. % or more of 4-to 6-memberedcondensed ring aromatic hydrocarbons.]</t>
  </si>
  <si>
    <t>It consists of hydrocarbons having carbon numbers predominantly greater than C11 and boiling above approxi mately 200oC (392 oF). This stream is likely to contain 5 wt. % or more of 4-to 6-membered condensed ring aromatic hydrocarbons.]</t>
  </si>
  <si>
    <t>[A complex combination of hydrocarbons obtained by treatment of heavy catalytic cracked distillates with hydrogen to convert organic sulfur to hydrogen sulfide which is removed. It consists of hydrocarbons having carbon numbers predominantly in the range of C15 through C35 and boiling in the range of approximately 260oC to 500 oC (500oF to 932oF). This stream is likely to contain 5 wt. % or more of 4-to 6-membered condensed ring aromatic hydrocarbons.]</t>
  </si>
  <si>
    <t>[A complex residuum from the distillation of catalytic reformer fractionator residue. It boils approximately above 399oC (750oF).]</t>
  </si>
  <si>
    <t>[A complex combination of hydrocarbons produced as the residual fraction from the distillation of heavy coker gas oil and vacuum gas oil. It predomi nantly consists of hydrocarbons having carbon numbers predominantly greater than C13 and boiling above approximately 230 oC (446 oF).]</t>
  </si>
  <si>
    <t>Heavy Fuel oil; [A complex residuum from the vacuum distillation of the residuum from the atmospheric distillation of crude oil. It consists of hydrocarbons having carbon numbers predominantly greater than C13 and boiling above approximately 230 oC (446 oF).]</t>
  </si>
  <si>
    <t>[A complex residuum from the distillation of the products from a steam-cracking process. It consists predominantly of aromatic and unsaturated hydrocarbons having carbon numbers greater than C7 and boiling in the range of approximately 101oC to 555 oC (214 oF to 1030oF).]</t>
  </si>
  <si>
    <t>[A complex combination of hydrocarbons obtained by the distillation of crude oil. It consists of hydrocarbons having carbon numbers predominantly in the range of C7 through C35 and boiling in the range of approximately 121oC to 510 oC (250 oF to 950oF).]</t>
  </si>
  <si>
    <t>Residues(petroleum), coker scrubber, Condensed-ring-arom.-contg.; Heavy Fuel oil; [A very complex combination of hydrocarbons produced as the residual fraction from the distillation of vaccum residuum and the products from a thermal cracking process. It consists predominantly of hydrocarbons having carbon numbers predominantly greater than C20 and boiling above approximately 350 oC (662 oF). This stream is likely to contain 5 wt.% or more of 4-to 6-membered condensed rind aromatic hydrocarbons.]</t>
  </si>
  <si>
    <t>[A complex combination of hydrocarbons produced by the vacuum, distillation of the residuum from atmospheric distillation of crude oil. It consists of hydrocarbons having carbon numbers predominantly in the range of C14 through C42 and boiling in the range of approximately 250oC to 545oC (482oF to 1013oF). This stream is likely to contain 5 wt. % or more of 4-to 6-membered condensed ring aromatic hydrocarbons.]</t>
  </si>
  <si>
    <t>[A complex combination of hydrocarbons produced by the vacuum distillation of the residuum from atmospheric distillation of crude oil. It consists of hydrocarbons having carbon numbers predominantly in the range of C11 through C35 and boiling in the range of approximately 250 oC to 545oC (482oF to 1013 oF).]</t>
  </si>
  <si>
    <t>[A complex combination of hydrocarbons produced by the vacuum distillation of the residuum from atmospheric distillation of crude oil. It consists of hydrocarbons having numbers predominantly in the range of C15 through C50 and boiling in the range of approximately 270 oC to 600 oC (518oF to 1112 oF). This stream is likely to contain 5 wt.% or more of 4-to 6-membered condensed ring aromatic hydrocarbons.]</t>
  </si>
  <si>
    <t>[A complex combination of hydrocarbons obtained by hydrodesulfurization of heavy coker distillate stocks, It consists predominantly of hydrocarbons having carbon numbers predominantly in the range C18 to C44 and boiling in the range of approximately 304oC to 548oC (579oF to 1018oF). Likely to contain 5 % or more of 4-to 6-membered condensed ring aromatic hydrocarbons.]</t>
  </si>
  <si>
    <t>[A complex combination of hydrocarbons produced as the residual fraction from the distillation of the products from a catalytic cracking process. It consists predominantly of hydrocarbons having carbon numbers predominantly greater than C11 and boiling above approximately 200oC (392oF).]</t>
  </si>
  <si>
    <t>[A complex combination of hydrocarbons produced by the distillation of products from a catalytic cracking process which has been used as a heat transfer fluid. It consists predominantly of hydrocarbons boiling in the range of approximately 220 oC to 450 C (428 oF to 842 oF). This stream is likely to contain organic sulfur compounds.]</t>
  </si>
  <si>
    <t>[A complex combination of hydrocarbons obtained by the treatment and distillation of raw steam-cracked naphtha. It consists predominantly of unsaturated hydrocarbons boiling in the range above approximately 180oC (356oF).]</t>
  </si>
  <si>
    <t>[A complex combination of hydrocarbons obtained by treating a petroleum stock with hydrogen. It consists predominantly of hydrocarbons having carbon numbers predominantly in the range of C9 through C25 and boiling in the range of approximately 150oC to 400oC (302 oF to 752 oF).]</t>
  </si>
  <si>
    <t>[A complex combination of hydrocarbons produced as the residual fraction from distillation of the product from a catalytic reforming process. It consists of predominantly aromatic hydrocarbons having carbon numbers predominantly in the range of C10 through C25 and boiling in the range of approximately 160 oC to 400oC (320 oF to 725 oF). This stream is likely to contain 5 wt. % or more of 4-or 6-membered condensed ring aromatic hydrocarbons.]</t>
  </si>
  <si>
    <t>[A complex combination of hydrocarbons produced by vacuum distillation of the residuum from atmospheric distillation of crude oil. It consists of hydrocarbons having carbon numbers predominantly in the range of C15 through C30 and produces a finished oil with a viscosity of less than 100 SUS at 100 oF (19cSt at 40 oC). It contains a relatively large proportion of saturated aliphatic hydrocarbons normally present in this distillation range of crude oil.]</t>
  </si>
  <si>
    <t>Unrefined ormildly refined baseoil; [A complex combination of hydrocarbons produced by vacuum distillation of the residuum from atmospheric distillation of crude oil. It consists of hydrocarbons having carbon numbers predominantly in the range of C20 through C50 and produces a finished oil with a viscosity of at least 100 SUS at 100 oF (19cSt at 40 oC). It contains a relatively large proportion of saturated aliphatic hydrocarbons.]</t>
  </si>
  <si>
    <t>[A complex combination of hydrocarbons produced by vacuum distillation of the residuum from atmospheric distillation of crude oil. It consists of hydrocarbons having carbon numbers predominantly in the range of C15 through C30 and produces a finished oil with a viscosity of less than 100 SUS at 100 oF (19cSt at 40 oC). It contains relatively few normal paraffins.]</t>
  </si>
  <si>
    <t>[A complex combination of hydrocarbons produced by vacuum distillation of the residuum from atmospheric distillation of crude oil. It consists of hydrocarbons having carbon numbers predominantly in the range of C20 through C50 and produces a finished oil with a viscosity of at least 100 SUS at 100 oF (19cSt at 40 oC). It contains relatively few normal paraffins.]</t>
  </si>
  <si>
    <t>[A complex combination of hydrocarbons btained as a raffinate from a sulfuric acid process. It consists predomi nantly of saturated hydrocarbons having carbon numbers predominantly in the range of C20 through C50 and produces a finished oil having a viscosity of a least 100 SUS at 100oF (19cSt at 40 oC).]</t>
  </si>
  <si>
    <t>[A complex combination of hydrocarbons obtained as a raffinate from a sulfuric acid treating process. It consists predominantly of saturated hydrocarbons having carbon numbers predominantly in the range of C15 through C30 and produces a finished oi having aviscosity of less than 100 SUS at 100 oF (19cSt at 40oC).]</t>
  </si>
  <si>
    <t>[A complex combination of hydrocarbons obtained from a treating proces to remove acidic materials. It consists predominantly of hydrocarbons having carbon numbers predominantly in the range of C20 through C50 and produces a finished oil with a viscosity of at least 100 SUS at 100 oF (19cSt at 40 oC). It contains a relatively large proportion of aliphatic hydrocarbons.]</t>
  </si>
  <si>
    <t>Gases (petroleum), catalytic cracked naphtha depropanizer overhead, C3-rich acid-free; Petroleum gas;</t>
  </si>
  <si>
    <t>[A complex combination of hydrocarbons produced by the distillation of products from a catalytic cracking process. It consists of aliphatic hydro carbons having carbon numbers in the range of C1 through C6, predominantly C1 through C5.]</t>
  </si>
  <si>
    <t>Gases (petroleum), C3-5 olefinic-paraffinic alkylation feed; Petroleum gas;</t>
  </si>
  <si>
    <t>Gases (petroleum), C4-rich; Petroleum gas;</t>
  </si>
  <si>
    <t>[A complex combination of hydrocarbons produced by the atmospheric distillation of a butane-butylene stream. It consists of aliphatic hydro carbons having carbon numbers predominantly in the range of C3 through C4.]</t>
  </si>
  <si>
    <t>[A complex combination of hydrocarbons that is used as the feed into the Girbatol unit to remove hydrogen sulfide. It consists of aliphatic hydro carbons having carbon numbers predominantly in the range of C2 through C4.]</t>
  </si>
  <si>
    <t>[A complex combination of hydrocarbons obtained from the stabilization of catalytic cracked naphtha. It consists predomi nantly of hydrocarbons having carbon numbers predominantly in the range of C1 through C6.]</t>
  </si>
  <si>
    <t>[A complex combination of hydrocarbons obtained from the fractionation of products from catalytic cracking, catalytic reforming and hydrodesulfurizing processes treated to remove acidic impurities. It consists predominantly of hydrocarbons having cabon numbers predominantly in the range of C1 through C5.]</t>
  </si>
  <si>
    <t>[A complex combination of hydrocarbons obtained from the fractionation stabilization of catalytic reformed naphtha. It consists predominantly of hydrocarbons having carbon numbers predominantly in the range of C1 through C4.]</t>
  </si>
  <si>
    <t>Tail gas (petroleum), saturate gas plant mixed stream, C4-rich; Petroleum gas;</t>
  </si>
  <si>
    <t>Tail gas (petroleum), saturate gas recovery plant, C1-2-rich; Petroleum gas;</t>
  </si>
  <si>
    <t>[A complex combination of hydrocarbons obtained from fractionation of distillate tail gas, straight-run naphtha, catalytic reformed naphtha stabilizer tail gas. It consists predominantly of hydrocarbons having carbon numbers in the range of C1through C5, Predominantly methane and ethane.]</t>
  </si>
  <si>
    <t>Gases (petroleum), full-range straight-run naphtha dehexanizer off; petroleum gas; [A complex combination of hydrocarbons obtained by the fractionation of the full-range straight-run naphtha. It consists of hydrocarbons having carbon numbers predominantly in the range of C2 through C6.]</t>
  </si>
  <si>
    <t>[A complex combination of hydrocarbon produced by the distillation of products from a hydrocracking process. It consists predominantly of hydrocarbons having carbon numbers predominantly in the range of C1 through C4. It may also contain small amounts of hydrogen and hydrogen sulfide.]</t>
  </si>
  <si>
    <t>[A complex residuum from the distillation of streams various refinery operations. It consists of hydrocarbons having carbon numbers in the range of C4 through C5, predominantly butane and boiling in the range of approximately - 11.7 o C to 27.8 o C (11 oF to 82 oF).]</t>
  </si>
  <si>
    <t>Hydrocarbons, C1-4; Petroleum gas;</t>
  </si>
  <si>
    <t>[A complex combination of hydrocarbons provided by thermal cracking and absorber operations and by distillation of crude oil. It consists of hydrocarbons having carbon numbers predominantly in the range of C1 through C4 and boiling in the range of approximately minus164 o C to minus 0.5 o C (– 263 oF to 31 oF).]</t>
  </si>
  <si>
    <t>Hydrocarbons, C1-4, sweetened; Petroleum gas;</t>
  </si>
  <si>
    <t>[A complex combination of hydrocarbons obtaine by subjectin hydrocarbon gases to a sweetening process to convert mercaptans o to remove acidc impurities. It consists of hydrocarbons having carbon numbers predominantly in the range of C1 through C4 and boiling in the range of approximately –</t>
  </si>
  <si>
    <t>164o C to - 0.5 oC (– 263 oF to 31 oF).]</t>
  </si>
  <si>
    <t>Hydrocarbons, C1-3; Petroleum gas;</t>
  </si>
  <si>
    <t>[A complex combination of hydrocarbons having carbon numbers predominantly in the range of C1 through C3 and boiling in the range of approxi mately minus 164 o C to minus 42 oC (– 263 oF to - 44 oF).]</t>
  </si>
  <si>
    <t>Gases (petroleum), C1-5, wet; Petroleum gas;</t>
  </si>
  <si>
    <t>It consists of hydrocarbons having carbon numbers predominantly in the range of C1 through C5.]</t>
  </si>
  <si>
    <t>Hydrocarbons, C2-4; Petroleum gas</t>
  </si>
  <si>
    <t>Hydrocarbons, C3; Petroleum gas</t>
  </si>
  <si>
    <t>It consists of hydrogen, hydrogen sulfide and hydrocarbons having carbon numbers predominantly in the range of C1 through C5.]</t>
  </si>
  <si>
    <t>[A complex combination of hydrocarbons produced by the distillation of the products from a catalytic cracking process. It consists predominantly of hydrocarbons having carbon numbers predominantly in the range of C3 through C5.]</t>
  </si>
  <si>
    <t>[A complex combination of hydrocarbons obtained by subjecting a petroleum distillate to a sweetening process to convert mercaptans or to remove acidic impurities. It consists predominantly of saturated and unsaturated hydrocarbons having carbon numbers predominantly in the range of C2 through C4 and boiling in the range of approximately - 51 oC to - 34 oC (– 60oF to - 30oF).]</t>
  </si>
  <si>
    <t>[A complex combination of hydrocarbons obtained by the Fractionation of combined naphtha streams. It consists of saturated aliphatic hydrocarbons having carbon numbers predominantly in the range of C1 through C5.]</t>
  </si>
  <si>
    <t>[A complex combination of hydrocarbons obtained by the fractionation of catalytic cracked naphtha and distillate. It consists predominantly of hydrocarbons having carbon numbers predominantly in the range of C1 through C4.]</t>
  </si>
  <si>
    <t>[A complex combination of hydrocarbons obtained from the separation of thermal-cracked distillates, naphtha and gas oil. It consists pedrominantly of hydrocarbons having carbon numbers predominantly in the range of C1 through C6.]</t>
  </si>
  <si>
    <t>It consists of saturated aliphatic hydrocarbons having carbon numbers predominantly in the range of C2 through C4.]</t>
  </si>
  <si>
    <t>Hydrocarbons, C4; Petroleum gas</t>
  </si>
  <si>
    <t>Alkanes, C1-4, C3-rich; Petroleum gas</t>
  </si>
  <si>
    <t>[A complex combination of hydrocarbons produced by the distillation of products from a steam cracking process. It consists predominantly of propylene with some propane and boils in the range of approximately - 70 oC to 0 oC (– 94oF to 32oF).]</t>
  </si>
  <si>
    <t>[A complex combination of hydrocarbons produced by the distillation of the products of a steam cracking process. It consists predominantly of hydrocarbons having a carbon number of C4, predominantly 1-butene and 2-butene, containing also butane and isobutene and boiling in the range of approximately minus 12 o C to 5 o C (10.4 oF to 41oF).]</t>
  </si>
  <si>
    <t>Petroleum gases, liquefied, sweetened, C4 fraction; Petroleum gas;</t>
  </si>
  <si>
    <t>Hydrocarbons, C4, 1,3-butadiene-and isobutene-free; Petroleum gas</t>
  </si>
  <si>
    <t>Raffinates (petroleum), steam-cracked C4 fraction cuprous ammonium acetate extn., C3-5 and C3-5 unsatd., butadiene-free; Petroleum gas</t>
  </si>
  <si>
    <t>[The feed gas to the amine system for removal of hydrogen sulfide. It consists of hydrogen. Carbon monoxide, carbon dioxide, hydrogen sulfide and aliphatic hydrocarbons having carbon numbers predominantly in the range of C1 through C5 may also be present.]</t>
  </si>
  <si>
    <t>[A complex combination of hydrocarbons obtained by recycling the gases of the benzene unit. It consists primarily of hydrogen with various small amounts of carbon monoxide and hydro carbons having carbon numbers in the range of C1 through C6.]</t>
  </si>
  <si>
    <t>[A complex combination of hydrocarbons obtained from stabilization of catalytic reformed naphtha. Its consists of hydrogen and saturated hydrocarbons having carbon numbers predominantly in the range of C1 through C4.]</t>
  </si>
  <si>
    <t>Gases (petroleum), C6-8 catalytic reformer recycle, hydrogen-rich; Refinery gas</t>
  </si>
  <si>
    <t>[The complex combination of dry gase from a gas concentration unit. It consists of hydrogen, hydrogen sulfide and hydrocarbons having carbon numbers predominantly in the range of C1 through C3.]</t>
  </si>
  <si>
    <t>[A complex combination of hydrocarbons produced by distillation of products from combined gas streams in a gas concentration reabsorber. It consists predominantly of hydrogen, carbon monoxide, carbon dioxide, nitrogen, hydrogen sulfide and hydrocarbons having carbon numbers in the range of C1 through C3.]</t>
  </si>
  <si>
    <t>[Acomplex combination obtained from the reformers. It consists primarily of hydrogen with variou smal amount of carbon monoxide and aliphatic hydrocarbons having carbon numbers predominantly in the range of C1 through C5.]</t>
  </si>
  <si>
    <t>[A complex combination obtained fromthe reforming hydrotreating process. It consists primarily of hydrogen and methane with various small amounts of carbon monoxide, carbon dioxide, nitrogen and saturated aliphatic hydrocarbons having carbon numbers predominantly in the range of C2 through C5.]</t>
  </si>
  <si>
    <t>[A complex combination of hydrocarbons obtained from refractionation of products from a catalytic cracking process. It consists of hydrogen and hydrocarbons having carbon numbers predominantly in the range of C1 through C3.]</t>
  </si>
  <si>
    <t>Tail gas (petroleum), cracked distillate hydrotreater separator; Refinery gas; [A complex combination of hydrocarbons obtained by treating cracked distillates with hydrogen in the presence of a catalyst. It consists of hydrogen and saturated aliphatic hydrocarbons having carbon numbers predominantly in the range of C1 through C5.]</t>
  </si>
  <si>
    <t>[A complex combination of hydrocarbons obtained from hydrodesulfurization of straight-run naphtha. It consists of hydrogen and saturated aliphatic hydrocarbons having carbon numbers predominantly in the range of C1 through C6.]</t>
  </si>
  <si>
    <t>[A complex combination separatedby distillation of a gas stream containing hydrogen, carbon monoxide, carbon dioxide and hydrocarbons having carbon numbers in the range of C1 through C6 or obtained by cracking ethane and propane. It consists of hydrocarbons having carbon numbers predominantly in the range of C1 through C2, hydrogen, nitrogen, and carbon monoxide.]</t>
  </si>
  <si>
    <t>[A complex combination produced by the fractionation of the overhead products from the catalyticcracking process in the fluidized catalytic cracker. It consists of hydrogen, nitrogen, and hydrocarbons having carbon numbers predominantly in the range of C1 through C3.]</t>
  </si>
  <si>
    <t>[A complex combination obtained from the flash drum of the unit treating sour kerosine with hydrogen in the presence of a catalyst. It consists primarily of hydrogen and methane with various small amounts of nitrogen, carbon monoxide, and hydrocarbons having carbon numbers predominantly in the range of C2 through C5.]</t>
  </si>
  <si>
    <t>[A complex combination obtained by the fractionation of products from the fluidized catalytic cracker and gas oil desulfurizer. It consists of hydrogen and hydrocarbons having carbon numbers predominantly in the range of C1 through C4.]</t>
  </si>
  <si>
    <t>[A complex combination obtained by separation of the liquid phase from the effluent from the hydrogenation reaction. It consists predominantly of hydrogen, hydrogen sulfide and aliphatic hydro carbons having carbon numbers predominantly in the range of C1 through C3.]</t>
  </si>
  <si>
    <t>[A complex combination of gases obtained from flash of the effluents after the hydroge nation reaction. It consists predominantly of hydrogen and aliphatic hydrocarbons having carbon numbers predominantly in the range of C1 through C6.]</t>
  </si>
  <si>
    <t>[A complex combination of hydrocarbons obtained by treatment of Foot's oil with natural or modified clay in either a contacting or percolation process to remove the trace amounts of polar compounds and impurities present. It consists predomi nantly of branched chain hydro carbons with carbon numbers predominantly in the range of C20 through C50.]</t>
  </si>
  <si>
    <t>Gases (petroleum), C3-4; Petroleum gas; [A complex combination of hydrocarbons produced by distillation of products from the cracking of crude oil. It consists of hydrocarbons having carbon numbers in the range of C3 through C4, predominantly of propane and propylene, and boiling in the range of approximately - 51 oC to - 1 oC (– 60 oF to 30 oF.)]</t>
  </si>
  <si>
    <t>[The complex combination of hydrocarbons from the distillation of the products from catalytic cracked distillates and catalytic cracked naphtha. It consists predominantly of hydrocarbons having carbon numbers in the range of C1 through C4.]</t>
  </si>
  <si>
    <t>from polymerization of naphtha. It consists predominantly of hydrocarbons having carbon numbers in the range of C1 through C4.]</t>
  </si>
  <si>
    <t>[A complex combination of hydrocarbons obtained from fractionation stabilization of catalytic reformed naphtha and from which hydrogen sulfide has been removed by amine treatment. It consists predomi nantly of hydrocarbons having carbon numbers predominantly in the range of C1 through C4.]</t>
  </si>
  <si>
    <t>[A complex combination of hydrocarbons obtained by treating thermal cracked distillates with hydrogen in the presence of a catalyst. It consists predominantly of saturated hydrocarbons having carbon numbers predominantly in the range of C1 through C6.]</t>
  </si>
  <si>
    <t>[A complex combination of hydrocarbons obtained from catalytic hydrodesulfurization of straight run distillates and from which hydrogen sulfide has been removed by amine treatment. It consists predomi nantly of hydrocarbons having carbon numbers predominantly in the range of C1 through C4.]</t>
  </si>
  <si>
    <t>[A complex combination of hydrocarbons obtained from the distillation of products from the catalytic cracking of gas oil. It consists predominantly of hydrocarbons having carbon numbers predominantly in the range of C1 through C5.]</t>
  </si>
  <si>
    <t>[A complex combination of hydrocarbons from the distillation of products from miscellaneous hydrocarbon streams. It consists predominantly of hydrocarbons having carbon numbers predominantly in the range of C1 through C5.]</t>
  </si>
  <si>
    <t>hydrocarbon streams and treated to remove acidic impurities. It consists predominantly of hydrocarbons having carbon numbers predominantly in the range of C1 through C5.]</t>
  </si>
  <si>
    <t>[A complex combination of hydrocarbons obtained from stripping stabilization of catalytic hydrodesulfurized vacuum gas oil and from which hydrogen sulfide has been removed by amine treatment. It consists predominantly of hydrocarbons having carbon numbers predominantly in the range of C1 through C6.]</t>
  </si>
  <si>
    <t>[A complex combination of hydrocarbons obtained from fractionation stabilization of light straight run naphtha and from which hydrogen sulfide has been removed by amine treatment. It consists predominantly of hydrocarbons having carbon numbers predominantly in the range of C1 through C5.]</t>
  </si>
  <si>
    <t>[A complex combination of hydrocarbons produced by the distillation of products from the catalytic cracking process. It consists of hydrocarbons having carbon numbers predominantly in the range of C3 through C5 and boiling in the range of approximately –48 oC to 32 oC (– 54 oF to 90oF).]</t>
  </si>
  <si>
    <t>Alkanes, C1-2; Petroleum gas</t>
  </si>
  <si>
    <t>Alkanes, C2-3; Petroleum gas</t>
  </si>
  <si>
    <t>Alkanes, C4-5; Petroleum gas</t>
  </si>
  <si>
    <t>[A complex combination of light gases produced by distil lation of crude oil and by catalytic reforming of naphtha. It consists of hydrogen and hydrocarbons having carbon numbers predominantly in the range of C1 through C4 and boiling in the range of approximately - 217o C to - 12 o C (– 423 oF to 10 oF).]</t>
  </si>
  <si>
    <t>Hydrocarbons, C3-4; Petroleum gas</t>
  </si>
  <si>
    <t>Hydrocarbons, C4-5; Petroleum gas</t>
  </si>
  <si>
    <t>Hydrocarbons, C2-4, C3-rich; Petroleum gas</t>
  </si>
  <si>
    <t>[A complex combination of hydrocarbons produced by the distillation of crude oil. It consists of hydrocarbons having carbon numbers predominantly in the range of C3 through C7 and boiling in the range of approximately –</t>
  </si>
  <si>
    <t>40 oC to 80 oC (– 40oF to 176oF).]</t>
  </si>
  <si>
    <t>[A complex combination of hydrocarbons obtained by subjecting liquefied petroleum gas mix to a sweetening process to convert mercaptans or to remove acidic impurities. It consists of hydrocarbons having carbon numbers predominantly in the range of C3 through C7 and boiling in the range of approximately–40 o C to 80 o C (– 40 oF to176 oF).]</t>
  </si>
  <si>
    <t>Gases (petroleum), C3-4, isobutane-rich;</t>
  </si>
  <si>
    <t>[A complex combination of hydrocarbons from the distillation of saturated and unsaturated aliphatic hydrocarbons usually ranging in the carbon numbers C3 through C6. It consists of saturated and unsaturated hydrocarbons having carbon numbers in the range of C3 through C6, predominantly piperylenes.]</t>
  </si>
  <si>
    <t>Gases (petroleum), C2-3-; Petroleum gas;</t>
  </si>
  <si>
    <t>stream and treated to remove hydrogen sulfide and other acidic components. It consists of hydrocarbons having carbon numbers in the range of C3 through C5, predominantly C4.]</t>
  </si>
  <si>
    <t>[A complex combination of hydrocarbons obtained from the fractionation stabilization products from isomerized naphtha. It consists predomi nantly of hydrocarbons having carbon numbers predominantly in the range of C1 through C4.]</t>
  </si>
  <si>
    <t>[A complex combination of hydrocarbons obtained by subjecting a petroleum distillate to a sweetening process to convert mercaptans or to remove acidic impurities. It consists of hydrocarbons having carbon numbers predominantly in the range of C9 through C20 and boiling in the range of approximately 150oC to 345oC (302 o F to 653oF).]</t>
  </si>
  <si>
    <t>[A complex combination of hydrocarbons obtained as the raffinate from a solvent extraction process. It consists predominantly of aliphatic hydrocarbons having carbon numbers predominantly in the range of C11 through C25 and boiling in the range of approximately 205oC to 400oC (401oF to 752oF).]</t>
  </si>
  <si>
    <t>[A complex combination of hydrocarbons obtained as the raffinate from a solvent extraction process. It consists predominantly of aliphatic hydrocarbons having carbon numbers predominantly in the range of C9 through C20 and boiling in the range of approximately 150oC to 345oC (302oF to 653 oF).]</t>
  </si>
  <si>
    <t>[A complex combination of hydrocarbons obtained as a raffinate from a sulfuric acid treating process. It consists of hydrocarbons having carbon numbers predominantly in the range of C13 through C25 and boiling in the range of approximately 230oC to 400oC (446oF to 752 oF).]</t>
  </si>
  <si>
    <t>[A complex combination of hydrocarbons obtained as a raffinate from a sulfuric acid treating process. It consists of hydrocarbons having carbon numbers predominantly in the range of C9 through C16 and boiling in the range of approximately 150oC to 290oC (302oF to 554oF).]</t>
  </si>
  <si>
    <t>[A complex combination of hydrocarbons produced by a treating process to remove acidic materials. It consists of hydrocarbons having carbon numbers predominantly in the range of C13 through C25 and boiling in the range of approximately 230 oC to 400 oC (446oF to 752 oF).]</t>
  </si>
  <si>
    <t>[A complex combination of hydrocarbons produced by a treating process to remove acidic materials. It consists of hydrocarbons having carbon numbers predominantly in the range of C11 through C20 and boiling in the range of approximately 205oC to 345oC (401oF to 653oF).]</t>
  </si>
  <si>
    <t>[A complex combination of hydrocarbons resulting from treatment of a petroleum fraction with natural or modified clay, usually in a percolation process to remove the trace amounts of polar compounds and impurities present. It consists of hydrocarbons having carbon numbers predominantly in the range of C9 through C20 and boiling in the range of approximately 150oC to 345oC (302oF to 653oF).]</t>
  </si>
  <si>
    <t>[A complex combination of hydrocarbons obtained by treating a petroleum fraction with hydrogen in the presence of a catalyst. It consists of hydrocarbons having carbon numbers predominantly in the range of C11 through C25 and boiling in the range of approximately</t>
  </si>
  <si>
    <t>205oC to 400oC (401 oF to 752 oF).]</t>
  </si>
  <si>
    <t>[A complex combination of hydrocarbons obtained from a petroleum stock by treating with hydrogen to convert organic sulfur to hydrogen sulfide which is removed. It consists predominantly of hydrocarbons having carbon numbers predominantly in the range of C13 through C25 and boiling in the range of approximately 230oC to 400oC (446oF to 752 oF).]</t>
  </si>
  <si>
    <t>[A complex combination of hydrocarbons obtained from a petroleum stock by treating with hydrogen to convert organic sulfur to hydrogen sulfide which is removed. It consists of hydrocarbons having carbon numbers predominantly in the range of C11 through C25 and boiling in the range of approximately 205oC to 400oC (401oF to 752oF).]</t>
  </si>
  <si>
    <t>[A complex combination of hydrocarbons produced by the distillation of crude oil. It consists of hydrocarbons having carbon numbers predominantly in the range of C9 through C20 and boiling in the range of approximately 163oC to 357oC (325oF to 675oF).]</t>
  </si>
  <si>
    <t>[A distillate oil having a minimum viscosity of 32,6 SUS at 37,7oC (100oF) to a maximum of 37,9 SUS at 37,7oC (100 oF).]</t>
  </si>
  <si>
    <t>[A distillate oil having a minimum viscosity of 45 SUS at 37,7oC (100oF) to a maximum of 125 SUS at 37,7 oC (100 oF).]</t>
  </si>
  <si>
    <t>[A complex combination of hydrocarbons from the distillation of catalytic reformer fracftionator residue. It boils in the range of approximately 343 oC to 99oC (650oF to 750 oF).]</t>
  </si>
  <si>
    <t>[A complex combination of hydrocarbons from the distillation of catalytic reformer fractionator residue. It boils in the range of approximately 288oC to 371oC (550oF to 700oF).]</t>
  </si>
  <si>
    <t>[The complex combination of hydrocarbons from the distillation of catalytic reformer fractionator residue. It boils approximately below 288 oC (550oF).]</t>
  </si>
  <si>
    <t>Distillates (petroleum) catalytic reformer, heavy arom. conc.; Gasoil — unspecified; [A complex combination of hydrocarbons obtained from the distillation of a catalytically reformed petroleum cut. It consists predominantly of aromatic hydrocarbons having carbon numbers predominantly in the range of C10 through C16 and boiling in the range of approximately 200oC to 300oC (392 oF to 572 oF).]</t>
  </si>
  <si>
    <t>[A distillate obtained from the redistillation of a complex combination of hydrocarbons obtained by the distillation of the effluents from a severe catalytic hydrotreatment of paraffins. It boils in the range of approximately 190oC to 330oC (374oF to 594oF).]</t>
  </si>
  <si>
    <t>Gasoil — unspecified; [A complex combination of hydrocarbons obtained as first runnings from the vacuum distillation of effluents from the treatment of a middle distillate with hydrogen. It consists predominantly of hydrocarbons having carbon numbers predominantly in the range of C16 through C20 and boiling in the range of approximately 290 oC to 350 oC (554 oF to 662 oF). It produces a finished oil having a viscosity of 2cSt at 100 oC (212 oF).]</t>
  </si>
  <si>
    <t>[A complex combination of hydrocarbons obtained as first runnings from the vacuum distillation of effluent from the treatment of heavy paraffins with hydrogen in the presence of a catalyst. It consists predominantly of hydrocarbons having carbon numbers predominantly in the range of C12 through C20 and boiling in the range of approximately 230 oC to 350 oC (446 oF to 662 oF). It produces a finished oil having viscosity of 2cSt at 100oC (212oF).]</t>
  </si>
  <si>
    <t>[A complex combination of hydrocarbons obtained by extraction of the aromatics from a light naphthenic distillate having a visciosity of 2.2 cSt at 40 oC (104 oF). It consists predominantly of hydrocarbons having carbon numbers predominantly in the range of C11 through C17 and boiling in the range of approximately 200oC to 300oC (392oF to 572 oF).]</t>
  </si>
  <si>
    <t>[A complex combination of hydrocarbons obtained from the redistillation of the effluents from the treatment of paraffins with hydrogen in the presence of a catalyst. It consists predominantly of hydrocarbons having carbon numbers predominantly in the range of C17 through C27 and boiling in the range of approximately 330oC to 340oC (626oF to 644oF).]</t>
  </si>
  <si>
    <t>[A complex combination of hydrocarbons obtained by the treatment of a petroleum oil fraction with activated charcoal for the removal of traces of polar constituents and impur ities. It consists predominantly of hydrocarbons having carbon numbers predominantly in the range of C12 through C28.]</t>
  </si>
  <si>
    <t>[A complex combination of hydrocarbons obtained by the treatment of petroleum with activated charcoal for the removal of trace polar consti tuents and impurities. It consists predominantly of hydrocarbons having carbon numbers predominantly in the range of C16 through C36.]</t>
  </si>
  <si>
    <t>Distillates (petroleum), intermediate paraffinic, clay-treated; Gasoil — unspecified; [A complex combination of hydrocarbons obtained by the treatment of petroleum with bleaching earth for the removal of trace polar constituents and impurities. It consists predomi nantly of hydrocarbons having carbon numbers predominantly in the range of C16 through C36.]</t>
  </si>
  <si>
    <t>[A complex combination of hydrocarbons having carbon numbers predominantly in the range of C12 through C50. May contain organic salts of alkali metals, alkaline earth metals, and/or aluminium compounds.]</t>
  </si>
  <si>
    <t>[A complex combination of hydrocarbons obtained by treatment of a petroleum slack wax fraction with natural or modified clay in either a contacting or percolation process. It consists predomi nantly of saturated straight and branched hydrocarbons having carbon numbers predominantly greater than C20.]</t>
  </si>
  <si>
    <t>[A complex combination of hydrocarbons obtained by treating slack wax with hydrogen in the presence of a catalyst. It consists predominantly of saturated straight and branched chain hydrocarbons having carbon numbers predominantly greater than C20.]</t>
  </si>
  <si>
    <t>[A complex combination of hydrocarbons obtained by treatment of low-melting petroleum slack wax with hydrogen in the presence of a catalyst. It consists predomi nantly of saturated straight and branched chain hydrocarbons having carbon numbers predominantly greater than C12.]</t>
  </si>
  <si>
    <t>[A complex combination of hydrocarbons obtained by the treatment of low-melting petroleum slack wax with bentonite for removal of trace polar constituents and impur ities. It consists predominantly of saturated straight and branched chain hydrocarbons having carbon numbers predominantly greater than C12.]</t>
  </si>
  <si>
    <t>Slack wax (petroleum), low-melting, silicic acid-treated; Slack wax; [A complex combination of hydrocarbons obtained by the treatment of low-melting petroleum slack wax with silicic acid for the removal of trace polar constituents and impurities. It consists predominantly of saturated straight and branched chain hydrocarbons having carbon numbers predominantly greater than C12.]</t>
  </si>
  <si>
    <t>[A complex combination of hydrocarbons obtained when petrolatum is treated with Al2O3 to remove polar components and impurities. It consists predominantly of saturated, crystalline, and liquid hydrocarbons having carbon numbers predominantly greater than C25.]</t>
  </si>
  <si>
    <t>[A complex combination of hydrocarbons obtained by the treatment of petroleum petrolatum with activated carbon for the removal of trace polar constituents and impur ities. It consists predominantly of saturated hydrocarbons having carbon numbers predominantly greater than C20.]</t>
  </si>
  <si>
    <t>Petrolatum; [A complex combination of hydrocarbons obtained by treatment of petrolatum with bleaching earth for the removal of traces of polar constituents and impurities. It consists predominantly of hydrocarbons having carbon numbers predominantly in the range of greater than C25.]</t>
  </si>
  <si>
    <t>[A complex combination of hydrocarbons separated from natural gas by processes such as refrigeration or absorption. It consists predominantly of saturated aliphatic hydrocarbons having carbon numbers predominantly in the range of C4 through C8 and boiling in the range of approximately minus 20 oC to 120 oC (– 4oF to 248oF).]</t>
  </si>
  <si>
    <t>Low boiling point naphtha; [Refined, partly refined, or unrefined petroleum products produced by the distillation of natural gas. It consists of hydrocarbons having carbon numbers predominantly in the range of C5 through C6 and boiling in the range of approximately 100o C to 200o C (212oF to 392oF).]</t>
  </si>
  <si>
    <t>[A complex combination of hydrocarbons obtained by the fractional distillation of petroleum. This fraction boils in a range of approximately 20 oC to 135 oC (58oF to 275oF).]</t>
  </si>
  <si>
    <t>Naphtha (petroleum), heavy straight-run; Low boiling point naphtha; [A complex combination of hydrocarbons produced by distillation of crude oil. It consists of hydrocarbons having carbon numbers predominantly in the range of C6 through C12 and boiling in the range of approximately 65 oC to 230 oC (149oF to 446oF).]</t>
  </si>
  <si>
    <t>[A complex combination of hydrocarbons produced by distillation of crude oil. It consists of hydrocarbons having carbon numbers predominantly in the range of C4 through C11 and boiling in the range of approximately - 20 oC to 220 oC (– 4 oF to 428oF).]</t>
  </si>
  <si>
    <t>[A complex combination of hydrocarbons produced by distillation of crude oil. It consists predominantly of aliphatic hydrocarbons having carbon numbers predominantly in the range of C4 through C10 and boiling in the range of approximately - 20 oC to 180 oC (– 4oF to 356oF).]</t>
  </si>
  <si>
    <t>[A complex combination of hydrocarbons obtained from the distillation of crude oil or natural gasoline. It consists predominantly of saturated hydrocarbons having carbon numbers predominantly in the range of C5 through C10 and boiling in the range of approximately 35o C to 160o C (95oF to 320oF).]</t>
  </si>
  <si>
    <t>[A complex combination of hydrocarbons produced by the distillation of crude oil. It consists of hydrocarbons having carbon numbers predominantly in the range of C2 through C7 and boiling in the range of approximately– 88 oC to 99o C (– 127oF to 210oF).]</t>
  </si>
  <si>
    <t>[A complex combination of hydrocarbons separated from the gases from vapor recovery systems by cooling. It consists of hydrocarbons having carbon numbers predominantly in the range of C4 through C11 and boiling in the range of approximately - 20 oC to 196 oC (– 4oF to 384oF).]</t>
  </si>
  <si>
    <t>[A complex combination of hydrocarbons produced from the topping plant by the distillation of crude oil. It boils in the range of approximately 36,1 oC to 193,3 oC (97oF to 380oF).]</t>
  </si>
  <si>
    <t>Naphtha (petroleum), unsweetened; Low boiling point naphtha; [A complex combination of hydrocarbons produced from the distillation of naphtha streams from various refinery processes. It consists of hydrocarbons having carbon numbers predominantly in the range of C5 through C12 and boiling in the range of approximately 0 oC to 230 oC (25oF to 446oF).]</t>
  </si>
  <si>
    <t>[A complex combination of hydrocarbons obtained by the fractionation of light straight-run gasoline. It consists of saturated aliphatic hydrocarbons having carbon numbers predominantly in he range of C3 through C6.]</t>
  </si>
  <si>
    <t>[A complex combination of hydrocarbons obtained from a distillation process of crude petroleum. It consists predominantly of hydrocarbons having carbon numbers in the range of C8 through C12 and boiling in the range of approximately 130 oC to 210 oC (266oF to 410oF).]</t>
  </si>
  <si>
    <t>[A complex combination of hydrocarbons produced by distillation of the reaction products of isobutane with monoolefinic hydrocarbons usually ranging in carbon numbers from C3 through C5 It consists of predominantly branched chain saturated hydrocarbons having carbon numbers predominantly in the range of C7 through C12 and boiling in the range of approximately 90 oC to 220 oC (194oF to 428oF).]</t>
  </si>
  <si>
    <t>Low boiling point modified naphtha; [A complex combination of hydrocarbons produced by distillation of the reaction products of isobutane with monoolefinic hydrocarbons usually ranging in carbon numbers from C3 to C5. It consists of predominantly branched chain saturated hydrocarbons having carbon numbers predominantly in the range of C9 through C12 and boiling in the range of approximately 150 oC to 220 oC (302oF to 428oF).]</t>
  </si>
  <si>
    <t>[A complex combination of hydrocarbons produced by distillation of the reaction products of isobutane with monoolefinic hydrocarbons usually ranging in carbon numbers from C3 through C5. It consists of predominantly branched chain saturated hydrocarbons having carbon numbers predominantly in the range of C7 through C10 and boiling in the range of approximately 90 oC to 160 oC (194oF to 320 oF).]</t>
  </si>
  <si>
    <t>[A complex combination of hydrocarbons obtained as the raffinate from a solvent extraction process. It consists predominantly of aliphatic hydrocarbons having carbon numbers predominantly in the range of C5 through C11 and boiling in the range of approxi mately 35 oC to 190 oC (95oF to 374oF).]</t>
  </si>
  <si>
    <t>[A complex combination of hydrocarbons obtained as the raffinate from a solvent extraction process. It consists predominantly of aliphatic hydrocarbons having carbon numbers predominantly in the range of C7 through C12 and boiling in the range of approximately 90 oC to 230 oC (194oF to 446oF).]</t>
  </si>
  <si>
    <t>[A complex combination of hydrocarbons produced by the distillation of the reaction products of isobutane with monoolefinic hydrocarbons usually ranging in carbon numbers from C3 through C5. It consists of predominantly branched chain saturated hydrocarbons having carbon numbers predominantly in the range of C7 through C12 with some butanes and boiling in the range of approximately 35 oC to 200 oC (95 oF to 428 oF).]</t>
  </si>
  <si>
    <t>Naphtha (petroleum),C4-12, butane-alkylate, isooctane-rich; Low boiling point modified naphtha;</t>
  </si>
  <si>
    <t>[A complex combination of hydrocarbons obtained by alkylation of butanes. It consists predominantly of hydrocarbons having carbon numbers predominantly in the range of C4 through C12, rich in isooctane, and boiling in the range of approximately 35 oC to 210 oC (95oF to 410oF).]</t>
  </si>
  <si>
    <t>Low boiling point modified naphtha; [A combination of hydrocarbons obtained from the distillation of hydrotreated naphtha followed by a solvent extraction and distillation process. It consists predominantly of saturated hydrocarbons boiling in the range of approximately 94 o C to 99 o C (201 oF to 210 oF).]</t>
  </si>
  <si>
    <t>Naphtha (petroleum), isomerisation, C6-fraction;</t>
  </si>
  <si>
    <t>[A complex combination of hydrocarbons obtained by distillation of a gasoline which has been catalyticall isomerized. It consists predominantly of hexane isomers boiling in the range of approximately 60 oC to 66 oC (140oF to 151oF).]</t>
  </si>
  <si>
    <t>[A complex combination of hydrocarbons obtained by the sorption of benzene from a catalytically fully hydrogenated benzene-rich hydrocarbon cut that was distillatively obtained from prehydrogenated cracked naphtha. It consists predomi nantly of paraffinic and naphthenic hydrocarbons having carbon numbers predominantly in the range of C6 through C7 and boiling in the range of approximately 70 oC to 100 oC (158oF to 212oF).]</t>
  </si>
  <si>
    <t>[A complex combination of hydrocarbons obtained by distillation of hydrotreated naphtha followed by solvent extraction. It consists predominantly of saturated hydrocarbons and boiling in the range of approximately 65o C to 70o C (149oF to 158oF).]</t>
  </si>
  <si>
    <t>[A complex combination of hydrocarbons produced by a distillation of products from a catalytic cracking process. It consists of hydrocarbons having carbon numbers predominantly in the range of C6 through C12 and boiling in the range of approximately 65 oC to 230 oC (148oF to 446 oF). It contains a relatively large proportion of unsaturated hydrocarbons.]</t>
  </si>
  <si>
    <t>[A complex combination of hydrocarbons produced by the distillation of products from a catalytic cracking process. It consists of hydrocarbons having carbon numbers predominantly in the range of C4 through C11 and boiling in the range of approximately - 20 oC to 190 oC (– 4 oF to 374 oF). It contains a relatively large proportion of unsaturated hydrocarbons.]</t>
  </si>
  <si>
    <t>[A complex combination of hydrocarbons produced by the distillations of products from a catalytic cracking process. It consists of hydrocarbons having carbon numbers predominantly in the range of C3 through C11 and boiling in a range approximately up to 204 oC (400oF).]</t>
  </si>
  <si>
    <t>[A complex combination of hydrocarbons obtained by subjecting a catalytic cracked petroleum distillate to a sweetening process to convert mercaptans or to remove acidic impurities. It consists predominantly of hydrocarbons having carbon numbers predominantly in the range of C6 through C12 and boiling in the range of approximately 60 oC to200 oC (140oF to 392oF).]</t>
  </si>
  <si>
    <t>[A complex combination of hydrocarbons obtained by subjecting naphtha from a catalytic cracking process to a sweetening process to convert mercaptans or to remove acidic impurities. It consists predomi nantly of hydrocarbons boiling in a range of approximately 35 oC to 210 oC (95oF to 410oF).]</t>
  </si>
  <si>
    <t>[A complex combination of hydrocarbons produced by the distillation of a cut from the catalytic cracking process, having undergone an alkaline washing. It consists predomi nantly of hydrocarbons having carbon numbers in the range of C8 through C12 and boiling in the range of approximately 130 oC to 210 oC (266oF to 410oF).]</t>
  </si>
  <si>
    <t>[A complex combination of hydrocarbons obtained by distillation of products from a catalytic cracking process. It consists predominantly of hydrocarbons having carbon numbers predominantly in the range of C8 through C12 and boiling in the range of approxi mately 140 oC to 210 oC (284oF to 410oF).]</t>
  </si>
  <si>
    <t>Hydrocarbons, C8-12, catalytic cracking, chem. neutralized, sweetened; Low boiling point cat-cracked naphtha</t>
  </si>
  <si>
    <t>[A complex combination of hydrocarbons produced from the distillation of products from a catalytic reforming process. It consists of hydrocarbons having carbon numbers predominantly in the range of C5 through C11 and boiling in the range of approximately 35 oC to 190o C (95oF to 374oF). It contains a relatively large proportion of aromatic and branched chain hydrocarbons. This stream may contain 10 vol.% or more benzene.]</t>
  </si>
  <si>
    <t>Low boiling point cat-reformed naphtha; [A complex combination of hydrocarbons produced from the distillation of products from a catalytic reforming process. It consists of predominantly aromatic hydrocarbons having carbon numbers predominantly in the range of C7 through C12 and boiling in the range of approximately 90 oC to 230 oC (194oF to 446oF).]</t>
  </si>
  <si>
    <t>[A complex combination of hydrocarbons from the distillation of products from a catalytic reforming process. It consists predominantly of aliphatic hydrocarbons having carbon numbers predominantly in the range of C3 through C6 and boiling in the range of approximately - 49 oC to 63 oC (–57oF to 145oF).]</t>
  </si>
  <si>
    <t>[A complex residuum from the catalytic reforming of C6-8 feed. It consists of hydrocarbons having carbon numbers predominantly in the range of C2 through C6.]</t>
  </si>
  <si>
    <t>[A complex combination of hydrocarbons obtained from distillation of products from a catalytic reforming process. It consists predominantly of hydrocarbons having carbon numbers predominantly in the range of C5 through C8 and boiling in the range of approxi mately 35o C to 120o C (95 oF to 248 oF). It contains a relatively large proportion of branched chain hydrocarbons with the aromatic components removed.]</t>
  </si>
  <si>
    <t>[The complex combination of hydrocarbons obtained in a hydrofiner-powerformer process and boiling in a range of approximately 27 oC to 210 oC (80oF to 410oF).]</t>
  </si>
  <si>
    <t>[A complex combination of hydrocarbons produced by the distillation of the products from a catalytic reforming process. It consists of hydrocarbons having carbon numbers predominantly in the range of C5 through C12 and boiling in the range of approximately 35o C to 230 oC (95oF to 446oF).]</t>
  </si>
  <si>
    <t>[A complex combination of hydrocarbons produced by the distillation of products from a catalytic reforming process. It consists of hydrocarbons having carbon numbers predominantly in the range of C4 through C12 and boiling in the range of approximately 30 oC to 220 oC (90oF to 430oF). It contains a relatively large proportion of aromatic and branched chain hydrocarbons. This stream may contain 10 vol. % or more benzene.]</t>
  </si>
  <si>
    <t>Distillates (petroleum), catalytic reformed hydrotreated light, C8-12 arom. fraction;-Low boiling point cat-reformed naphtha;</t>
  </si>
  <si>
    <t>[A complex combination of alkylbenzenes obtained by the catalytic reforming of petroleum naphtha. It consists predominantly of alkylbenzenes having carbon numbers predominantly in the range of C8 through C10 and boiling in the range of approximately 160 oC to 180 oC (320oF to 356oF).]</t>
  </si>
  <si>
    <t>[A complex combination of hydrocarbons obtained by separation from the platformate-containing fraction. It consists predominantly of aromatic hydrocarbons having carbon numbers predominantly in the range of C7 through C12 (primarily C8) and can contain nonaromatic hydrocarbons, both boiling in the range of approximately 130 oC to 200 oC (266oF to 392oF).]</t>
  </si>
  <si>
    <t>[A complex high octane combination of hydrocarbons obtained by the catalytic dehydrogenation of a predominantly naphthenic naphtha. It consists predominantly of aromatics and non-aromatics having carbon numbers predominantly in the range of C5 through C11 and boiling in the range of approxi mately 45 oC to 185 oC (113oF to 365 oF).]</t>
  </si>
  <si>
    <t>Hydrocarbons, C7-12, C≥9-arom.-rich, reforming heavy fraction; Low boiling point cat-reformed naphtha;</t>
  </si>
  <si>
    <t>[A complex combination of hydrocarbons obtained by separation from the platformate-containing fraction. It consists predominantly of nonaromatic hydrocarbons having carbon numbers predominantly in the range of C7 through C12 and boiling in the range of approximately 120 oC to 210 oC (248oF to380oF) and C9 and higher aromatic hydrocarbons.]</t>
  </si>
  <si>
    <t>[A complex combination of hydrocarbons obtained by separation from the platformate-containing fraction. It consists predominantly of nonaromatic hydrocarbons having carbon numbers predominantly in the range of C5 through C11 and boiling in the range of approximately 35 oC to 125 oC (94oF to 257oF), benzene and toluene.]</t>
  </si>
  <si>
    <t>[A complexcombination of hydrocarbons from distillation of products from a thermal cracking process. It consists predominantly of unsaturated hydrocarbons having carbon numbers predominantly in the range of C4 through C8 and boiling in the range of approximately - 10 oC to 130 oC (14oF to 266oF).]</t>
  </si>
  <si>
    <t>[A complex combination of hydrocarbons from distillation of the products from a thermal cracking process. It consists predominantly of unsaturated hydrocarbons having carbon numbers predominantly in the range of C6 through C12 and boiling in the range of approximately 65o C to 220 oC (148oF to 428oF).]</t>
  </si>
  <si>
    <t>Low boiling point thermally cracked naphtha; [The complex combination of hydrocarbons from the distillation of the products from the thermal cracking of ethane and propane. This lower boiling fraction consists predominantly of C5-7 aromatic hydrocarbons with some unsaturated aliphatic hydrocarbons having a carbon number predominantly of C5. This stream may contain benzene.]</t>
  </si>
  <si>
    <t>Low boiling point thermally cracked naphtha; [The complex combination of hydrocarbons obtained by the pyrolysis fractionation at 816o C (1 500 oF) of naphtha and raffinate. It consists predominantly of hydrocarbons having a carbon number of C9 and boiling at approximately 204 oC (400oF).]</t>
  </si>
  <si>
    <t>Aromatic hydrocarbons, C6-8, naphtha-raffinate pyrolyzate-derived; Low boiling point thermally cracked naphtha; [A complex combination of hydrocarbons obtained by the fractionation pyrolysis at 816 o C (1 500 oF) of naphtha and raffinate. It consists predominantly of aromatic hydrocarbons having carbon numbers predominantly in the range of C6 through C8, including benzene.]</t>
  </si>
  <si>
    <t>[A complex combination of hydrocarbons produced by distillation of thermally cracked naphtha and/or gas oil. It consists predominantly of olefinic hydrocarbons having a carbon number of C5 and boiling in the range of approxi mately 33 o C to 60 o C (91 oF to 140 oF).]</t>
  </si>
  <si>
    <t>Low boiling point thermally cracked naphtha; [A complex combination of hydrocarbons produced by the extractive distillation of thermal cracked naphtha and/or gas oil. It consists predominantly of hydrocarbons having a carbon number of C5 with some dimerized C5 olefins and boiling in the range of approximately 33o C to 184 o C (91oF to 363 oF).]</t>
  </si>
  <si>
    <t>[A complex combination of hydrocarbons produced by the extractive distillation of thermal cracked naphtha and/or gas oil. It consists of paraffinic and olefinic hydrocarbons, predomi nantly isoamylenes such as 2-methyl-1-buteneand 2-methyl-2-butene and boiling in the rangeof approximately 31o C to 40o C (88oF to 104oF).]</t>
  </si>
  <si>
    <t>[A complex combination of hydrocarbons obtained by subjecting a petroleum distillate From the high temperature thermal cracking of heavy oil fractions to a sweetening process to convert mercaptans. It consists predominantly of aromatics, olefins and saturated hydrocarbons boiling in the range of approximately 20 oC to 100 o C (68 oF to 212 oF).]</t>
  </si>
  <si>
    <t>Low boiling point ydrogen treated naphtha; [A complex combination of hydrocarbons obtained by treating a petroleum fraction with hydrogen in the presence of a catalyst. It consists of hydrocarbons having carbon numbers predominantly in the range of C6 through C13 and boiling in the range of approximately 65o C to 230o C (149oF to 446oF).]</t>
  </si>
  <si>
    <t>Low boiling point hydrogen treated naphtha; [A complex combination of hydrocarbons obtained by treating a petroleum fraction With hydrogen in the presence of a catalyst. It consists of hydrocarbons having carbon numbers predominantly in the range of C4 through C11 and boiling in the range of approximately minus 20o C to 190o C (– 4oF to 374oF).]</t>
  </si>
  <si>
    <t>[A complex combination of hydrocarbons obtained from a catalytic hydrodesulfurization process. It consists of hydrocarbons having carbon numbers predominantly in the range of C4 through C11 and boiling in The range of approximately - 20o C to 190o C (– 4oF to 374oF).]</t>
  </si>
  <si>
    <t>[A complex combination of hydrocarbons obtained from a catalytic hydrodesulfurization process. It consists of hydrocarbons having carbon numbers predominantly in the range of C7 through C12 and boiling in the range of approximately 90o C to 230o C (194oF to 446 oF).]</t>
  </si>
  <si>
    <t>Low boiling point hydrogen treated naphtha; [A complex combination of hydrocarbons obtained by the distillation of products from a middle distillate hydrotreating process. It consists of hydrocarbons having carbon numbers predominantly in the range of C5 through C10 and boiling in the range of approximately 127o C to 188o C (262oF to 370oF).]</t>
  </si>
  <si>
    <t>[A complex combination of hydrocarbons obtained by the distillation of products from the light distillate hydrotreating process. It consists of hydrocarbons having carbon numbers predominantly in the range of C6 through C9 and boiling in the range of approximately 3 o C to 194 o C (37 oF to 382 oF).]</t>
  </si>
  <si>
    <t>[A complex combination of hydrocarbons obtained by distillation of the products from a heavy naphtha hydrotreating process. It consists of hydrocarbons having carbon numbers predominantly in the range of C3 through C6 and boiling in the range of approximately - 49 oC to 68 oC (– 57oF to 155oF).]</t>
  </si>
  <si>
    <t>[A complex combination of hydrocarbons obtained by treating a petroleum fraction with hydrogen in the presence of a catalyst. It consists predominantly of aromatic hydrocarbons having carbon numbers predominantly in the range of C8 through C10 and boiling in the range of approxi mately 135 oC to 210 oC (275oF to 410oF).]</t>
  </si>
  <si>
    <t>[A complex combination of hydrocarbons obtained by fractionation of hydrodesulfurized thermal cracker distillate. It consists predominantly of hydrocarbons having carbon numbers predominantly in the range of C5 to C11 and boiling in the range of approximately 23 oC to 195 oC (73oF to 383oF).]</t>
  </si>
  <si>
    <t>[A complex combination of hydrocarbons obtained from the distillation of a petroleum fraction. It consists predominantly of alkanes and cycloalkanes boiling in the range of approximately - 20o C to 190 oC (– 4oF to 374oF).]</t>
  </si>
  <si>
    <t>[A complex combination of hydrocarbons obtained from a catalytic hydrodesulfurization process. It consists predominantly of hydrocarbons having carbon numbers predominantly in the range of C4 through C11 and boiling in the range of approximately 30 oC to 250 oC (86oF to 482oF).]</t>
  </si>
  <si>
    <t>[A complex combination of hydrocarbons obtained by treating a petroleum fraction, derived from a pyrolysis process, with hydrogen in the presence of a catalyst. It consists predominantly of unsaturated hydrocarbons having carbon numbers predominantly in the range of C5 through C11 and boiling in the range of approximately 35o C to 190 oC (95oF to 374oF).]</t>
  </si>
  <si>
    <t>[A complex combination of hydrocarbons obtained by distallation from the product of a naphtha steam cracking process and subsequent catalytic selective hydrogenation of gum formers. It consists of hydrocarbons having carbon numbers predominantly in the range of C4 through C12 and boiling in the range of approximately 30 oC to 230o C (86oF to 446oF).]</t>
  </si>
  <si>
    <t>[A complex combination of hydrocarbons obtained by treating a petroleum fraction with hydrogen in the presence of a catalyst. It consists predominantly of cycloparaffinic hydrocarbons having carbon numbers predominantly in the range of C6 through C7 and boiling in the range of approxi mately 73o C to 85o C (163 oF to 185 oF).]</t>
  </si>
  <si>
    <t>[A complex combination of hydrocarbons produced from the separation and subsequent Hydrogenation of the products of a steam-cracking process to produce ethylene. It consists predominantly of saturated and unsaturated paraffins, cyclic paraffins and cyclic aromatic hydrocarbons having carbon numbers predominantly in the range of C4 through C10 and boiling in the range of approximately 50o C to 200o C (122 oF to 392 oF). The proportion of benzene hydrocarbons may vary up to 30 wt. % and the stream may also contain small amounts ofsulfur and oxygenated compounds.]</t>
  </si>
  <si>
    <t>[A colourless, refined petroleum distillate that is free from rancid or objectionable odours and that boils in a range of approximately 148,8 oC to 204,4 o C (300oF to 400oF).]</t>
  </si>
  <si>
    <t>[A complex combination of hydrocarbons from distillation of the products from a hydrocracking process. It consists predominantly of saturated hydrocarbons having carbon numbers predominantly in the range of C4 through C10, and boiling in the range of approxi mately - 20 o C to 180 o C (– 4 oF to 356 oF).]</t>
  </si>
  <si>
    <t>Low boiling point naphtha -unspecified; [A complex combination of hydrocarbons from distillation of the products from a hydrocracking process. It consists predominantly of saturated hydrocarbons having carbon numbers predominantly in the range of C6 through C12, and boiling in the range of approximately 65 oC to 230 oC (148oF to 446oF).]</t>
  </si>
  <si>
    <t>Low boiling point naphtha -unspecified; [A complex combination of hydrocarbons obtained by subjecting a petroleum naphtha to a sweetening process to convert mercaptans or to remove acidic impurities. It consists of hydrocarbons having carbon numbers predominantly in the range of C4 through C12 and boiling in the range of approximately - 10o C to 230o C (14oF to 446oF).]</t>
  </si>
  <si>
    <t>Low boilingpoint naphtha -unspecified; [A complex combination of hydrocarbons obtained as a raffinate from a sulfuric acid treating process. It consists of hydrocarbons having carbon numbers predominantly in the range of C7 through C12 and boiling in the range of approximately 90 o C to 230 o C (194 oF to 446 oF).]</t>
  </si>
  <si>
    <t>[A complex combination of hydrocarbons produced by a treating process to remove acidic materials. It consists of hydrocarbons having carbon numbers predominantly in the range of C6 through C12 and boiling in the range of approximately 65o C to 230o C (149oF to 446oF).]</t>
  </si>
  <si>
    <t>Low boilingpoint naphtha -unspecified; [A complex combination of hydrocarbons produced by a treating process to remove acidic materials. It consists of hydrocarbons having carbon numbers predominantly in the range of C4 through C11 and boiling in the range of approximately - 20 oC to 190o C (–4 oF to 374 oF).]</t>
  </si>
  <si>
    <t>[A complex combination of hydrocarbons obtained from the catalytic dewaxing of a petroleum fraction. It consists predominantly of hydrocarbons having carbon numbers predominantly in the range of C5 through C12 and boiling in the range of approximately 35o C to 230 oC (95oF to 446oF).]</t>
  </si>
  <si>
    <t>Low boiling point naphtha -unspecified; [A complex combination of hydrocarbons obtained by the distillation of the products from a steam cracking process. It consists predominantly of unsaturated hydrocarbons having carbon numbers predominantly in the range of C4 through C11 and boiling in the range of approximately minus 20 oC to 190 oC (– 4oF to 374oF). This stream is likely to contain 10 vol.% or more benzene.]</t>
  </si>
  <si>
    <t>[A complex combination of hydrocarbons obtained from distillation of aromatic streams. It consists predominantly of aromatic hydrocarbons having carbon numbers predominantly in the range of C8 through C10 and boiling in the range of approximately 135 oC to 210 oC (275oF to 410oF).]</t>
  </si>
  <si>
    <t>[A complex combination of hydrocarbons from the distil lation of hydrocarbons usually ranging in carbon numbers from C3 through C5, predominantly isopentane and 3-methyl-1-butene. It consists of saturated and unsaturated hydrocarbons having carbon numbers in the range of C3 through C5, predominantly 2-methyl-2-butene.]</t>
  </si>
  <si>
    <t>Distillates (petroleum), polymd. steam-cracked petroleum distillates, C5-12 fraction;</t>
  </si>
  <si>
    <t>[A complex combination of hydrocarbons obtained from the distillation of polymerized steam-cracked petroleum distillate. It consists predomi nantly of hydrocarbons having carbon numbers predominantly in the range of C5 through C12.]</t>
  </si>
  <si>
    <t>[A complex combination of organic compounds obtained by the distillation of products from a steam cracking process. It consists of unsaturated hydrocarbons having carbon numbers predominantly in the range of C5 through C12.]</t>
  </si>
  <si>
    <t>Distillates (petroleum), steam-cracked, C5-10 fraction, mixed with light steam-cracked petroleum naphtha C5 fraction; Low boiling point naphtha -unspecified</t>
  </si>
  <si>
    <t>Extracts (petroleum), cold-acid, C4-6; Low boiling point naphtha — unspecified; [A complex combination of organic compounds produced by cold acid unit extraction of saturated and unsaturated aliphatic hydrocarbons usually ranging in carbon numbers from C3 through C6, predominantly pentanes and amylenes. It consists predominantly of saturated and unsaturated hydrocarbons having carbon numbers in the range of C4 through C6, predominantly C5.]</t>
  </si>
  <si>
    <t>[A complex combination of hydrocarbons obtained from a catalytic cracked gas stream. It consists of aliphatic hydro carbons having carbon numbers predominantly in the range of C4 through C6.]</t>
  </si>
  <si>
    <t>[A complex residuum from the distillation of butane stream. It consists of aliphatic hydro carbons having carbon numbers predominantly in the range of C4 through C6.]</t>
  </si>
  <si>
    <t>[A complex combination of hydrocarbons produced by the distillation of products from a fluid coker. It consists predominantly of unsaturated hydrocarbons having carbon numbers predominantly in the range of C4 through C15 and boiling in the range of approximately 43o C to 250o C (110oF-500oF).]</t>
  </si>
  <si>
    <t>[A complex combination of hydrocarbons produced by the distillation of products from a steam-cracking process. It consists predominantly of aromatic hydrocarbons having carbon numbers predominantly in the range of C7 through C12 and boiling in the range of approximately 130o C to 220o C (266oF to 428oF).]</t>
  </si>
  <si>
    <t>[A complex combination of hydrocarbons resulting from treatment of full-range straight- run naphtha with natural or modified clay, usually in a percolation process to remove the trace amounts of polar compounds and impurities present. It consists of hydrocarbons having carbon numbers predominantly in the range of C4 through C11 and boiling in the range of approximately - 20o C to 220o C (– 4oF to 429oF).]</t>
  </si>
  <si>
    <t>[A complex combination of hydrocarbons resulting from treatment of light straight-run naphtha with a natural or modified clay, usually in a percolation process to remove the trace amounts of polar compounds and impurities present. It consists of hydrocarbons having carbon numbers predominantly in the range of C7 through C10 and boiling in the range of approximately 93 oC to 180 oC (200oF to 356oF).]</t>
  </si>
  <si>
    <t>[A complex combination of hydrocarbons produced by distillation of products from a steam-cracking process. It consists predominantly of aromatic hydrocarbons having carbon numbers predominantly in the range of C7 through C9 and boiling in the range of approximately 110o C to 165 o C (230 oF to 329 oF).]</t>
  </si>
  <si>
    <t>[A complex combination of hydrocarbons produced by distillation of products from a steam-cracking process. It consists predominantly of hydrocarbons having carbon numbers predominantly in the range of C4 through C12 and boiling in the range of approximately 80o C to 218o C (176oF to 424oF).]</t>
  </si>
  <si>
    <t>[A complex combination of hydrocarbons obtained by subjecting a petroleum distillate to a sweetening process to convert mercaptans or to remove acidic impurities. It consists predominantly of saturated and unsaturated hydro carbons having carbon numbers predominantly in the range of C3 through C6 and boiling in the range of approximately - 20o C to 100o C (– 4oF to 212 oF).]</t>
  </si>
  <si>
    <t>[A complex combination of hydrocarbons remaining after removal of aromatic compounds from catalytic reformed light naphtha in a selective absorption process. It consists predominantly of paraffinic and cyclic compounds having carbon numbers predominantly in the range of C5 to C8 and boiling in the range of approximately 66o C to 121o C (151oF to250oF).]</t>
  </si>
  <si>
    <t>[A complex combination of hydrocarbons consisting primarily of paraffins, cycloparaffins, aromatic and olefinic hydrocarbons having carbon numbers predominantly greater than C3 and boiling in the range of 30 oC to 260o C (86oF to 500oF).]</t>
  </si>
  <si>
    <t>Hydrocarbons, C4-6, depentanizer lights, arom. hydrotreater; Low boiling point naphtha -unspecified;</t>
  </si>
  <si>
    <t>[A complex combination of hydrocarbons obtained as first runnings from the depentanizer column before hydrotreatment of the aromatic charges. It consists predominantly of hydrocarbons having carbon numbers predominantly in the range of C4 through C6, predominantly pentanes and pentenes and boiling in the range of approximately 25 oC to 40 o C (77oF to 104oF).]</t>
  </si>
  <si>
    <t>[A complex combination of hydrocarbons obtained by distillation of heat-soaked steam- cracked naphtha. It consists predominantly of hydrocarbons having carbon numbers in the range of C4 through C6, predominantly C5.]</t>
  </si>
  <si>
    <t>[A complex combination of hydrocarbons obtained as the extract from the solvent extraction of a catalytically reformed petroleum cut. It consists predominantly of aromatic hydrocarbons having carbon numbers predominantly in the range of C7 through C8 and boiling in the range of approximately 100 oC to 200 oC (212oF to 392oF).]</t>
  </si>
  <si>
    <t>[A complex combination of hydrocarbons obtained by distillation of hydrodesulfurized and dearomatized light petroleum fractions. It consists predominantly of C7 paraffins and cycloparaffins boiling in a range of approximately 90o C to 100o C (194oF to 212oF).]</t>
  </si>
  <si>
    <t>[A complex combination of hydrocarbons obtained by subjecting a petroleum naphtha to a sweetening process to convert mercaptans or to remove acidic impurities. It consists of hydrocarbons having carbon numbers predominantly in the range of C4 through C5, predominantly C5, and boiling in the range of approximately minus 10 oC to 35o C (14oF to 95oF).]</t>
  </si>
  <si>
    <t>[A complex combination of hydrocarbons obtained by distillation from prehydrogenated cracked naphtha. It consists predominantly of hydrocarbons having carbon numbers predominantly in the range of C8 through C11 and boiling in the range of approximately 130o C to 205o C (266oF to 401oF).]</t>
  </si>
  <si>
    <t>[A complex combination of hydrocarbons obtained from prehydrogenated cracked naphtha after distillative separation of benzene-and toluene-containing hydrocarbon cuts and a higher boiling fraction. It consists predominantly of hydrocarbons having carbon numbers predominantly in the range of C4 through C11 and boiling in the range of approximately 30 o C to 205 o C (86 oF to 401 oF).]</t>
  </si>
  <si>
    <t>[A complex combination of hydrocarbons obtained by the fractionation of steam cracked naphtha after recovery from a heat soaking process. It consists predominantly of hydrocarbons having a carbon number predominantly in the range of C4 through C6 and boiling in the range of approxi mately 0o C to 80o C (32oF to 176oF).]</t>
  </si>
  <si>
    <t>Distillates (petroleum), C6-rich; Low boiling point naphtha -unspecified;</t>
  </si>
  <si>
    <t>[A complex combination of hydrocarbons obtained from the distillation of a petroleum feedstock. It consists predominantly of hydrocarbons having carbon numbers of C5 through C7, rich in C6, and boiling in the range of approximately 60o C to70o C (140 oF to 158 oF).]</t>
  </si>
  <si>
    <t>[A distillation fraction from the hydrogenation of pyrolysis gasoline boiling in the range of approximately 20o C to 200o C (68oF to 392oF).]</t>
  </si>
  <si>
    <t>[A complex combination of hydrocarbons obtained by the treatment of heavy naphthic solvent petroleum extract with bleaching earth. It consists predominantly of hydrocarbons having carbon numbers predominantly in the range of C6 through C10 and boiling in the range of approximately 80 o C to 180 o C (175 oF to 356 oF).]</t>
  </si>
  <si>
    <t>[A complex combination of hydrocarbons obtained by the treatment and distillation of debenzenized light steam-cracked petroleum naphtha. It consists predominantly of hydrocarbons having carbon numbers predominantly in the range of C7 through C12 and boiling in the range of approximately 95 oC to 200o C (203oF to 392oF).]</t>
  </si>
  <si>
    <t>[A complex combination of hydrocarbons obtained by the treatment and distillation of light steam-cracked petroleum naphtha. It consists predominantly of hydrocarbons having carbon numbers predominantly in the range of C5 through C6 and boiling in the range of approximately 35 o C to 80 o C (95 oF to 176 oF).]</t>
  </si>
  <si>
    <t>[A complex combination of hydrocarbons obtained by the distillation of petroleum light fraction, hydrodesulfurized and dearomatized. It consists predominantly of hydrocarbons having carbon numbers in the range of C7 through C9, predominantly C8 paraffins and cycloparaffins, boiling in the range of approximately 120 o C to 130 o C (248 oF to 266 oF).]</t>
  </si>
  <si>
    <t>[A complex combination of hydrocarbons obtained during the sorptions of toluene from a hydrocarbon fraction from cracked gasoline treated with hydrogen in the presence of a catalyst. It consists predominantly of hydrocarbons having carbon numbers predominantly in the range of C6 through C8 and boiling in the range of approximately 80o C to 135o C (176oF to 275oF).]</t>
  </si>
  <si>
    <t>[A complex ombination of hydrocarbons obtained by fractionation from hydrodesulfurised coker distillate. It consists predominantly of hydrocarbons having carbon numbers predominantly in the range of C5 to C11 and boiling in the range of approximately 23 oC to 196 o C (73 oF to 385 oF).]</t>
  </si>
  <si>
    <t>[A complex combination of hydrocarbons obtained by subjecting a petroleum naphtha to a sweetening process to convert mercaptans or to remove acidic impurities. It consists predominantly of hydrocarbons having carbon numbers predominantly in the range of C5 through C8 and boiling in the range of approximately 20 o C to 130 o C (68 oF to 266 oF).]</t>
  </si>
  <si>
    <t>[A complex combination of hydrocarbons obtained by distillation of the products from a steam-cracking process. It consists predominantly of hydrocarbons having carbon numbers of C5 and dicyclopentadiene and boiling in the range of approximately 30o C to 170o C (86oF to 338oF).]</t>
  </si>
  <si>
    <t>[A complex combination of hydrocarbons obtained by the distillation of the products of steamcracking or similar processes after taking off the very light products resulting in a residue starting with hydrocarbons having carbon numbers greater than C5. It consists predominantly of aromatic hydrocarbons having carbon numbers greater than C5 and boiling above approximately 40o C (104oF).]</t>
  </si>
  <si>
    <t>Hydrocarbons, C≥5, C5-6-rich; Low boiling point naphtha -unspecified</t>
  </si>
  <si>
    <t>Aromatic hydrocarbons, C8-10; Low boiling point naphtha -unspecified</t>
  </si>
  <si>
    <t>[A complex combination of hydrocarbons produced by the distillation of crude oil. It consists of hydrocarbons having carbon numbers predominantly in the range of C9 through C16 and boiling in the range of approximately 150oC to 290oC (320oF to 554oF).]</t>
  </si>
  <si>
    <t>[A complex combination of hydrocarbons obtained from the distillation of crude oil or natural gasoline. It consists predominantly of saturated hydrocarbons having carbon numbers predominantly in the range of C9 through C12 and boiling in the range of approximately 140o C to 220o C (284oF to 428oF).]</t>
  </si>
  <si>
    <t>[A complex combination of hydrocarbons obtained by distilling cracked stripped steam-cracked distillates. It consists of hydrocarbons having carbon numbers in the range of C8 through C10 and boiling in the range of approximately 129oC to 194oC (264 oF to 382 oF).]</t>
  </si>
  <si>
    <t>[A complex combination of hydrocarbons obtained by fractionation from hydrodesulfurized thermal cracker distillate. It consists predomi nantly of hydrocarbons predominantly in the range of C8 to C16 and boiling in the range of approximately 120oC to 283oC (284oF to 541oF).]</t>
  </si>
  <si>
    <t>Naphtha (petroleum), steam-cracked, hydrotreated, C9-10-arom.-rich; Cracked kerosine;</t>
  </si>
  <si>
    <t>[A complex combination of hydrocarbons produced by the distillation of the products from a steam cracking process thereafter treated with hydrogen in the presence of a catalyst. It consists predominantly of aromatic hydrocarbons having carbon numbers in the range of C9 through C10 and boiling in the range of approximately 140oC to 200oC (284oF to 392oF).]</t>
  </si>
  <si>
    <t>[A complex combination of hydrocarbons obtained by distillation of thermal-cracking heavy tars. It consists predominantly of highly alkylated aromatic hydrocarbons boiling in the range of approximately 100 oC to 250oC (212oF to 482oF.]</t>
  </si>
  <si>
    <t>[A complex combination of hydrocarbons obtained by distillation of catalytic cracking heavy tars. It consists predomi nantly of highly alkylated aromatic hydrocarbons boiling in the range of approximately 100 oC to 250 oC (212 oF to 482 oF).]</t>
  </si>
  <si>
    <t>[A complex combination of hydrocarbons produced by distillation of the reaction products of isobutane with monoolefinic hydrocarbons usually ranging in carbon numbers from C3 through C5. It consists of predominantly branched chain saturated hydrocarbons having carbon numbers predominantly in the range of C11 through C17 and boiling in the range of approximately 205oC to 320oC (401oF to 608oF).]</t>
  </si>
  <si>
    <t>[A complex combination of hydrocarbons obtained as the extract from a solvent extraction process. It consists predomi nantly of aromatic hydrocarbons having carbon numbers predominantly in the range of C7 through C12 and boiling in the range of approximately 90oC to 220oC (194 oF to 428 oF).]</t>
  </si>
  <si>
    <t>[A complex combination of hydrocarbons obtained by treating a petroleum fraction with hydrogen in the presence of a catalyst. It consists of hydrocarbons having carbon numbers predominantly in the range of C9 through C16 and boiling in the range of approxi mately 150 oC to 290 oC (302 oF to 554 oF).]</t>
  </si>
  <si>
    <t>having carbon numbers predominantly in the range of C6 through C15 and boiling in the range of approximately 157 oC to 288 oC (315 oF to 550 oF).]</t>
  </si>
  <si>
    <t>[A complex combination of hydrocarbons produced by fractionation from catalytically reformed hydrodesulfurized naphtha. It consists predominantly of aromatic hydrocarbons having carbon numbers predominently in the range of C7 to C 13 and boiling in the range of approximately 98oC to 218oC (208oF to 424oF).]</t>
  </si>
  <si>
    <t>numbers predominantly in the range of C8 through C16 and boiling in the range of approximately 120 oC to 283 oC (248 oF to 541 oF).]</t>
  </si>
  <si>
    <t>[A complex combination of hydrocarbons obtained by the catalytic hydrodesulfurization of a petroleum fraction. It consists predominantly of hydrocarbons having carbon numbers predominantly in the range of C10 through C13 and boiling in the range of approximately 180 oC to 240 oC (356 oF to 464 oF).]</t>
  </si>
  <si>
    <t>[A complex combination of hydrocarbons obtained by the catalytic hydrodesulfurization of a petroleum fraction. It consists predominantly of hydrocarbons having carbon numbers predominantly in the range of C10 through C13 and boiling in the range of approximately 175 oC to 220 oC (347 oF to 428 oF).]</t>
  </si>
  <si>
    <t>[A complex combination of hydrocarbons from distillation of the products from a hydrocracking process. It consists predominantly of saturated hydrocarbons having carbon numbers predominantly in the range of C10 through C18 and boiling in the range of approxi mately 160oC to 320oC (320 oF to 608 oF).]</t>
  </si>
  <si>
    <t>[A complex combination of hydrocarbons from the distillation of the products from a thermal cracking process. It consists predominantly of unsaturated hydrocarbons having carbon numbers predominantly in the range of C10 through C22 and boiling in the range of approximately 160oC to 370 oC (320oF to 698oF).]</t>
  </si>
  <si>
    <t>[A complex combination of hydrocarbons obtained by fractionation from hydrodesulfurized themal cracker distillate stocks. It consists predominantly of hydrocarbons having carbon numbers predominantly in the range of C11 to C25 and boiling in the range of approximately 205 oC to 400ooC (401oF to 752oF).]</t>
  </si>
  <si>
    <t>[A complex combination of hydrocarbons obtained as a residual fraction from the distillation of hydrotreated steam-cracked naphtha. It consists predominantly of hydrocarbons boiling in the range of approximately 200oC to 350oC (32 oF to 662 oF).]</t>
  </si>
  <si>
    <t>[A complex combination of hydrocarbons produced by the distillation of products from a catalytic cracking process which has been used as a heat transfer fluid. It consists predominantly of hydrocarbons boiling in the range of approximately 190oC to 340oC (374oF to 644oF). This stream is likely to contain organic sulfur compounds.]</t>
  </si>
  <si>
    <t>[A complex combination of hydrocarbons by fractionation from hydrodesulfurised coker distillate stocks. Is consists of hydrocarbons having carbon numbers predominantly in the range of C12 through C21 and boiling in the range of approximately 200 oC to 360 oC (392 oF to 680 oF).]</t>
  </si>
  <si>
    <t>[A complex combination of hydrocarbons obtained as the raffinate from a solvent extraction process. It consists predominantly of saturated hydrocarbons having carbon numbers predominantly in the range of C20 through C50 and produces a finished oil with a viscosity of at least 100 SUS at 100 oF (19cSt at 40 oC).]</t>
  </si>
  <si>
    <t>[A complex combination of hydrocarbons obtained as the raffinate from a solvent extraction process. It consists predominantly of saturated hydrocarbons having carbon numbers predominantly in the range of C15 through C30 and produces a finished oil with a viscosity of less than 100 SUS at 100 oF (19cSt at 40 oC).]</t>
  </si>
  <si>
    <t>[A complex combination by hydrocarbons obtained as the solvent insoluble fraction from solvent refining of a residuum using a polar organic solvent such as phenol or furfural. It consists of hydrocarbons having carbon numbers predominantly higher than C25 and boiling above approximately 400oC (752oF).]</t>
  </si>
  <si>
    <t>[A complex combination of hydrocarbons obtained by treatment of a residual oil with a natural or modified clay in either a contacting or percolation process to remove the trace amounts of polar compounds and impurities present. It consists of hydro-carbons having carbon numbers predominantly higher than C25 and boiling above approximately 400oC (752 oF).]</t>
  </si>
  <si>
    <t>Distillates (petroleum), clay-treated heavy naphthenic; Baseoil — unspecified; [A complex combination of hydrocarbons resulting from treatment of a petroleum fraction with natural or modified clay in either a contacting or percolation process to remove the trace amounts of polar compounds and impurities present. It consists of hydrocarbons having carbon numbers predominantly in the range of C20 through C50 and produces a finished oil with a viscosity of at least 100 SUS at 100 oF (19cSt at 40 oC). It contains relatively few normal paraffins.]</t>
  </si>
  <si>
    <t>[A complex combination of hydrocarbons resulting from treatment of a petroleum fraction with natural or modified clay in either a contacting or percolation process to remove the trace amounts of polar compounds and impurities present. It consists of hydrocarbons having carbon numbers predominantly in the range of C15 through C30 and produces a finished oil with a viscosity of less than 100 SUS at 100 oF (19cSt at 40 oC). It contains relatively few normal paraffins.]</t>
  </si>
  <si>
    <t>[A complex combination of hydrocarbons obtained by treating a petroleum fraction with hydrogen in the presence of a catalyst. It consists of hydrocarbons having carbon numbers predominantly in the range of C20 through C50 and produces a finished oil of at least 100 SUS at 100oF (19cSt at 40 oC). It contains relatively few normal paraffins.]</t>
  </si>
  <si>
    <t>[A complex combination of hydrocarbons obtained by treating a petroleum fraction with hydrogen in the presence of a catalyst. It consists of hydrocarbons having carbon numbers predominantly in the range of C15 through C30 and produces a finished oil with a viscosity of less than 100 SUS at 100 oF (19cSt at 40 oC). It contains relatively few normal paraffins.]</t>
  </si>
  <si>
    <t>[A complex combination of hydrocarbons obtained by treating a petroleum fraction with hydrogen in the presence of a catalyst. It consists of hydrocarbons having carbon numbers predominantly in the range of C20 through C50 and produces a finished oil of at least 100 SUS at 100oF (19cSt at 40 oC). It contains a relatively large proportion of saturated hydrocarbons.]</t>
  </si>
  <si>
    <t>[A complex combination of hydrocarbons obtained by treating a petroleum fraction with hydrogen in the presence of a catalyst. It consists of hydrocarbons having carbon numbers predominantly in the range of C15 through C30 and produces a finished oil with a viscosity of less than 100 SUS at 100 oF (19cSt at 40 oC). It contains a relatively large proportion of saturated hydrocarbons.]</t>
  </si>
  <si>
    <t>[A complex combination of hydrocarbons obtained by removal of ong, branched chain hydrocarbons from a residual oil by solvent crystalli zation. It consists of hydrocarbons having carbon numbers predominantly greater than C25 and boiling above approxi mately 400 oC (752 oF).]</t>
  </si>
  <si>
    <t>[A complex combination of hydrocarbons obtained by removal of normal paraffins from a petroleum fraction by solvent crystallization. It consists of hydrocarbons having carbon numbers predominantly in the range of C20 . through C50 and produces a finished oil of not less than 100 SUS at 100 oF (19cSt at 40 oC). It contains relatively few normal paraffins.]</t>
  </si>
  <si>
    <t>paraffin hydrocarbons as a solid by treatment with an agent such as urea. It consists of hydrocarbons having carbon numbers predominantly in the range of C20 through C50 and produces a finished oil having a viscosity of at least 100 SUS at 100 oF (19cSt at 40 oC). It contains relatively few normal paraffins.]</t>
  </si>
  <si>
    <t>solvent deasphalted residual oil with hydrogen in the presence of a catalyst in a two stage process with dewaxing being carried out between the two stages. It consists predominantly of hydrocarbons having carbon numbers predominantly in the range of C20 through C50 and produces a finished oil having a viscosity of approximately 112cSt at 40 oC. It contains a relatively large proportion of saturated hydrocarbons.]</t>
  </si>
  <si>
    <t>[A complex combination of hydrocarbons obtained by treating light vacuum gas oil, heavy vacuum gas oil and solvent deasphalted residual oil with hydrogen in the presence of a catalyst in a two stage process with dewaxing being carried out between the two stages. It consists predominantly of hydrocarbons having carbon numbers predominantly in the range of C20 through C50 and produces a finished oil with a viscosity of approximately 32cSt at 40 oC. It contains a relatively large proportion of saturated hydrocarbons.]</t>
  </si>
  <si>
    <t>[A complex combination of hydrocarbons produced by Treating a dewaxed light paraffinic distillate with hydrogen in the presence of a catalyst. It consists predominantly of hydrocarbons having carbon numbers predominantly in the range of C15 through C30.]</t>
  </si>
  <si>
    <t>[A complex combination of hydrocarbons obtained by treating a petroleum fraction with hydrogen in the presence of a catalyst and removing the aromatic hydrocarbons by solvent extraction. It consists predominantly of naphthenic hydrocarbons having carbon numbers predominantly in the range of C15 through C30 and produces a finished oil with a viscosity of between 13-15cSt at 40 oC.]</t>
  </si>
  <si>
    <t>[A complex combination of hydrocarbons produced by solvent removal of paraffins from the residue of the distil lation of acid-treated, hydrocracked heavy paraffins and boiling approximately above 380 oC (716 oF).]</t>
  </si>
  <si>
    <t>[A complex combination of hydrocarbons obtained by solvent dearomatization of the residue of hydrocracked petroleum. It consists predominantly of hydrocarbons having carbon numbers predominantly in the range of C18 through C27 and boiling in the range of approximately 370oC to 450oC (698oF to 842oF).]</t>
  </si>
  <si>
    <t>Baseoil — unspecified; [A complex combination of hydrocarbons obtained by solvent deparaffination of the distillation residue from hydrocracked petroleum. It consists predominantly of hydrocarbons having carbon numbers predominantly in the range of C18 through C40 and boiling in the range of approximately 370oC to 550 oC (698 oF to 1022oF).]</t>
  </si>
  <si>
    <t>[A complex combination of hydrocarbons obtained by the solvent treatment of a distillate from hydrocracked petroleum distillates. It consists predomiantly of hydrocarbons having carbon numbers predominantly in the range of C18 through C27 and boiling in the range of approximately 370 oC to 450oC (698 oF to 842 oF.]</t>
  </si>
  <si>
    <t>Distillates (petroleum), solvent-refined hydrogenated heavy; Baseoil — unspecified; [A complex combination of hydrocarbons, obtained by the treatment of a hydrogenated petroleum distillate with a solvent. It consists predominantly of hydrocarbons having carbon numbers predominantly in the range of C19 through C40 and boiling in the range of approximately 390 oC to 550 oC (734 oF to 1022 oF).]</t>
  </si>
  <si>
    <t>Hydrocarbons, C17-30, hydrotreated solvent-deasphalted atm. distn. residue, distn. lights; Baseoil — unspecified;</t>
  </si>
  <si>
    <t>[A complex combination of hydrocarbons obtained as first runnings from the vacuum distillation of effluents from the treatment of a solvent deasphalted short residue with hydrogen in the presence of a catalyst. It consists predomi nantly of hydrocarbons having carbon numbers predominantly in the range of C17 through C30 and boiling in the range of approximately 300 oC to 400 oC (572 oF to 752 oF). It produces a finished oil having a viscosity of 4cSt at approximately 100 oC (212 oF).]</t>
  </si>
  <si>
    <t>[A complex combination of hydrocarbons obtained by extraction of the aromatics from a light naphthenic distillate having a viscosity of 16cSt at 40oC (104oF). It consists predominantly of hydrocarbons having carbon numbers predominantly in the range of C14 through C29 and boiling in the range of approximately 250 oC to 425 oC (482 oF to 797 oF).]</t>
  </si>
  <si>
    <t>Hydrocarbons, C17-30, hydrotreated distillates, distn. lights; Baseoil — unspecified</t>
  </si>
  <si>
    <t>[A complex combination of hydrocarbons obtained by solvent extraction and hydrogenation of atmospheric distillation residues. It consists predominantly of hydrocarbons having carbon numbers predominantly in the range of C17 through C32 and produced a finished oil with a viscosity in the order of 17cSt to 23cSt at 40 oC (104 oF.]</t>
  </si>
  <si>
    <t>[A complex combination of hydrocarbons obtained by solvent extraction and hydrogenation of atmospheric distillation residues. It consists predominantly of hydrocarbons having carbon numbers predominantly in the range of C20 through C35 and produces a finished oil with a viscosity in the order of 37cSt to 44cSt at 40 oC (104 oF).]</t>
  </si>
  <si>
    <t>[A complex combination of hydrocarbons obtained by solvent extraction and hydrogenation of atmospheric distillation residues. It consists predominantly of hydrocarbons having carbon numbers predominantly in the range of C24 through C50 and produces a finished oil with a viscosity in the order of 16cSt to 75cSt at 40 oC (104 oF).]</t>
  </si>
  <si>
    <t>Distillate aromaticextract (treated); [A complex combination of hydrocarbons obtained as the extractfrom the re-extraction of solvent-refined heavy paraffinic distillate. It consists of saturated and aromatic hydrocarbons having carbon numbers predominantly in the range of C20 through C50.]</t>
  </si>
  <si>
    <t>[A complex combination of hydrocarbons obtained by treating a heavy naphthenic distillate solvent extract with hydrogen in the presence of a catalyst. It consists predomi nantly of aromatic hydrocarbons having carbon numbers predominantly in the range of C20 through C50 and produces a finished oil of at least 19cSt at 40 oC (100 SUS at 100 oF).]</t>
  </si>
  <si>
    <t>[A complex combination of hydrocarbons produced by treating a heavy paraffinic distillate solvent extract with hydrogen in the presence of a catalyst. It consists predominantly of hydrocarbons having carbon numbers predominantly in the range of C21 through C33 and boiling in the range of approximately 350oC to 480oC (662oF to 896oF).</t>
  </si>
  <si>
    <t>[A complex combination of hydrocarbons produced by treating a lightparaffinic distillate solvent extract with hydrogen in the presence of acatalyst. It consists predominantly of hydrocarbons having carbon numbers predominantly in the range of C17 through C26 and boiling in the range of approximately 280oC to 400oC (536 oF to 752 oF).]</t>
  </si>
  <si>
    <t>[A complex combination of hydrocarbons obtained as the extract from solvent extraction of intermediate paraffinic top solvent distillate that is treated with hydrogen in the presence of a catalyst. It consists predominantly of aromatic hydrocarbons having carbon numbers predominantly in the range of C16 through C36.]</t>
  </si>
  <si>
    <t>[A complex combination of hydrocarbons obtained by treating the extract, obtained from a solvent extraction process, with hydrogen in the presence of a catalyst under conditions primarily to remove sulfur compounds. It consists predominantly of aromatic hydrocarbons having carbon numbers predominantly in the range of C15 through C30. This stream is likely to contain 5 wt.% or more of 4-to 6-membered condensed ring aromatic hydrocarbons.]</t>
  </si>
  <si>
    <t>[A complex combination of hydrocarbons obtained as a fraction of the distillation of an extract from the solvent extraction of light paraffinic top petroleum distillates that is subjected to a sulfuric acid refining. It consists predomi nantly of aromatic hydrocarbons having carbon numbers predominantly in the range of C16 through C32.]</t>
  </si>
  <si>
    <t>[A complex combination of hydrocarbons obtained by solvent extraction of a light paraffin distillate and treated with hydrogen to convert the organic sulfur to hydrogen sulfide which is eliminated. It consists predominantly of hydrocarbons having carbon numbers predominantly in the range of C15 through C40 and produces a finished oil with a viscosity of greater than 10cSt at 40 oC.]</t>
  </si>
  <si>
    <t>[A complex combination of hydrocarbons obtained as a fraction from distillation of an extract recovered by solvent extraction of light paraffinic top petroleum distillate treated with activated charcoal to remove traces of polar constituents and impurities. It consists predominantly of aromatic hydrocarbons having carbon numbers predominantly in the range of C16 through C32.]</t>
  </si>
  <si>
    <t>[A complex combination of hydrocarbons obtained as a fraction from distillation of an extract recovered by solvent extraction of light paraffinic top petroleum distillates treated with bleaching earth to remove traces of polar constituents and impurities. It consists predominantly of aromatic hydrocarbons having carbon numbers predominantly in the range of C16 through C32.]</t>
  </si>
  <si>
    <t>[A complex combination of hydrocarbons obtained by solvent extraction of light vacuum petroleum gas oils treated with bleaching earth for removal of trace polar constituents and impurities. It consists predominantly of aromatic hydrocarbons having carbon numbers predominantly in the range of C13 through C30.]</t>
  </si>
  <si>
    <t>[A complex combination of hydrocarbons obtained as the oil fraction from a solvent deoiling or a wax sweating process. It consists predomi nantly of branched chain hydro carbons having carbon numbers predominantly in the range of C20 through C50.]</t>
  </si>
  <si>
    <t>N2-(4-chloro-o-tolyl)-N1,N1-dimethylformamidine</t>
  </si>
  <si>
    <t>chlordimeform hydrochloride; N'-(4-chloro-o-tolyl)-N,N-dimethylformamidine monohydrochloride;</t>
  </si>
  <si>
    <t>N2-(4-chloro-o-tolyl)-N1,N1-dimethylformamidine hydorchloride</t>
  </si>
  <si>
    <t>Reaction product of: polyethylene-polyamine-(C16-C18)-alkylamides with monothio-(C2)-alkyl phosphonates</t>
  </si>
  <si>
    <t>Article 1</t>
  </si>
  <si>
    <t>Amendments to Regulation (EC) No 1272/2008</t>
  </si>
  <si>
    <t>Regulation (EC) No 1272/2008 is amended as follows:</t>
  </si>
  <si>
    <t>Article 2</t>
  </si>
  <si>
    <t>Correction to Regulation (EC) No 1272/2008</t>
  </si>
  <si>
    <t>Annex VI to Regulation (EC) No 1272/2008 is corrected as set out in Annex IV to this Regulation.</t>
  </si>
  <si>
    <t>(1) Annex II is amended as set out in Annex I to this Regulation;</t>
  </si>
  <si>
    <t>(2) Annex III is amended as set out in Annex II to this Regulation;</t>
  </si>
  <si>
    <t>(3) Annex VI is amended as set out in Annex III to this Regulation.</t>
  </si>
  <si>
    <t>ANNEX III</t>
  </si>
  <si>
    <t>(1) Part 1 is amended as follows:</t>
  </si>
  <si>
    <t>(a) in point 1.1.3.1, the following notes V and W are added:</t>
  </si>
  <si>
    <t>‘Note V:</t>
  </si>
  <si>
    <t>If the substance is to be placed on the market as fibres (with diameter &lt; 3 μm, length &gt; 5 μm and aspect ratio ≥ 3:1) or particles of the substance fulfilling the WHO fibre criteria or as particles with modified surface chemistry, their hazardous properties must be evaluated in accordance with Title II of this Regulation, to assess whether a higher category (Carc. 1B or 1A) and/or additional routes of exposure (oral or dermal) should be applied.’</t>
  </si>
  <si>
    <t>Note W:</t>
  </si>
  <si>
    <t>‘It has been observed that the carcinogenic hazard of this substance arises when respirable dust is inhaled in quantities leading to significant impairment of particle clearance mechanisms in the lung.</t>
  </si>
  <si>
    <t>This note aims to describe the particular toxicity of the substance; it does not constitute a criterion for classification according to this Regulation.’;</t>
  </si>
  <si>
    <t>(b) in point 1.1.3.2, the following note 10 is added:</t>
  </si>
  <si>
    <t>‘Note 10:</t>
  </si>
  <si>
    <t>The classification as a carcinogen by inhalation applies only to mixtures in powder form containing 1 % or more of titanium dioxide which is in the form of or incorporated in particles with aerodynamic diameter ≤ 10 μm.’;</t>
  </si>
  <si>
    <t>(2) in Part 3, Table 3 is amended as follows:</t>
  </si>
  <si>
    <t>(a) the rows with index numbers 604-083-00-X and 611-159-00-6 are deleted;</t>
  </si>
  <si>
    <t>(b) the rows corresponding to index numbers 015-189-00-5, 027-001-00-9, 028-018-00-4, 603-023-00-X, 605-005-00-7, 606-047-00-9, 607-232-00-7, 607-247-00-9, 608-039-00-0, 613-054-00-0, 616-018-00-2 and 648-055-00-5 are replaced by the following rows respectively:</t>
  </si>
  <si>
    <t>‘015-189-00-5</t>
  </si>
  <si>
    <t>H413’</t>
  </si>
  <si>
    <t>‘027-001-00-9</t>
  </si>
  <si>
    <t>‘028-018-00-4</t>
  </si>
  <si>
    <t>oral: ATE = 853 mg/kg bw (anhydrate)</t>
  </si>
  <si>
    <t>oral: ATE = 1098 mg/kg bw (tetrahydrate)</t>
  </si>
  <si>
    <t>H373: 0,1 % ≤ C &lt; 1 %</t>
  </si>
  <si>
    <t>Skin Sens. 1;</t>
  </si>
  <si>
    <t>H317: C ≥ 0,01 %</t>
  </si>
  <si>
    <t>‘603-023-00-X</t>
  </si>
  <si>
    <t>inhalation: ATE = 700ppm (gases)</t>
  </si>
  <si>
    <t>oral: ATE = 100 mg/kg bw’</t>
  </si>
  <si>
    <t>‘605-005-00-7</t>
  </si>
  <si>
    <t>metaldehyde (ISO);</t>
  </si>
  <si>
    <t>2,4,6,8-tetramethyl-1,3,5,7-tetraoxacyclooctane</t>
  </si>
  <si>
    <t>oral: ATE = 283 mg/kg bw’</t>
  </si>
  <si>
    <t>‘607-232-00-7</t>
  </si>
  <si>
    <t>O-(6-chloro-3-phenylpyridazin-4-yl) S-octyl thiocarbonate</t>
  </si>
  <si>
    <t>oral: ATE = 500 mg/kg bw</t>
  </si>
  <si>
    <t>‘607-247-00-9</t>
  </si>
  <si>
    <t>STOT SE 3; H335: C ≥ 10 %’</t>
  </si>
  <si>
    <t>‘608-039-00-0</t>
  </si>
  <si>
    <t>ATE = 500 mg/kg bw’</t>
  </si>
  <si>
    <t>‘613-054-00-0</t>
  </si>
  <si>
    <t>thiabendazole (ISO);</t>
  </si>
  <si>
    <t>2-(thiazol-4-yl)benzimidazole</t>
  </si>
  <si>
    <t>‘616-018-00-2</t>
  </si>
  <si>
    <t>diethyltoluamide (ISO): N,N-diethyl-m-toluamide; [deet]</t>
  </si>
  <si>
    <t>ATE = 1892 mg/kg bw’</t>
  </si>
  <si>
    <t>Chemical Name</t>
  </si>
  <si>
    <t>‘022-006-002</t>
  </si>
  <si>
    <t>titanium dioxide;</t>
  </si>
  <si>
    <t>[in powder form containing 1 % or more of particles with aerodynamic diameter ≤ 10 μm]</t>
  </si>
  <si>
    <t>236-675-5</t>
  </si>
  <si>
    <t>13463-67-7</t>
  </si>
  <si>
    <t>V, W, 10’</t>
  </si>
  <si>
    <t>‘080-012-00-0</t>
  </si>
  <si>
    <t>methylmercuric chloride</t>
  </si>
  <si>
    <t>204-064-2</t>
  </si>
  <si>
    <t>H372 (nervous system, kidneys)</t>
  </si>
  <si>
    <t>inhalation: ATE = 0,05 mg/l (dusts or mists)</t>
  </si>
  <si>
    <t>dermal: ATE = 50 mg/kg bw</t>
  </si>
  <si>
    <t>oral: ATE = 5 mg/kg bw</t>
  </si>
  <si>
    <t>1’</t>
  </si>
  <si>
    <t>‘601-090-00-X</t>
  </si>
  <si>
    <t>205-877-5</t>
  </si>
  <si>
    <t>189-55-9</t>
  </si>
  <si>
    <t>H341’</t>
  </si>
  <si>
    <t>‘601-091-00-5</t>
  </si>
  <si>
    <t>205-878-0</t>
  </si>
  <si>
    <t>189-64-0</t>
  </si>
  <si>
    <t>‘603-236-00-8</t>
  </si>
  <si>
    <t>308-208-6</t>
  </si>
  <si>
    <t>97925-95-6</t>
  </si>
  <si>
    <t>H360D’</t>
  </si>
  <si>
    <t>‘607-733-00-0</t>
  </si>
  <si>
    <t>cyflumetofen (ISO);</t>
  </si>
  <si>
    <t>400882-07-7</t>
  </si>
  <si>
    <t>H317’</t>
  </si>
  <si>
    <t>‘607-734-00-6</t>
  </si>
  <si>
    <t>pentapotassium 2,2’,2’’,2’’’,2’’’’-(ethane-1,2-diylnitrilo)pentaacetate</t>
  </si>
  <si>
    <t>404-290-3</t>
  </si>
  <si>
    <t>7216-95-7</t>
  </si>
  <si>
    <t>Acute Tox. 4 STOT RE 2</t>
  </si>
  <si>
    <t>H373 (inhalation)</t>
  </si>
  <si>
    <t>ATE = 1,5 mg/l (dusts or mists)’</t>
  </si>
  <si>
    <t>‘607-735-00-1</t>
  </si>
  <si>
    <t>N-carboxymethyliminobis(ethylenenitrilo)tetra(acetic acid)</t>
  </si>
  <si>
    <t>200-652-8</t>
  </si>
  <si>
    <t>67-43-6</t>
  </si>
  <si>
    <t>‘607-736-00-7</t>
  </si>
  <si>
    <t>pentasodium (carboxylatomethyl)iminobis(ethylenenitrilo)tetraacetate</t>
  </si>
  <si>
    <t>205-391-3</t>
  </si>
  <si>
    <t>140-01-2</t>
  </si>
  <si>
    <t>‘607-737-00-2</t>
  </si>
  <si>
    <t>diisohexyl phthalate</t>
  </si>
  <si>
    <t>H360FD’</t>
  </si>
  <si>
    <t>‘608-069-00-4</t>
  </si>
  <si>
    <t>fludioxonil (ISO); 4-(2,2-difluoro-1,3-benzodioxol-4-yl)-1H-pyrrole-3-carbonitrile</t>
  </si>
  <si>
    <t>‘613-329-00-5</t>
  </si>
  <si>
    <t>halosulfuron-methyl (ISO);</t>
  </si>
  <si>
    <t>methyl 3-chloro-5-{[(4,6-dimethoxypyrimidin-2-yl)carbamoyl]sulfamoyl}-1-methyl-1H-pyrazole-4-carboxylate</t>
  </si>
  <si>
    <t>100784-20-1</t>
  </si>
  <si>
    <t>M = 1000’</t>
  </si>
  <si>
    <t>613-330-00-0</t>
  </si>
  <si>
    <t>2-methylimidazole</t>
  </si>
  <si>
    <t>211-765-7</t>
  </si>
  <si>
    <t>693-98-1</t>
  </si>
  <si>
    <t>‘616-225-00-8</t>
  </si>
  <si>
    <t>(RS)-2-methoxy-N-methyl-2-[α-(2,5-xylyloxy)-o-tolyl]acetamide; mandestrobin</t>
  </si>
  <si>
    <t>173662-97-0</t>
  </si>
  <si>
    <t>‘616-226-00-3</t>
  </si>
  <si>
    <t>carboxin (ISO);</t>
  </si>
  <si>
    <t>2-methyl-N-phenyl-5,6-dihydro-1,4-oxathiine-3-carboxamide; 5,6-dihydro-2-methyl-1,4-oxathiine-3-carboxanilide</t>
  </si>
  <si>
    <t>226-031-1</t>
  </si>
  <si>
    <t>5234-68-4</t>
  </si>
  <si>
    <t>‘616-227-00-9</t>
  </si>
  <si>
    <t>139968-49-3 [1]</t>
  </si>
  <si>
    <t>852403-68-0 [2]</t>
  </si>
  <si>
    <t>H373’</t>
  </si>
  <si>
    <t>‘650-056-00-0</t>
  </si>
  <si>
    <t>dibutylbis(pentane-2,4-dionato-O,O’)tin</t>
  </si>
  <si>
    <t>245-152-0</t>
  </si>
  <si>
    <t>H372 (immune system)’.</t>
  </si>
  <si>
    <t>ANNEX IV</t>
  </si>
  <si>
    <t>In Annex VI to Regulation (EC) No 1272/2008, in table 3, the row with Index No ‘648-055-00-5’ is replaced by the following:</t>
  </si>
  <si>
    <t>Cas No</t>
  </si>
  <si>
    <t>‘648-055-00-5</t>
  </si>
  <si>
    <t>pitch, coal tar, high-temp.; [The residue from the distillation of high temperature coal tar. A black solid with an approximate softening point from 30 °C to 180 °C (86 °F to 356 °F). Composed primarily of a complex mixture of three or more membered condensed ring aromatic hydrocarbons.]</t>
  </si>
  <si>
    <t>H360FD’.</t>
  </si>
  <si>
    <t>benzo[rst]pentaphene</t>
  </si>
  <si>
    <t>dibenzo[b,def]chrysene;</t>
  </si>
  <si>
    <t>dibenzo[a,h]pyrene</t>
  </si>
  <si>
    <t>ethanol, 2,2’-iminobis-, N-(C13-15-branched and linear alkyl) derivs.</t>
  </si>
  <si>
    <t>2-methoxyethyl (RS)-2-(4-tert-butylphenyl)-2-cyano-3-oxo-3-(α,α,α-trifluoro-o-tolyl)propionate</t>
  </si>
  <si>
    <t>metaflumizone (ISO); (EZ)-2’-[2-(4-cyanophenyl)-1-(α,α,α -trifluoro-m-tolyl)ethylidene]-[4-(trifluoromethoxy)phenyl]carbanilohydrazide [E-isomer ≥ 90 %, Z-isomer ≤ 10 % relative content]; [1]</t>
  </si>
  <si>
    <t>(E)-2’-[2-(4-cyanophenyl)-1-(α,α,α -trifluoro-m-tolyl)ethylidene]-[4-(trifluoromethoxy)phenyl]carbanilohydrazide [2]</t>
  </si>
  <si>
    <t>(c)　the following rows are inserted:</t>
    <phoneticPr fontId="4"/>
  </si>
  <si>
    <t>However, if the use of diaphragms containing chrysotile for electrolysis installations in use on 13 July 2016 had been exempted by a Member State in accordance with the version of this paragraph in force until that date, the first subparagraph shall not apply until 1 July 2025 to the use in those installations of such diaphragms or of chrysotile used exclusively in the maintenance of such diaphragms, provided that such use is carried out in compliance with the conditions of a permit set in accordance with Directive 2010/75/EU of the European Parliament and of the Council (*17).</t>
  </si>
  <si>
    <t>— Directive 2003/37/EC of the European Parliament and of the Council of 26 May 2003 on type-approval of agricultural or forestry tractors, their trailers and interchangeable towed machinery, together with their systems, components and separate technical units (*5), and</t>
  </si>
  <si>
    <t>ANNEX</t>
  </si>
  <si>
    <t>206-397-9 and others</t>
  </si>
  <si>
    <t>▼C8</t>
  </si>
  <si>
    <t>EC No: 271-093-5</t>
  </si>
  <si>
    <t>CAS No: 68515-50-4</t>
  </si>
  <si>
    <t>Toxic for reproduction (category 1B)</t>
  </si>
  <si>
    <t>27 August 2021 (*1)</t>
  </si>
  <si>
    <t>27 February 2023 (*2)</t>
  </si>
  <si>
    <t>EC No: 201-559-5</t>
  </si>
  <si>
    <t>CAS No: 84-75-3</t>
  </si>
  <si>
    <t>EC No: 271-094-0; 272-013-1</t>
  </si>
  <si>
    <t>CAS No: 68515-51-5; 68648-93-1</t>
  </si>
  <si>
    <t>EC No: 246-677-8</t>
  </si>
  <si>
    <t>CAS No: 25155-23-1</t>
  </si>
  <si>
    <t>EC No: 239-172-9; 234-390-0</t>
  </si>
  <si>
    <t>CAS No: -</t>
  </si>
  <si>
    <t>EC No: 231-556-4</t>
  </si>
  <si>
    <t>CAS No: 7632-04-4</t>
  </si>
  <si>
    <t>EC No: 247-384-8</t>
  </si>
  <si>
    <t>CAS No: 25973-55-1</t>
  </si>
  <si>
    <t>EC No: 223-383-8</t>
  </si>
  <si>
    <t>CAS No: 3864-99-1</t>
  </si>
  <si>
    <t>EC No: 253-037-1</t>
  </si>
  <si>
    <t>CAS No: 36437-37-3</t>
  </si>
  <si>
    <t>EC No: 223-346-6</t>
  </si>
  <si>
    <t>CAS No: 3846-71-7</t>
  </si>
  <si>
    <t>Dibutylbis(pentane-2,4-dionato-O,O')tin</t>
  </si>
  <si>
    <t>25/06/2020</t>
  </si>
  <si>
    <t>202-318-7</t>
  </si>
  <si>
    <t>94-26-8</t>
  </si>
  <si>
    <t>[EU] RoHS Directive 2011/65/EU and its amendments; [China] Law Measures for Restriction of the Use of Hazardous Substances in Electrical Appliances and Electronic Products; [Japan] Law for the Promotion of Effective Utilization of Resources; [EU] REACH Regulation (EC) No.1907/2006 ANNEX XVII</t>
  </si>
  <si>
    <t>2020-06-25</t>
  </si>
  <si>
    <t>00166</t>
  </si>
  <si>
    <t>[USA California] Electronic Waste Recycling Act (California RoHS) SB 20, amended by SB 50 and AB 575</t>
  </si>
  <si>
    <t>Video display devices, with a screen size of greater than four inches</t>
  </si>
  <si>
    <t>Mass percent of total cadmium in homogenous material and total mass of all occurrences in product</t>
  </si>
  <si>
    <t>[EU] RoHS Directive 2011/65/EU and its amendments; [China] Law Measures for Restriction of the Use of Hazardous Substances in Electrical Appliances and Electronic Products; [Japan] Law for the Promotion of Effective Utilization of Resources;</t>
  </si>
  <si>
    <t>00167</t>
  </si>
  <si>
    <t>Mass percent of total hexavalent chromium in homogenous material and total mass of all occurrences in product</t>
  </si>
  <si>
    <t>D19.00: The declarable substance group was changed to align with the REACH Candidate List designation by separating out  "Tetraboron disodium heptaoxide, hydrate" as a new declarable substance entry (ID=00163)_x000D_
D11.00: The reporting threshold has been updated to align with the European Court of Justice ruling "JUDGMENT OF THE COURT (Third Chamber) 10 September 2015", and set ReportingLevel to Article.</t>
  </si>
  <si>
    <t>00168</t>
  </si>
  <si>
    <t>Mass percent of total lead in homogeneous material and total mass of all occurrences in product</t>
  </si>
  <si>
    <t>[EU] RoHS Directive 2011/65/EU and its amendments; [China] Law Measures for Restriction of the Use of Hazardous Substances in Electrical Appliances and Electronic Products; [Japan] Law for the Promotion of Effective Utilization of Resources; [EU] REACH Regulation (EC) No.1907/2006 ANNEX XVII; [Canada] Products containing Mercury regurations SOR/2014-254</t>
  </si>
  <si>
    <t>00169</t>
  </si>
  <si>
    <t>Additional substance description: NA</t>
  </si>
  <si>
    <t>0.1 mass% of total Hg in homogenous material</t>
  </si>
  <si>
    <t>Mass percent of total mercury in homogenous material and total mass of all occurrences in product</t>
  </si>
  <si>
    <t>00170</t>
  </si>
  <si>
    <t>Used as biocides and as stabilisers in plastics. Used also as a catalyst and in the manufacturing of adhesives, sealants, coatings, dyes, polymer preparations, resins and rubber. Can be found in supplied articles.</t>
  </si>
  <si>
    <t>D20.00: Substance added</t>
  </si>
  <si>
    <t>2020 GADSL Reference List Version 1.0</t>
    <phoneticPr fontId="4"/>
  </si>
  <si>
    <t>　また、chemSHERPAでは、各法規制・業界基準の対象物質が化学物質群の場合、個別の物質に展開したリスト（管理対象物質検索用リスト）を作成し、外部リストに組み込んでデータ作成支援ツールに搭載しています。つまり、参照用リストにすべての個別物質が収載されているわけではありませんので、ご注意ください。
　管理対象物質検索用リストは公開していませんが、それを含む外部リストは有償にてご提供しております。　必要な場合は、事務局にお問い合わせください。
　なお、管理対象物質検索用リストには、各法規制・業界基準の対象物質が化学物質群の場合、個別の物質に展開して収載していますが、これについて、完全な物質展開を目指しているものではありません。本リストに収載されていない物質でも管理対象物質になる場合がありますことをご理解の上、ご利用ください。</t>
    <rPh sb="55" eb="57">
      <t>カンリ</t>
    </rPh>
    <rPh sb="57" eb="59">
      <t>タイショウ</t>
    </rPh>
    <rPh sb="59" eb="61">
      <t>ブッシツ</t>
    </rPh>
    <rPh sb="61" eb="64">
      <t>ケンサクヨウ</t>
    </rPh>
    <rPh sb="69" eb="71">
      <t>サクセイ</t>
    </rPh>
    <rPh sb="87" eb="89">
      <t>サクセイ</t>
    </rPh>
    <rPh sb="89" eb="91">
      <t>シエン</t>
    </rPh>
    <rPh sb="95" eb="97">
      <t>トウサイ</t>
    </rPh>
    <rPh sb="107" eb="109">
      <t>サンショウ</t>
    </rPh>
    <rPh sb="109" eb="110">
      <t>ヨウ</t>
    </rPh>
    <rPh sb="118" eb="120">
      <t>コベツ</t>
    </rPh>
    <rPh sb="120" eb="122">
      <t>ブッシツ</t>
    </rPh>
    <rPh sb="123" eb="125">
      <t>シュウサイ</t>
    </rPh>
    <rPh sb="143" eb="145">
      <t>チュウイ</t>
    </rPh>
    <rPh sb="165" eb="167">
      <t>コウカイ</t>
    </rPh>
    <rPh sb="201" eb="203">
      <t>ヒツヨウ</t>
    </rPh>
    <rPh sb="204" eb="206">
      <t>バアイ</t>
    </rPh>
    <rPh sb="208" eb="211">
      <t>ジムキョク</t>
    </rPh>
    <rPh sb="213" eb="214">
      <t>ト</t>
    </rPh>
    <rPh sb="215" eb="216">
      <t>ア</t>
    </rPh>
    <phoneticPr fontId="4"/>
  </si>
  <si>
    <t xml:space="preserve"> LR01: (日本) 化審法　第一種特定化学物質</t>
    <phoneticPr fontId="4"/>
  </si>
  <si>
    <t>(日本) 化審法　第一種特定化学物質</t>
    <phoneticPr fontId="4"/>
  </si>
  <si>
    <t>(EU) 2015/863</t>
    <phoneticPr fontId="4"/>
  </si>
  <si>
    <t>昭和６１年 ９月１７日</t>
    <phoneticPr fontId="4"/>
  </si>
  <si>
    <t>平成１４年 ９月 ４日</t>
    <phoneticPr fontId="4"/>
  </si>
  <si>
    <t>平成２２年４月１日</t>
    <rPh sb="0" eb="2">
      <t>ヘイセイ</t>
    </rPh>
    <rPh sb="4" eb="5">
      <t>ネン</t>
    </rPh>
    <rPh sb="6" eb="7">
      <t>ガツ</t>
    </rPh>
    <rPh sb="8" eb="9">
      <t>ニチ</t>
    </rPh>
    <phoneticPr fontId="4"/>
  </si>
  <si>
    <t>平成２６年 ５月 １日</t>
    <rPh sb="0" eb="2">
      <t>ヘイセイ</t>
    </rPh>
    <rPh sb="4" eb="5">
      <t>ネン</t>
    </rPh>
    <rPh sb="7" eb="8">
      <t>ガツ</t>
    </rPh>
    <rPh sb="10" eb="11">
      <t>ニチ</t>
    </rPh>
    <phoneticPr fontId="4"/>
  </si>
  <si>
    <t>平成２８年 ４月 １日</t>
    <rPh sb="0" eb="2">
      <t>ヘイセイ</t>
    </rPh>
    <rPh sb="4" eb="5">
      <t>ネン</t>
    </rPh>
    <rPh sb="7" eb="8">
      <t>ガツ</t>
    </rPh>
    <rPh sb="10" eb="11">
      <t>ニチ</t>
    </rPh>
    <phoneticPr fontId="4"/>
  </si>
  <si>
    <t>平成３０年 ４月 １日</t>
    <rPh sb="0" eb="2">
      <t>ヘイセイ</t>
    </rPh>
    <rPh sb="4" eb="5">
      <t>ネン</t>
    </rPh>
    <rPh sb="7" eb="8">
      <t>ガツ</t>
    </rPh>
    <rPh sb="10" eb="11">
      <t>ニチ</t>
    </rPh>
    <phoneticPr fontId="4"/>
  </si>
  <si>
    <t>平成１９年１１月１０日</t>
    <rPh sb="0" eb="2">
      <t>ヘイセイ</t>
    </rPh>
    <rPh sb="4" eb="5">
      <t>ネン</t>
    </rPh>
    <rPh sb="7" eb="8">
      <t>ガツ</t>
    </rPh>
    <rPh sb="10" eb="11">
      <t>ニチ</t>
    </rPh>
    <phoneticPr fontId="4"/>
  </si>
  <si>
    <t>平成１７年 ４月 １日</t>
    <phoneticPr fontId="4"/>
  </si>
  <si>
    <t>昭和４９年 ６月１０日</t>
    <phoneticPr fontId="4"/>
  </si>
  <si>
    <t>昭和５４年 ８月２０日</t>
    <phoneticPr fontId="4"/>
  </si>
  <si>
    <t>昭和５６年１０月１２日</t>
    <phoneticPr fontId="4"/>
  </si>
  <si>
    <t>平成 ２年 １月 ６日</t>
    <phoneticPr fontId="4"/>
  </si>
  <si>
    <t>平成１３年 １月 ６日</t>
    <phoneticPr fontId="4"/>
  </si>
  <si>
    <t>(2) Any person using as a metalworking fluid a product containing P-84-529 is prohibited from adding any nitrosating agent to the product.</t>
    <phoneticPr fontId="4"/>
  </si>
  <si>
    <t>(2) A person using as a metalworking fluid a product containing P-84-310 is prohibited from adding any nitrosating agent to the product.</t>
    <phoneticPr fontId="4"/>
  </si>
  <si>
    <t>EU官報［06/03/2020統合版］</t>
    <phoneticPr fontId="11"/>
  </si>
  <si>
    <t>Dicofol</t>
  </si>
  <si>
    <t>None</t>
  </si>
  <si>
    <t>reaction mass of: [2,4-dioxo-(2-propyn-1-yl)imidazolidin-3-yl]methyl(1R)-cis-chrysanthemate; [2,4-dioxo-(2-propyn-1-yl)imidazolidin-3-yl]methyl(1R)-trans-chrysanthemate</t>
  </si>
  <si>
    <t>bis(α,α-dimethylbenzyl) peroxide</t>
  </si>
  <si>
    <t>COMMISSION DELEGATED REGULATION (EU) 2020/1182</t>
    <phoneticPr fontId="31"/>
  </si>
  <si>
    <t>of 19 May 2020</t>
    <phoneticPr fontId="31"/>
  </si>
  <si>
    <t>amending, for the purposes of its adaptation to technical and scientific progress, Part 3 of Annex VI to Regulation (EC) No 1272/2008 of the European Parliament and of the Council on classification, labelling and packaging of substances and mixtures (Text with EEA relevance)</t>
    <phoneticPr fontId="31"/>
  </si>
  <si>
    <t>Article 1</t>
    <phoneticPr fontId="31"/>
  </si>
  <si>
    <t>Amendments to Regulation (EC) No 1272/2008</t>
    <phoneticPr fontId="31"/>
  </si>
  <si>
    <t>Table 3 of Part 3 of Annex VI to Regulation (EC) No 1272/2008 is amended as set out in the Annex to this Regulation.</t>
    <phoneticPr fontId="31"/>
  </si>
  <si>
    <t>In Annex VI to Regulation (EC) No 1272/2008, Table 3 of Part 3 is amended as follows:</t>
  </si>
  <si>
    <t>(1) the following entries are inserted:</t>
    <phoneticPr fontId="31"/>
  </si>
  <si>
    <t>Specific Conc. Limits, M-factors and ATE</t>
  </si>
  <si>
    <t>‘007-030-00-3</t>
  </si>
  <si>
    <t>nitric acid …% [C ≤ 70 %]</t>
  </si>
  <si>
    <t>7697-37-2.</t>
  </si>
  <si>
    <t>Ox. Liq. 3</t>
  </si>
  <si>
    <t>Ox. Liq. 3; H272: C ≥ 65 %</t>
  </si>
  <si>
    <t>B’</t>
  </si>
  <si>
    <t>inhalation: ATE = 2,65 mg/L (vapours)</t>
  </si>
  <si>
    <t>Skin Corr. 1A; H314: C ≥ 20 %</t>
  </si>
  <si>
    <t>Skin Corr. 1B; H314: 5 % ≤ C &lt; 20 %</t>
  </si>
  <si>
    <t>‘014-048-00-5</t>
  </si>
  <si>
    <t>silicon carbide fibres (with diameter &lt; 3 μm, length &gt; 5 μm and aspect ratio ≥ 3:1)</t>
  </si>
  <si>
    <t>206-991-8</t>
  </si>
  <si>
    <t>409-21-2</t>
  </si>
  <si>
    <t>H350i’</t>
  </si>
  <si>
    <t>308076-74-6</t>
  </si>
  <si>
    <t>‘014-049-00-0</t>
  </si>
  <si>
    <t>trimethoxyvinylsilane; trimethoxy(vinyl)silane</t>
  </si>
  <si>
    <t>220-449-8</t>
  </si>
  <si>
    <t>2768-02-7</t>
  </si>
  <si>
    <t>‘014-050-00-6</t>
  </si>
  <si>
    <t>tris(2-methoxyethoxy)vinylsilane;</t>
  </si>
  <si>
    <t>213-934-0</t>
  </si>
  <si>
    <t>1067-53-4</t>
  </si>
  <si>
    <t>6-(2-methoxyethoxy)-6-vinyl-2,5,7,10-tetraoxa-6-silaundecane</t>
  </si>
  <si>
    <t>‘016-098-00-3</t>
  </si>
  <si>
    <t>dimethyl disulphide</t>
  </si>
  <si>
    <t>210-871-0</t>
  </si>
  <si>
    <t>624-92-0</t>
  </si>
  <si>
    <t>inhalation: ATE = 5 mg/L (vapours)</t>
  </si>
  <si>
    <t>oral: ATE = 190 mg/kg bw</t>
  </si>
  <si>
    <t>H370 (upper respiratory tract, inhalation)</t>
  </si>
  <si>
    <t>‘029-024-00-X</t>
  </si>
  <si>
    <t>granulated copper;</t>
  </si>
  <si>
    <t>231-159-6</t>
  </si>
  <si>
    <t>H411’</t>
  </si>
  <si>
    <t>[particle length: from 0,9 mm to 6,0 mm; particle width: from 0,494 to 0,949 mm]</t>
  </si>
  <si>
    <t>‘029-025-00-5</t>
  </si>
  <si>
    <t>bis(N-hydroxy-N-nitrosocyclohexylaminato-O,O’)copper;</t>
  </si>
  <si>
    <t>239-703-4</t>
  </si>
  <si>
    <t>oral: ATE = 360 mg/kg bw</t>
  </si>
  <si>
    <t>bis(N-cyclohexyl-diazenium-dioxy)-copper;</t>
  </si>
  <si>
    <t>15627-09-5</t>
  </si>
  <si>
    <t>[Cu-HDO]</t>
  </si>
  <si>
    <t>H373(liver)</t>
  </si>
  <si>
    <t>‘050-031-00-9</t>
  </si>
  <si>
    <t>dioctyltin dilaurate; [1]</t>
  </si>
  <si>
    <t>222-883-3 [1] 293-901-5 [2]</t>
  </si>
  <si>
    <t>3648-18-8 [1] 91648-39-4 [2]</t>
  </si>
  <si>
    <t>stannane, dioctyl-, bis(coco acyloxy) derivs. [2]</t>
  </si>
  <si>
    <t>H372 (immune system)’</t>
  </si>
  <si>
    <t>‘601-092-00-0</t>
  </si>
  <si>
    <t>dibenzo[def,p]chrysene;</t>
  </si>
  <si>
    <t>205-886-4</t>
  </si>
  <si>
    <t>191-30-0</t>
  </si>
  <si>
    <t>Carc. 1B; H350: C ≥ 0,001 %’</t>
  </si>
  <si>
    <t>dibenzo[a,l]pyrene</t>
  </si>
  <si>
    <t>‘603-237-00-3</t>
  </si>
  <si>
    <t>ipconazole (ISO);</t>
  </si>
  <si>
    <t>125225-28-7</t>
  </si>
  <si>
    <t>(1RS,2SR,5RS;1RS,2SR,5SR)-2-(4-chlorobenzyl)-5-isopropyl-1-(1H-1,2,4-triazol-1-ylmethyl)cyclopentanol</t>
  </si>
  <si>
    <t>115850-69-6</t>
  </si>
  <si>
    <t>M = 100’</t>
  </si>
  <si>
    <t>115937-89-8</t>
  </si>
  <si>
    <t>H373 (eyes, skin, liver)</t>
  </si>
  <si>
    <t>‘603-238-00-9</t>
  </si>
  <si>
    <t>bis(2-(2-methoxyethoxy)ethyl)ether; tetraglyme</t>
  </si>
  <si>
    <t>205-594-7</t>
  </si>
  <si>
    <t>143-24-8</t>
  </si>
  <si>
    <t>‘603-239-00-4</t>
  </si>
  <si>
    <t>paclobutrazol (ISO);</t>
  </si>
  <si>
    <t>76738-62-0</t>
  </si>
  <si>
    <t>inhalation: ATE = 3,13 mg/L (dusts or mists)</t>
  </si>
  <si>
    <t>(2RS,3RS)-1-(4-chlorophenyl)-4,4-dimethyl-2-(1H-1,2,4-triazol-1-yl)pentan-3-ol</t>
  </si>
  <si>
    <t>oral: ATE = 490 mg/kg bw</t>
  </si>
  <si>
    <t>‘603-240-00-X</t>
  </si>
  <si>
    <t>2,2-bis(bromomethyl)propane-1,3-diol</t>
  </si>
  <si>
    <t>221-967-7</t>
  </si>
  <si>
    <t>H340’</t>
  </si>
  <si>
    <t>‘603-241-00-5</t>
  </si>
  <si>
    <t>geraniol;</t>
  </si>
  <si>
    <t>203-377-1</t>
  </si>
  <si>
    <t>106-24-1</t>
  </si>
  <si>
    <t>(2E)-3,7-dimethylocta-2,6-dien-1-ol</t>
  </si>
  <si>
    <t>‘605-041-00-3</t>
  </si>
  <si>
    <t>2-(4-tert-butylbenzyl)propionaldehyde</t>
  </si>
  <si>
    <t>201-289-8</t>
  </si>
  <si>
    <t>80-54-6</t>
  </si>
  <si>
    <t>H360Fd’</t>
  </si>
  <si>
    <t>‘607-738-00-8</t>
  </si>
  <si>
    <t>MCPA-thioethyl (ISO);</t>
  </si>
  <si>
    <t>246-831-4</t>
  </si>
  <si>
    <t>25319-90-8</t>
  </si>
  <si>
    <t>oral: ATE = 450 mg/kg bw</t>
  </si>
  <si>
    <t>S-ethyl (4-chloro-2-methylphenoxy)ethanethioate; S-ethyl 4-chloro-o-tolyloxythioacetate</t>
  </si>
  <si>
    <t>STOT RE. 2</t>
  </si>
  <si>
    <t>‘607-740-00-9</t>
  </si>
  <si>
    <t>diisooctyl phthalate</t>
  </si>
  <si>
    <t>248-523-5</t>
  </si>
  <si>
    <t>27554-26-3</t>
  </si>
  <si>
    <t>‘607-741-00-4</t>
  </si>
  <si>
    <t>4-{[(6-chloropyridin-3-yl)methyl](2,2-difluoroethyl)amino}furan-2(5H)-one; flupyradifurone</t>
  </si>
  <si>
    <t>951659-40-8</t>
  </si>
  <si>
    <t>H373 (muscle)</t>
  </si>
  <si>
    <t>‘607-742-00-X</t>
  </si>
  <si>
    <t>thiencarbazone-methyl (ISO);</t>
  </si>
  <si>
    <t>317815-83-1</t>
  </si>
  <si>
    <t>methyl 4-[(4,5-dihydro-3-methoxy-4-methyl-5-oxo-1H-1,2,4-triazol-1-yl)carbonylsulfamoyl]-5- methylthiophene-3-carboxylate</t>
  </si>
  <si>
    <t>‘607-743-00-5</t>
  </si>
  <si>
    <t>L-(+)-lactic acid;</t>
  </si>
  <si>
    <t>201-196-2</t>
  </si>
  <si>
    <t>EUH071’</t>
  </si>
  <si>
    <t>(2S)-2-hydroxypropanoic acid</t>
  </si>
  <si>
    <t>‘607-744-00-0</t>
  </si>
  <si>
    <t>2-methoxyethyl acrylate</t>
  </si>
  <si>
    <t>221-499-3</t>
  </si>
  <si>
    <t>3121-61-7</t>
  </si>
  <si>
    <t>inhalation: ATE = 2,7 mg/L (vapours)</t>
  </si>
  <si>
    <t>oral: ATE = 404 mg/kg bw’</t>
  </si>
  <si>
    <t>‘607-745-00-6</t>
  </si>
  <si>
    <t>glyoxylic acid …%</t>
  </si>
  <si>
    <t>206-058-5</t>
  </si>
  <si>
    <t>298-12-4</t>
  </si>
  <si>
    <t>‘607-746-00-1</t>
  </si>
  <si>
    <t>sodium N-(hydroxymethyl)glycinate;</t>
  </si>
  <si>
    <t>274-357-8</t>
  </si>
  <si>
    <t>inhalation: ATE = 3 mg/L (dusts or mists)</t>
  </si>
  <si>
    <t>[formaldehyde released from sodium N-(hydroxymethyl)glycinate]</t>
  </si>
  <si>
    <t>oral: ATE = 1100 mg/kg bw</t>
  </si>
  <si>
    <t>9’</t>
  </si>
  <si>
    <t>‘611-181-00-6</t>
  </si>
  <si>
    <t>potassium (oxido-NNO-azoxy)cyclohexane;</t>
  </si>
  <si>
    <t>oral: ATE = 136 mg/kg bw’</t>
  </si>
  <si>
    <t>cyclohexylhydroxydiazene 1-oxide, potassium salt;</t>
  </si>
  <si>
    <t>[K-HDO]</t>
  </si>
  <si>
    <t>‘612-294-00-3</t>
  </si>
  <si>
    <t>mecetronium etilsulfate;</t>
  </si>
  <si>
    <t>221-106-5</t>
  </si>
  <si>
    <t>3006-10-8</t>
  </si>
  <si>
    <t>N-ethyl-N,N-dimethylhexadecan-1-aminium ethyl sulfate;</t>
  </si>
  <si>
    <t>mecetronium ethyl sulphate;</t>
  </si>
  <si>
    <t>[MES]</t>
  </si>
  <si>
    <t>‘613-331-00-6</t>
  </si>
  <si>
    <t>(2RS)-2-[4-(4-chlorophenoxy)-2-(trifluoromethyl)phenyl]-1-(1H-1,2,4-triazol-1-yl)propan-2-ol;</t>
  </si>
  <si>
    <t>1417782-03-6</t>
  </si>
  <si>
    <t>mefentrifluconazole</t>
  </si>
  <si>
    <t>‘613-332-00-1</t>
  </si>
  <si>
    <t>oxathiapiprolin (ISO);</t>
  </si>
  <si>
    <t>1003318-67-9</t>
  </si>
  <si>
    <t>1-(4-{4-[5-(2,6-difluorophenyl)-4,5-dihydro-1,2-oxazol-3-yl]-1,3-thiazol-2-yl}piperidin-1-yl)-2-[5-methyl-3-(trifluoromethyl)-1H-pyrazol-1-yl]ethanone</t>
  </si>
  <si>
    <t>‘613-333-00-7</t>
  </si>
  <si>
    <t>pyrithione zinc; (T-4)-bis[1-(hydroxy-.kappa.O)pyridine-2(1H)-thionato-.kappa.S]zinc</t>
  </si>
  <si>
    <t>236-671-3</t>
  </si>
  <si>
    <t>inhalation: ATE = 0,14 mg/L (dusts or mists)</t>
  </si>
  <si>
    <t>oral: ATE = 221 mg/kg bw</t>
  </si>
  <si>
    <t>‘613-334-00-2</t>
  </si>
  <si>
    <t>flurochloridone (ISO);</t>
  </si>
  <si>
    <t>262-661-3</t>
  </si>
  <si>
    <t>61213-25-0</t>
  </si>
  <si>
    <t>3-chloro-4-(chloromethyl)-1-[3-(trifluoromethyl)phenyl]pyrrolidin-2-one</t>
  </si>
  <si>
    <t>‘613-335-00-8</t>
  </si>
  <si>
    <t>4,5-dichloro-2-octyl-2H-isothiazol-3-one; [DCOIT]</t>
  </si>
  <si>
    <t>264-843-8</t>
  </si>
  <si>
    <t>inhalation: ATE = 0,16 mg/L (dusts or mists)</t>
  </si>
  <si>
    <t>oral: ATE = 567 mg/kg bw</t>
  </si>
  <si>
    <t>Skin Irrit. 2; H315: 0,025 % ≤ C &lt; 5 %</t>
  </si>
  <si>
    <t>Eye Irrit. 2; H319: 0,025 % ≤ C &lt; 3 %</t>
  </si>
  <si>
    <t>‘613-336-00-3</t>
  </si>
  <si>
    <t>2-methyl-1,2-benzothiazol-3(2H)-one;</t>
  </si>
  <si>
    <t>2527-66-4</t>
  </si>
  <si>
    <t>dermal: ATE = 1100 mg/kg bw</t>
  </si>
  <si>
    <t>[MBIT]</t>
  </si>
  <si>
    <t>oral: ATE = 175 mg/kg bw</t>
  </si>
  <si>
    <t>‘616-228-00-4</t>
  </si>
  <si>
    <t>3-(difluoromethyl)-1-methyl-N-(3',4',5'-trifluorobiphenyl-2-yl)pyrazole-4-carboxamide;</t>
  </si>
  <si>
    <t>907204-31-3</t>
  </si>
  <si>
    <t>fluxapyroxad</t>
  </si>
  <si>
    <t>‘616-230-00-5</t>
  </si>
  <si>
    <t>N-(hydroxymethyl)acrylamide; methylolacrylamide; [NMA]</t>
  </si>
  <si>
    <t>213-103-2</t>
  </si>
  <si>
    <t>924-42-5</t>
  </si>
  <si>
    <t>H372 (peripheral nervous system)</t>
  </si>
  <si>
    <t>H372 (peripheral nervous system)’</t>
  </si>
  <si>
    <t>‘616-231-00-0</t>
  </si>
  <si>
    <t>5-fluoro-1,3-dimethyl-N-[2-(4-methylpentan-2-yl)phenyl]-1H-pyrazole-4-carboxamide; 2'-[(RS)-1,3-dimethylbutyl]-5-fluoro-1,3-dimethylpyrazole-4-carboxanilide;</t>
  </si>
  <si>
    <t>494793-67-8</t>
  </si>
  <si>
    <t>penflufen</t>
  </si>
  <si>
    <t>‘616-232-00-6</t>
  </si>
  <si>
    <t>iprovalicarb (ISO);</t>
  </si>
  <si>
    <t>140923-17-7</t>
  </si>
  <si>
    <t>H351’</t>
  </si>
  <si>
    <t>isopropyl [(2S)-3-methyl-1-{[1-(4-methylphenyl)ethyl]amino}-1-oxobutan-2-yl]carbamate</t>
  </si>
  <si>
    <t>‘616-233-00-1</t>
  </si>
  <si>
    <t>silthiofam (ISO);</t>
  </si>
  <si>
    <t>175217-20-6</t>
  </si>
  <si>
    <t>N-allyl-4,5-dimethyl-2-(trimethylsilyl)thiophene-3-carboxamide</t>
  </si>
  <si>
    <t>‘650-057-00-6</t>
  </si>
  <si>
    <t>Margosa, ext. [cold-pressed oil of Azadirachta indica seeds without shells extracted with super-critical carbon dioxide]</t>
  </si>
  <si>
    <t>283-644-7</t>
  </si>
  <si>
    <t>H412’</t>
  </si>
  <si>
    <t>(2) the entries corresponding to index numbers 007-004-00-1; 014-018-00-1; 015-134-00-5; 015-181-00-1; 050-021-00-4; 050-027-00-7; 082-013-00-1; 603-014-00-0; 603-065-00-9; 605-019-00-3; 607-177-00-9; 607-256-00-8; 607-314-00-2; 609-041-00-4; 609-064-00-X; 613-112-00-5; 613-115-00-1; 613-125-00-6; 613-202-00-4; 613-259-00-5; 616-014-00-0 and 617-006-00-X are replaced by the following entries respectively:</t>
    <phoneticPr fontId="31"/>
  </si>
  <si>
    <t>‘007-004-00-1</t>
  </si>
  <si>
    <t>nitric acid …% [C &gt; 70 %]</t>
  </si>
  <si>
    <t>Ox. Liq. 2; H272: C ≥ 99 %</t>
  </si>
  <si>
    <t>Ox. Liq. 3; H272: 70 % ≤ C &lt; 99 %</t>
  </si>
  <si>
    <t>‘014-018-00-1</t>
  </si>
  <si>
    <t>octamethylcyclotetrasiloxane;</t>
  </si>
  <si>
    <t>[D4]</t>
  </si>
  <si>
    <t>‘015-134-00-5</t>
  </si>
  <si>
    <t>oral: ATE = 1414 mg/kg bw</t>
  </si>
  <si>
    <t>O-[2-(diethylamino)-6-methylpyrimidin-4-yl] O,O-dimethyl phosphorothioate</t>
  </si>
  <si>
    <t>‘015-181-00-1</t>
  </si>
  <si>
    <t>U’</t>
  </si>
  <si>
    <t>ATE = 10 ppmV (gases)</t>
  </si>
  <si>
    <t>‘050-021-00-4</t>
  </si>
  <si>
    <t>dichlorodioctylstannane</t>
  </si>
  <si>
    <t>Repr. 1B; H360 D: C ≥ 0,03 %</t>
  </si>
  <si>
    <t>inhalation: ATE = 0,098 mg/L (dusts or mists)’</t>
  </si>
  <si>
    <t>‘050-027-00-7</t>
  </si>
  <si>
    <t>2-ethylhexyl 10-ethyl-4,4-dioctyl-7-oxo-8-oxa-3,5-dithia-4-stannatetradecanoate; [DOTE]</t>
  </si>
  <si>
    <t>‘082-013-00-1</t>
  </si>
  <si>
    <t>lead powder; [particle diameter &lt; 1 mm]</t>
  </si>
  <si>
    <t>H360FD H362</t>
  </si>
  <si>
    <t>Repr. 1A; H360D: C ≥ 0,03 %</t>
  </si>
  <si>
    <t>‘603-014-00-0</t>
  </si>
  <si>
    <t>oral: ATE = 1200 mg/kg bw’</t>
  </si>
  <si>
    <t>ethylene glycol monobutyl ether</t>
  </si>
  <si>
    <t>‘603-065-00-9</t>
  </si>
  <si>
    <t>m-bis(2,3-epoxypropoxy)benzene;</t>
  </si>
  <si>
    <t>dermal: ATE = 300 mg/kg bw oral: ATE = 500 mg/kg bw’</t>
  </si>
  <si>
    <t>resorcinol diglycidyl ether</t>
  </si>
  <si>
    <t>‘607-177-00-9</t>
  </si>
  <si>
    <t>tribenuron-methyl (ISO);</t>
  </si>
  <si>
    <t>methyl 2-[N-(4-methoxy-6-methyl-1,3,5-triazin-2-yl)-N-methylcarbamoylsulfamoyl]benzoate</t>
  </si>
  <si>
    <t>‘607-256-00-8</t>
  </si>
  <si>
    <t>azoxystrobin (ISO);</t>
  </si>
  <si>
    <t>methyl (E)-2-{2-[6-(2-cyanophenoxy)pyrimidin-4-yloxy]phenyl}-3-methoxyacrylate</t>
  </si>
  <si>
    <t>ATE = 0,7 mg/L (dusts or mists)</t>
  </si>
  <si>
    <t>‘607-314-00-2</t>
  </si>
  <si>
    <t>ethofumesate (ISO);</t>
  </si>
  <si>
    <t>(RS)-2-ethoxy-2,3-dihydro-3,3-dimethylbenzofuran-5-yl methanesulfonate</t>
  </si>
  <si>
    <t>‘609-041-00-4</t>
  </si>
  <si>
    <t>dermal: ATE = 300 mg/kg bw oral: ATE = 30 mg/kg bw’</t>
  </si>
  <si>
    <t>‘609-064-00-X</t>
  </si>
  <si>
    <t>mesotrione (ISO);</t>
  </si>
  <si>
    <t>H373 (eyes, nervous system)</t>
  </si>
  <si>
    <t>‘613-112-00-5</t>
  </si>
  <si>
    <t>octhilinone (ISO);</t>
  </si>
  <si>
    <t>inhalation: ATE = 0,27 mg/L (dusts or mists)</t>
  </si>
  <si>
    <t>2-octyl-2H-isothiazol-3-one; [OIT]</t>
  </si>
  <si>
    <t>dermal: ATE = 311 mg/kg bw oral: ATE = 125 mg/kg bw</t>
  </si>
  <si>
    <t>‘613-115-00-1</t>
  </si>
  <si>
    <t>hymexazol (ISO);</t>
  </si>
  <si>
    <t>oral: ATE = 1600 mg/kg bw’</t>
  </si>
  <si>
    <t>3-hydroxy-5-methylisoxazole</t>
  </si>
  <si>
    <t>‘613-125-00-6</t>
  </si>
  <si>
    <t>hexythiazox (ISO);</t>
  </si>
  <si>
    <t>trans-5-(4-chlorophenyl)-N-cyclohexyl-4-methyl-2-oxo-3-thiazolidine-carboxamide</t>
  </si>
  <si>
    <t>‘613-202-00-4</t>
  </si>
  <si>
    <t>‘613-259-00-5</t>
  </si>
  <si>
    <t>imiprothrin (ISO);</t>
  </si>
  <si>
    <t>inhalation: ATE = 1,4 mg/L (dusts or mists)</t>
  </si>
  <si>
    <t>oral: ATE = 550 mg/kg bw</t>
  </si>
  <si>
    <t>H371 (nervous system; oral, inhalation)</t>
  </si>
  <si>
    <t>butanone oxime; ethyl methyl ketoxime; ethyl methyl ketone oxime</t>
  </si>
  <si>
    <t>dermal: ATE = 1100 mg/kg bw oral: ATE = 100 mg/kg bw’</t>
  </si>
  <si>
    <t>H370 (upper respiratory tract)</t>
  </si>
  <si>
    <t>H373 (blood system)</t>
  </si>
  <si>
    <t>(3) the entries corresponding to index numbers 601-064-00-8 and 607-693-00-4 are deleted.</t>
    <phoneticPr fontId="31"/>
  </si>
  <si>
    <t xml:space="preserve">BPR: </t>
    <phoneticPr fontId="4"/>
  </si>
  <si>
    <t>MDR:</t>
    <phoneticPr fontId="4"/>
  </si>
  <si>
    <t>CLP:</t>
    <phoneticPr fontId="4"/>
  </si>
  <si>
    <t>1.  For the purposes of this entry, point (b) of Article 4(1) shall apply to concentrations of tetrabromodiphenyl ether equal to or below 10 mg/kg (0,001 % by weight) where it is present in substances.</t>
  </si>
  <si>
    <t>2.  For the purposes of the entries on tetra-, penta-, hexa-, hepta- and decaBDE, point (b) of Article 4(1) shall apply to the sum of the concentration of those substances up to 500 mg/kg where they are present in mixtures or articles, subject to review and assessment by the Commission by 16 July 2021. This review shall assess, inter alia, all relevant impacts with regard to health and the environment.</t>
  </si>
  <si>
    <t>3.  By way of derogation, the manufacturing, placing on the market and use of the following shall be allowed:</t>
  </si>
  <si>
    <t>1.  For the purposes of this entry, point (b) of Article 4(1) shall apply to concentrations of pentabromodiphenyl ether equal to or below 10 mg/kg (0,001 % by weight) where it is present in substances.</t>
  </si>
  <si>
    <t>electrical and electronic equipment within the scope of Directive 2011/65/EU.</t>
  </si>
  <si>
    <t>1.  For the purposes of this entry, point (b) of Article 4(1) shall apply to concentrations of hexabromodiphenyl ether equal to or below 10 mg/kg (0,001 % by weight) where it is present in substances.</t>
  </si>
  <si>
    <t>1.  For the purposes of this entry, point (b) of Article 4(1) shall apply to concentrations of heptabromodiphenyl ether equal to or below 10 mg/kg (0,001 % by weight) where it is present in substances.</t>
  </si>
  <si>
    <t>1.  For the purposes of this entry, point (b) of Article 4(1) shall apply to concentrations of decaBDE equal to or below 10 mg/kg (0,001 % by weight) where it is present in substances.</t>
  </si>
  <si>
    <t>2.  For the purposes of the entries on tetra-, penta-, hexa-, hepta- and decaBDE, point (b) of Article 4(1) shall apply to the sum of the concentrations of those substances up to 500 mg/kg where they are present in mixtures or articles, subject to review and assessment by the Commission by 16 July 2021. This review shall assess, inter alia, all relevant impacts with regard to health and the environment.</t>
  </si>
  <si>
    <t>3.  By way of derogation, the manufacturing, placing on the market and use of decaBDE shall be allowed for the following purposes, provided that Member States report to the Commission by December 2019 in accordance with the Convention:</t>
  </si>
  <si>
    <t>(a)  in the manufacturing of an aircraft, for which type approval has been applied for before 2 March 2019 and has been received before December 2022, until 18 December 2023, or, in cases where the continuing need is justified, until 2 March 2027;</t>
  </si>
  <si>
    <t>(b)  in the manufacturing of spare parts for either of the following:</t>
  </si>
  <si>
    <t>(i)  an aircraft, for which type approval has been applied for before 2 March 2019 and has been received before December 2022, produced before 18 December 2023, or, in cases where the continuing need is justified, produced before 2 March 2027, until the end of service life of that aircraft;</t>
  </si>
  <si>
    <t>4.  The specific exemptions for spare parts for use in motor vehicles referred to in point 3(b)(ii) shall apply for the manufacturing and use of commercial decaBDE falling into one or more of the following categories:</t>
  </si>
  <si>
    <t>(a)  powertrain and under-hood applications such as battery mass wires, battery interconnection wires, mobile air condition (MAC) pipes, powertrains, exhaust manifold bushings, under- hood insulation, wiring and harness under-hood (engine wiring, etc.), speed sensors, hoses, fan modules and knock sensors;</t>
  </si>
  <si>
    <t>(b)  fuel system applications such as fuel hoses, fuel tanks and fuel tanks under body;</t>
  </si>
  <si>
    <t>5.  Use of articles already in use before 15 July 2019 in the Union containing decaBDE shall be allowed. Article 4(2), third and fourth subparagraphs shall apply in relation to such articles.</t>
  </si>
  <si>
    <t>8.  For the purposes of this entry ‘aircraft’ means the following:</t>
  </si>
  <si>
    <t>(a)  a civil aircraft produced in accordance with a type certificate issued under Regulation (EC) No 216/2008 of the European Parliament and of the Council (3) or with a design approval issued under the national regulations of a contracting state of ICAO, or for which a certificate of airworthiness has been issued by an ICAO Contracting State under Annex 8 to the Convention on International Civil Aviation;</t>
  </si>
  <si>
    <t>1.  For the purposes of this entry, point (b) of Article 4(1) shall apply to concentrations of PFOS equal to or below 10 mg/kg (0,001 % by weight) where it is present in substances or in mixtures.</t>
  </si>
  <si>
    <t>3.  Use of articles already in use in the Union before 25 August 2010 containing PFOS shall be allowed. Article 4(2), third and fourth subparagraphs shall apply in relation to such articles.</t>
  </si>
  <si>
    <t>4.  If the quantity released into the environment is minimised, manufacturing and placing on the market shall be allowed until 7 September 2025 for use as mist suppressant for non-decorative hard chromium (VI) plating in closed loop systems. Provided that those Member States where PFOS is used report to the Commission by 7 September 2024 on progress made to eliminate PFOS and justify the continuing need for this use, the Commission shall review the need for a prolongation of the derogation for this use of PFOS for a maximum of five years by 7 September 2025.</t>
  </si>
  <si>
    <t>Where such a derogation concerns production or use in an installation within the scope of Directive 2008/1/EC of the European Parliament and of the Council (4), the relevant best available techniques for the prevention and minimisation of emissions of PFOS described in the information published by the Commission pursuant to Article 17(2), second subparagraph, of Directive 2008/1/EC shall apply.</t>
  </si>
  <si>
    <t>(a)  the uses of PFOS will be phased out as soon as the use of safer alternatives is technically and economically feasible;</t>
  </si>
  <si>
    <t>(b)  a derogation can only be continued for essential uses for which safer alternatives do not exist and where the efforts undertaken to find safer alternatives have been reported on;</t>
  </si>
  <si>
    <t>5.  Once standards are adopted by the European Committee for Standardisation (CEN) they shall be used as the analytical test methods for demonstrating the conformity of substances, mixtures and articles to points 1 and 2. Any other analytical method for which the user can prove equivalent performance could be used as an alternative to the CEN standards.</t>
  </si>
  <si>
    <t>1.  Placing on the market and use of articles already in use before or on 10 July 2012 containing endosulfan shall be allowed.</t>
  </si>
  <si>
    <t>2.  Article 4(2), third and fourth subparagraphs shall apply to articles referred to in point 1.</t>
  </si>
  <si>
    <t>1.  For the purposes of this entry, point (b) of Article 4(1) shall apply to concentrations of hexabromocyclododecane equal to or below 100 mg/kg (0,01 % by weight) where it is present in substances, mixtures, articles or as constituents of the flame-retarded articles, subject to review by the Commission by 22 March 2019.</t>
  </si>
  <si>
    <t>3.  Without prejudice to the application of other Union provisions on the classification, packaging and labelling of substances and mixtures, expanded polystyrene placed on the market after 23 March 2016 in which hexabromocyclododecane was used shall be identifiable by labelling or other means throughout its life cycle.</t>
  </si>
  <si>
    <t>1.  Placing on the market and use of articles already in use before or on 10 July 2012 containing hexachlorobutadiene shall be allowed.</t>
  </si>
  <si>
    <t>1.  Placing on the market and use of articles already in use before or on 10 July 2012 containing polychlorinated naphthalenes shall be allowed.</t>
  </si>
  <si>
    <t>1.  By way of derogation, the manufacturing, placing on the market and use of substances or mixtures containing SCCPs in concentrations lower than 1 % by weight or articles containing SCCPs in concentrations lower than 0,15 % by weight shall be allowed.</t>
  </si>
  <si>
    <t>2.  Use shall be allowed in respect of:</t>
  </si>
  <si>
    <t>(a)  conveyor belts in the mining industry and dam sealants containing SCCPs already in use before or on 4 December 2015; and</t>
  </si>
  <si>
    <t>(b)  articles containing SCCPs other than those referred to in point (a) already in use before or on 10 July 2012.</t>
  </si>
  <si>
    <t>3.  The third and fourth subparagraphs of Article 4(2) shall apply to the articles referred to in point 2.</t>
  </si>
  <si>
    <t>▼M1</t>
  </si>
  <si>
    <t>Perfluorooctanoic acid (PFOA), its salts and PFOA-related compounds</t>
  </si>
  <si>
    <t>335-67-1 and others</t>
  </si>
  <si>
    <t>1.  For the purposes of this entry, point (b) of Article 4(1) shall apply to concentrations of PFOA or any of its salts equal to or below 0,025 mg/kg (0,0000025 % by weight) where they are present in substances, mixtures or articles.</t>
  </si>
  <si>
    <t>‘Perfluorooctanoic acid (PFOA), its salts and PFOA-related compounds’ means the following:</t>
  </si>
  <si>
    <t>2.  For the purposes of this entry, point (b) of Article 4(1) shall apply to concentrations of any individual PFOA-related compound or a combination of PFOA-related compounds equal to or below 1 mg/kg (0,0001 % by weight) where they are present in substances, mixtures or articles.</t>
  </si>
  <si>
    <t>(i)  perfluorooctanoic acid, including any of its branched isomers;</t>
  </si>
  <si>
    <t>(ii)  its salts;</t>
  </si>
  <si>
    <t>5.  By way of derogation, the manufacturing, placing on the market and use of PFOA, its salts and PFOA-related compounds shall be allowed for the following purposes:</t>
  </si>
  <si>
    <t>The following compounds are not included as PFOA-related compounds:</t>
  </si>
  <si>
    <t>(a)  photolithography or etch processes in semiconductor manufacturing, until 4 July 2025;</t>
  </si>
  <si>
    <t>(b)  photographic coatings applied to films, until 4 July 2025;</t>
  </si>
  <si>
    <t>(c)  textiles for oil- and water-repellency for the protection of workers from dangerous liquids that comprise risks to their health and safety, until 4 July 2023;</t>
  </si>
  <si>
    <t>(iii)  perfluoroalkyl carboxylic acids (including their salts, esters, halides and anhydrides) with ≥ 8 perfluorinated carbons;</t>
  </si>
  <si>
    <t>(d)  invasive and implantable medical devices, until 4 July 2025;</t>
  </si>
  <si>
    <t>(iv)  perfluoroalkane sulfonic acids and perfluoro phosphonic acids (including their salts, esters, halides and anhydrides) with ≥ 9 perfluorinated carbons;</t>
  </si>
  <si>
    <t>(e)  manufacture of polytetrafluoroethylene (PTFE) and polyvinylidene fluoride (PVDF) for the production of:</t>
  </si>
  <si>
    <t>(v)  perfluorooctane sulfonic acid and its derivatives (PFOS), as listed in this Annex.</t>
  </si>
  <si>
    <t>(i)  high-performance, corrosion-resistant gas filter membranes, water filter membranes and membranes for medical textiles;</t>
  </si>
  <si>
    <t>(ii)  industrial waste heat exchanger equipment,</t>
  </si>
  <si>
    <t>(iii)  industrial sealants capable of preventing leakage of volatile organic compounds and PM2.5 particulates;</t>
  </si>
  <si>
    <t>until 4 July 2023.</t>
  </si>
  <si>
    <t>6.  By way of derogation, the use of PFOA, its salts and PFOA-related compounds shall be allowed in fire-fighting foam for liquid fuel vapour suppression and liquid fuel fire (Class B fires) already installed in systems, including both mobile and fixed systems, until 4 July 2025, subject to the following conditions:</t>
  </si>
  <si>
    <t>(a)  fire-fighting foam that contains or may contain PFOA, its salts and/or PFOA-related compounds shall not be used for training;</t>
  </si>
  <si>
    <t>(b)  fire-fighting foam that contains or may contain PFOA, its salts and/or PFOA-related compounds shall not be used for testing unless all releases are contained;</t>
  </si>
  <si>
    <t>(c)  as from 1 January 2023, uses of fire-fighting foam that contains or may contain PFOA, its salts and/or PFOA-related compounds shall only be allowed in sites where all releases can be contained;</t>
  </si>
  <si>
    <t>(d)  fire-fighting foam stockpiles that contain or may contain PFOA, its salts and/or PFOA-related compounds shall be managed in accordance with Article 5.</t>
  </si>
  <si>
    <t>7.  By way of derogation, the use of perfluooroctyl bromide containing perfluoroctyl iodide for the purpose of producing pharmaceutical products shall be allowed, subject to review and assessment by the Commission by 31 December 2026, every four years thereafter and by 31 December 2036.</t>
  </si>
  <si>
    <t>8.  Use of articles already in use in the Union before 4 July 2020 containing PFOA, its salts and/or PFOA-related compounds shall be allowed. Article 4(2), third and fourth subparagraphs shall apply in relation to such articles.</t>
  </si>
  <si>
    <t>(b)  latex printing inks;</t>
  </si>
  <si>
    <t>▼M3</t>
  </si>
  <si>
    <t>Substances listed only in the Protocol</t>
  </si>
  <si>
    <t>▼M5</t>
  </si>
  <si>
    <t>▼M6</t>
  </si>
  <si>
    <t> ◄</t>
  </si>
  <si>
    <t>▼M21 —————</t>
  </si>
  <si>
    <t>▼M9 —————</t>
  </si>
  <si>
    <t>▼M34</t>
  </si>
  <si>
    <t>▼M52</t>
  </si>
  <si>
    <t>▼M12</t>
  </si>
  <si>
    <t>▼M20</t>
  </si>
  <si>
    <t>▼M27</t>
  </si>
  <si>
    <t>▼M38</t>
  </si>
  <si>
    <t>▼M40</t>
  </si>
  <si>
    <t>▼M44</t>
  </si>
  <si>
    <t>▼C6</t>
  </si>
  <si>
    <t>▼M46</t>
  </si>
  <si>
    <t>▼M47</t>
  </si>
  <si>
    <t>▼M50</t>
  </si>
  <si>
    <t>▼M53</t>
  </si>
  <si>
    <t>▼M57</t>
  </si>
  <si>
    <t>1.  Shall not be used as substances on their own, as a constituent in other substances or in mixtures for industrial and professional use(s) after 24 August 2023, unless:</t>
  </si>
  <si>
    <t>(a)  the concentration of diisocyanates individually and in combination is less than 0,1 % by weight, or</t>
  </si>
  <si>
    <t>(b)  the employer or self-employed ensures that industrial or professional user(s) have successfully completed training on the safe use of diisocyanates prior to the use of the substance(s) or mixture(s).</t>
  </si>
  <si>
    <t>2.  Shall not be placed on the market as substances on their own, as a constituent in other substances or in mixtures for industrial and professional use(s) after 24 February 2022, unless:</t>
  </si>
  <si>
    <t>(b)  the supplier ensures that the recipient of the substance(s) or mixture(s) is provided with information on the requirements referred to in point (b) of paragraph 1 and the following statement is placed on the packaging, in a manner that is visibly distinct from the rest of the label information: ‘As from 24 August 2023 adequate training is required before industrial or professional use’.</t>
  </si>
  <si>
    <t>3.  For the purpose of this entry ‘industrial and professional user(s)’ means any worker or self-employed worker handling diisocyanates on their own, as a constituent in other substances or in mixtures for industrial and professional use(s) or supervising these tasks.</t>
  </si>
  <si>
    <t>4.  The training referred to in point (b) of paragraph 1 shall include the instructions for the control of dermal and inhalation exposure to diisocyanates at the workplace without prejudice to any national occupational exposure limit value or other appropriate risk management measures at national level. Such training shall be conducted by an expert on occupational safety and health with competence acquired by relevant vocational training. That training shall cover as a minimum:</t>
  </si>
  <si>
    <t>(a)  the training elements in point (a) of paragraph 5 for all industrial and professional use(s).</t>
  </si>
  <si>
    <t>(b)  the training elements in points (a) and (b) of paragraph 5 for the following uses:</t>
  </si>
  <si>
    <t>— handling open mixtures at ambient temperature (including foam tunnels);</t>
  </si>
  <si>
    <t>— spraying in a ventilated booth;</t>
  </si>
  <si>
    <t>— application by roller;</t>
  </si>
  <si>
    <t>— application by brush;</t>
  </si>
  <si>
    <t>— application by dipping and pouring;</t>
  </si>
  <si>
    <t>— mechanical post treatment (e.g. cutting) of not fully cured articles which are not warm anymore;</t>
  </si>
  <si>
    <t>— cleaning and waste;</t>
  </si>
  <si>
    <t>— any other uses with similar exposure through the dermal and/or inhalation route;</t>
  </si>
  <si>
    <t>(c)  the training elements in points (a), (b) and (c) of paragraph 5 for the following uses:</t>
  </si>
  <si>
    <t>— handling incompletely cured articles (e.g. freshly cured, still warm);</t>
  </si>
  <si>
    <t>— foundry applications;</t>
  </si>
  <si>
    <t>— maintenance and repair that needs access to equipment;</t>
  </si>
  <si>
    <t>— open handling of warm or hot formulations (&gt; 45 °C);</t>
  </si>
  <si>
    <t>— spraying in open air, with limited or only natural ventilation (includes large industry working halls) and spraying with high energy (e.g. foams, elastomers);</t>
  </si>
  <si>
    <t>— and any other uses with similar exposure through the dermal and/or inhalation route.</t>
  </si>
  <si>
    <t>5.  Training elements:</t>
  </si>
  <si>
    <t>(a)  general training, including on-line training, on:</t>
  </si>
  <si>
    <t>— chemistry of diisocyanates;</t>
  </si>
  <si>
    <t>— toxicity hazards (including acute toxicity);</t>
  </si>
  <si>
    <t>— exposure to diisocyanates;</t>
  </si>
  <si>
    <t>— occupational exposure limit values;</t>
  </si>
  <si>
    <t>— how sensitisation can develop;</t>
  </si>
  <si>
    <t>— odour as indication of hazard;</t>
  </si>
  <si>
    <t>— importance of volatility for risk;</t>
  </si>
  <si>
    <t>— viscosity, temperature, and molecular weight of diisocyanates;</t>
  </si>
  <si>
    <t>— personal hygiene;</t>
  </si>
  <si>
    <t>— personal protective equipment needed, including practical instructions for its correct use and its limitations;</t>
  </si>
  <si>
    <t>— risk of dermal contact and inhalation exposure;</t>
  </si>
  <si>
    <t>— risk in relation to application process used;</t>
  </si>
  <si>
    <t>— skin and inhalation protection scheme;</t>
  </si>
  <si>
    <t>— ventilation;</t>
  </si>
  <si>
    <t>— cleaning, leakages, maintenance;</t>
  </si>
  <si>
    <t>— discarding empty packaging;</t>
  </si>
  <si>
    <t>— protection of bystanders;</t>
  </si>
  <si>
    <t>— identification of critical handling stages;</t>
  </si>
  <si>
    <t>— specific national code systems (if applicable);</t>
  </si>
  <si>
    <t>— behaviour-based safety;</t>
  </si>
  <si>
    <t>— certification or documented proof that training has been successfully completed</t>
  </si>
  <si>
    <t>(b)  intermediate level training, including on-line training, on:</t>
  </si>
  <si>
    <t>— additional behaviour-based aspects;</t>
  </si>
  <si>
    <t>— maintenance;</t>
  </si>
  <si>
    <t>— management of change;</t>
  </si>
  <si>
    <t>— evaluation of existing safety instructions;</t>
  </si>
  <si>
    <t>(c)  advanced training, including on-line training, on:</t>
  </si>
  <si>
    <t>— any additional certification needed for the specific uses covered;</t>
  </si>
  <si>
    <t>— spraying outside a spraying booth;</t>
  </si>
  <si>
    <t>— open handling of hot or warm formulations (&gt; 45 °C);</t>
  </si>
  <si>
    <t>6.  The training shall comply with the provisions set by the Member State in which the industrial or professional user(s) operate. Member States may implement or continue to apply their own national requirements for the use of the substance(s) or mixture(s), as long as the minimum requirements set out in paragraphs 4 and 5 are met.</t>
  </si>
  <si>
    <t>7.  The supplier referred to in point (b) of paragraph 2 shall ensure that the recipient is provided with training material and courses pursuant to paragraphs 4 and 5 in the official language(s) of the Member State(s) where the substance(s) or mixture(s) are supplied. The training shall take into consideration the specificity of the products supplied, including composition, packaging, and design.</t>
  </si>
  <si>
    <t>8.  The employer or self-employed shall document the successful completion of the training referred to in paragraphs 4 and 5. The training shall be renewed at least every five years.</t>
  </si>
  <si>
    <t>9.  Member States shall include in their reports pursuant to Article 117(1) the following information:</t>
  </si>
  <si>
    <t>(a)  any established training requirements and other risk management measures related to the industrial and professional uses of diisocyanates foreseen in national law;</t>
  </si>
  <si>
    <t>(b)  the number of cases of reported and recognised occupational asthma and occupational respiratory and dermal diseases in relation to diisocyanates;</t>
  </si>
  <si>
    <t>(c)  national exposure limits for diisocyanates, if there are any;</t>
  </si>
  <si>
    <t>(d)  information about enforcement activities related to this restriction.</t>
  </si>
  <si>
    <t>10.  This restriction shall apply without prejudice to other Union legislation on the protection of safety and health of workers at the workplace.</t>
  </si>
  <si>
    <t>▼M14</t>
  </si>
  <si>
    <t>[μ-[carbonato(2-)-O:O′]] dihydroxy trinickel; [3]</t>
  </si>
  <si>
    <t>Butane [containing ≥ 0,1  % Butadiene (203-450-8)] [1]</t>
  </si>
  <si>
    <t>Isobutane [containing ≥ 0,1  % Butadiene (203-450-8)] [2]</t>
  </si>
  <si>
    <t>Benzidine; 4,4′-diaminobiphenyl; biphenyl-4,4′-ylenediamine</t>
  </si>
  <si>
    <t>▼M26</t>
  </si>
  <si>
    <t>▼M45</t>
  </si>
  <si>
    <t>▼M14 —————</t>
  </si>
  <si>
    <t>▼M49</t>
  </si>
  <si>
    <t>Methyl acrylamidomethoxyacetate (containing ≥ 0,1  % acrylamide)</t>
  </si>
  <si>
    <t>Methyl acrylamidoglycolate (containing ≥ 0,1  % acrylamide)</t>
  </si>
  <si>
    <t>Disodium {5-[(4′-((2,6-hydroxy-3-((2-hydroxy-5-sulphophenyl)azo)phenyl)azo) (1,1′-biphenyl)-4-yl)azo]salicylato(4-)} cuprate(2-); CI Direct Brown 95</t>
  </si>
  <si>
    <t>4-o-Tolylazo-o-toluidine; 4-amino-2′,3-dimethylazobenzene; fast garnet GBC base; AAT; o-aminoazotoluene</t>
  </si>
  <si>
    <t>Disodium 4-amino 3-[[4′-[(2,4-diaminophenyl)azo][1,1′-biphenyl]-4-yl]azo]-5-hydroxy-6-(phenylazo)naphtalene-2,7-disulphonate; C.I. Direct Black 38</t>
  </si>
  <si>
    <t>Tetrasodium 3,3′-[[1,1′-biphenyl]-4,4′-dylbis(azo)]bis[5-amino-4-hydroxynaphthalene-2,7-disulphonate]; C.I. Direct Blue 6</t>
  </si>
  <si>
    <t>Disodium 3,3′-[[1,1′-bifenyl]-4,4′dylbis(azo)]bis[4-aminonaphthalene-1-sulphonate); C.I. Direct Red 28</t>
  </si>
  <si>
    <t>3,3′-Dimethoxybenzidine; o-dianisidine</t>
  </si>
  <si>
    <t>Salts of 3,3′-dimethoxybenzidine; salts of o-dianisidine</t>
  </si>
  <si>
    <t>3,3′-Dimethylbenzidine; o-tolidine</t>
  </si>
  <si>
    <t>N,N′-diacetylbenzidine</t>
  </si>
  <si>
    <t>4,4′-Diaminodiphenylmethane; 4,4′-methylenedianiline</t>
  </si>
  <si>
    <t>3,3′-Dichlorobenzidine; 3,3′-dichlorobiphenyl-4,4′-ylenediamine</t>
  </si>
  <si>
    <t>Salts of 3,3′-dichlorobenzidine; salts of 3,3′-dichlorobiphenyl-4,4′-ylenediamine</t>
  </si>
  <si>
    <t>2,2′-Dichloro-4,4′-methylenedianiline;</t>
  </si>
  <si>
    <t>4,4′-Methylene bis(2-chloroaniline)</t>
  </si>
  <si>
    <t>Salts of 2,2′-dichloro-4,4-methylenedianiline; salts of 4,4′-methylenebis(2-chloroaniline)</t>
  </si>
  <si>
    <t>Salts of 3,3′-dimethylbenzidine; salts of o-tolidine</t>
  </si>
  <si>
    <t>4,4′-Methylenedi-o-toluidine</t>
  </si>
  <si>
    <t>2,2′-(Nitrosoimino)bisethanol</t>
  </si>
  <si>
    <t>C.I. Basic Violet 3 with ≥ 0,1  % of Michler's ketone (EC No 202-027-5)</t>
  </si>
  <si>
    <t>Biphenyl-3,3′,4,4′-tetrayltetraamine;</t>
  </si>
  <si>
    <t>▼M26 —————</t>
  </si>
  <si>
    <t>▼M5 —————</t>
  </si>
  <si>
    <t>[μ-[carbonato(2-)-O:O′]]dihydroxy trinickel; [3]</t>
  </si>
  <si>
    <t>Bisphenol A; 4,4′-isopropylidenediphenol</t>
  </si>
  <si>
    <t>[containing ≥ 0,5 % formamide (EC No 200-842-0)]</t>
  </si>
  <si>
    <t>[containing ≥ 0,5 % N,N-dimethylformamide (EC No 200-679-5)]</t>
  </si>
  <si>
    <t>(a) </t>
  </si>
  <si>
    <t>the label conforming to the specimen below shall be at least 5 cm high (H) and 2,5  cm wide;</t>
  </si>
  <si>
    <t>(b) </t>
  </si>
  <si>
    <t>it shall consist of two parts:</t>
  </si>
  <si>
    <t>(c) </t>
  </si>
  <si>
    <t>if the article contains crocidolite, the words ‘contains asbestos’ used in the standard wording shall be replaced by ‘contains crocidolite/blue asbestos’.</t>
  </si>
  <si>
    <t>(d) </t>
  </si>
  <si>
    <t>if labelling takes the form of direct printing on the articles, a single colour contrasting with the background colour is sufficient.</t>
  </si>
  <si>
    <t>on each of the smallest units supplied;</t>
  </si>
  <si>
    <t>if an article has asbestos-based components, it is sufficient for these components only to bear the label. The labelling may be dispensed with if smallness of size or unsuitability of packaging make it impossible for a label to be affixed to the component.</t>
  </si>
  <si>
    <t>the symbol and relevant indications of danger in accordance with this Annex;</t>
  </si>
  <si>
    <t>safety instructions which must be selected in accordance with the particulars in this Annex, inasmuch as they are relevant for the particular article.</t>
  </si>
  <si>
    <t>a label firmly affixed to the packaging, or</t>
  </si>
  <si>
    <t>a (tie-on) label securely attached to the package, or</t>
  </si>
  <si>
    <t>direct printing of the packaging.</t>
  </si>
  <si>
    <t>a label firmly affixed to the article containing asbestos,</t>
  </si>
  <si>
    <t>a (tie-on) label securely attached to such an article,</t>
  </si>
  <si>
    <t>direct printing on the articles,</t>
  </si>
  <si>
    <t>operate if possible out of doors or in a well-ventilated place,</t>
  </si>
  <si>
    <t>preferably use hand tools or low-speed tools equipped, if necessary, with an appropriate dust-extraction facility. If high-speed tools are used, they should always be equipped with such a facility,</t>
  </si>
  <si>
    <t>if possible, dampen before cutting or drilling,</t>
  </si>
  <si>
    <t>dampen dust and place it in a properly closed receptacle and dispose of it safely.</t>
  </si>
  <si>
    <t>Benzenamine, 4,4′-(4-iminocyclohexa-2,5- dienylidenemethylene)dianiline hydrochloride; C.I. Basic Red 9</t>
  </si>
  <si>
    <t>( 16 ) Commission Regulation (EEC) No 3600/92 of 11 December 1992 laying down the detailed rules for the implementation of the first stage of the programme of work referred to in Article 8(2) of Council Directive 91/414/EEC concerning the placing of plant protection products on the market (OJ L 366, 15.12.1992, p. 10). Regulation as last amended by Regulation (EC) No 2266/2000 (OJ L 259, 13.10.2000, p. 27).</t>
  </si>
  <si>
    <t>( 17 ) Commission Regulation (EC) No 703/2001 of 6 April 2001 laying down the active substances of plant protection products to be assessed in the second stage of the work programme referred to in Article 8(2) of Council Directive 91/414/EEC and revising the list of Member States designated as rapporteurs for those substances (OJ L 98, 7.4.2001, p. 6).</t>
  </si>
  <si>
    <t>( 18 ) Commission Regulation (EC) No 1490/2002 of 14 August 2002 laying down further detailed rules for the implementation of the third stage of the programme of work referred to in Article 8(2) of Council Directive 91/414/EEC (OJ L 224, 21.8.2002, p. 23). Regulation as last amended by Regulation (EC) No 1744/2004 (OJ L 311, 8.10.2004, p. 23).</t>
  </si>
  <si>
    <t>( 32 ) In general, the more extensive the data and the longer the duration of the tests, the smaller is the degree of uncertainty and the size of the assessment factor. An assessment factor of 1 000 is typically applied to the lowest of three short term L(E)C50 values derived from species representing different trophic levels and a factor of 10 to the lowest of three long-term NOEC values derived from species representing different trophic levels.</t>
  </si>
  <si>
    <t>（EU）2020/1204</t>
    <phoneticPr fontId="4"/>
  </si>
  <si>
    <t>IEC62474 D21.00</t>
    <phoneticPr fontId="4"/>
  </si>
  <si>
    <t>施行日</t>
    <rPh sb="0" eb="2">
      <t>シコウ</t>
    </rPh>
    <rPh sb="2" eb="3">
      <t>ビ</t>
    </rPh>
    <phoneticPr fontId="4"/>
  </si>
  <si>
    <t>Candidate List of substances of very high concern for Authorisation</t>
    <phoneticPr fontId="4"/>
  </si>
  <si>
    <t>2021-01-19</t>
  </si>
  <si>
    <t>00171</t>
  </si>
  <si>
    <t>Halogenated Flame Retardants</t>
  </si>
  <si>
    <t>Note: Commission Regulation (EU) 2019/2021 defines ‘flame retardant’ means a substance that markedly retards the propagation of a flame.</t>
  </si>
  <si>
    <t>Flame retardant in electronic displays</t>
  </si>
  <si>
    <t>[EU] Commission Regulation (EU) 2019/2021 laying down ecodesign requirements for electronic displays</t>
  </si>
  <si>
    <t>enclosure and stand of electronic displays, including televisions, monitors and digital signage displays with a screen area greater than 100 square centimetres</t>
  </si>
  <si>
    <t>00172</t>
  </si>
  <si>
    <t>Bis(2-(2-methoxyethoxy)ethyl)ether</t>
  </si>
  <si>
    <t>Tetraglyme; Tetraethylene glycol dimethyl ether; TetraEGDME; 2,5,8,11,14-pentaoxapentadecane</t>
  </si>
  <si>
    <t>Solvent in electrolyte in lithium-ion batteries, solvent in other manufacturing process (example: solder flux).</t>
  </si>
  <si>
    <t>D21.00: Substance added</t>
  </si>
  <si>
    <t>00173</t>
  </si>
  <si>
    <t>Dioctyltin dilaurate, stannane, dioctyl-, bis(coco acyloxy) derivs., and any other stannane, dioctyl-, bis(fatty acyloxy) derivs. wherein C12 is the predominant carbon number of the fatty acyloxy moiety</t>
  </si>
  <si>
    <t>Stabilisers and catalysts in the production of e.g. plastics and rubber. Used for the manufacture of the follow article categories: plastic products, fabrics, textiles, apparel, and leather. Professional application of coatings and inks.</t>
  </si>
  <si>
    <t>R00521</t>
  </si>
  <si>
    <t>D21.00: Added new reference substance</t>
  </si>
  <si>
    <t>R00522</t>
  </si>
  <si>
    <t>R00523</t>
  </si>
  <si>
    <t>R00524</t>
  </si>
  <si>
    <t>R00525</t>
  </si>
  <si>
    <t>R00526</t>
  </si>
  <si>
    <t>R00527</t>
  </si>
  <si>
    <t>R00528</t>
  </si>
  <si>
    <t>R00529</t>
  </si>
  <si>
    <t>R00530</t>
  </si>
  <si>
    <t>R00531</t>
  </si>
  <si>
    <t>R00532</t>
  </si>
  <si>
    <t>R00533</t>
  </si>
  <si>
    <t>R00534</t>
  </si>
  <si>
    <t>R00535</t>
  </si>
  <si>
    <t>R00536</t>
  </si>
  <si>
    <t>R00537</t>
  </si>
  <si>
    <t>R00538</t>
  </si>
  <si>
    <t>R00539</t>
  </si>
  <si>
    <t>R00540</t>
  </si>
  <si>
    <t>R00541</t>
  </si>
  <si>
    <t>R00542</t>
  </si>
  <si>
    <t>R00543</t>
  </si>
  <si>
    <t>R00544</t>
  </si>
  <si>
    <t>R00545</t>
  </si>
  <si>
    <t>R00546</t>
  </si>
  <si>
    <t>R00547</t>
  </si>
  <si>
    <t>R00548</t>
  </si>
  <si>
    <t>R00549</t>
  </si>
  <si>
    <t>R00550</t>
  </si>
  <si>
    <t>R00551</t>
  </si>
  <si>
    <t>R00552</t>
  </si>
  <si>
    <t>R00553</t>
  </si>
  <si>
    <t>R00554</t>
  </si>
  <si>
    <t>R00555</t>
  </si>
  <si>
    <t>R00556</t>
  </si>
  <si>
    <t>R00557</t>
  </si>
  <si>
    <t>R00558</t>
  </si>
  <si>
    <t>R00559</t>
  </si>
  <si>
    <t>R00560</t>
  </si>
  <si>
    <t>R00561</t>
  </si>
  <si>
    <t>R00562</t>
  </si>
  <si>
    <t>R00563</t>
  </si>
  <si>
    <t>R00564</t>
  </si>
  <si>
    <t>R00565</t>
  </si>
  <si>
    <t>R00566</t>
  </si>
  <si>
    <t>R00567</t>
  </si>
  <si>
    <t>R00568</t>
  </si>
  <si>
    <t>R00569</t>
  </si>
  <si>
    <t>R00570</t>
  </si>
  <si>
    <t>R00571</t>
  </si>
  <si>
    <t>R00572</t>
  </si>
  <si>
    <t>R00573</t>
  </si>
  <si>
    <t>R00574</t>
  </si>
  <si>
    <t>R00575</t>
  </si>
  <si>
    <t>R00576</t>
  </si>
  <si>
    <t>R00577</t>
  </si>
  <si>
    <t>R00578</t>
  </si>
  <si>
    <t>R00579</t>
  </si>
  <si>
    <t>R00580</t>
  </si>
  <si>
    <t>R00581</t>
  </si>
  <si>
    <t>R00582</t>
  </si>
  <si>
    <t>R00583</t>
  </si>
  <si>
    <t>R00584</t>
  </si>
  <si>
    <t>R00585</t>
  </si>
  <si>
    <t>R00586</t>
  </si>
  <si>
    <t>R00587</t>
  </si>
  <si>
    <t>R00588</t>
  </si>
  <si>
    <t>R00589</t>
  </si>
  <si>
    <t>R00590</t>
  </si>
  <si>
    <t>R00591</t>
  </si>
  <si>
    <t>R00592</t>
  </si>
  <si>
    <t>R00593</t>
  </si>
  <si>
    <t>R00594</t>
  </si>
  <si>
    <t>R00595</t>
  </si>
  <si>
    <t>R00596</t>
  </si>
  <si>
    <t>R00597</t>
  </si>
  <si>
    <t>R00598</t>
  </si>
  <si>
    <t>R00599</t>
  </si>
  <si>
    <t>R00600</t>
  </si>
  <si>
    <t>R00601</t>
  </si>
  <si>
    <t>R00602</t>
  </si>
  <si>
    <t>R00603</t>
  </si>
  <si>
    <t>R00604</t>
  </si>
  <si>
    <t>R00605</t>
  </si>
  <si>
    <t>R00606</t>
  </si>
  <si>
    <t>R00607</t>
  </si>
  <si>
    <t>R00608</t>
  </si>
  <si>
    <t>R00609</t>
  </si>
  <si>
    <t>R00610</t>
  </si>
  <si>
    <t>R00611</t>
  </si>
  <si>
    <t>R00612</t>
  </si>
  <si>
    <t>R00613</t>
  </si>
  <si>
    <t>R00614</t>
  </si>
  <si>
    <t>R00615</t>
  </si>
  <si>
    <t>R00616</t>
  </si>
  <si>
    <t>R00617</t>
  </si>
  <si>
    <t>R00618</t>
  </si>
  <si>
    <t>R00619</t>
  </si>
  <si>
    <t>R00620</t>
  </si>
  <si>
    <t>R00621</t>
  </si>
  <si>
    <t>1,1,2,2,3,3,4,4,4-nonafluoro-N-(2-hydroxyethyl)-N-methylbutane-1-sulphonamide</t>
  </si>
  <si>
    <t>34454-97-2</t>
  </si>
  <si>
    <t>1-Butanesulfonamide, 1,1,2,2,3,3,4,4,4-nonafluoro-N-(2-hydroxyethyl)-N-methyl-; 2-(N-Methylperfluorobutanesulfamoyl)ethanol</t>
  </si>
  <si>
    <t>R00622</t>
  </si>
  <si>
    <t>R00623</t>
  </si>
  <si>
    <t>R00624</t>
  </si>
  <si>
    <t>R00625</t>
  </si>
  <si>
    <t>R00626</t>
  </si>
  <si>
    <t>R00627</t>
  </si>
  <si>
    <t>1,1,2,2,3,3,4,4,4-nonafluorobutane-1-sulphonyl fluoride</t>
  </si>
  <si>
    <t>375-72-4</t>
  </si>
  <si>
    <t>1-Butanesulfonyl fluoride, 1,1,2,2,3,3,4,4,4-nonafluoro-; 1,1,2,2,3,3,4,4,4-nonafluorobutane-1-sulfonyl fluoride; Nonafluorobutane-1-sulfonyl fluoride; Nonafluorobutanesulfonyl fluoride; Perfluorobutane-1-sulphonyl fluoride; Perfluorobutanesulfonyl fluoride</t>
  </si>
  <si>
    <t>R00628</t>
  </si>
  <si>
    <t>R00629</t>
  </si>
  <si>
    <t>R00630</t>
  </si>
  <si>
    <t>R00631</t>
  </si>
  <si>
    <t>R00632</t>
  </si>
  <si>
    <t>R00633</t>
  </si>
  <si>
    <t>R00634</t>
  </si>
  <si>
    <t>R00635</t>
  </si>
  <si>
    <t>R00636</t>
  </si>
  <si>
    <t>R00637</t>
  </si>
  <si>
    <t>R00638</t>
  </si>
  <si>
    <t>R00639</t>
  </si>
  <si>
    <t>R00640</t>
  </si>
  <si>
    <t>R00641</t>
  </si>
  <si>
    <t>R00642</t>
  </si>
  <si>
    <t>R00643</t>
  </si>
  <si>
    <t>R00644</t>
  </si>
  <si>
    <t>R00645</t>
  </si>
  <si>
    <t>R00646</t>
  </si>
  <si>
    <t>R00647</t>
  </si>
  <si>
    <t>R00648</t>
  </si>
  <si>
    <t>R00649</t>
  </si>
  <si>
    <t>R00650</t>
  </si>
  <si>
    <t>R00651</t>
  </si>
  <si>
    <t>R00652</t>
  </si>
  <si>
    <t>R00653</t>
  </si>
  <si>
    <t>R00654</t>
  </si>
  <si>
    <t>R00655</t>
  </si>
  <si>
    <t>R00656</t>
  </si>
  <si>
    <t>R00657</t>
  </si>
  <si>
    <t>R00658</t>
  </si>
  <si>
    <t>R00659</t>
  </si>
  <si>
    <t>R00660</t>
  </si>
  <si>
    <t>R00661</t>
  </si>
  <si>
    <t>R00662</t>
  </si>
  <si>
    <t>R00663</t>
  </si>
  <si>
    <t>R00664</t>
  </si>
  <si>
    <t>R00665</t>
  </si>
  <si>
    <t>R00666</t>
  </si>
  <si>
    <t>R00667</t>
  </si>
  <si>
    <t>R00668</t>
  </si>
  <si>
    <t>R00669</t>
  </si>
  <si>
    <t>R00670</t>
  </si>
  <si>
    <t>R00671</t>
  </si>
  <si>
    <t>R00672</t>
  </si>
  <si>
    <t>R00673</t>
  </si>
  <si>
    <t>R00674</t>
  </si>
  <si>
    <t>R00675</t>
  </si>
  <si>
    <t>R00676</t>
  </si>
  <si>
    <t>R00677</t>
  </si>
  <si>
    <t>R00678</t>
  </si>
  <si>
    <t>R00679</t>
  </si>
  <si>
    <t>R00680</t>
  </si>
  <si>
    <t>R00681</t>
  </si>
  <si>
    <t>R00682</t>
  </si>
  <si>
    <t>R00683</t>
  </si>
  <si>
    <t>R00684</t>
  </si>
  <si>
    <t>R00685</t>
  </si>
  <si>
    <t>R00686</t>
  </si>
  <si>
    <t>R00687</t>
  </si>
  <si>
    <t>R00688</t>
  </si>
  <si>
    <t>R00689</t>
  </si>
  <si>
    <t>R00690</t>
  </si>
  <si>
    <t>R00691</t>
  </si>
  <si>
    <t>R00692</t>
  </si>
  <si>
    <t>R00693</t>
  </si>
  <si>
    <t>R00694</t>
  </si>
  <si>
    <t>R00695</t>
  </si>
  <si>
    <t>R00696</t>
  </si>
  <si>
    <t>R00697</t>
  </si>
  <si>
    <t>R00698</t>
  </si>
  <si>
    <t>R00699</t>
  </si>
  <si>
    <t>R00700</t>
  </si>
  <si>
    <t>R00701</t>
  </si>
  <si>
    <t>R00702</t>
  </si>
  <si>
    <t>R00703</t>
  </si>
  <si>
    <t>R00704</t>
  </si>
  <si>
    <t>R00705</t>
  </si>
  <si>
    <t>R00706</t>
  </si>
  <si>
    <t>R00707</t>
  </si>
  <si>
    <t>R00708</t>
  </si>
  <si>
    <t>R00709</t>
  </si>
  <si>
    <t>R00710</t>
  </si>
  <si>
    <t>R00711</t>
  </si>
  <si>
    <t>R00712</t>
  </si>
  <si>
    <t>R00713</t>
  </si>
  <si>
    <t>R00714</t>
  </si>
  <si>
    <t>R00715</t>
  </si>
  <si>
    <t>R00716</t>
  </si>
  <si>
    <t>Stannane, dioctylbis[(1-oxododecyl)oxy]-</t>
  </si>
  <si>
    <t>R00717</t>
  </si>
  <si>
    <t>R00718</t>
  </si>
  <si>
    <t>dioctyltin dilaurate; stannane, dioctyl-, bis(coco acyloxy) derivs.</t>
  </si>
  <si>
    <t>‘617-006-00-X</t>
    <phoneticPr fontId="4"/>
  </si>
  <si>
    <t>‘616-014-00-0</t>
    <phoneticPr fontId="4"/>
  </si>
  <si>
    <t>C:2021-01-19, 
A:(EU) 2020/171</t>
    <phoneticPr fontId="4"/>
  </si>
  <si>
    <t>CLP:(EU) 2020/1182,
SVHC: 2021-01-19,
BPR:-</t>
    <phoneticPr fontId="4"/>
  </si>
  <si>
    <t>EUにおける医療機器に関する規則（MDR）のANNEX I 10.4に指定される物質。
具体的には、(1)CLP規則（(EC)1272/2008）ANNEX VI part 3のCMR Category 1Aと1B物質、(2)REACH規則（ (EC) 1907/2006）第59条でヒトに対する内分泌かく乱に基づき認可対象候補物質リストに収載されるもの、(3)殺生物性製品規則 (BPR)第5項(3)の最初のサブパラグラフに従って欧州委員会が承認する委任法令に規定される判定基準に基づき、内分泌かく乱性ありと判断される物質。</t>
    <rPh sb="6" eb="8">
      <t>イリョウ</t>
    </rPh>
    <rPh sb="8" eb="10">
      <t>キキ</t>
    </rPh>
    <rPh sb="11" eb="12">
      <t>カン</t>
    </rPh>
    <rPh sb="14" eb="16">
      <t>キソク</t>
    </rPh>
    <rPh sb="35" eb="37">
      <t>シテイ</t>
    </rPh>
    <rPh sb="40" eb="42">
      <t>ブッシツ</t>
    </rPh>
    <rPh sb="44" eb="47">
      <t>グタイテキ</t>
    </rPh>
    <rPh sb="56" eb="58">
      <t>キソク</t>
    </rPh>
    <rPh sb="107" eb="109">
      <t>ブッシツ</t>
    </rPh>
    <rPh sb="118" eb="120">
      <t>キソク</t>
    </rPh>
    <rPh sb="137" eb="138">
      <t>ダイ</t>
    </rPh>
    <rPh sb="140" eb="141">
      <t>ジョウ</t>
    </rPh>
    <rPh sb="170" eb="172">
      <t>シュウサイ</t>
    </rPh>
    <rPh sb="195" eb="196">
      <t>ダイ</t>
    </rPh>
    <rPh sb="197" eb="198">
      <t>コウ</t>
    </rPh>
    <rPh sb="202" eb="204">
      <t>サイショ</t>
    </rPh>
    <rPh sb="213" eb="214">
      <t>シタガ</t>
    </rPh>
    <rPh sb="216" eb="218">
      <t>オウシュウ</t>
    </rPh>
    <rPh sb="218" eb="221">
      <t>イインカイ</t>
    </rPh>
    <phoneticPr fontId="4"/>
  </si>
  <si>
    <t>Part A</t>
  </si>
  <si>
    <t>*2 (EU) 2020/2081については、対象範囲に含みません。</t>
    <rPh sb="23" eb="25">
      <t>タイショウ</t>
    </rPh>
    <rPh sb="25" eb="27">
      <t>ハンイ</t>
    </rPh>
    <rPh sb="28" eb="29">
      <t>フク</t>
    </rPh>
    <phoneticPr fontId="4"/>
  </si>
  <si>
    <t>Ver.2.03.10の対象範囲</t>
    <phoneticPr fontId="4"/>
  </si>
  <si>
    <t>(EU) 2020/2096　*2</t>
    <phoneticPr fontId="4"/>
  </si>
  <si>
    <t>chemSHERPA参照リストについて</t>
    <rPh sb="10" eb="12">
      <t>サンショウ</t>
    </rPh>
    <phoneticPr fontId="4"/>
  </si>
  <si>
    <t>— can be used as fuel in decorative oil lamps for supply to the general public, and</t>
  </si>
  <si>
    <t>— present an aspiration hazard and are labelled with H304.</t>
  </si>
  <si>
    <t>5.  Without prejudice to the implementation of other Union provisions relating to the classification, labelling and packaging of substances and mixtures, suppliers shall ensure, before the placing on the market, that the following requirements are met:</t>
  </si>
  <si>
    <t>(a)  lamp oils, labelled with H304, intended for supply to the general public are visibly, legibly and indelibly marked as follows: ‘Keep lamps filled with this liquid out of the reach of children’; and, by 1 December 2010, ‘Just a sip of lamp oil – or even sucking the wick of lamps – may lead to life-threatening lung damage’;</t>
  </si>
  <si>
    <t>(b)  grill lighter fluids, labelled with H304, intended for supply to the general public are legibly and indelibly marked by 1 December 2010 as follows: ‘Just a sip of grill lighter fluid may lead to life threatening lung damage’;</t>
  </si>
  <si>
    <t>▼M61 —————</t>
  </si>
  <si>
    <t>11.  Doing either of the following acts after 15 February 2023 in or within 100 metres of wetlands is prohibited:</t>
  </si>
  <si>
    <t>(a)  discharging gunshot containing a concentration of lead (expressed as metal) equal to or greater than 1 % by weight;</t>
  </si>
  <si>
    <t>(b)  carrying any such gunshot where this occurs while out wetland shooting or as part of going wetland shooting.</t>
  </si>
  <si>
    <t>For the purposes of the first subparagraph:</t>
  </si>
  <si>
    <t>(a)  ‘within 100 metres of wetlands’ means within 100 metres outward from any outer boundary point of a wetland;</t>
  </si>
  <si>
    <t>(b)  ‘wetland shooting’ means shooting in or within 100 metres of wetlands;</t>
  </si>
  <si>
    <t>(c)  if a person is found carrying gunshot in or within 100 metres of wetlands while out shooting or as part of going shooting, the shooting concerned shall be presumed to be wetland shooting unless that person can demonstrate that it was some other type of shooting.</t>
  </si>
  <si>
    <t>The restriction laid down in the first subparagraph shall not apply in a Member State if that Member State notifies the Commission in accordance with paragraph 12 that it intends to make use of the option granted by that paragraph.</t>
  </si>
  <si>
    <t>12.  If at least 20 % in total of the territory, excluding the territorial waters, of a Member State are wetlands, that Member State may, in place of the restriction laid down in the first subparagraph of paragraph 11, prohibit the following acts throughout the whole of its territory from 15 February 2024:</t>
  </si>
  <si>
    <t>(a)  the placing on the market of gunshot containing a concentration of lead (expressed as metal) equal to or greater than 1 % by weight;</t>
  </si>
  <si>
    <t>(b)  the discharging of any such gunshot;</t>
  </si>
  <si>
    <t>(c)  carrying any such gunshot while out shooting or as part of going shooting.</t>
  </si>
  <si>
    <t>Any Member State intending to make use of the option granted by the first subparagraph shall notify the Commission of this intention by 15 August 2021. The Member State shall communicate the text of the national measures adopted by it to the Commission without delay and in any event by 15 August 2023. The Commission shall make publicly available without delay any such notices of intention and texts of national measures received by it.</t>
  </si>
  <si>
    <t>13.  For the purposes of paragraphs 11 and 12:</t>
  </si>
  <si>
    <t>(a)  ‘wetlands’ means areas of marsh, fen, peatland or water, whether natural or artificial, permanent or temporary, with water that is static or flowing, fresh, brackish or salt, including areas of marine water the depth of which at low tide does not exceed 6 metres;</t>
  </si>
  <si>
    <t>(b)  ‘gunshot’ means pellets used or intended for use in a single charge or cartridge in a shotgun;</t>
  </si>
  <si>
    <t>(c)  ‘shotgun’ means a smooth-bore gun, excluding airguns;</t>
  </si>
  <si>
    <t>(d)  ‘shooting’ means any shooting with a shotgun;</t>
  </si>
  <si>
    <t>(e)  ‘carrying’ means any carrying on the person or carrying or transporting by any other means;</t>
  </si>
  <si>
    <t>(f)  in determining whether a person found with gunshot is carrying gunshot ‘as part of going shooting’:</t>
  </si>
  <si>
    <t>(i)  regard shall be had to all the circumstances of the case;</t>
  </si>
  <si>
    <t>(ii)  the person found with the gunshot need not necessarily be the same person as the person shooting.</t>
  </si>
  <si>
    <t>14.  Member States may maintain national provisions for protection of the environment or human health in force on 15 February 2021 and restricting lead in gunshot more severely than provided for in paragraph 11.</t>
  </si>
  <si>
    <t>▼M59</t>
  </si>
  <si>
    <t>74.  Diisocyanates, O = C=N-R-N = C=O, with R an aliphatic or aromatic hydrocarbon unit of unspecified length</t>
  </si>
  <si>
    <t>▼M60</t>
  </si>
  <si>
    <t>(*1)   </t>
  </si>
  <si>
    <t>OJ L 256, 7.9.1987, p. 42.</t>
  </si>
  <si>
    <t>OJ L 147, 9.6.1975, p. 40.</t>
  </si>
  <si>
    <t>OJ L 37, 13.2.2003, p. 19.</t>
  </si>
  <si>
    <t>OJ L 263, 9.10.2007, p. 1.</t>
  </si>
  <si>
    <t>OJ L 171, 9.7.2003, p. 1.</t>
  </si>
  <si>
    <t>OJ L 124, 9.5.2002, p. 1.</t>
  </si>
  <si>
    <t>OJ L 24, 29.1.2008, p. 8.</t>
  </si>
  <si>
    <t>OJ L 104, 8.4.2004, p. 1.</t>
  </si>
  <si>
    <t>OJ L 399, 30.12.1989, p. 18.</t>
  </si>
  <si>
    <t>OJ L 304, 21.11.2003, p. 1.</t>
  </si>
  <si>
    <t>OJ L 121, 15.5.1993, p. 20.</t>
  </si>
  <si>
    <t>OJ L 270, 21.10.2003, p. 1.</t>
  </si>
  <si>
    <t>OJ L 365, 31.12.1994, p. 10.</t>
  </si>
  <si>
    <t>OJ L 326, 29.12.1969, p. 36.</t>
  </si>
  <si>
    <t>Directive 2009/48/EC of the European Parliament and of the Council of 18 June 2009 on the safety of toys (OJ L 170, 30.6.2009, p. 1).</t>
  </si>
  <si>
    <t>Directive 2011/65/EU of the European Parliament and of the Council of 8 June 2011 on the restriction of the use of certain hazardous substances in electrical and electronic equipment (OJ L 174, 1.7.2011, p. 88).</t>
  </si>
  <si>
    <t>Directive 2010/75/EU of the European Parliament and of the Council of 24 November 2010 on industrial emissions (integrated pollution prevention and control) (OJ L 334, 17.12.2010, p. 17).</t>
  </si>
  <si>
    <t>Regulation (EU) No 167/2013 of the European Parliament and of the Council of 5 February 2013 on the approval and market surveillance of agricultural and forestry vehicles (OL L 60, 2.3.2013, p. 1).</t>
  </si>
  <si>
    <t>Directive 2006/42/EC of the European Parliament and of the Council of 17 May 2006 on machinery, and amending Directive 95/16/EC (OJ L 157, 9.6.2006, p. 24).</t>
  </si>
  <si>
    <t>Regulation (EC) No 216/2008 of the European Parliament and of the Council of 20 February 2008 on common rules in the field of civil aviation and establishing a European Aviation Safety Agency, and repealing Council Directive 91/670/EEC, Regulation (EC) No 1592/2002 and Directive 2004/36/EC (OJ L 79, 19.3.2008, p. 1).</t>
  </si>
  <si>
    <t>Commission Regulation (EU) No 10/2011 of 14 January 2011 on plastic materials and articles intended to come into contact with food (OJ L 12, 15.1.2011, p. 1).</t>
  </si>
  <si>
    <t>Regulation (EC) No 1223/2009 of the European Parliament and of the Council of 30 November 2009 on cosmetic products (OJ L 342, 22.12.2009, p. 59).</t>
  </si>
  <si>
    <t>▼M61</t>
  </si>
  <si>
    <t>Entry 28 – Carcinogens: Category 1 B</t>
  </si>
  <si>
    <t>Entry 29 – Germ cell mutagens: Category 1 A</t>
  </si>
  <si>
    <t>Entry 29 – Germ cell mutagens: Category 1 B</t>
  </si>
  <si>
    <t>Entry 30 – Reproductive toxicants: Category 1 A</t>
  </si>
  <si>
    <t>Entry 30 – Reproductive toxicants: Category 1 B</t>
  </si>
  <si>
    <t>EN ISO 17234-1:2015</t>
  </si>
  <si>
    <t>Leather – Chemical tests for the determination of certain azo colorants in dyed leathers – Part 1: Determination of certain aromatic amines derived from azo colorants</t>
  </si>
  <si>
    <t>Leather – Chemical tests for the determination of certain azo colorants in dyed leathers – Part 2: Determination of 4-aminoazobenzene</t>
  </si>
  <si>
    <t>EN ISO 14362-1:2017</t>
  </si>
  <si>
    <t>Textiles – Methods for determination of certain aromatic amines derived from azo colorants – Part 1: Detection of the use of certain azo colorants accessible with and without extracting the fibres</t>
  </si>
  <si>
    <t>EN ISO 14362-3:2017</t>
  </si>
  <si>
    <t>Textiles – Methods for determination of certain aromatic amines derived from azo colorants – Part 3: Detection of the use of certain azo colorants, which may release 4-aminoazobenzene</t>
  </si>
  <si>
    <t>The name corresponds to the International Chemical Identification used for the substance in Part 3 of Annex VI to Regulation (EC) No 1272/2008 of the European Parliament and of the Council on classification, labelling and packaging of substances and mixtures, amending and repealing Directives 67/548/EEC and 1999/45/EC, and amending Regulation (EC) No 1907/2006.</t>
    <phoneticPr fontId="78"/>
  </si>
  <si>
    <t>Whenever possible, substances are designated by their IUPAC names. Substances listed in Einecvs (European Inventory of Existing Commercial Chemical Substances), Elincs (European List of Notified Substances) or the list of ‘No-longer-polymers’ are designated using the names in these lists. Other names, such as usual or common names, are included in some cases. Whenever possible, plant protection products and biocides are designated by their ISO names.</t>
    <phoneticPr fontId="78"/>
  </si>
  <si>
    <r>
      <t>(</t>
    </r>
    <r>
      <rPr>
        <vertAlign val="superscript"/>
        <sz val="7"/>
        <color rgb="FF3366CC"/>
        <rFont val="Inherit"/>
        <family val="2"/>
      </rPr>
      <t>1</t>
    </r>
    <r>
      <rPr>
        <sz val="10"/>
        <color rgb="FF3366CC"/>
        <rFont val="Inherit"/>
        <family val="2"/>
      </rPr>
      <t>)   </t>
    </r>
  </si>
  <si>
    <t>( 35 ) Commission Delegated Regulation (EU) 2017/2100 of 4 September 2017 setting out scientific criteria for the determination of endocrine-disrupting properties pursuant to Regulation (EU) No 528/2012 of the European Parliament and Council (OJ L 301, 17.11.2017, p. 1).</t>
  </si>
  <si>
    <t>( 43 ) The IMO has developed various legal instruments related to dangerous and polluting goods differentiating between how the goods are carried (packaged and bulk) and by type of cargo (solid, liquid and liquefied gases). Rules on the carriage of dangerous cargoes and the ships that carry these cargoes are found in the International Convention for the Safety of Life at Sea (SOLAS, 1974), as amended, and the International Convention on Maritime Pollution (MARPOL 73/78), as amended. These conventions are supplemented by the following codes: IMDG, IMSBC, IBC and IGC.</t>
  </si>
  <si>
    <t>( 67 ) For the purpose of subparagraph 3.2(a)(ii), without prejudice to column 2 of Section 8.7 of Annexes IX and X, a DNEL derived from a screening test for reproductive/developmental toxicity shall not be considered appropriate to omit a prenatal developmental toxicity study or a two-generation reproductive toxicity study. For the purpose of subparagraph 3.2(a)(ii), without prejudice to column 2 of section 8.6 of Annexes IX and X, a DNEL derived from a 28-day repeated dose toxicity study shall not be considered appropriate to omit a 90-day repeated dose toxicity study.</t>
  </si>
  <si>
    <t>COMMISSION REGULATION (EU) 2020/2096</t>
  </si>
  <si>
    <t>of 15 December 2020</t>
  </si>
  <si>
    <t>amending Annex XVII to Regulation (EC) No 1907/2006 of the European Parliament and of the Council concerning the Registration, Evaluation, Authorisation and Restriction of Chemicals (REACH), as regards carcinogenic, mutagenic or reproductive toxicant (CMR) substances, devices covered by Regulation (EU) 2017/745 of the European Parliament and of the Council, persistent organic pollutants, certain liquid substances or mixtures, nonylphenol and testing methods for azocolourants</t>
  </si>
  <si>
    <t>Annex XVII to Regulation (EC) No 1907/2006 is amended in accordance with the Annex to this Regulation.</t>
  </si>
  <si>
    <t>Point (6) of the Annex shall apply from 4 July 2020.</t>
  </si>
  <si>
    <t>Point (8)(b) of the Annex shall apply as follows:</t>
  </si>
  <si>
    <t>—rows concerning 1,2-dihydroxybenzene; pyrocatechol, acetaldehyde; ethanal and spirodiclofen (ISO); 3-(2,4-dichlorophenyl)-2-oxo-1-oxaspiro[4.5]dec-3-en-4-yl 2,2-dimethylbutyrate shall apply from 5 July 2021.</t>
    <phoneticPr fontId="78"/>
  </si>
  <si>
    <t>Point 11(b) of the Annex shall apply from 1 October 2021.</t>
  </si>
  <si>
    <t>Point (12)(b) of the Annex shall apply as follows:</t>
  </si>
  <si>
    <t>This Regulation shall be binding in its entirety and directly applicable in all Member States.</t>
  </si>
  <si>
    <t>Done at Brussels, 15 December 2020.</t>
  </si>
  <si>
    <t>For the Commission</t>
  </si>
  <si>
    <t>The President</t>
  </si>
  <si>
    <t>Ursula VON DER LEYEN</t>
  </si>
  <si>
    <r>
      <t>(</t>
    </r>
    <r>
      <rPr>
        <vertAlign val="superscript"/>
        <sz val="10"/>
        <rFont val="Inherit"/>
        <family val="2"/>
      </rPr>
      <t>1</t>
    </r>
    <r>
      <rPr>
        <sz val="10"/>
        <rFont val="Inherit"/>
        <family val="2"/>
      </rPr>
      <t>)  OJ L 396, 30.12.2006, p. 1.</t>
    </r>
  </si>
  <si>
    <r>
      <t>(</t>
    </r>
    <r>
      <rPr>
        <vertAlign val="superscript"/>
        <sz val="10"/>
        <rFont val="Inherit"/>
        <family val="2"/>
      </rPr>
      <t>2</t>
    </r>
    <r>
      <rPr>
        <sz val="10"/>
        <rFont val="Inherit"/>
        <family val="2"/>
      </rPr>
      <t>)  Council Directive 67/548/EEC of 27 June 1967 on the approximation of laws, regulations and administrative provisions relating to the classification, packaging and labelling of dangerous substances (OJ 196, 16.8.1967, p. 1).</t>
    </r>
  </si>
  <si>
    <r>
      <t>(</t>
    </r>
    <r>
      <rPr>
        <vertAlign val="superscript"/>
        <sz val="10"/>
        <rFont val="Inherit"/>
        <family val="2"/>
      </rPr>
      <t>3</t>
    </r>
    <r>
      <rPr>
        <sz val="10"/>
        <rFont val="Inherit"/>
        <family val="2"/>
      </rPr>
      <t>)  Regulation (EU) 2019/1021 of the European Parliament and of the Council of 20 June 2019 on persistent organic pollutants (OJ L 169, 25.6.2019, p. 45).</t>
    </r>
  </si>
  <si>
    <r>
      <t>(</t>
    </r>
    <r>
      <rPr>
        <vertAlign val="superscript"/>
        <sz val="10"/>
        <rFont val="Inherit"/>
        <family val="2"/>
      </rPr>
      <t>4</t>
    </r>
    <r>
      <rPr>
        <sz val="10"/>
        <rFont val="Inherit"/>
        <family val="2"/>
      </rPr>
      <t>)  Commission Regulation (EC) No 552/2009 of 22 June 2009 amending Regulation (EC) No 1907/2006 of the European Parliament and of the Council on the Registration, Evaluation, Authorisation and Restriction of Chemicals (REACH) as regards Annex XVII (OJ L 164, 26.6.2009, p. 7).</t>
    </r>
  </si>
  <si>
    <r>
      <t>(</t>
    </r>
    <r>
      <rPr>
        <vertAlign val="superscript"/>
        <sz val="10"/>
        <rFont val="Inherit"/>
        <family val="2"/>
      </rPr>
      <t>5</t>
    </r>
    <r>
      <rPr>
        <sz val="10"/>
        <rFont val="Inherit"/>
        <family val="2"/>
      </rPr>
      <t>)  Regulation (EC) No 1272/2008 of the European Parliament and of the Council of 16 December 2008 on classification, labelling and packaging of substances and mixtures, amending and repealing Directives 67/548/EEC and 1999/45/EC, and amending Regulation (EC) No 1907/2006 (OJ L 353, 31.12.2008, p. 1).</t>
    </r>
  </si>
  <si>
    <r>
      <t>(</t>
    </r>
    <r>
      <rPr>
        <vertAlign val="superscript"/>
        <sz val="10"/>
        <rFont val="Inherit"/>
        <family val="2"/>
      </rPr>
      <t>6</t>
    </r>
    <r>
      <rPr>
        <sz val="10"/>
        <rFont val="Inherit"/>
        <family val="2"/>
      </rPr>
      <t>)  Commission Regulation (EU) 2018/675 of 2 May 2018 amending the Appendices to Annex XVII to Regulation (EC) No 1907/2006 of the European Parliament and of the Council concerning the Registration, Evaluation, Authorisation and Restriction of Chemicals (REACH) as regards CMR substances (OJ L 114, 4.5.2018, p. 4).</t>
    </r>
  </si>
  <si>
    <r>
      <t>(</t>
    </r>
    <r>
      <rPr>
        <vertAlign val="superscript"/>
        <sz val="10"/>
        <rFont val="Inherit"/>
        <family val="2"/>
      </rPr>
      <t>7</t>
    </r>
    <r>
      <rPr>
        <sz val="10"/>
        <rFont val="Inherit"/>
        <family val="2"/>
      </rPr>
      <t>)  Commission Regulation (EU) 2018/1480 of 4 October 2018 amending, for the purposes of its adaptation to technical and scientific progress, Regulation (EC) No 1272/2008 of the European Parliament and of the Council on classification, labelling and packaging of substances and mixtures and correcting Commission Regulation (EU) 2017/776 (OJ L 251, 5.10.2018, p. 1).</t>
    </r>
  </si>
  <si>
    <r>
      <t>(</t>
    </r>
    <r>
      <rPr>
        <vertAlign val="superscript"/>
        <sz val="10"/>
        <rFont val="Inherit"/>
        <family val="2"/>
      </rPr>
      <t>8</t>
    </r>
    <r>
      <rPr>
        <sz val="10"/>
        <rFont val="Inherit"/>
        <family val="2"/>
      </rPr>
      <t>)  Commission Delegated Regulation (EU) 2020/217 of 4 October 2019 amending, for the purposes of its adaptation to technical and scientific progress, Regulation (EC) No 1272/2008 of the European Parliament and of the Council on classification, labelling and packaging of substances and mixtures and correcting that Regulation (OJ L 44, 18.2.2020, p. 1).</t>
    </r>
  </si>
  <si>
    <r>
      <t>(</t>
    </r>
    <r>
      <rPr>
        <vertAlign val="superscript"/>
        <sz val="10"/>
        <rFont val="Inherit"/>
        <family val="2"/>
      </rPr>
      <t>9</t>
    </r>
    <r>
      <rPr>
        <sz val="10"/>
        <rFont val="Inherit"/>
        <family val="2"/>
      </rPr>
      <t>)  Regulation (EU) 2017/745 of the European Parliament and of the Council of 5 April 2017 on medical devices, amending Directive 2001/83/EC, Regulation (EC) No 178/2002 and Regulation (EC) No 1223/2009 and repealing Council Directives 90/385/EEC and 93/42/EEC (OJ L 117, 5.5.2017, p. 1).</t>
    </r>
  </si>
  <si>
    <r>
      <t>(</t>
    </r>
    <r>
      <rPr>
        <vertAlign val="superscript"/>
        <sz val="10"/>
        <rFont val="Inherit"/>
        <family val="2"/>
      </rPr>
      <t>10</t>
    </r>
    <r>
      <rPr>
        <sz val="10"/>
        <rFont val="Inherit"/>
        <family val="2"/>
      </rPr>
      <t>)  Commission Delegated Regulation (EU) 2020/784 of 8 April 2020 amending Annex I to Regulation (EU) 2019/1021 of the European Parliament and of the Council as regards the listing of perfluorooctanoic acid (PFOA), its salts and PFOA-related compounds (OJ L 188, 15.6.2020, p. 1).</t>
    </r>
  </si>
  <si>
    <r>
      <t>(</t>
    </r>
    <r>
      <rPr>
        <vertAlign val="superscript"/>
        <sz val="10"/>
        <rFont val="Inherit"/>
        <family val="2"/>
      </rPr>
      <t>11</t>
    </r>
    <r>
      <rPr>
        <sz val="10"/>
        <rFont val="Inherit"/>
        <family val="2"/>
      </rPr>
      <t>)  Commission Regulation (EU) 2017/776 of 4 May 2017 amending, for the purposes of its adaptation to technical and scientific progress, Regulation (EC) No 1272/2008 of the European Parliament and of the Council on classification, labelling and packaging of substances and mixtures (OJ L 116, 5.5.2017, p. 1).</t>
    </r>
  </si>
  <si>
    <t>Annex XVII to Regulation (EC) No 1907/2006 is amended as follows:</t>
  </si>
  <si>
    <t>(1) Column 2 of entry 3 is amended as follows:</t>
    <phoneticPr fontId="78"/>
  </si>
  <si>
    <t>(a)</t>
  </si>
  <si>
    <t>paragraph 3 is replaced by the following:</t>
    <phoneticPr fontId="78"/>
  </si>
  <si>
    <t>‘3.</t>
  </si>
  <si>
    <t>Shall not be placed on the market if they contain a colouring agent, unless required for fiscal reasons, or perfume, or both, if they:</t>
  </si>
  <si>
    <t>can be used as fuel in decorative oil lamps for supply to the general public, and</t>
  </si>
  <si>
    <t>present an aspiration hazard and are labelled with H304.’;</t>
  </si>
  <si>
    <t>(b)</t>
  </si>
  <si>
    <t>paragraph 5 is replaced by the following:</t>
  </si>
  <si>
    <t>‘5.</t>
  </si>
  <si>
    <t>Without prejudice to the implementation of other Union provisions relating to the classification, labelling and packaging of substances and mixtures, suppliers shall ensure, before the placing on the market, that the following requirements are met:</t>
  </si>
  <si>
    <t>lamp oils, labelled with H304, intended for supply to the general public are visibly, legibly and indelibly marked as follows: “Keep lamps filled with this liquid out of the reach of children”; and, by 1 December 2010, “Just a sip of lamp oil – or even sucking the wick of lamps – may lead to life-threatening lung damage”;</t>
  </si>
  <si>
    <t>grill lighter fluids, labelled with H304, intended for supply to the general public are legibly and indelibly marked by 1 December 2010 as follows: ‘Just a sip of grill lighter fluid may lead to life threatening lung damage’;</t>
  </si>
  <si>
    <t>(c)</t>
  </si>
  <si>
    <t>lamps oils and grill lighters, labelled with H304, intended for supply to the general public are packaged in black opaque containers not exceeding 1 litre by 1 December 2010.’;</t>
  </si>
  <si>
    <t>paragraph 6 is deleted;</t>
  </si>
  <si>
    <t>(d)</t>
  </si>
  <si>
    <t>paragraph 7 is deleted.</t>
  </si>
  <si>
    <t>(2) Entry 22 is deleted.</t>
    <phoneticPr fontId="78"/>
  </si>
  <si>
    <t>(3) In entries 28-30, the following point (f) is added in paragraph 2 of column 2:</t>
    <phoneticPr fontId="78"/>
  </si>
  <si>
    <t>‘(f)</t>
  </si>
  <si>
    <t>devices covered by Regulation (EU) 2017/745’.</t>
  </si>
  <si>
    <t>(4) In entry 46, the references to CAS number and EC number in paragraph (a) of column 1 are deleted.</t>
    <phoneticPr fontId="78"/>
  </si>
  <si>
    <t>(5) Entry 67 is deleted.</t>
    <phoneticPr fontId="78"/>
  </si>
  <si>
    <t>(6) Entry 68 is deleted.</t>
    <phoneticPr fontId="78"/>
  </si>
  <si>
    <t>(7) The title of Appendix 1 is replaced by the following:</t>
    <phoneticPr fontId="78"/>
  </si>
  <si>
    <t>(8) Appendix 2 is amended as follows:</t>
    <phoneticPr fontId="78"/>
  </si>
  <si>
    <t>the title is replaced by the following:</t>
  </si>
  <si>
    <t>the following entries are inserted in the table in order of the index numbers set out therein:</t>
  </si>
  <si>
    <t>‘cobalt</t>
  </si>
  <si>
    <t>7440-48-4’</t>
  </si>
  <si>
    <t>601-090-00-X</t>
  </si>
  <si>
    <t>189-55-9’</t>
  </si>
  <si>
    <t>601-091-00-5</t>
  </si>
  <si>
    <t>‘1,2-dihydroxybenzene; pyrocatechol</t>
  </si>
  <si>
    <t>120-80-9’</t>
  </si>
  <si>
    <t>‘acetaldehyde; ethanal</t>
  </si>
  <si>
    <t>75-07-0’</t>
  </si>
  <si>
    <t>‘spirodiclofen (ISO); 3-(2,4-dichlorophenyl)-2-oxo-1-oxaspiro[4.5]dec-3-en-4-yl 2,2-dimethylbutyrate</t>
  </si>
  <si>
    <t>148477-71-8’</t>
  </si>
  <si>
    <t>(9) The title of Appendix 3 is replaced by the following:</t>
    <phoneticPr fontId="78"/>
  </si>
  <si>
    <t>(10) The title of Appendix 4 is replaced by the following:</t>
    <phoneticPr fontId="78"/>
  </si>
  <si>
    <t>(11) Appendix 5 is amended as follows:</t>
    <phoneticPr fontId="78"/>
  </si>
  <si>
    <t>the following entry is inserted in the table in order of the index numbers set out therein:</t>
  </si>
  <si>
    <t>‘methylmercuric chloride</t>
  </si>
  <si>
    <t>080-012-00-0</t>
  </si>
  <si>
    <t>115-09-3’</t>
  </si>
  <si>
    <t>(12) Appendix 6 is amended as follows:</t>
    <phoneticPr fontId="78"/>
  </si>
  <si>
    <t>‘ethylene oxide; oxirane</t>
  </si>
  <si>
    <t>75-21-8’</t>
  </si>
  <si>
    <t>603-236-00-8</t>
  </si>
  <si>
    <t>97925-95-6’</t>
  </si>
  <si>
    <t>‘2-benzyl-2-dimethylamino-4'-morpholinobutyrophenone</t>
  </si>
  <si>
    <t>119313-12-1’</t>
  </si>
  <si>
    <t>‘diisohexyl phthalate</t>
  </si>
  <si>
    <t>607-737-00-2</t>
  </si>
  <si>
    <t>71850-09-4’</t>
  </si>
  <si>
    <t>60207-90-1’</t>
  </si>
  <si>
    <t>‘1-vinylimidazole</t>
  </si>
  <si>
    <t>1072-63-5’</t>
  </si>
  <si>
    <t>‘halosulfuron-methyl (ISO);</t>
  </si>
  <si>
    <t>613-329-00-5</t>
  </si>
  <si>
    <t>100784-20-1’</t>
  </si>
  <si>
    <t>methyl 3-chloro-5-{[(4,6dimethoxypyrimidin-2yl)carbamoyl]sulfamoyl}-1-methyl1H-pyrazole-4-carboxylate</t>
  </si>
  <si>
    <t>‘2-methylimidazole</t>
  </si>
  <si>
    <t>693-98-1’</t>
  </si>
  <si>
    <t>‘dibutylbis(pentane-2,4-dionato-O,O’)tin</t>
  </si>
  <si>
    <t>650-056-00-0</t>
  </si>
  <si>
    <t>22673-19-4’</t>
  </si>
  <si>
    <t>(13) In Appendix 10, the table is replaced by the following table:</t>
    <phoneticPr fontId="78"/>
  </si>
  <si>
    <t>‘European standardisation organisation</t>
  </si>
  <si>
    <t>EN 14362-3:2012’</t>
  </si>
  <si>
    <t>https://eur-lex.europa.eu/legal-content/EN/TXT/?uri=CELEX%3A02006R1907-20210215</t>
    <phoneticPr fontId="4"/>
  </si>
  <si>
    <t>https://eur-lex.europa.eu/legal-content/EN/TXT/?uri=celex%3A32020R2096</t>
    <phoneticPr fontId="4"/>
  </si>
  <si>
    <r>
      <t>►M3</t>
    </r>
    <r>
      <rPr>
        <sz val="10"/>
        <rFont val="Inherit"/>
        <family val="2"/>
      </rPr>
      <t>   </t>
    </r>
  </si>
  <si>
    <r>
      <t>3.  Liquid substances or mixtures </t>
    </r>
    <r>
      <rPr>
        <b/>
        <sz val="10"/>
        <rFont val="Inherit"/>
        <family val="2"/>
      </rPr>
      <t>►M3</t>
    </r>
    <r>
      <rPr>
        <sz val="10"/>
        <rFont val="Inherit"/>
        <family val="2"/>
      </rPr>
      <t>   —</t>
    </r>
    <r>
      <rPr>
        <b/>
        <sz val="10"/>
        <rFont val="Inherit"/>
        <family val="2"/>
      </rPr>
      <t> ◄ </t>
    </r>
    <r>
      <rPr>
        <sz val="10"/>
        <rFont val="Inherit"/>
        <family val="2"/>
      </rPr>
      <t>fulfilling the criteria for any of the following hazard classes or categories set out in Annex I to Regulation (EC) No 1272/2008:</t>
    </r>
  </si>
  <si>
    <r>
      <t>(d)  hazard class 5.1. </t>
    </r>
    <r>
      <rPr>
        <b/>
        <sz val="10"/>
        <rFont val="Inherit"/>
        <family val="2"/>
      </rPr>
      <t> ◄</t>
    </r>
  </si>
  <si>
    <r>
      <t>2.  Articles not complying with paragraph 1 shall not be placed on the market. </t>
    </r>
    <r>
      <rPr>
        <b/>
        <sz val="10"/>
        <rFont val="Inherit"/>
        <family val="2"/>
      </rPr>
      <t>►M61</t>
    </r>
    <r>
      <rPr>
        <sz val="10"/>
        <rFont val="Inherit"/>
        <family val="2"/>
      </rPr>
      <t>   </t>
    </r>
  </si>
  <si>
    <r>
      <t>4.  Decorative oil lamps for supply to the general public shall not be placed on the market unless they conform to the European Standard on Decorative oil lamps (EN 14059) adopted by the European Committee for Standardisation (CEN). </t>
    </r>
    <r>
      <rPr>
        <b/>
        <sz val="10"/>
        <rFont val="Inherit"/>
        <family val="2"/>
      </rPr>
      <t>►M61</t>
    </r>
    <r>
      <rPr>
        <sz val="10"/>
        <rFont val="Inherit"/>
        <family val="2"/>
      </rPr>
      <t>   </t>
    </r>
  </si>
  <si>
    <r>
      <t>(c)  lamps oils and grill lighters, labelled with H304, intended for supply to the general public are packaged in black opaque containers not exceeding 1 litre by 1 December 2010. </t>
    </r>
    <r>
      <rPr>
        <b/>
        <sz val="10"/>
        <rFont val="Inherit"/>
        <family val="2"/>
      </rPr>
      <t> ◄ ►M61</t>
    </r>
    <r>
      <rPr>
        <sz val="10"/>
        <rFont val="Inherit"/>
        <family val="2"/>
      </rPr>
      <t>   </t>
    </r>
    <r>
      <rPr>
        <b/>
        <sz val="10"/>
        <rFont val="Inherit"/>
        <family val="2"/>
      </rPr>
      <t> ◄ ►M61</t>
    </r>
    <r>
      <rPr>
        <sz val="10"/>
        <rFont val="Inherit"/>
        <family val="2"/>
      </rPr>
      <t>   </t>
    </r>
    <r>
      <rPr>
        <b/>
        <sz val="10"/>
        <rFont val="Inherit"/>
        <family val="2"/>
      </rPr>
      <t> ◄</t>
    </r>
  </si>
  <si>
    <r>
      <t>(b)  substances and mixtures for use in industrial processes not allowing for the emission of benzene in quantities in excess of those laid down in existing legislation; </t>
    </r>
    <r>
      <rPr>
        <b/>
        <sz val="10"/>
        <rFont val="Inherit"/>
        <family val="2"/>
      </rPr>
      <t>►M33</t>
    </r>
    <r>
      <rPr>
        <sz val="10"/>
        <rFont val="Inherit"/>
        <family val="2"/>
      </rPr>
      <t>   </t>
    </r>
  </si>
  <si>
    <r>
      <t>(c)  natural gas placed on the market for use by consumers, provided that the concentration of benzene remains below 0,1 % volume/volume. </t>
    </r>
    <r>
      <rPr>
        <b/>
        <sz val="10"/>
        <rFont val="Inherit"/>
        <family val="2"/>
      </rPr>
      <t> ◄</t>
    </r>
  </si>
  <si>
    <r>
      <t>►M37</t>
    </r>
    <r>
      <rPr>
        <sz val="10"/>
        <rFont val="Inherit"/>
        <family val="2"/>
      </rPr>
      <t>   </t>
    </r>
  </si>
  <si>
    <r>
      <t>Where, in order to protect the health and safety of workers, a Member State requires monitoring of chrysotile in air by downstream users, the results shall be included in that report. </t>
    </r>
    <r>
      <rPr>
        <b/>
        <sz val="10"/>
        <rFont val="Inherit"/>
        <family val="2"/>
      </rPr>
      <t> ◄</t>
    </r>
  </si>
  <si>
    <r>
      <t>(Quillaja saponaria)</t>
    </r>
    <r>
      <rPr>
        <sz val="10"/>
        <rFont val="Inherit"/>
        <family val="2"/>
      </rPr>
      <t> and its derivatives containing saponines</t>
    </r>
  </si>
  <si>
    <r>
      <t>(b)  Powder of the roots of </t>
    </r>
    <r>
      <rPr>
        <i/>
        <sz val="10"/>
        <rFont val="Inherit"/>
        <family val="2"/>
      </rPr>
      <t>Helleborus viridis</t>
    </r>
    <r>
      <rPr>
        <sz val="10"/>
        <rFont val="Inherit"/>
        <family val="2"/>
      </rPr>
      <t> and </t>
    </r>
    <r>
      <rPr>
        <i/>
        <sz val="10"/>
        <rFont val="Inherit"/>
        <family val="2"/>
      </rPr>
      <t>Helleborus niger</t>
    </r>
  </si>
  <si>
    <r>
      <t>(c)  Powder of the roots of </t>
    </r>
    <r>
      <rPr>
        <i/>
        <sz val="10"/>
        <rFont val="Inherit"/>
        <family val="2"/>
      </rPr>
      <t>Veratrum album</t>
    </r>
    <r>
      <rPr>
        <sz val="10"/>
        <rFont val="Inherit"/>
        <family val="2"/>
      </rPr>
      <t> and </t>
    </r>
    <r>
      <rPr>
        <i/>
        <sz val="10"/>
        <rFont val="Inherit"/>
        <family val="2"/>
      </rPr>
      <t>Veratrum nigrum</t>
    </r>
  </si>
  <si>
    <r>
      <t>Shall not be placed on the market, or used, as substances or in mixtures, where the substance or mixture is intended for use as paint. </t>
    </r>
    <r>
      <rPr>
        <b/>
        <sz val="10"/>
        <rFont val="Inherit"/>
        <family val="2"/>
      </rPr>
      <t>►M21</t>
    </r>
    <r>
      <rPr>
        <sz val="10"/>
        <rFont val="Inherit"/>
        <family val="2"/>
      </rPr>
      <t>   </t>
    </r>
  </si>
  <si>
    <r>
      <t>(a)  Neutral anhydrous carbonate (PbCO</t>
    </r>
    <r>
      <rPr>
        <vertAlign val="subscript"/>
        <sz val="7"/>
        <rFont val="Inherit"/>
        <family val="2"/>
      </rPr>
      <t>3</t>
    </r>
    <r>
      <rPr>
        <sz val="10"/>
        <rFont val="Inherit"/>
        <family val="2"/>
      </rPr>
      <t>)</t>
    </r>
  </si>
  <si>
    <r>
      <t>However, Member States may, in accordance with the provisions of International Labour Organization (ILO) Convention 13, permit the use on their territory of the substance or mixture for the restoration and maintenance of works of art and historic buildings and their interiors, as well as the placing on the market for such use. Where a Member State makes use of this derogation, it shall inform the Commission thereof. </t>
    </r>
    <r>
      <rPr>
        <b/>
        <sz val="10"/>
        <rFont val="Inherit"/>
        <family val="2"/>
      </rPr>
      <t> ◄</t>
    </r>
  </si>
  <si>
    <r>
      <t>(b)  Trilead-bis(carbonate)-dihydroxide 2Pb CO</t>
    </r>
    <r>
      <rPr>
        <vertAlign val="subscript"/>
        <sz val="7"/>
        <rFont val="Inherit"/>
        <family val="2"/>
      </rPr>
      <t>3</t>
    </r>
    <r>
      <rPr>
        <sz val="10"/>
        <rFont val="Inherit"/>
        <family val="2"/>
      </rPr>
      <t>-Pb(OH)</t>
    </r>
    <r>
      <rPr>
        <vertAlign val="subscript"/>
        <sz val="7"/>
        <rFont val="Inherit"/>
        <family val="2"/>
      </rPr>
      <t>2</t>
    </r>
  </si>
  <si>
    <r>
      <t>(a)  PbSO</t>
    </r>
    <r>
      <rPr>
        <vertAlign val="subscript"/>
        <sz val="7"/>
        <rFont val="Inherit"/>
        <family val="2"/>
      </rPr>
      <t>4</t>
    </r>
  </si>
  <si>
    <r>
      <t>(b)  Pb</t>
    </r>
    <r>
      <rPr>
        <vertAlign val="subscript"/>
        <sz val="7"/>
        <rFont val="Inherit"/>
        <family val="2"/>
      </rPr>
      <t>x</t>
    </r>
    <r>
      <rPr>
        <sz val="10"/>
        <rFont val="Inherit"/>
        <family val="2"/>
      </rPr>
      <t> SO</t>
    </r>
    <r>
      <rPr>
        <vertAlign val="subscript"/>
        <sz val="7"/>
        <rFont val="Inherit"/>
        <family val="2"/>
      </rPr>
      <t>4</t>
    </r>
  </si>
  <si>
    <r>
      <t>(b)  barometers (except barometers within point (a)) until 3 October 2009. </t>
    </r>
    <r>
      <rPr>
        <b/>
        <sz val="10"/>
        <rFont val="Inherit"/>
        <family val="2"/>
      </rPr>
      <t>►M19</t>
    </r>
    <r>
      <rPr>
        <sz val="10"/>
        <rFont val="Inherit"/>
        <family val="2"/>
      </rPr>
      <t>   </t>
    </r>
    <r>
      <rPr>
        <b/>
        <sz val="10"/>
        <rFont val="Inherit"/>
        <family val="2"/>
      </rPr>
      <t> ◄ ►M19</t>
    </r>
    <r>
      <rPr>
        <sz val="10"/>
        <rFont val="Inherit"/>
        <family val="2"/>
      </rPr>
      <t>   </t>
    </r>
  </si>
  <si>
    <r>
      <t>(b)  measuring devices which are to be displayed in public exhibitions for cultural and historical purposes. </t>
    </r>
    <r>
      <rPr>
        <b/>
        <sz val="10"/>
        <rFont val="Inherit"/>
        <family val="2"/>
      </rPr>
      <t> ◄</t>
    </r>
  </si>
  <si>
    <r>
      <t>3.  Shall not be placed on the market, or used, as substances or in mixtures where the substance or mixture is intended for use in the treatment of industrial waters. </t>
    </r>
    <r>
      <rPr>
        <b/>
        <sz val="10"/>
        <rFont val="Inherit"/>
        <family val="2"/>
      </rPr>
      <t>►M6</t>
    </r>
    <r>
      <rPr>
        <sz val="10"/>
        <rFont val="Inherit"/>
        <family val="2"/>
      </rPr>
      <t>   </t>
    </r>
  </si>
  <si>
    <r>
      <t>(b)  Articles not complying with point (a) shall not be placed on the market after 1 January 2012, except for articles that were already in use in the Community before that date. </t>
    </r>
    <r>
      <rPr>
        <b/>
        <sz val="10"/>
        <rFont val="Inherit"/>
        <family val="2"/>
      </rPr>
      <t> ◄</t>
    </r>
  </si>
  <si>
    <r>
      <t>21.  Di-μ-oxo-di-n-butylstanniohydroxyborane/Dibutyltin hydrogen borate C</t>
    </r>
    <r>
      <rPr>
        <vertAlign val="subscript"/>
        <sz val="7"/>
        <rFont val="Inherit"/>
        <family val="2"/>
      </rPr>
      <t>8</t>
    </r>
    <r>
      <rPr>
        <sz val="10"/>
        <rFont val="Inherit"/>
        <family val="2"/>
      </rPr>
      <t>H</t>
    </r>
    <r>
      <rPr>
        <vertAlign val="subscript"/>
        <sz val="7"/>
        <rFont val="Inherit"/>
        <family val="2"/>
      </rPr>
      <t>19</t>
    </r>
    <r>
      <rPr>
        <sz val="10"/>
        <rFont val="Inherit"/>
        <family val="2"/>
      </rPr>
      <t>BO</t>
    </r>
    <r>
      <rPr>
        <vertAlign val="subscript"/>
        <sz val="7"/>
        <rFont val="Inherit"/>
        <family val="2"/>
      </rPr>
      <t>3</t>
    </r>
    <r>
      <rPr>
        <sz val="10"/>
        <rFont val="Inherit"/>
        <family val="2"/>
      </rPr>
      <t>Sn (DBB)</t>
    </r>
  </si>
  <si>
    <r>
      <t>For the purpose of this entry, the codes and chapters indicated in square brackets are the codes and chapters of the tariff and statistical nomenclature of Common Customs Tariff as established by Council Regulation (EEC) No 2658/87 (</t>
    </r>
    <r>
      <rPr>
        <vertAlign val="superscript"/>
        <sz val="7"/>
        <rFont val="Inherit"/>
        <family val="2"/>
      </rPr>
      <t>*1</t>
    </r>
    <r>
      <rPr>
        <sz val="10"/>
        <rFont val="Inherit"/>
        <family val="2"/>
      </rPr>
      <t>). </t>
    </r>
    <r>
      <rPr>
        <b/>
        <sz val="10"/>
        <rFont val="ＭＳ Ｐゴシック"/>
        <family val="3"/>
        <charset val="128"/>
      </rPr>
      <t>►</t>
    </r>
    <r>
      <rPr>
        <b/>
        <sz val="10"/>
        <rFont val="Inherit"/>
        <family val="2"/>
      </rPr>
      <t>M13</t>
    </r>
    <r>
      <rPr>
        <sz val="10"/>
        <rFont val="Inherit"/>
        <family val="2"/>
      </rPr>
      <t>   </t>
    </r>
    <phoneticPr fontId="78"/>
  </si>
  <si>
    <r>
      <t>The first and second subparagraphs apply without prejudice to Council Directive 94/62/EC </t>
    </r>
    <r>
      <rPr>
        <sz val="11"/>
        <rFont val="ＭＳ Ｐゴシック"/>
        <family val="3"/>
        <charset val="128"/>
      </rPr>
      <t>(*13) and acts adopted on its basis.</t>
    </r>
  </si>
  <si>
    <r>
      <t>By 19 November 2012, in accordance with Article 69, the Commission shall ask the European Chemicals Agency to prepare a dossier conforming to the requirements of Annex XV in order to assess whether the use of cadmium and its compounds in plastic material, other than that listed in subparagraph 1, should be restricted. </t>
    </r>
    <r>
      <rPr>
        <b/>
        <sz val="10"/>
        <rFont val="Inherit"/>
        <family val="2"/>
      </rPr>
      <t>►M35</t>
    </r>
    <r>
      <rPr>
        <sz val="10"/>
        <rFont val="Inherit"/>
        <family val="2"/>
      </rPr>
      <t>   </t>
    </r>
  </si>
  <si>
    <r>
      <t>Painted articles shall not be placed on the market if the concentration of cadmium (expressed as Cd metal) is equal to or greater than 0,1 % by weight of the paint on the painted article. </t>
    </r>
    <r>
      <rPr>
        <b/>
        <sz val="10"/>
        <rFont val="Inherit"/>
        <family val="2"/>
      </rPr>
      <t> ◄</t>
    </r>
  </si>
  <si>
    <r>
      <t>Suppliers shall ensure, before the placing on the market of mixtures and articles containing recovered PVC for the first time, that these are visibly, legibly and indelibly marked as follows: ‘</t>
    </r>
    <r>
      <rPr>
        <i/>
        <sz val="10"/>
        <rFont val="Inherit"/>
        <family val="2"/>
      </rPr>
      <t>Contains recovered PVC</t>
    </r>
    <r>
      <rPr>
        <sz val="10"/>
        <rFont val="Inherit"/>
        <family val="2"/>
      </rPr>
      <t>’ or with the following pictogram:</t>
    </r>
  </si>
  <si>
    <r>
      <t>In accordance with Article 69 of this Regulation, the derogation granted in paragraph 4 will be reviewed, in particular with a view to reducing the limit value for cadmium and to reassess the derogation for the applications listed in points (a) to (e), by 31 December 2017. </t>
    </r>
    <r>
      <rPr>
        <b/>
        <sz val="10"/>
        <rFont val="Inherit"/>
        <family val="2"/>
      </rPr>
      <t> ◄</t>
    </r>
  </si>
  <si>
    <r>
      <t>►M13</t>
    </r>
    <r>
      <rPr>
        <sz val="10"/>
        <rFont val="Inherit"/>
        <family val="2"/>
      </rPr>
      <t>   </t>
    </r>
  </si>
  <si>
    <r>
      <t>►C5</t>
    </r>
    <r>
      <rPr>
        <sz val="10"/>
        <rFont val="Inherit"/>
        <family val="2"/>
      </rPr>
      <t>   </t>
    </r>
  </si>
  <si>
    <r>
      <t>11.  By way of derogation, paragraph 10 shall not apply to articles placed on the market before 10 December 2011 and jewellery more than 50 years old on 10 December 2011. </t>
    </r>
    <r>
      <rPr>
        <b/>
        <sz val="10"/>
        <rFont val="Inherit"/>
        <family val="2"/>
      </rPr>
      <t> ◄  ◄</t>
    </r>
  </si>
  <si>
    <r>
      <t>(a)  in any post assemblies which are inserted into pierced ears and other pierced parts of the human body unless the rate of nickel release from such post assemblies is less than 0,2 μg/cm</t>
    </r>
    <r>
      <rPr>
        <vertAlign val="superscript"/>
        <sz val="7"/>
        <rFont val="Inherit"/>
        <family val="2"/>
      </rPr>
      <t>2</t>
    </r>
    <r>
      <rPr>
        <sz val="10"/>
        <rFont val="Inherit"/>
        <family val="2"/>
      </rPr>
      <t>/week (migration limit);</t>
    </r>
  </si>
  <si>
    <r>
      <t>if the rate of nickel release from the parts of these articles coming into direct and prolonged contact with the skin is greater than 0,5 μg/cm</t>
    </r>
    <r>
      <rPr>
        <vertAlign val="superscript"/>
        <sz val="7"/>
        <rFont val="Inherit"/>
        <family val="2"/>
      </rPr>
      <t>2</t>
    </r>
    <r>
      <rPr>
        <sz val="10"/>
        <rFont val="Inherit"/>
        <family val="2"/>
      </rPr>
      <t>/week.</t>
    </r>
  </si>
  <si>
    <r>
      <t>(c)  in articles referred to in point (b) where these have a non-nickel coating unless such coating is sufficient to ensure that the rate of nickel release from those parts of such articles coming into direct and prolonged contact with the skin will not exceed 0,5 μg/cm</t>
    </r>
    <r>
      <rPr>
        <vertAlign val="superscript"/>
        <sz val="7"/>
        <rFont val="Inherit"/>
        <family val="2"/>
      </rPr>
      <t>2</t>
    </r>
    <r>
      <rPr>
        <sz val="10"/>
        <rFont val="Inherit"/>
        <family val="2"/>
      </rPr>
      <t>/week for a period of at least two years of normal use of the article.</t>
    </r>
  </si>
  <si>
    <r>
      <t>►M49</t>
    </r>
    <r>
      <rPr>
        <sz val="10"/>
        <rFont val="Inherit"/>
        <family val="2"/>
      </rPr>
      <t>   28.  Substances which are classified as carcinogen category 1A or 1B in Part 3 of Annex VI to Regulation (EC) No 1272/2008 and are listed in Appendix 1 or Appendix 2, respectively.</t>
    </r>
  </si>
  <si>
    <r>
      <t>30.  Substances which are classified as reproductive toxicant category 1A or 1B in Part 3 of Annex VI to Regulation (EC) No 1272/2008 and are listed in Appendix 5 or Appendix 6, respectively.</t>
    </r>
    <r>
      <rPr>
        <b/>
        <sz val="10"/>
        <rFont val="Inherit"/>
        <family val="2"/>
      </rPr>
      <t> ◄</t>
    </r>
  </si>
  <si>
    <r>
      <t>►M3</t>
    </r>
    <r>
      <rPr>
        <sz val="10"/>
        <rFont val="Inherit"/>
        <family val="2"/>
      </rPr>
      <t> </t>
    </r>
  </si>
  <si>
    <r>
      <t>(d)  artists’ paints covered by Regulation (EC) No 1272/2008; </t>
    </r>
    <r>
      <rPr>
        <b/>
        <sz val="10"/>
        <rFont val="Inherit"/>
        <family val="2"/>
      </rPr>
      <t> ◄ ►M14</t>
    </r>
    <r>
      <rPr>
        <sz val="10"/>
        <rFont val="Inherit"/>
        <family val="2"/>
      </rPr>
      <t>   </t>
    </r>
  </si>
  <si>
    <r>
      <t>(e)  the substances listed in Appendix 11, column 1, for the applications or uses listed in Appendix 11, column 2. Where a date is specified in column 2 of Appendix 11, the derogation shall apply until the said date; </t>
    </r>
    <r>
      <rPr>
        <b/>
        <sz val="10"/>
        <rFont val="Inherit"/>
        <family val="2"/>
      </rPr>
      <t> ◄ ►M61</t>
    </r>
    <r>
      <rPr>
        <sz val="10"/>
        <rFont val="Inherit"/>
        <family val="2"/>
      </rPr>
      <t>   </t>
    </r>
  </si>
  <si>
    <r>
      <t>(f)  devices covered by Regulation (EU) 2017/745. </t>
    </r>
    <r>
      <rPr>
        <b/>
        <sz val="10"/>
        <rFont val="Inherit"/>
        <family val="2"/>
      </rPr>
      <t> ◄</t>
    </r>
  </si>
  <si>
    <r>
      <t>40.  Substances classified as flammable gases category 1 or 2, flammable liquids categories 1, 2 or 3, flammable solids category 1 or 2, substances and mixtures which, in contact with water, emit flammable gases, category 1, 2 or 3, pyrophoric liquids category 1 or pyrophoric solids category 1, regardless of whether they appear in Part 3 of Annex VI </t>
    </r>
    <r>
      <rPr>
        <b/>
        <sz val="10"/>
        <rFont val="Inherit"/>
        <family val="2"/>
      </rPr>
      <t>►M21</t>
    </r>
    <r>
      <rPr>
        <sz val="10"/>
        <rFont val="Inherit"/>
        <family val="2"/>
      </rPr>
      <t>   to Regulation (EC) No 1272/2008</t>
    </r>
    <r>
      <rPr>
        <b/>
        <sz val="10"/>
        <rFont val="Inherit"/>
        <family val="2"/>
      </rPr>
      <t> ◄ </t>
    </r>
    <r>
      <rPr>
        <sz val="10"/>
        <rFont val="Inherit"/>
        <family val="2"/>
      </rPr>
      <t>or not. </t>
    </r>
    <r>
      <rPr>
        <b/>
        <sz val="10"/>
        <rFont val="Inherit"/>
        <family val="2"/>
      </rPr>
      <t> ◄</t>
    </r>
  </si>
  <si>
    <r>
      <t>3.  By way of derogation, paragraphs 1 and 2 shall not apply to the aerosol dispensers referred to Article 8 (1a) of Council Directive 75/324/EEC </t>
    </r>
    <r>
      <rPr>
        <sz val="11"/>
        <rFont val="ＭＳ Ｐゴシック"/>
        <family val="3"/>
        <charset val="128"/>
      </rPr>
      <t>(*2).</t>
    </r>
  </si>
  <si>
    <r>
      <t>C</t>
    </r>
    <r>
      <rPr>
        <vertAlign val="subscript"/>
        <sz val="7"/>
        <rFont val="Inherit"/>
        <family val="2"/>
      </rPr>
      <t>12</t>
    </r>
    <r>
      <rPr>
        <sz val="10"/>
        <rFont val="Inherit"/>
        <family val="2"/>
      </rPr>
      <t>H</t>
    </r>
    <r>
      <rPr>
        <vertAlign val="subscript"/>
        <sz val="7"/>
        <rFont val="Inherit"/>
        <family val="2"/>
      </rPr>
      <t>2</t>
    </r>
    <r>
      <rPr>
        <sz val="10"/>
        <rFont val="Inherit"/>
        <family val="2"/>
      </rPr>
      <t>Br</t>
    </r>
    <r>
      <rPr>
        <vertAlign val="subscript"/>
        <sz val="7"/>
        <rFont val="Inherit"/>
        <family val="2"/>
      </rPr>
      <t>8</t>
    </r>
    <r>
      <rPr>
        <sz val="10"/>
        <rFont val="Inherit"/>
        <family val="2"/>
      </rPr>
      <t>O</t>
    </r>
  </si>
  <si>
    <r>
      <t>C</t>
    </r>
    <r>
      <rPr>
        <vertAlign val="subscript"/>
        <sz val="7"/>
        <rFont val="Inherit"/>
        <family val="2"/>
      </rPr>
      <t>6</t>
    </r>
    <r>
      <rPr>
        <sz val="10"/>
        <rFont val="Inherit"/>
        <family val="2"/>
      </rPr>
      <t>H4(OH)C</t>
    </r>
    <r>
      <rPr>
        <vertAlign val="subscript"/>
        <sz val="7"/>
        <rFont val="Inherit"/>
        <family val="2"/>
      </rPr>
      <t>9</t>
    </r>
    <r>
      <rPr>
        <sz val="10"/>
        <rFont val="Inherit"/>
        <family val="2"/>
      </rPr>
      <t>H</t>
    </r>
    <r>
      <rPr>
        <vertAlign val="subscript"/>
        <sz val="7"/>
        <rFont val="Inherit"/>
        <family val="2"/>
      </rPr>
      <t>19</t>
    </r>
  </si>
  <si>
    <r>
      <t>(C</t>
    </r>
    <r>
      <rPr>
        <vertAlign val="subscript"/>
        <sz val="7"/>
        <rFont val="Inherit"/>
        <family val="2"/>
      </rPr>
      <t>2</t>
    </r>
    <r>
      <rPr>
        <sz val="10"/>
        <rFont val="Inherit"/>
        <family val="2"/>
      </rPr>
      <t>H</t>
    </r>
    <r>
      <rPr>
        <vertAlign val="subscript"/>
        <sz val="7"/>
        <rFont val="Inherit"/>
        <family val="2"/>
      </rPr>
      <t>4</t>
    </r>
    <r>
      <rPr>
        <sz val="10"/>
        <rFont val="Inherit"/>
        <family val="2"/>
      </rPr>
      <t>O)</t>
    </r>
    <r>
      <rPr>
        <vertAlign val="subscript"/>
        <sz val="7"/>
        <rFont val="Inherit"/>
        <family val="2"/>
      </rPr>
      <t>n</t>
    </r>
    <r>
      <rPr>
        <sz val="10"/>
        <rFont val="Inherit"/>
        <family val="2"/>
      </rPr>
      <t>C</t>
    </r>
    <r>
      <rPr>
        <vertAlign val="subscript"/>
        <sz val="7"/>
        <rFont val="Inherit"/>
        <family val="2"/>
      </rPr>
      <t>15</t>
    </r>
    <r>
      <rPr>
        <sz val="10"/>
        <rFont val="Inherit"/>
        <family val="2"/>
      </rPr>
      <t>H</t>
    </r>
    <r>
      <rPr>
        <vertAlign val="subscript"/>
        <sz val="7"/>
        <rFont val="Inherit"/>
        <family val="2"/>
      </rPr>
      <t>24</t>
    </r>
    <r>
      <rPr>
        <sz val="10"/>
        <rFont val="Inherit"/>
        <family val="2"/>
      </rPr>
      <t>O</t>
    </r>
  </si>
  <si>
    <r>
      <t>3.  By way of derogation, paragraphs 1 and 2 shall not apply to the placing on the market for, and use in, controlled closed and totally automated processes in which cement and cement-containing mixtures are handled solely by machines and in which there is no possibility of contact with the skin. </t>
    </r>
    <r>
      <rPr>
        <b/>
        <sz val="10"/>
        <rFont val="Inherit"/>
        <family val="2"/>
      </rPr>
      <t>►M21</t>
    </r>
    <r>
      <rPr>
        <sz val="10"/>
        <rFont val="Inherit"/>
        <family val="2"/>
      </rPr>
      <t>   </t>
    </r>
  </si>
  <si>
    <r>
      <t>4.  The standard adopted by the European Committee for Standardization (CEN) for testing the water-soluble chromium (VI) content of cement and cement-containing mixtures shall be used as the test method for demonstrating conformity with paragraph 1. </t>
    </r>
    <r>
      <rPr>
        <b/>
        <sz val="10"/>
        <rFont val="Inherit"/>
        <family val="2"/>
      </rPr>
      <t> ◄ ►M25</t>
    </r>
    <r>
      <rPr>
        <sz val="10"/>
        <rFont val="Inherit"/>
        <family val="2"/>
      </rPr>
      <t>   </t>
    </r>
  </si>
  <si>
    <r>
      <t>7.  Paragraphs 5 and 6 shall not apply to the placing on the market of second-hand articles which were in end-use in the Union before 1 May 2015. </t>
    </r>
    <r>
      <rPr>
        <b/>
        <sz val="10"/>
        <rFont val="Inherit"/>
        <family val="2"/>
      </rPr>
      <t> ◄</t>
    </r>
  </si>
  <si>
    <r>
      <t>— Directive 2007/46/EC of the European Parliament and of the Council of 5 September 2007 establishing a framework for the approval of motor vehicles and their trailers </t>
    </r>
    <r>
      <rPr>
        <sz val="11"/>
        <rFont val="ＭＳ Ｐゴシック"/>
        <family val="3"/>
        <charset val="128"/>
      </rPr>
      <t>(*4),</t>
    </r>
  </si>
  <si>
    <r>
      <t>— Directive 2002/24/EC of the European Parliament and of the Council of 18 March 2002 relating to the type-approval of two or three-wheel motor vehicles and repealing Council Directive 92/61/EEC </t>
    </r>
    <r>
      <rPr>
        <sz val="11"/>
        <rFont val="ＭＳ Ｐゴシック"/>
        <family val="3"/>
        <charset val="128"/>
      </rPr>
      <t>(*6).</t>
    </r>
  </si>
  <si>
    <r>
      <t>►M24</t>
    </r>
    <r>
      <rPr>
        <sz val="10"/>
        <rFont val="Inherit"/>
        <family val="2"/>
      </rPr>
      <t>   </t>
    </r>
  </si>
  <si>
    <r>
      <t>8.  By 27 December 2017, the Commission shall review the limit values in paragraphs 5 and 6 in the light of new scientific information, including migration of PAHs from the articles referred to therein, and information on alternative raw materials and, if appropriate, modify these paragraphs accordingly. </t>
    </r>
    <r>
      <rPr>
        <b/>
        <sz val="10"/>
        <rFont val="Inherit"/>
        <family val="2"/>
      </rPr>
      <t> ◄</t>
    </r>
  </si>
  <si>
    <r>
      <t>(f)  materials and articles intended to come into contact with food within the scope of Regulation (EC) No 1935/2004 or Commission Regulation (EU) No 10/2011 </t>
    </r>
    <r>
      <rPr>
        <sz val="11"/>
        <rFont val="ＭＳ Ｐゴシック"/>
        <family val="3"/>
        <charset val="128"/>
      </rPr>
      <t>(*21);</t>
    </r>
  </si>
  <si>
    <r>
      <t>2.  Such toys and childcare articles containing these phthalates in a concentration greater than 0,1 % by weight of the plasticised material shall not be placed on the market. </t>
    </r>
    <r>
      <rPr>
        <b/>
        <sz val="10"/>
        <rFont val="Inherit"/>
        <family val="2"/>
      </rPr>
      <t>►M30</t>
    </r>
    <r>
      <rPr>
        <sz val="10"/>
        <rFont val="Inherit"/>
        <family val="2"/>
      </rPr>
      <t>   </t>
    </r>
    <r>
      <rPr>
        <b/>
        <sz val="10"/>
        <rFont val="Inherit"/>
        <family val="2"/>
      </rPr>
      <t> ◄</t>
    </r>
  </si>
  <si>
    <r>
      <t>►M21</t>
    </r>
    <r>
      <rPr>
        <sz val="10"/>
        <rFont val="Inherit"/>
        <family val="2"/>
      </rPr>
      <t>   </t>
    </r>
  </si>
  <si>
    <r>
      <t>(a)  contains protective gloves which comply with the requirements of Council Directive 89/686/EEC </t>
    </r>
    <r>
      <rPr>
        <sz val="11"/>
        <rFont val="ＭＳ Ｐゴシック"/>
        <family val="3"/>
        <charset val="128"/>
      </rPr>
      <t>(*9);</t>
    </r>
  </si>
  <si>
    <r>
      <t>EC No 219-799-4 </t>
    </r>
    <r>
      <rPr>
        <b/>
        <sz val="10"/>
        <rFont val="Inherit"/>
        <family val="2"/>
      </rPr>
      <t> ◄</t>
    </r>
  </si>
  <si>
    <r>
      <t>1.  Shall not be placed on the market for the first time after 27 June 2010 as a substance, or in mixtures that contain more than 28 % by weight of nitrogen in relation to ammonium nitrate, for use as a solid fertiliser, straight or compound, unless the fertiliser complies with the technical provisions for ammonium nitrate fertilisers of high nitrogen content set out in Annex III to Regulation (EC) No 2003/2003 of the European Parliament and of the Council (</t>
    </r>
    <r>
      <rPr>
        <vertAlign val="superscript"/>
        <sz val="7"/>
        <rFont val="Inherit"/>
        <family val="2"/>
      </rPr>
      <t>*10</t>
    </r>
    <r>
      <rPr>
        <sz val="10"/>
        <rFont val="Inherit"/>
        <family val="2"/>
      </rPr>
      <t>). </t>
    </r>
    <r>
      <rPr>
        <b/>
        <sz val="10"/>
        <rFont val="Inherit"/>
        <family val="2"/>
      </rPr>
      <t>►M54</t>
    </r>
    <r>
      <rPr>
        <sz val="10"/>
        <rFont val="Inherit"/>
        <family val="2"/>
      </rPr>
      <t>   </t>
    </r>
    <r>
      <rPr>
        <b/>
        <sz val="10"/>
        <rFont val="Inherit"/>
        <family val="2"/>
      </rPr>
      <t> ◄</t>
    </r>
  </si>
  <si>
    <r>
      <t>(a)  crystal glass as defined in Annex I (categories 1, 2, 3 and 4) to Council Directive 69/493/EEC </t>
    </r>
    <r>
      <rPr>
        <sz val="11"/>
        <rFont val="ＭＳ Ｐゴシック"/>
        <family val="3"/>
        <charset val="128"/>
      </rPr>
      <t>(*14);</t>
    </r>
  </si>
  <si>
    <r>
      <t>5.  By way of derogation, paragraph 1 shall not apply to jewellery articles placed on the market for the first time before 9 October 2013 and jewellery articles produced before 10 December 1961. </t>
    </r>
    <r>
      <rPr>
        <b/>
        <sz val="10"/>
        <rFont val="Inherit"/>
        <family val="2"/>
      </rPr>
      <t>►M31</t>
    </r>
    <r>
      <rPr>
        <sz val="10"/>
        <rFont val="Inherit"/>
        <family val="2"/>
      </rPr>
      <t>   </t>
    </r>
  </si>
  <si>
    <r>
      <t>6.  By 9 October 2017, the Commission shall re-evaluate paragraphs 1 to 5 of this entry in the light of new scientific information, including the availability of alternatives and the migration of lead from the articles referred to in paragraph 1 and, if appropriate, modify this entry accordingly. </t>
    </r>
    <r>
      <rPr>
        <b/>
        <sz val="10"/>
        <rFont val="Inherit"/>
        <family val="2"/>
      </rPr>
      <t> ◄ ►M31</t>
    </r>
    <r>
      <rPr>
        <sz val="10"/>
        <rFont val="Inherit"/>
        <family val="2"/>
      </rPr>
      <t>   </t>
    </r>
  </si>
  <si>
    <r>
      <t>That limit shall not apply where it can be demonstrated that the rate of lead release from such an article or any such accessible part of an article, whether coated or uncoated, does not exceed 0,05 μg/cm</t>
    </r>
    <r>
      <rPr>
        <vertAlign val="superscript"/>
        <sz val="7"/>
        <rFont val="Inherit"/>
        <family val="2"/>
      </rPr>
      <t>2</t>
    </r>
    <r>
      <rPr>
        <sz val="10"/>
        <rFont val="Inherit"/>
        <family val="2"/>
      </rPr>
      <t> per hour (equivalent to 0,05 μg/g/h), and, for coated articles, that the coating is sufficient to ensure that this release rate is not exceeded for a period of at least two years of normal or reasonably foreseeable conditions of use of the article.</t>
    </r>
  </si>
  <si>
    <r>
      <t>(iii)  Directive 2009/48/EC of the European Parliament and of the Council </t>
    </r>
    <r>
      <rPr>
        <sz val="11"/>
        <rFont val="ＭＳ Ｐゴシック"/>
        <family val="3"/>
        <charset val="128"/>
      </rPr>
      <t>(*15);</t>
    </r>
  </si>
  <si>
    <r>
      <t>(iv)  Directive 2011/65/EU of the European Parliament and of the Council </t>
    </r>
    <r>
      <rPr>
        <sz val="11"/>
        <rFont val="ＭＳ Ｐゴシック"/>
        <family val="3"/>
        <charset val="128"/>
      </rPr>
      <t>(*16)</t>
    </r>
  </si>
  <si>
    <r>
      <t>10.  By way of derogation paragraph 7 shall not apply to articles placed on the market for the first time before 1 June 2016. </t>
    </r>
    <r>
      <rPr>
        <b/>
        <sz val="10"/>
        <rFont val="Inherit"/>
        <family val="2"/>
      </rPr>
      <t> ◄ ►M63</t>
    </r>
    <r>
      <rPr>
        <sz val="10"/>
        <rFont val="Inherit"/>
        <family val="2"/>
      </rPr>
      <t>   </t>
    </r>
  </si>
  <si>
    <r>
      <t>The Member State shall communicate the text of those national provisions to the Commission without delay. The Commission shall make publicly available without delay any such texts of national provisions received by it. </t>
    </r>
    <r>
      <rPr>
        <b/>
        <sz val="10"/>
        <rFont val="Inherit"/>
        <family val="2"/>
      </rPr>
      <t> ◄</t>
    </r>
  </si>
  <si>
    <r>
      <t>1.  Shall not be placed on the market, or used, in cellulose insulation mixtures or cellulose insulation articles after 14 July 2018 unless the emission of ammonia from those mixtures or articles results in a concentration of less than 3 ppm by volume (2,12 mg/m</t>
    </r>
    <r>
      <rPr>
        <vertAlign val="superscript"/>
        <sz val="7"/>
        <rFont val="Inherit"/>
        <family val="2"/>
      </rPr>
      <t>3</t>
    </r>
    <r>
      <rPr>
        <sz val="10"/>
        <rFont val="Inherit"/>
        <family val="2"/>
      </rPr>
      <t>) under the test conditions specified in paragraph 4.</t>
    </r>
  </si>
  <si>
    <r>
      <t>1.  Shall not be placed on the market as a substance on its own or in mixtures in a concentration equal to or greater than 0,3 % after 9 May 2020 unless manufacturers, importers and downstream users have included in the relevant chemical safety reports and safety data sheets, Derived No-Effect Levels (DNELs) relating to exposure of workers of 14,4 mg/m</t>
    </r>
    <r>
      <rPr>
        <vertAlign val="superscript"/>
        <sz val="7"/>
        <rFont val="Inherit"/>
        <family val="2"/>
      </rPr>
      <t>3</t>
    </r>
    <r>
      <rPr>
        <sz val="10"/>
        <rFont val="Inherit"/>
        <family val="2"/>
      </rPr>
      <t> for exposure by inhalation and 4,8 mg/kg/day for dermal exposure.</t>
    </r>
  </si>
  <si>
    <r>
      <t>(</t>
    </r>
    <r>
      <rPr>
        <vertAlign val="superscript"/>
        <sz val="7"/>
        <rFont val="Inherit"/>
        <family val="2"/>
      </rPr>
      <t>*1</t>
    </r>
    <r>
      <rPr>
        <sz val="10"/>
        <rFont val="Inherit"/>
        <family val="2"/>
      </rPr>
      <t>)   </t>
    </r>
  </si>
  <si>
    <r>
      <t>(</t>
    </r>
    <r>
      <rPr>
        <vertAlign val="superscript"/>
        <sz val="7"/>
        <rFont val="Inherit"/>
        <family val="2"/>
      </rPr>
      <t>*2</t>
    </r>
    <r>
      <rPr>
        <sz val="10"/>
        <rFont val="Inherit"/>
        <family val="2"/>
      </rPr>
      <t>)   </t>
    </r>
  </si>
  <si>
    <r>
      <t>(</t>
    </r>
    <r>
      <rPr>
        <vertAlign val="superscript"/>
        <sz val="7"/>
        <rFont val="Inherit"/>
        <family val="2"/>
      </rPr>
      <t>*3</t>
    </r>
    <r>
      <rPr>
        <sz val="10"/>
        <rFont val="Inherit"/>
        <family val="2"/>
      </rPr>
      <t>)   </t>
    </r>
  </si>
  <si>
    <r>
      <t>(</t>
    </r>
    <r>
      <rPr>
        <vertAlign val="superscript"/>
        <sz val="7"/>
        <rFont val="Inherit"/>
        <family val="2"/>
      </rPr>
      <t>*4</t>
    </r>
    <r>
      <rPr>
        <sz val="10"/>
        <rFont val="Inherit"/>
        <family val="2"/>
      </rPr>
      <t>)   </t>
    </r>
  </si>
  <si>
    <r>
      <t>(</t>
    </r>
    <r>
      <rPr>
        <vertAlign val="superscript"/>
        <sz val="7"/>
        <rFont val="Inherit"/>
        <family val="2"/>
      </rPr>
      <t>*5</t>
    </r>
    <r>
      <rPr>
        <sz val="10"/>
        <rFont val="Inherit"/>
        <family val="2"/>
      </rPr>
      <t>)   </t>
    </r>
  </si>
  <si>
    <r>
      <t>(</t>
    </r>
    <r>
      <rPr>
        <vertAlign val="superscript"/>
        <sz val="7"/>
        <rFont val="Inherit"/>
        <family val="2"/>
      </rPr>
      <t>*6</t>
    </r>
    <r>
      <rPr>
        <sz val="10"/>
        <rFont val="Inherit"/>
        <family val="2"/>
      </rPr>
      <t>)   </t>
    </r>
  </si>
  <si>
    <r>
      <t>(</t>
    </r>
    <r>
      <rPr>
        <vertAlign val="superscript"/>
        <sz val="7"/>
        <rFont val="Inherit"/>
        <family val="2"/>
      </rPr>
      <t>*7</t>
    </r>
    <r>
      <rPr>
        <sz val="10"/>
        <rFont val="Inherit"/>
        <family val="2"/>
      </rPr>
      <t>)   </t>
    </r>
  </si>
  <si>
    <r>
      <t>(</t>
    </r>
    <r>
      <rPr>
        <vertAlign val="superscript"/>
        <sz val="7"/>
        <rFont val="Inherit"/>
        <family val="2"/>
      </rPr>
      <t>*8</t>
    </r>
    <r>
      <rPr>
        <sz val="10"/>
        <rFont val="Inherit"/>
        <family val="2"/>
      </rPr>
      <t>)   </t>
    </r>
  </si>
  <si>
    <r>
      <t>(</t>
    </r>
    <r>
      <rPr>
        <vertAlign val="superscript"/>
        <sz val="7"/>
        <rFont val="Inherit"/>
        <family val="2"/>
      </rPr>
      <t>*9</t>
    </r>
    <r>
      <rPr>
        <sz val="10"/>
        <rFont val="Inherit"/>
        <family val="2"/>
      </rPr>
      <t>)   </t>
    </r>
  </si>
  <si>
    <r>
      <t>(</t>
    </r>
    <r>
      <rPr>
        <vertAlign val="superscript"/>
        <sz val="7"/>
        <rFont val="Inherit"/>
        <family val="2"/>
      </rPr>
      <t>*10</t>
    </r>
    <r>
      <rPr>
        <sz val="10"/>
        <rFont val="Inherit"/>
        <family val="2"/>
      </rPr>
      <t>)   </t>
    </r>
  </si>
  <si>
    <r>
      <t>(</t>
    </r>
    <r>
      <rPr>
        <vertAlign val="superscript"/>
        <sz val="7"/>
        <rFont val="Inherit"/>
        <family val="2"/>
      </rPr>
      <t>*11</t>
    </r>
    <r>
      <rPr>
        <sz val="10"/>
        <rFont val="Inherit"/>
        <family val="2"/>
      </rPr>
      <t>)   </t>
    </r>
  </si>
  <si>
    <r>
      <t>(</t>
    </r>
    <r>
      <rPr>
        <vertAlign val="superscript"/>
        <sz val="7"/>
        <rFont val="Inherit"/>
        <family val="2"/>
      </rPr>
      <t>*12</t>
    </r>
    <r>
      <rPr>
        <sz val="10"/>
        <rFont val="Inherit"/>
        <family val="2"/>
      </rPr>
      <t>)   </t>
    </r>
  </si>
  <si>
    <r>
      <t>(</t>
    </r>
    <r>
      <rPr>
        <vertAlign val="superscript"/>
        <sz val="7"/>
        <rFont val="Inherit"/>
        <family val="2"/>
      </rPr>
      <t>*13</t>
    </r>
    <r>
      <rPr>
        <sz val="10"/>
        <rFont val="Inherit"/>
        <family val="2"/>
      </rPr>
      <t>)   </t>
    </r>
  </si>
  <si>
    <r>
      <t>►M18</t>
    </r>
    <r>
      <rPr>
        <sz val="10"/>
        <rFont val="Inherit"/>
        <family val="2"/>
      </rPr>
      <t>   (</t>
    </r>
    <r>
      <rPr>
        <vertAlign val="superscript"/>
        <sz val="7"/>
        <rFont val="Inherit"/>
        <family val="2"/>
      </rPr>
      <t>*14</t>
    </r>
    <r>
      <rPr>
        <sz val="10"/>
        <rFont val="Inherit"/>
        <family val="2"/>
      </rPr>
      <t>)   </t>
    </r>
  </si>
  <si>
    <r>
      <t>►M31</t>
    </r>
    <r>
      <rPr>
        <sz val="10"/>
        <rFont val="Inherit"/>
        <family val="2"/>
      </rPr>
      <t>   (</t>
    </r>
    <r>
      <rPr>
        <vertAlign val="superscript"/>
        <sz val="7"/>
        <rFont val="Inherit"/>
        <family val="2"/>
      </rPr>
      <t>*15</t>
    </r>
    <r>
      <rPr>
        <sz val="10"/>
        <rFont val="Inherit"/>
        <family val="2"/>
      </rPr>
      <t>)   </t>
    </r>
  </si>
  <si>
    <r>
      <t>(</t>
    </r>
    <r>
      <rPr>
        <vertAlign val="superscript"/>
        <sz val="7"/>
        <rFont val="Inherit"/>
        <family val="2"/>
      </rPr>
      <t>*16</t>
    </r>
    <r>
      <rPr>
        <sz val="10"/>
        <rFont val="Inherit"/>
        <family val="2"/>
      </rPr>
      <t>)   </t>
    </r>
  </si>
  <si>
    <r>
      <t>►M37</t>
    </r>
    <r>
      <rPr>
        <sz val="10"/>
        <rFont val="Inherit"/>
        <family val="2"/>
      </rPr>
      <t>   (</t>
    </r>
    <r>
      <rPr>
        <vertAlign val="superscript"/>
        <sz val="7"/>
        <rFont val="Inherit"/>
        <family val="2"/>
      </rPr>
      <t>*17</t>
    </r>
    <r>
      <rPr>
        <sz val="10"/>
        <rFont val="Inherit"/>
        <family val="2"/>
      </rPr>
      <t>)   </t>
    </r>
  </si>
  <si>
    <r>
      <t>(</t>
    </r>
    <r>
      <rPr>
        <vertAlign val="superscript"/>
        <sz val="7"/>
        <rFont val="Inherit"/>
        <family val="2"/>
      </rPr>
      <t>*18</t>
    </r>
    <r>
      <rPr>
        <sz val="10"/>
        <rFont val="Inherit"/>
        <family val="2"/>
      </rPr>
      <t>)   </t>
    </r>
  </si>
  <si>
    <r>
      <t>(</t>
    </r>
    <r>
      <rPr>
        <vertAlign val="superscript"/>
        <sz val="7"/>
        <rFont val="Inherit"/>
        <family val="2"/>
      </rPr>
      <t>*19</t>
    </r>
    <r>
      <rPr>
        <sz val="10"/>
        <rFont val="Inherit"/>
        <family val="2"/>
      </rPr>
      <t>)   </t>
    </r>
  </si>
  <si>
    <r>
      <t>(</t>
    </r>
    <r>
      <rPr>
        <vertAlign val="superscript"/>
        <sz val="7"/>
        <rFont val="Inherit"/>
        <family val="2"/>
      </rPr>
      <t>*20</t>
    </r>
    <r>
      <rPr>
        <sz val="10"/>
        <rFont val="Inherit"/>
        <family val="2"/>
      </rPr>
      <t>)   </t>
    </r>
  </si>
  <si>
    <r>
      <t>(</t>
    </r>
    <r>
      <rPr>
        <vertAlign val="superscript"/>
        <sz val="7"/>
        <rFont val="Inherit"/>
        <family val="2"/>
      </rPr>
      <t>*21</t>
    </r>
    <r>
      <rPr>
        <sz val="10"/>
        <rFont val="Inherit"/>
        <family val="2"/>
      </rPr>
      <t>)   </t>
    </r>
  </si>
  <si>
    <r>
      <t>(</t>
    </r>
    <r>
      <rPr>
        <vertAlign val="superscript"/>
        <sz val="7"/>
        <rFont val="Inherit"/>
        <family val="2"/>
      </rPr>
      <t>*22</t>
    </r>
    <r>
      <rPr>
        <sz val="10"/>
        <rFont val="Inherit"/>
        <family val="2"/>
      </rPr>
      <t>)   </t>
    </r>
  </si>
  <si>
    <r>
      <t>Entry 28 – Carcinogens: Category 1</t>
    </r>
    <r>
      <rPr>
        <b/>
        <sz val="12"/>
        <rFont val="Times New Roman"/>
        <family val="1"/>
      </rPr>
      <t> </t>
    </r>
    <r>
      <rPr>
        <b/>
        <sz val="12"/>
        <rFont val="Inherit"/>
        <family val="2"/>
      </rPr>
      <t>A</t>
    </r>
  </si>
  <si>
    <r>
      <t>►M5</t>
    </r>
    <r>
      <rPr>
        <sz val="10"/>
        <rFont val="Inherit"/>
        <family val="2"/>
      </rPr>
      <t>   —</t>
    </r>
    <r>
      <rPr>
        <b/>
        <sz val="10"/>
        <rFont val="Inherit"/>
        <family val="2"/>
      </rPr>
      <t> ◄</t>
    </r>
  </si>
  <si>
    <r>
      <t>Bis(D-gluconato-O</t>
    </r>
    <r>
      <rPr>
        <vertAlign val="superscript"/>
        <sz val="7"/>
        <rFont val="Inherit"/>
        <family val="2"/>
      </rPr>
      <t>1</t>
    </r>
    <r>
      <rPr>
        <sz val="10"/>
        <rFont val="Inherit"/>
        <family val="2"/>
      </rPr>
      <t>,O</t>
    </r>
    <r>
      <rPr>
        <vertAlign val="superscript"/>
        <sz val="7"/>
        <rFont val="Inherit"/>
        <family val="2"/>
      </rPr>
      <t>2</t>
    </r>
    <r>
      <rPr>
        <sz val="10"/>
        <rFont val="Inherit"/>
        <family val="2"/>
      </rPr>
      <t>)nickel; [18]</t>
    </r>
  </si>
  <si>
    <r>
      <t>Fatty acids, C</t>
    </r>
    <r>
      <rPr>
        <vertAlign val="subscript"/>
        <sz val="7"/>
        <rFont val="Inherit"/>
        <family val="2"/>
      </rPr>
      <t>6-19</t>
    </r>
    <r>
      <rPr>
        <sz val="10"/>
        <rFont val="Inherit"/>
        <family val="2"/>
      </rPr>
      <t>-branched, nickel salts; [29]</t>
    </r>
  </si>
  <si>
    <r>
      <t>Fatty acids, C</t>
    </r>
    <r>
      <rPr>
        <vertAlign val="subscript"/>
        <sz val="7"/>
        <rFont val="Inherit"/>
        <family val="2"/>
      </rPr>
      <t>8-18</t>
    </r>
    <r>
      <rPr>
        <sz val="10"/>
        <rFont val="Inherit"/>
        <family val="2"/>
      </rPr>
      <t> and C</t>
    </r>
    <r>
      <rPr>
        <vertAlign val="subscript"/>
        <sz val="7"/>
        <rFont val="Inherit"/>
        <family val="2"/>
      </rPr>
      <t>18</t>
    </r>
    <r>
      <rPr>
        <sz val="10"/>
        <rFont val="Inherit"/>
        <family val="2"/>
      </rPr>
      <t>-unsaturated, nickel salts; [30]</t>
    </r>
  </si>
  <si>
    <r>
      <t>C </t>
    </r>
    <r>
      <rPr>
        <b/>
        <sz val="10"/>
        <rFont val="Inherit"/>
        <family val="2"/>
      </rPr>
      <t>►M5</t>
    </r>
    <r>
      <rPr>
        <sz val="10"/>
        <rFont val="Inherit"/>
        <family val="2"/>
      </rPr>
      <t>   —</t>
    </r>
    <r>
      <rPr>
        <b/>
        <sz val="10"/>
        <rFont val="Inherit"/>
        <family val="2"/>
      </rPr>
      <t> ◄</t>
    </r>
  </si>
  <si>
    <r>
      <t>(A complex combination of hydrocarbons produced by vacuum distillation of the residuum from atmospheric distillation of crude oil.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saturated aliphatic hydrocarbons normally present in this distillation range of crude oil.)</t>
    </r>
  </si>
  <si>
    <r>
      <t>(A complex combination of hydrocarbons produced by vacuum distillation of the residuum from atmospheric distillation of crude oil.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saturated aliphatic hydrocarbons.)</t>
    </r>
  </si>
  <si>
    <r>
      <t>(A complex combination of hydrocarbons produced by vacuum distillation of the residuum from atmospheric distillation of crude oil.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produced by vacuum distillation of the residuum from atmospheric distillation of crude oil.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as a raffinate from a sulfuric acid treating process.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as a raffinate from a sulfuric acid treating process.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as a raffinate from a sulfuric acid process. It consists predominantly of saturated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as a raffinate from a sulfuric acid treating process. It consists predominantly of saturated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having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from a treating process to remove acidic materials.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aliphatic hydrocarbons.)</t>
    </r>
  </si>
  <si>
    <r>
      <t>(A complex combination of hydrocarbons produced by a treating process to remove acidic materials.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produced by a treating process to remove acidic materials.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produced by a treating process to remove acidic materials.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Gases (petroleum), catalytic cracked naphtha depropaniser overhead, C</t>
    </r>
    <r>
      <rPr>
        <vertAlign val="subscript"/>
        <sz val="7"/>
        <rFont val="Inherit"/>
        <family val="2"/>
      </rPr>
      <t>3</t>
    </r>
    <r>
      <rPr>
        <sz val="10"/>
        <rFont val="Inherit"/>
        <family val="2"/>
      </rPr>
      <t>-rich acid-free; Petroleum gas</t>
    </r>
  </si>
  <si>
    <r>
      <t>►M5</t>
    </r>
    <r>
      <rPr>
        <sz val="10"/>
        <rFont val="Inherit"/>
        <family val="2"/>
      </rPr>
      <t>   —</t>
    </r>
    <r>
      <rPr>
        <b/>
        <sz val="10"/>
        <rFont val="Inherit"/>
        <family val="2"/>
      </rPr>
      <t> ◄ </t>
    </r>
    <r>
      <rPr>
        <sz val="10"/>
        <rFont val="Inherit"/>
        <family val="2"/>
      </rPr>
      <t>K</t>
    </r>
  </si>
  <si>
    <r>
      <t>(A complex combination of hydrocarbons obtained from fractionation of catalytic cracked hydrocarbons and treated to remove acidic impurities. It consists of hydrocarbons having carbon numbers in the range of C</t>
    </r>
    <r>
      <rPr>
        <vertAlign val="subscript"/>
        <sz val="7"/>
        <rFont val="Inherit"/>
        <family val="2"/>
      </rPr>
      <t>2</t>
    </r>
    <r>
      <rPr>
        <sz val="10"/>
        <rFont val="Inherit"/>
        <family val="2"/>
      </rPr>
      <t> through C</t>
    </r>
    <r>
      <rPr>
        <vertAlign val="subscript"/>
        <sz val="7"/>
        <rFont val="Inherit"/>
        <family val="2"/>
      </rPr>
      <t>4</t>
    </r>
    <r>
      <rPr>
        <sz val="10"/>
        <rFont val="Inherit"/>
        <family val="2"/>
      </rPr>
      <t>, predominantly C</t>
    </r>
    <r>
      <rPr>
        <vertAlign val="subscript"/>
        <sz val="7"/>
        <rFont val="Inherit"/>
        <family val="2"/>
      </rPr>
      <t>3</t>
    </r>
    <r>
      <rPr>
        <sz val="10"/>
        <rFont val="Inherit"/>
        <family val="2"/>
      </rPr>
      <t>.)</t>
    </r>
  </si>
  <si>
    <r>
      <t>(A complex combination of hydrocarbons produced by the distillation of the products from a catalytic cracking process. It consists predominantly of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Gases (petroleum), catalytic cracker, C</t>
    </r>
    <r>
      <rPr>
        <vertAlign val="subscript"/>
        <sz val="7"/>
        <rFont val="Inherit"/>
        <family val="2"/>
      </rPr>
      <t>1-5</t>
    </r>
    <r>
      <rPr>
        <sz val="10"/>
        <rFont val="Inherit"/>
        <family val="2"/>
      </rPr>
      <t>-rich; Petroleum gas</t>
    </r>
  </si>
  <si>
    <r>
      <t>(A complex combination of hydrocarbons produced by the distillation of products from a catalytic cracking process. It consists of aliphatic hydrocarbons having carbon numbers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 predominantly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Gases (petroleum), catalytic polymd. naphtha stabiliser overhead, C</t>
    </r>
    <r>
      <rPr>
        <vertAlign val="subscript"/>
        <sz val="7"/>
        <rFont val="Inherit"/>
        <family val="2"/>
      </rPr>
      <t>2-4</t>
    </r>
    <r>
      <rPr>
        <sz val="10"/>
        <rFont val="Inherit"/>
        <family val="2"/>
      </rPr>
      <t>-rich; Petroleum gas</t>
    </r>
  </si>
  <si>
    <r>
      <t>(A complex combination of hydrocarbons obtained from the fractionation stabilisation of catalytic polymerised naphtha. It consists of aliphatic hydrocarbons having carbon numbers in the range of C</t>
    </r>
    <r>
      <rPr>
        <vertAlign val="subscript"/>
        <sz val="7"/>
        <rFont val="Inherit"/>
        <family val="2"/>
      </rPr>
      <t>2</t>
    </r>
    <r>
      <rPr>
        <sz val="10"/>
        <rFont val="Inherit"/>
        <family val="2"/>
      </rPr>
      <t> through C</t>
    </r>
    <r>
      <rPr>
        <vertAlign val="subscript"/>
        <sz val="7"/>
        <rFont val="Inherit"/>
        <family val="2"/>
      </rPr>
      <t>6</t>
    </r>
    <r>
      <rPr>
        <sz val="10"/>
        <rFont val="Inherit"/>
        <family val="2"/>
      </rPr>
      <t>, predominantly C</t>
    </r>
    <r>
      <rPr>
        <vertAlign val="subscript"/>
        <sz val="7"/>
        <rFont val="Inherit"/>
        <family val="2"/>
      </rPr>
      <t>2</t>
    </r>
    <r>
      <rPr>
        <sz val="10"/>
        <rFont val="Inherit"/>
        <family val="2"/>
      </rPr>
      <t> through C</t>
    </r>
    <r>
      <rPr>
        <vertAlign val="subscript"/>
        <sz val="7"/>
        <rFont val="Inherit"/>
        <family val="2"/>
      </rPr>
      <t>4</t>
    </r>
    <r>
      <rPr>
        <sz val="10"/>
        <rFont val="Inherit"/>
        <family val="2"/>
      </rPr>
      <t>.)</t>
    </r>
  </si>
  <si>
    <r>
      <t>Gases (petroleum), catalytic reformer, C</t>
    </r>
    <r>
      <rPr>
        <vertAlign val="subscript"/>
        <sz val="7"/>
        <rFont val="Inherit"/>
        <family val="2"/>
      </rPr>
      <t>1-4</t>
    </r>
    <r>
      <rPr>
        <sz val="10"/>
        <rFont val="Inherit"/>
        <family val="2"/>
      </rPr>
      <t>-rich; Petroleum gas</t>
    </r>
  </si>
  <si>
    <r>
      <t>(A complex combination of hydrocarbons produced by distillation of products from a catalytic reforming process. It consists of hydrocarbons having carbon numbers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 predominantly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Gases (petroleum), C</t>
    </r>
    <r>
      <rPr>
        <vertAlign val="subscript"/>
        <sz val="7"/>
        <rFont val="Inherit"/>
        <family val="2"/>
      </rPr>
      <t>3-5</t>
    </r>
    <r>
      <rPr>
        <sz val="10"/>
        <rFont val="Inherit"/>
        <family val="2"/>
      </rPr>
      <t> olefinic-paraffinic alkylation feed; Petroleum gas</t>
    </r>
  </si>
  <si>
    <r>
      <t>(A complex combination of olefinic and paraffinic hydrocarbons having carbon numbers in the range of C</t>
    </r>
    <r>
      <rPr>
        <vertAlign val="subscript"/>
        <sz val="7"/>
        <rFont val="Inherit"/>
        <family val="2"/>
      </rPr>
      <t>3</t>
    </r>
    <r>
      <rPr>
        <sz val="10"/>
        <rFont val="Inherit"/>
        <family val="2"/>
      </rPr>
      <t> through C</t>
    </r>
    <r>
      <rPr>
        <vertAlign val="subscript"/>
        <sz val="7"/>
        <rFont val="Inherit"/>
        <family val="2"/>
      </rPr>
      <t>5</t>
    </r>
    <r>
      <rPr>
        <sz val="10"/>
        <rFont val="Inherit"/>
        <family val="2"/>
      </rPr>
      <t> which are used as alkylation feed. Ambient temperatures normally exceed the critical temperature of these combinations.)</t>
    </r>
  </si>
  <si>
    <r>
      <t>Gases (petroleum), C</t>
    </r>
    <r>
      <rPr>
        <vertAlign val="subscript"/>
        <sz val="7"/>
        <rFont val="Inherit"/>
        <family val="2"/>
      </rPr>
      <t>4</t>
    </r>
    <r>
      <rPr>
        <sz val="10"/>
        <rFont val="Inherit"/>
        <family val="2"/>
      </rPr>
      <t>-rich; Petroleum gas</t>
    </r>
  </si>
  <si>
    <r>
      <t>(A complex combination of hydrocarbons produced by distillation of products from a catalytic fractionation process. It consists of aliphatic hydrocarbons having carbon numbers in the range of C</t>
    </r>
    <r>
      <rPr>
        <vertAlign val="subscript"/>
        <sz val="7"/>
        <rFont val="Inherit"/>
        <family val="2"/>
      </rPr>
      <t>3</t>
    </r>
    <r>
      <rPr>
        <sz val="10"/>
        <rFont val="Inherit"/>
        <family val="2"/>
      </rPr>
      <t> through C</t>
    </r>
    <r>
      <rPr>
        <vertAlign val="subscript"/>
        <sz val="7"/>
        <rFont val="Inherit"/>
        <family val="2"/>
      </rPr>
      <t>5</t>
    </r>
    <r>
      <rPr>
        <sz val="10"/>
        <rFont val="Inherit"/>
        <family val="2"/>
      </rPr>
      <t>, predominantly C</t>
    </r>
    <r>
      <rPr>
        <vertAlign val="subscript"/>
        <sz val="7"/>
        <rFont val="Inherit"/>
        <family val="2"/>
      </rPr>
      <t>4</t>
    </r>
    <r>
      <rPr>
        <sz val="10"/>
        <rFont val="Inherit"/>
        <family val="2"/>
      </rPr>
      <t>.)</t>
    </r>
  </si>
  <si>
    <r>
      <t>(A complex combination of hydrocarbons produced by the atmospheric distillation of a butane-butylene stream. It consists of aliphatic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4</t>
    </r>
    <r>
      <rPr>
        <sz val="10"/>
        <rFont val="Inherit"/>
        <family val="2"/>
      </rPr>
      <t>.)</t>
    </r>
  </si>
  <si>
    <r>
      <t>(A complex combination of hydrocarbons produced by distillation of products from the gas and gasoline fractions of a catalytic cracking process. It consists of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4</t>
    </r>
    <r>
      <rPr>
        <sz val="10"/>
        <rFont val="Inherit"/>
        <family val="2"/>
      </rPr>
      <t>.)</t>
    </r>
  </si>
  <si>
    <r>
      <t>(A complex combination of hydrocarbons obtained by fractionation of miscellaneous hydrocarbon streams. It consists predominantly of hydrocarbons having carbon numbers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 predominantly propane.)</t>
    </r>
  </si>
  <si>
    <r>
      <t>(A complex combination of hydrocarbons that is used as the feed into the Girbatol unit to remove hydrogen sulfide. It consists of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4</t>
    </r>
    <r>
      <rPr>
        <sz val="10"/>
        <rFont val="Inherit"/>
        <family val="2"/>
      </rPr>
      <t>.)</t>
    </r>
  </si>
  <si>
    <r>
      <t>Gases (petroleum), isomerised naphtha fractionator, C</t>
    </r>
    <r>
      <rPr>
        <vertAlign val="subscript"/>
        <sz val="7"/>
        <rFont val="Inherit"/>
        <family val="2"/>
      </rPr>
      <t>4</t>
    </r>
    <r>
      <rPr>
        <sz val="10"/>
        <rFont val="Inherit"/>
        <family val="2"/>
      </rPr>
      <t>-rich, hydrogen sulfide-free; Petroleum gas</t>
    </r>
  </si>
  <si>
    <r>
      <t>(A complex combination of hydrocarbons obtained from fractionation of catalytic cracked clarified oil and thermal cracked vacuum residue.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obtained from the stabilisation of catalytic cracked naphtha.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obtained from the fractionation of products from catalytic cracking, catalytic reforming and hydrodesulphurising processes treated to remove acidic impurities.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obtained from the fractionation stabilisation of catalytic reformed naphtha.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Tail gas (petroleum), saturate gas plant mixed stream, C</t>
    </r>
    <r>
      <rPr>
        <vertAlign val="subscript"/>
        <sz val="7"/>
        <rFont val="Inherit"/>
        <family val="2"/>
      </rPr>
      <t>4</t>
    </r>
    <r>
      <rPr>
        <sz val="10"/>
        <rFont val="Inherit"/>
        <family val="2"/>
      </rPr>
      <t>-rich; Petroleum gas</t>
    </r>
  </si>
  <si>
    <r>
      <t>(A complex combination of hydrocarbons obtained from the fractionation stabilisation of straight-run naphtha, distillation tail gas and catalytic reformed naphtha stabiliser tail gas. It consists of hydrocarbons having carbon numbers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predominantly butane and isobutane.)</t>
    </r>
  </si>
  <si>
    <r>
      <t>Tail gas (petroleum), saturate gas recovery plant, C</t>
    </r>
    <r>
      <rPr>
        <vertAlign val="subscript"/>
        <sz val="7"/>
        <rFont val="Inherit"/>
        <family val="2"/>
      </rPr>
      <t>1-2</t>
    </r>
    <r>
      <rPr>
        <sz val="10"/>
        <rFont val="Inherit"/>
        <family val="2"/>
      </rPr>
      <t>-rich; Petroleum gas</t>
    </r>
  </si>
  <si>
    <r>
      <t>(A complex combination of hydrocarbons obtained from fractionation of distillate tail gas, straight-run naphtha, catalytic reformed naphtha stabiliser tail gas. It consists predominantly of hydrocarbons having carbon numbers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 predominantly methane and ethane.)</t>
    </r>
  </si>
  <si>
    <r>
      <t>(A complex combination of hydrocarbons obtained from the thermal cracking of vacuum residues.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Hydrocarbons, C</t>
    </r>
    <r>
      <rPr>
        <vertAlign val="subscript"/>
        <sz val="7"/>
        <rFont val="Inherit"/>
        <family val="2"/>
      </rPr>
      <t>3-4</t>
    </r>
    <r>
      <rPr>
        <sz val="10"/>
        <rFont val="Inherit"/>
        <family val="2"/>
      </rPr>
      <t>-rich, petroleum distillate; Petroleum gas</t>
    </r>
  </si>
  <si>
    <r>
      <t>(A complex combination of hydrocarbons produced by distillation and condensation of crude oil. It consists of hydrocarbons having carbon numbers in the range of C</t>
    </r>
    <r>
      <rPr>
        <vertAlign val="subscript"/>
        <sz val="7"/>
        <rFont val="Inherit"/>
        <family val="2"/>
      </rPr>
      <t>3</t>
    </r>
    <r>
      <rPr>
        <sz val="10"/>
        <rFont val="Inherit"/>
        <family val="2"/>
      </rPr>
      <t> through C</t>
    </r>
    <r>
      <rPr>
        <vertAlign val="subscript"/>
        <sz val="7"/>
        <rFont val="Inherit"/>
        <family val="2"/>
      </rPr>
      <t>5</t>
    </r>
    <r>
      <rPr>
        <sz val="10"/>
        <rFont val="Inherit"/>
        <family val="2"/>
      </rPr>
      <t>, predominantly C</t>
    </r>
    <r>
      <rPr>
        <vertAlign val="subscript"/>
        <sz val="7"/>
        <rFont val="Inherit"/>
        <family val="2"/>
      </rPr>
      <t>3</t>
    </r>
    <r>
      <rPr>
        <sz val="10"/>
        <rFont val="Inherit"/>
        <family val="2"/>
      </rPr>
      <t> through C</t>
    </r>
    <r>
      <rPr>
        <vertAlign val="subscript"/>
        <sz val="7"/>
        <rFont val="Inherit"/>
        <family val="2"/>
      </rPr>
      <t>4</t>
    </r>
    <r>
      <rPr>
        <sz val="10"/>
        <rFont val="Inherit"/>
        <family val="2"/>
      </rPr>
      <t>.)</t>
    </r>
  </si>
  <si>
    <r>
      <t>(A complex combination of hydrocarbons obtained by the fractionation of the full-range straight-run naphtha. It consists of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6</t>
    </r>
    <r>
      <rPr>
        <sz val="10"/>
        <rFont val="Inherit"/>
        <family val="2"/>
      </rPr>
      <t>.)</t>
    </r>
  </si>
  <si>
    <r>
      <t>(A complex combination of hydrocarbon produced by the distillation of products from a hydrocracking process.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 It may also contain small amounts of hydrogen and hydrogen sulfide.)</t>
    </r>
  </si>
  <si>
    <r>
      <t>(A complex combination of hydrocarbons obtained by the stabilisation of light straight-run naphtha. It consists of saturated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6</t>
    </r>
    <r>
      <rPr>
        <sz val="10"/>
        <rFont val="Inherit"/>
        <family val="2"/>
      </rPr>
      <t>.)</t>
    </r>
  </si>
  <si>
    <r>
      <t>Residues (petroleum), alkylation splitter, C</t>
    </r>
    <r>
      <rPr>
        <vertAlign val="subscript"/>
        <sz val="7"/>
        <rFont val="Inherit"/>
        <family val="2"/>
      </rPr>
      <t>4</t>
    </r>
    <r>
      <rPr>
        <sz val="10"/>
        <rFont val="Inherit"/>
        <family val="2"/>
      </rPr>
      <t>-rich; Petroleum gas</t>
    </r>
  </si>
  <si>
    <r>
      <t>(A complex residuum from the distillation of streams from various refinery operations. It consists of hydrocarbons having carbon numbers in the range of C</t>
    </r>
    <r>
      <rPr>
        <vertAlign val="subscript"/>
        <sz val="7"/>
        <rFont val="Inherit"/>
        <family val="2"/>
      </rPr>
      <t>4</t>
    </r>
    <r>
      <rPr>
        <sz val="10"/>
        <rFont val="Inherit"/>
        <family val="2"/>
      </rPr>
      <t> through C</t>
    </r>
    <r>
      <rPr>
        <vertAlign val="subscript"/>
        <sz val="7"/>
        <rFont val="Inherit"/>
        <family val="2"/>
      </rPr>
      <t>5</t>
    </r>
    <r>
      <rPr>
        <sz val="10"/>
        <rFont val="Inherit"/>
        <family val="2"/>
      </rPr>
      <t>, predominantly butane, and boiling in the range of approximately - 11,7  °C to 27,8  °C.)</t>
    </r>
  </si>
  <si>
    <r>
      <t>Hydrocarbons, C</t>
    </r>
    <r>
      <rPr>
        <vertAlign val="subscript"/>
        <sz val="7"/>
        <rFont val="Inherit"/>
        <family val="2"/>
      </rPr>
      <t>1-4</t>
    </r>
    <r>
      <rPr>
        <sz val="10"/>
        <rFont val="Inherit"/>
        <family val="2"/>
      </rPr>
      <t>; Petroleum gas</t>
    </r>
  </si>
  <si>
    <r>
      <t>(A complex combination of hydrocarbons provided by thermal cracking and absorber operations and by distillation of crude oil.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 and boiling in the range of approximately - 164 °C to - 0,5  °C.)</t>
    </r>
  </si>
  <si>
    <r>
      <t>Hydrocarbons, C</t>
    </r>
    <r>
      <rPr>
        <vertAlign val="subscript"/>
        <sz val="7"/>
        <rFont val="Inherit"/>
        <family val="2"/>
      </rPr>
      <t>1-4</t>
    </r>
    <r>
      <rPr>
        <sz val="10"/>
        <rFont val="Inherit"/>
        <family val="2"/>
      </rPr>
      <t>, sweetened; Petroleum gas</t>
    </r>
  </si>
  <si>
    <r>
      <t>(A complex combination of hydrocarbons obtained by subjecting hydrocarbon gases to a sweetening process to convert mercaptans or to remove acidic impurities.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 and boiling in the range of approximately - 164 °C to - 0,5  °C.)</t>
    </r>
  </si>
  <si>
    <r>
      <t>Hydrocarbons, C</t>
    </r>
    <r>
      <rPr>
        <vertAlign val="subscript"/>
        <sz val="7"/>
        <rFont val="Inherit"/>
        <family val="2"/>
      </rPr>
      <t>1-3</t>
    </r>
    <r>
      <rPr>
        <sz val="10"/>
        <rFont val="Inherit"/>
        <family val="2"/>
      </rPr>
      <t>; Petroleum gas</t>
    </r>
  </si>
  <si>
    <r>
      <t>(A complex combination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3</t>
    </r>
    <r>
      <rPr>
        <sz val="10"/>
        <rFont val="Inherit"/>
        <family val="2"/>
      </rPr>
      <t> and boiling in the range of approximately - 164 °C to - 42 °C.)</t>
    </r>
  </si>
  <si>
    <r>
      <t>Hydrocarbons, C</t>
    </r>
    <r>
      <rPr>
        <vertAlign val="subscript"/>
        <sz val="7"/>
        <rFont val="Inherit"/>
        <family val="2"/>
      </rPr>
      <t>1-4</t>
    </r>
    <r>
      <rPr>
        <sz val="10"/>
        <rFont val="Inherit"/>
        <family val="2"/>
      </rPr>
      <t>, debutaniser fraction; Petroleum gas</t>
    </r>
  </si>
  <si>
    <r>
      <t>Gases (petroleum), C</t>
    </r>
    <r>
      <rPr>
        <vertAlign val="subscript"/>
        <sz val="7"/>
        <rFont val="Inherit"/>
        <family val="2"/>
      </rPr>
      <t>1-5</t>
    </r>
    <r>
      <rPr>
        <sz val="10"/>
        <rFont val="Inherit"/>
        <family val="2"/>
      </rPr>
      <t>, wet; Petroleum gas</t>
    </r>
  </si>
  <si>
    <r>
      <t>(A complex combination of hydrocarbons produced by the distillation of crude oil and/or the cracking of tower gas oil.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Hydrocarbons, C</t>
    </r>
    <r>
      <rPr>
        <vertAlign val="subscript"/>
        <sz val="7"/>
        <rFont val="Inherit"/>
        <family val="2"/>
      </rPr>
      <t>2-4</t>
    </r>
    <r>
      <rPr>
        <sz val="10"/>
        <rFont val="Inherit"/>
        <family val="2"/>
      </rPr>
      <t>; Petroleum gas</t>
    </r>
  </si>
  <si>
    <r>
      <t>Hydrocarbons, C</t>
    </r>
    <r>
      <rPr>
        <vertAlign val="subscript"/>
        <sz val="7"/>
        <rFont val="Inherit"/>
        <family val="2"/>
      </rPr>
      <t>3</t>
    </r>
    <r>
      <rPr>
        <sz val="10"/>
        <rFont val="Inherit"/>
        <family val="2"/>
      </rPr>
      <t>; Petroleum gas</t>
    </r>
  </si>
  <si>
    <r>
      <t>(A complex combination of hydrocarbons produced by the catalytic cracking of gas oil.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4</t>
    </r>
    <r>
      <rPr>
        <sz val="10"/>
        <rFont val="Inherit"/>
        <family val="2"/>
      </rPr>
      <t>.)</t>
    </r>
  </si>
  <si>
    <r>
      <t>(A complex combination obtained from various processes. It consists of hydrogen, hydrogen sulfide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produced by the distillation of the products from a catalytic cracking process. It consists predominantly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5</t>
    </r>
    <r>
      <rPr>
        <sz val="10"/>
        <rFont val="Inherit"/>
        <family val="2"/>
      </rPr>
      <t>.)</t>
    </r>
  </si>
  <si>
    <r>
      <t>Gases (petroleum), C</t>
    </r>
    <r>
      <rPr>
        <vertAlign val="subscript"/>
        <sz val="7"/>
        <rFont val="Inherit"/>
        <family val="2"/>
      </rPr>
      <t>2-4</t>
    </r>
    <r>
      <rPr>
        <sz val="10"/>
        <rFont val="Inherit"/>
        <family val="2"/>
      </rPr>
      <t>, sweetened; Petroleum gas</t>
    </r>
  </si>
  <si>
    <r>
      <t>(A complex combination of hydrocarbons obtained by subjecting a petroleum distillate to a sweetening process to convert mercaptans or to remove acidic impurities. It consists predominantly of saturated and unsaturated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4</t>
    </r>
    <r>
      <rPr>
        <sz val="10"/>
        <rFont val="Inherit"/>
        <family val="2"/>
      </rPr>
      <t> and boiling in the range of approximately - 51 °C to - 34 °C.)</t>
    </r>
  </si>
  <si>
    <r>
      <t>(A complex combination of hydrocarbons produced by the fractionation of crude oil. It consists of saturate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obtained by the fractionation of combined naphtha streams. It consists of saturate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obtained by the fractionation of light straight-run gasoline. It consists of saturate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produced by a naphtha unifiner desulphurisation process and stripped from the naphtha product. It consists of saturate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produced by the fractionation of the charge to the C</t>
    </r>
    <r>
      <rPr>
        <vertAlign val="subscript"/>
        <sz val="7"/>
        <rFont val="Inherit"/>
        <family val="2"/>
      </rPr>
      <t>3</t>
    </r>
    <r>
      <rPr>
        <sz val="10"/>
        <rFont val="Inherit"/>
        <family val="2"/>
      </rPr>
      <t>-C</t>
    </r>
    <r>
      <rPr>
        <vertAlign val="subscript"/>
        <sz val="7"/>
        <rFont val="Inherit"/>
        <family val="2"/>
      </rPr>
      <t>4</t>
    </r>
    <r>
      <rPr>
        <sz val="10"/>
        <rFont val="Inherit"/>
        <family val="2"/>
      </rPr>
      <t> splitter. It consists predominantly of C</t>
    </r>
    <r>
      <rPr>
        <vertAlign val="subscript"/>
        <sz val="7"/>
        <rFont val="Inherit"/>
        <family val="2"/>
      </rPr>
      <t>3</t>
    </r>
    <r>
      <rPr>
        <sz val="10"/>
        <rFont val="Inherit"/>
        <family val="2"/>
      </rPr>
      <t> hydrocarbons.)</t>
    </r>
  </si>
  <si>
    <r>
      <t>(A complex combination of hydrocarbons obtained from the fractionation of the liquid from the first tower used in the distillation of crude oil. It consists of saturate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obtained from fractionation of catalytic cracked naphtha.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obtained by the fractionation of catalytic cracked naphtha and distillate.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obtained from the separation of thermal-cracked distillates, naphtha and gas oil.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obtained from the fractionation stabilisation of thermal cracked hydrocarbons from a petroleum coking process.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produced by the distillation of products from a thermal cracking process. It consists of hydrocarbons having a carbon number predominantly of C</t>
    </r>
    <r>
      <rPr>
        <vertAlign val="subscript"/>
        <sz val="7"/>
        <rFont val="Inherit"/>
        <family val="2"/>
      </rPr>
      <t>4</t>
    </r>
    <r>
      <rPr>
        <sz val="10"/>
        <rFont val="Inherit"/>
        <family val="2"/>
      </rPr>
      <t>.)</t>
    </r>
  </si>
  <si>
    <r>
      <t>(A complex combination of hydrocarbons obtained by the catalytic reforming of straight-run naphtha and the fractionation of the total effluent. It consists of saturated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4</t>
    </r>
    <r>
      <rPr>
        <sz val="10"/>
        <rFont val="Inherit"/>
        <family val="2"/>
      </rPr>
      <t>.)</t>
    </r>
  </si>
  <si>
    <r>
      <t>Hydrocarbons, C</t>
    </r>
    <r>
      <rPr>
        <vertAlign val="subscript"/>
        <sz val="7"/>
        <rFont val="Inherit"/>
        <family val="2"/>
      </rPr>
      <t>4</t>
    </r>
    <r>
      <rPr>
        <sz val="10"/>
        <rFont val="Inherit"/>
        <family val="2"/>
      </rPr>
      <t>; Petroleum gas</t>
    </r>
  </si>
  <si>
    <r>
      <t>Alkanes, C</t>
    </r>
    <r>
      <rPr>
        <vertAlign val="subscript"/>
        <sz val="7"/>
        <rFont val="Inherit"/>
        <family val="2"/>
      </rPr>
      <t>1-4</t>
    </r>
    <r>
      <rPr>
        <sz val="10"/>
        <rFont val="Inherit"/>
        <family val="2"/>
      </rPr>
      <t>, C</t>
    </r>
    <r>
      <rPr>
        <vertAlign val="subscript"/>
        <sz val="7"/>
        <rFont val="Inherit"/>
        <family val="2"/>
      </rPr>
      <t>3</t>
    </r>
    <r>
      <rPr>
        <sz val="10"/>
        <rFont val="Inherit"/>
        <family val="2"/>
      </rPr>
      <t>-rich; Petroleum gas</t>
    </r>
  </si>
  <si>
    <r>
      <t>Gases (petroleum), steam-cracker C</t>
    </r>
    <r>
      <rPr>
        <vertAlign val="subscript"/>
        <sz val="7"/>
        <rFont val="Inherit"/>
        <family val="2"/>
      </rPr>
      <t>3</t>
    </r>
    <r>
      <rPr>
        <sz val="10"/>
        <rFont val="Inherit"/>
        <family val="2"/>
      </rPr>
      <t>-rich; Petroleum gas</t>
    </r>
  </si>
  <si>
    <r>
      <t>Hydrocarbons, C</t>
    </r>
    <r>
      <rPr>
        <vertAlign val="subscript"/>
        <sz val="7"/>
        <rFont val="Inherit"/>
        <family val="2"/>
      </rPr>
      <t>4</t>
    </r>
    <r>
      <rPr>
        <sz val="10"/>
        <rFont val="Inherit"/>
        <family val="2"/>
      </rPr>
      <t>, steam-cracker distillate; Petroleum gas</t>
    </r>
  </si>
  <si>
    <r>
      <t>(A complex combination of hydrocarbons produced by the distillation of the products of a steam cracking process. It consists predominantly of hydrocarbons having a carbon number of C</t>
    </r>
    <r>
      <rPr>
        <vertAlign val="subscript"/>
        <sz val="7"/>
        <rFont val="Inherit"/>
        <family val="2"/>
      </rPr>
      <t>4</t>
    </r>
    <r>
      <rPr>
        <sz val="10"/>
        <rFont val="Inherit"/>
        <family val="2"/>
      </rPr>
      <t>, predominantly 1-butene and 2-butene, containing also butane and isobutene and boiling in the range of approximately - 12 °C to 5 °C.)</t>
    </r>
  </si>
  <si>
    <r>
      <t>Petroleum gases, liquefied, sweetened, C</t>
    </r>
    <r>
      <rPr>
        <vertAlign val="subscript"/>
        <sz val="7"/>
        <rFont val="Inherit"/>
        <family val="2"/>
      </rPr>
      <t>4</t>
    </r>
    <r>
      <rPr>
        <sz val="10"/>
        <rFont val="Inherit"/>
        <family val="2"/>
      </rPr>
      <t> fraction; Petroleum gas</t>
    </r>
  </si>
  <si>
    <r>
      <t>(A complex combination of hydrocarbons obtained by subjecting a liquified petroleum gas mix to a sweetening process to oxidise mercaptans or to remove acidic impurities. It consists predominantly of C</t>
    </r>
    <r>
      <rPr>
        <vertAlign val="subscript"/>
        <sz val="7"/>
        <rFont val="Inherit"/>
        <family val="2"/>
      </rPr>
      <t>4</t>
    </r>
    <r>
      <rPr>
        <sz val="10"/>
        <rFont val="Inherit"/>
        <family val="2"/>
      </rPr>
      <t> saturated and unsaturated hydrocarbons.)</t>
    </r>
  </si>
  <si>
    <r>
      <t>Hydrocarbons, C</t>
    </r>
    <r>
      <rPr>
        <vertAlign val="subscript"/>
        <sz val="7"/>
        <rFont val="Inherit"/>
        <family val="2"/>
      </rPr>
      <t>4</t>
    </r>
    <r>
      <rPr>
        <sz val="10"/>
        <rFont val="Inherit"/>
        <family val="2"/>
      </rPr>
      <t>, 1,3-butadiene- and isobutene-free;</t>
    </r>
  </si>
  <si>
    <r>
      <t>Raffinates (petroleum), steam-cracked C</t>
    </r>
    <r>
      <rPr>
        <vertAlign val="subscript"/>
        <sz val="7"/>
        <rFont val="Inherit"/>
        <family val="2"/>
      </rPr>
      <t>4</t>
    </r>
    <r>
      <rPr>
        <sz val="10"/>
        <rFont val="Inherit"/>
        <family val="2"/>
      </rPr>
      <t> fraction cuprous ammonium acetate extraction, C</t>
    </r>
    <r>
      <rPr>
        <vertAlign val="subscript"/>
        <sz val="7"/>
        <rFont val="Inherit"/>
        <family val="2"/>
      </rPr>
      <t>3-5</t>
    </r>
    <r>
      <rPr>
        <sz val="10"/>
        <rFont val="Inherit"/>
        <family val="2"/>
      </rPr>
      <t> and C</t>
    </r>
    <r>
      <rPr>
        <vertAlign val="subscript"/>
        <sz val="7"/>
        <rFont val="Inherit"/>
        <family val="2"/>
      </rPr>
      <t>3-5</t>
    </r>
    <r>
      <rPr>
        <sz val="10"/>
        <rFont val="Inherit"/>
        <family val="2"/>
      </rPr>
      <t> unsaturated, butadiene-free; Petroleum gas</t>
    </r>
  </si>
  <si>
    <r>
      <t>(The feed gas to the amine system for removal of hydrogen sulphide. It consists primarily of hydrogen. Carbon monoxide, carbon dioxide, hydrogen sulfide an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 may also be present.)</t>
    </r>
  </si>
  <si>
    <r>
      <t>(Off gases produced by the benzene unit. It consists primarily of hydrogen. Carbon monoxide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 including benzene, may also be present.)</t>
    </r>
  </si>
  <si>
    <r>
      <t>(A complex combination of hydrocarbons obtained by recycling the gases of the benzene unit. It consists primarily of hydrogen with various small amounts of carbon monoxide and hydrocarbons having carbon numbers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obtained by distillation of a blend oil. It consists primarily of hydrogen and nitrogen with various small amounts of carbon monoxide, carbon dioxide, an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obtained from stabilisation of catalytic reformed naphtha. It consists of hydrogen and saturate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Gases (petroleum), C</t>
    </r>
    <r>
      <rPr>
        <vertAlign val="subscript"/>
        <sz val="7"/>
        <rFont val="Inherit"/>
        <family val="2"/>
      </rPr>
      <t>6-8</t>
    </r>
    <r>
      <rPr>
        <sz val="10"/>
        <rFont val="Inherit"/>
        <family val="2"/>
      </rPr>
      <t> catalytic reformer recycle; Refinery gas</t>
    </r>
  </si>
  <si>
    <r>
      <t>(A complex combination of hydrocarbons produced by distillation of products from catalytic reforming of C</t>
    </r>
    <r>
      <rPr>
        <vertAlign val="subscript"/>
        <sz val="7"/>
        <rFont val="Inherit"/>
        <family val="2"/>
      </rPr>
      <t>6</t>
    </r>
    <r>
      <rPr>
        <sz val="10"/>
        <rFont val="Inherit"/>
        <family val="2"/>
      </rPr>
      <t>-C</t>
    </r>
    <r>
      <rPr>
        <vertAlign val="subscript"/>
        <sz val="7"/>
        <rFont val="Inherit"/>
        <family val="2"/>
      </rPr>
      <t>8</t>
    </r>
    <r>
      <rPr>
        <sz val="10"/>
        <rFont val="Inherit"/>
        <family val="2"/>
      </rPr>
      <t> feed and recycled to conserve hydrogen. It consists primarily of hydrogen. It may also contain various small amounts of carbon monoxide, carbon dioxide, nit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Gases (petroleum), C</t>
    </r>
    <r>
      <rPr>
        <vertAlign val="subscript"/>
        <sz val="7"/>
        <rFont val="Inherit"/>
        <family val="2"/>
      </rPr>
      <t>6-8</t>
    </r>
    <r>
      <rPr>
        <sz val="10"/>
        <rFont val="Inherit"/>
        <family val="2"/>
      </rPr>
      <t> catalytic reformer; Refinery gas</t>
    </r>
  </si>
  <si>
    <r>
      <t>(A complex combination of hydrocarbons produced by distillation of products from catalytic reforming of C</t>
    </r>
    <r>
      <rPr>
        <vertAlign val="subscript"/>
        <sz val="7"/>
        <rFont val="Inherit"/>
        <family val="2"/>
      </rPr>
      <t>6</t>
    </r>
    <r>
      <rPr>
        <sz val="10"/>
        <rFont val="Inherit"/>
        <family val="2"/>
      </rPr>
      <t>-C</t>
    </r>
    <r>
      <rPr>
        <vertAlign val="subscript"/>
        <sz val="7"/>
        <rFont val="Inherit"/>
        <family val="2"/>
      </rPr>
      <t>8</t>
    </r>
    <r>
      <rPr>
        <sz val="10"/>
        <rFont val="Inherit"/>
        <family val="2"/>
      </rPr>
      <t> feed. It consists of hydrocarbons having carbon numbers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 and hydrogen.)</t>
    </r>
  </si>
  <si>
    <r>
      <t>Gases (petroleum), C</t>
    </r>
    <r>
      <rPr>
        <vertAlign val="subscript"/>
        <sz val="7"/>
        <rFont val="Inherit"/>
        <family val="2"/>
      </rPr>
      <t>6-8</t>
    </r>
    <r>
      <rPr>
        <sz val="10"/>
        <rFont val="Inherit"/>
        <family val="2"/>
      </rPr>
      <t> catalytic reformer recycle, hydrogen-rich; Refinery gas</t>
    </r>
  </si>
  <si>
    <r>
      <t>Gases (petroleum), C</t>
    </r>
    <r>
      <rPr>
        <vertAlign val="subscript"/>
        <sz val="7"/>
        <rFont val="Inherit"/>
        <family val="2"/>
      </rPr>
      <t>2</t>
    </r>
    <r>
      <rPr>
        <sz val="10"/>
        <rFont val="Inherit"/>
        <family val="2"/>
      </rPr>
      <t>-return stream; Refinery gas</t>
    </r>
  </si>
  <si>
    <r>
      <t>(The complex combination of dry gases from a gas concentration unit. It consists of hydrogen, hydrogen sulphide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3</t>
    </r>
    <r>
      <rPr>
        <sz val="10"/>
        <rFont val="Inherit"/>
        <family val="2"/>
      </rPr>
      <t>.)</t>
    </r>
  </si>
  <si>
    <r>
      <t>(A complex combination of hydrocarbons produced by distillation of products from combined gas streams in a gas concentration reabsorber. It consists predominantly of hydrogen, carbon monoxide, carbon dioxide, nitrogen, hydrogen sulphide and hydrocarbons having carbon numbers in the range of C</t>
    </r>
    <r>
      <rPr>
        <vertAlign val="subscript"/>
        <sz val="7"/>
        <rFont val="Inherit"/>
        <family val="2"/>
      </rPr>
      <t>1</t>
    </r>
    <r>
      <rPr>
        <sz val="10"/>
        <rFont val="Inherit"/>
        <family val="2"/>
      </rPr>
      <t> through C</t>
    </r>
    <r>
      <rPr>
        <vertAlign val="subscript"/>
        <sz val="7"/>
        <rFont val="Inherit"/>
        <family val="2"/>
      </rPr>
      <t>3</t>
    </r>
    <r>
      <rPr>
        <sz val="10"/>
        <rFont val="Inherit"/>
        <family val="2"/>
      </rPr>
      <t>.)</t>
    </r>
  </si>
  <si>
    <r>
      <t>(A complex combination obtained by absorbing hydrogen from a hydrogen rich stream. It consists of hydrogen, carbon monoxide, nitrogen, and methane with small amounts of C</t>
    </r>
    <r>
      <rPr>
        <vertAlign val="subscript"/>
        <sz val="7"/>
        <rFont val="Inherit"/>
        <family val="2"/>
      </rPr>
      <t>2</t>
    </r>
    <r>
      <rPr>
        <sz val="10"/>
        <rFont val="Inherit"/>
        <family val="2"/>
      </rPr>
      <t> hydrocarbons.)</t>
    </r>
  </si>
  <si>
    <r>
      <t>(A complex combination separated as a gas from hydrocarbon gases by chilling. It consists primarily of hydrogen with various small amounts of carbon monoxide, nitrogen, methane, and C</t>
    </r>
    <r>
      <rPr>
        <vertAlign val="subscript"/>
        <sz val="7"/>
        <rFont val="Inherit"/>
        <family val="2"/>
      </rPr>
      <t>2</t>
    </r>
    <r>
      <rPr>
        <sz val="10"/>
        <rFont val="Inherit"/>
        <family val="2"/>
      </rPr>
      <t> hydrocarbons.)</t>
    </r>
  </si>
  <si>
    <r>
      <t>(A complex combination obtained from recycled hydrotreated blend oil. It consists primarily of hydrogen and nitrogen with various small amounts of carbon monoxide, carbon dioxide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btained from recycled reactor gases. It consists primarily of hydrogen with various small amounts of carbon monoxide, carbon dioxide, nitrogen, hydrogen sulphide, and saturated aliphatic hydrocarbons having carbon numbers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btained from the reformers. It consists primarily of hydrogen with various small amounts of carbon monoxide an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btained from the reforming hydrotreating process. It consists primarily of hydrogen, methane, and ethane with various small amounts of hydrogen sulphide and aliphatic hydrocarbons having carbon numbers predominantly in the range C</t>
    </r>
    <r>
      <rPr>
        <vertAlign val="subscript"/>
        <sz val="7"/>
        <rFont val="Inherit"/>
        <family val="2"/>
      </rPr>
      <t>3</t>
    </r>
    <r>
      <rPr>
        <sz val="10"/>
        <rFont val="Inherit"/>
        <family val="2"/>
      </rPr>
      <t> through C</t>
    </r>
    <r>
      <rPr>
        <vertAlign val="subscript"/>
        <sz val="7"/>
        <rFont val="Inherit"/>
        <family val="2"/>
      </rPr>
      <t>5</t>
    </r>
    <r>
      <rPr>
        <sz val="10"/>
        <rFont val="Inherit"/>
        <family val="2"/>
      </rPr>
      <t>.)</t>
    </r>
  </si>
  <si>
    <r>
      <t>(A complex combination obtained from the reforming hydrotreating process. It consists primarily of hydrogen and methane with various small amounts of carbon monoxide, carbon dioxide, nitrogen and saturated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5</t>
    </r>
    <r>
      <rPr>
        <sz val="10"/>
        <rFont val="Inherit"/>
        <family val="2"/>
      </rPr>
      <t>.)</t>
    </r>
  </si>
  <si>
    <r>
      <t>(A complex combination obtained from the reforming hydrotreating process. It consists primarily of hydrogen with various small amounts of carbon monoxide an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produced by distillation of products from a thermal cracking process. It consists of hydrogen, hydrogen sulphide, carbon monoxide, carbon dioxide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obtained from refractionation of products from a catalytic cracking process. It consists of hyd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3</t>
    </r>
    <r>
      <rPr>
        <sz val="10"/>
        <rFont val="Inherit"/>
        <family val="2"/>
      </rPr>
      <t>.)</t>
    </r>
  </si>
  <si>
    <r>
      <t>(A complex combination of hydrocarbons obtained from the catalytic reforming of straight-run naphtha. It consists of hyd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obtained from the stabilisation of catalytic reformed naphtha. It consists of hyd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obtained by treating cracked distillates with hydrogen in the presence of a catalyst. It consists of hydrogen and saturate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obtained from hydrodesulphurisation of straight-run naphtha. It consists of hydrogen and saturate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separated by distillation of a gas stream containing hydrogen, carbon monoxide, carbon dioxide and hydrocarbons having carbon numbers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 or obtained by cracking ethane and propane.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2</t>
    </r>
    <r>
      <rPr>
        <sz val="10"/>
        <rFont val="Inherit"/>
        <family val="2"/>
      </rPr>
      <t>, hydrogen, nitrogen, and carbon monoxide.)</t>
    </r>
  </si>
  <si>
    <r>
      <t>(A complex combination produced by treating the feed from the benzene unit with hydrogen in the presence of a catalyst followed by depentanising. It consists primarily of hydrogen, ethane and propane with various small amounts of nitrogen, carbon monoxide, carbon dioxide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 It may contain trace amounts of benzene.)</t>
    </r>
  </si>
  <si>
    <r>
      <t>(A complex combination produced by the fractionation of the overhead products from the catalytic cracking process in the fluidised catalytic cracker. It consists of hydrogen, nit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3</t>
    </r>
    <r>
      <rPr>
        <sz val="10"/>
        <rFont val="Inherit"/>
        <family val="2"/>
      </rPr>
      <t>.)</t>
    </r>
  </si>
  <si>
    <r>
      <t>(A complex combination obtained by the liquid-vapour separation of the hydrocracking process reactor effluent. It consists predominantly of hydrogen and saturate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3</t>
    </r>
    <r>
      <rPr>
        <sz val="10"/>
        <rFont val="Inherit"/>
        <family val="2"/>
      </rPr>
      <t>.)</t>
    </r>
  </si>
  <si>
    <r>
      <t>(A complex combination obtained from various petroleum refining operations. It consists of hyd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3</t>
    </r>
    <r>
      <rPr>
        <sz val="10"/>
        <rFont val="Inherit"/>
        <family val="2"/>
      </rPr>
      <t>.)</t>
    </r>
  </si>
  <si>
    <r>
      <t>(A complex combination obtained from the chemical reforming of naphthenes to aromatics. It consists of hydrogen and saturated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4</t>
    </r>
    <r>
      <rPr>
        <sz val="10"/>
        <rFont val="Inherit"/>
        <family val="2"/>
      </rPr>
      <t>.)</t>
    </r>
  </si>
  <si>
    <r>
      <t>(The complex combination obtained from the depentaniser stabilisation of hydrotreated kerosine. It consists primarily of hydrogen, methane, ethane, and propane with various small amounts of nitrogen, hydrogen sulphide, carbon monoxide and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5</t>
    </r>
    <r>
      <rPr>
        <sz val="10"/>
        <rFont val="Inherit"/>
        <family val="2"/>
      </rPr>
      <t>.)</t>
    </r>
  </si>
  <si>
    <r>
      <t>(A complex combination obtained from the flash drum of the unit treating sour kerosine with hydrogen in the presence of a catalyst. It consists primarily of hydrogen and methane with various small amounts of nitrogen, carbon monoxide, and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5</t>
    </r>
    <r>
      <rPr>
        <sz val="10"/>
        <rFont val="Inherit"/>
        <family val="2"/>
      </rPr>
      <t>.)</t>
    </r>
  </si>
  <si>
    <r>
      <t>(A complex combination produced by the fractionation of the overhead product of the fluidised catalytic cracking process. It consists of hydrogen, hydrogen sulphide, nit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stripped from the liquid product of the heavy distillate hydrotreater desulphurisation process. It consists of hydrogen, hydrogen sulphide, and saturate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produced from the first tower used in the distillation of crude oil. It consists of nitrogen and saturate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btained by the fractionation of reduced crude oil. It consists of hyd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btained from the hydrodesulphurisation of straight-run naphtha. It consists of hyd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btained by the fractionation of products from the fluidised catalytic cracker and gas oil desulphuriser. It consists of hyd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produced by crude distillation and catalytic cracking processes. It consists of hydrogen, hydrogen sulphide, nitrogen, carbon monoxide and paraffinic and olefin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produced by desulphurisation of gas oils with diethanolamine. It consists predominantly of hydrogen sulphide, hydrogen and aliphatic hydrocarbons having carbon numbers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btained by separation of the liquid phase from the effluent from the hydrogenation reaction. It consists predominantly of hydrogen, hydrogen sulphide an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3</t>
    </r>
    <r>
      <rPr>
        <sz val="10"/>
        <rFont val="Inherit"/>
        <family val="2"/>
      </rPr>
      <t>.)</t>
    </r>
  </si>
  <si>
    <r>
      <t>(A complex combination of gases obtained from the reformer and from the purges from the hydrogenation reactor. It consists predominantly of hydrogen an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gases obtained from flash of the effluents after the hydrogenation reaction. It consists predominantly of hydrogen and aliphat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btained as a mixture of the non-condensable portions from the product of a naphtha steam cracking process as well as residual gases obtained during the preparation of subsequent products. It consists predominantly of hydrogen and paraffinic and olefin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 with which natural gas may also be mixed.)</t>
    </r>
  </si>
  <si>
    <r>
      <t>(A complex combination obtained from viscosity reduction of residues in a furnace. It consists predominantly of hydrogen sulphide and paraffinic and olefinic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Gases (petroleum), C</t>
    </r>
    <r>
      <rPr>
        <vertAlign val="subscript"/>
        <sz val="7"/>
        <rFont val="Inherit"/>
        <family val="2"/>
      </rPr>
      <t>3-4</t>
    </r>
    <r>
      <rPr>
        <sz val="10"/>
        <rFont val="Inherit"/>
        <family val="2"/>
      </rPr>
      <t>; Petroleum gas</t>
    </r>
  </si>
  <si>
    <r>
      <t>(A complex combination of hydrocarbons produced by distillation of products from the cracking of crude oil. It consists of hydrocarbons having carbon numbers in the range of C</t>
    </r>
    <r>
      <rPr>
        <vertAlign val="subscript"/>
        <sz val="7"/>
        <rFont val="Inherit"/>
        <family val="2"/>
      </rPr>
      <t>3</t>
    </r>
    <r>
      <rPr>
        <sz val="10"/>
        <rFont val="Inherit"/>
        <family val="2"/>
      </rPr>
      <t> through C</t>
    </r>
    <r>
      <rPr>
        <vertAlign val="subscript"/>
        <sz val="7"/>
        <rFont val="Inherit"/>
        <family val="2"/>
      </rPr>
      <t>4</t>
    </r>
    <r>
      <rPr>
        <sz val="10"/>
        <rFont val="Inherit"/>
        <family val="2"/>
      </rPr>
      <t>, predominantly of propane and propylene, and boiling in the range of approximately - 51 °C to - 1 °C.)</t>
    </r>
  </si>
  <si>
    <r>
      <t>(The complex combination of hydrocarbons from the distillation of the products from catalytic cracked distillates and catalytic cracked naphtha. It consists predominantly of hydrocarbons having carbon numbers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from the fractionation stabilisation products from polymerisation of naphtha. It consists predominantly of hydrocarbons having carbon numbers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obtained from fractionation stabilisation of catalytic reformed naphtha and from which hydrogen sulphide has been removed by amine treatment.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obtained by treating thermal cracked distillates with hydrogen in the presence of a catalyst. It consists predominantly of saturate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obtained from catalytic hydrodesulphurisation of straight run distillates and from which hydrogen sulphide has been removed by amine treatment.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obtained from the distillation of products from the catalytic cracking of gas oil.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from the distillation of products from miscellaneous hydrocarbon streams.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from the distillation of products from miscellaneous hydrocarbon streams. It consists of hydrocarbon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obtained from fractionation of hydrodesulphurised naphtha and distillate hydrocarbon streams and treated to remove acidic impurities.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obtained from stripping stabilisation of catalytic hydrodesulphurised vacuum gas oil and from which hydrogen sulphide has been removed by amine treatment.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obtained from fractionation stabilisation of light straight-run naphtha and from which hydrogen sulphide has been removed by amine treatment.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obtained from the distillation of the reaction products of propane with propylene.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A complex combination of hydrocarbons obtained from catalytic hydrodesulphurisation of vacuum gas oil and from which hydrogen sulphide has been removed by amine treatment.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6</t>
    </r>
    <r>
      <rPr>
        <sz val="10"/>
        <rFont val="Inherit"/>
        <family val="2"/>
      </rPr>
      <t>.)</t>
    </r>
  </si>
  <si>
    <r>
      <t>(A complex combination of hydrocarbons produced by the distillation of products from the catalytic cracking process.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5</t>
    </r>
    <r>
      <rPr>
        <sz val="10"/>
        <rFont val="Inherit"/>
        <family val="2"/>
      </rPr>
      <t> and boiling in the range of approximately - 48 °C to 32 °C.)</t>
    </r>
  </si>
  <si>
    <r>
      <t>Alkanes, C</t>
    </r>
    <r>
      <rPr>
        <vertAlign val="subscript"/>
        <sz val="7"/>
        <rFont val="Inherit"/>
        <family val="2"/>
      </rPr>
      <t>1-2</t>
    </r>
    <r>
      <rPr>
        <sz val="10"/>
        <rFont val="Inherit"/>
        <family val="2"/>
      </rPr>
      <t>; Petroleum gas</t>
    </r>
  </si>
  <si>
    <r>
      <t>Alkanes, C</t>
    </r>
    <r>
      <rPr>
        <vertAlign val="subscript"/>
        <sz val="7"/>
        <rFont val="Inherit"/>
        <family val="2"/>
      </rPr>
      <t>2-3</t>
    </r>
    <r>
      <rPr>
        <sz val="10"/>
        <rFont val="Inherit"/>
        <family val="2"/>
      </rPr>
      <t>; Petroleum gas</t>
    </r>
  </si>
  <si>
    <r>
      <t>Alkanes, C</t>
    </r>
    <r>
      <rPr>
        <vertAlign val="subscript"/>
        <sz val="7"/>
        <rFont val="Inherit"/>
        <family val="2"/>
      </rPr>
      <t>3-4</t>
    </r>
    <r>
      <rPr>
        <sz val="10"/>
        <rFont val="Inherit"/>
        <family val="2"/>
      </rPr>
      <t>; Petroleum gas</t>
    </r>
  </si>
  <si>
    <r>
      <t>Alkanes, C</t>
    </r>
    <r>
      <rPr>
        <vertAlign val="subscript"/>
        <sz val="7"/>
        <rFont val="Inherit"/>
        <family val="2"/>
      </rPr>
      <t>4-5</t>
    </r>
    <r>
      <rPr>
        <sz val="10"/>
        <rFont val="Inherit"/>
        <family val="2"/>
      </rPr>
      <t>; Petroleum gas</t>
    </r>
  </si>
  <si>
    <r>
      <t>(A complex combination of light gases produced by distillation of crude oil and by catalytic reforming of naphtha. It consists of hydrogen and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 and boiling in the range of approximately - 217 °C to - 12 °C.)</t>
    </r>
  </si>
  <si>
    <r>
      <t>Hydrocarbons, C</t>
    </r>
    <r>
      <rPr>
        <vertAlign val="subscript"/>
        <sz val="7"/>
        <rFont val="Inherit"/>
        <family val="2"/>
      </rPr>
      <t>3-4</t>
    </r>
    <r>
      <rPr>
        <sz val="10"/>
        <rFont val="Inherit"/>
        <family val="2"/>
      </rPr>
      <t>; Petroleum gas</t>
    </r>
  </si>
  <si>
    <r>
      <t>Hydrocarbons, C</t>
    </r>
    <r>
      <rPr>
        <vertAlign val="subscript"/>
        <sz val="7"/>
        <rFont val="Inherit"/>
        <family val="2"/>
      </rPr>
      <t>4-5</t>
    </r>
    <r>
      <rPr>
        <sz val="10"/>
        <rFont val="Inherit"/>
        <family val="2"/>
      </rPr>
      <t>; Petroleum gas</t>
    </r>
  </si>
  <si>
    <r>
      <t>Hydrocarbons, C</t>
    </r>
    <r>
      <rPr>
        <vertAlign val="subscript"/>
        <sz val="7"/>
        <rFont val="Inherit"/>
        <family val="2"/>
      </rPr>
      <t>2-4</t>
    </r>
    <r>
      <rPr>
        <sz val="10"/>
        <rFont val="Inherit"/>
        <family val="2"/>
      </rPr>
      <t>, C</t>
    </r>
    <r>
      <rPr>
        <vertAlign val="subscript"/>
        <sz val="7"/>
        <rFont val="Inherit"/>
        <family val="2"/>
      </rPr>
      <t>3</t>
    </r>
    <r>
      <rPr>
        <sz val="10"/>
        <rFont val="Inherit"/>
        <family val="2"/>
      </rPr>
      <t>-rich; Petroleum gas</t>
    </r>
  </si>
  <si>
    <r>
      <t>►M5</t>
    </r>
    <r>
      <rPr>
        <sz val="10"/>
        <rFont val="Inherit"/>
        <family val="2"/>
      </rPr>
      <t>   —</t>
    </r>
    <r>
      <rPr>
        <b/>
        <sz val="10"/>
        <rFont val="Inherit"/>
        <family val="2"/>
      </rPr>
      <t> ◄ </t>
    </r>
    <r>
      <rPr>
        <sz val="10"/>
        <rFont val="Inherit"/>
        <family val="2"/>
      </rPr>
      <t>K </t>
    </r>
    <r>
      <rPr>
        <b/>
        <sz val="10"/>
        <rFont val="Inherit"/>
        <family val="2"/>
      </rPr>
      <t>►M5</t>
    </r>
    <r>
      <rPr>
        <sz val="10"/>
        <rFont val="Inherit"/>
        <family val="2"/>
      </rPr>
      <t>   —</t>
    </r>
    <r>
      <rPr>
        <b/>
        <sz val="10"/>
        <rFont val="Inherit"/>
        <family val="2"/>
      </rPr>
      <t> ◄</t>
    </r>
  </si>
  <si>
    <r>
      <t>(A complex combination of hydrocarbons produced by the distillation of crude oil.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7</t>
    </r>
    <r>
      <rPr>
        <sz val="10"/>
        <rFont val="Inherit"/>
        <family val="2"/>
      </rPr>
      <t> and boiling in the range of approximately - 40 °C to 80 °C.)</t>
    </r>
  </si>
  <si>
    <r>
      <t>(A complex combination of hydrocarbons obtained by subjecting liquefied petroleum gas mix to a sweetening process to convert mercaptans or to remove acidic impurities.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7</t>
    </r>
    <r>
      <rPr>
        <sz val="10"/>
        <rFont val="Inherit"/>
        <family val="2"/>
      </rPr>
      <t> and boiling in the range of approximately - 40 °C to 80 °C.)</t>
    </r>
  </si>
  <si>
    <r>
      <t>Gases (petroleum), C</t>
    </r>
    <r>
      <rPr>
        <vertAlign val="subscript"/>
        <sz val="7"/>
        <rFont val="Inherit"/>
        <family val="2"/>
      </rPr>
      <t>3-4</t>
    </r>
    <r>
      <rPr>
        <sz val="10"/>
        <rFont val="Inherit"/>
        <family val="2"/>
      </rPr>
      <t>, isobutane-rich; Petroleum gas</t>
    </r>
  </si>
  <si>
    <r>
      <t>(A complex combination of hydrocarbons from the distillation of saturated and unsaturated hydrocarbons usually ranging in carbon numbers from C</t>
    </r>
    <r>
      <rPr>
        <vertAlign val="subscript"/>
        <sz val="7"/>
        <rFont val="Inherit"/>
        <family val="2"/>
      </rPr>
      <t>3</t>
    </r>
    <r>
      <rPr>
        <sz val="10"/>
        <rFont val="Inherit"/>
        <family val="2"/>
      </rPr>
      <t> through C</t>
    </r>
    <r>
      <rPr>
        <vertAlign val="subscript"/>
        <sz val="7"/>
        <rFont val="Inherit"/>
        <family val="2"/>
      </rPr>
      <t>6</t>
    </r>
    <r>
      <rPr>
        <sz val="10"/>
        <rFont val="Inherit"/>
        <family val="2"/>
      </rPr>
      <t>, predominantly butane and isobutane. It consists of saturated and unsaturated hydrocarbons having carbon numbers in the range of C</t>
    </r>
    <r>
      <rPr>
        <vertAlign val="subscript"/>
        <sz val="7"/>
        <rFont val="Inherit"/>
        <family val="2"/>
      </rPr>
      <t>3</t>
    </r>
    <r>
      <rPr>
        <sz val="10"/>
        <rFont val="Inherit"/>
        <family val="2"/>
      </rPr>
      <t> through C</t>
    </r>
    <r>
      <rPr>
        <vertAlign val="subscript"/>
        <sz val="7"/>
        <rFont val="Inherit"/>
        <family val="2"/>
      </rPr>
      <t>4</t>
    </r>
    <r>
      <rPr>
        <sz val="10"/>
        <rFont val="Inherit"/>
        <family val="2"/>
      </rPr>
      <t>, predominantly isobutane.)</t>
    </r>
  </si>
  <si>
    <r>
      <t>Distillates (petroleum), C</t>
    </r>
    <r>
      <rPr>
        <vertAlign val="subscript"/>
        <sz val="7"/>
        <rFont val="Inherit"/>
        <family val="2"/>
      </rPr>
      <t>3-6</t>
    </r>
    <r>
      <rPr>
        <sz val="10"/>
        <rFont val="Inherit"/>
        <family val="2"/>
      </rPr>
      <t>, piperylene-rich; Petroleum gas</t>
    </r>
  </si>
  <si>
    <r>
      <t>(A complex combination of hydrocarbons from the distillation of saturated and unsaturated aliphatic hydrocarbons usually ranging in the carbon numbers C</t>
    </r>
    <r>
      <rPr>
        <vertAlign val="subscript"/>
        <sz val="7"/>
        <rFont val="Inherit"/>
        <family val="2"/>
      </rPr>
      <t>3</t>
    </r>
    <r>
      <rPr>
        <sz val="10"/>
        <rFont val="Inherit"/>
        <family val="2"/>
      </rPr>
      <t> through C</t>
    </r>
    <r>
      <rPr>
        <vertAlign val="subscript"/>
        <sz val="7"/>
        <rFont val="Inherit"/>
        <family val="2"/>
      </rPr>
      <t>6</t>
    </r>
    <r>
      <rPr>
        <sz val="10"/>
        <rFont val="Inherit"/>
        <family val="2"/>
      </rPr>
      <t>. It consists of saturated and unsaturated hydrocarbons having carbon numbers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predominantly piperylenes.)</t>
    </r>
  </si>
  <si>
    <r>
      <t>(A complex combination of hydrocarbons obtained from the distillation of the butane stream. It consists of aliphatic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4</t>
    </r>
    <r>
      <rPr>
        <sz val="10"/>
        <rFont val="Inherit"/>
        <family val="2"/>
      </rPr>
      <t>.)</t>
    </r>
  </si>
  <si>
    <r>
      <t>Gases (petroleum), C</t>
    </r>
    <r>
      <rPr>
        <vertAlign val="subscript"/>
        <sz val="7"/>
        <rFont val="Inherit"/>
        <family val="2"/>
      </rPr>
      <t>2-3</t>
    </r>
    <r>
      <rPr>
        <sz val="10"/>
        <rFont val="Inherit"/>
        <family val="2"/>
      </rPr>
      <t>; Petroleum gas</t>
    </r>
  </si>
  <si>
    <r>
      <t>Gases (petroleum), catalytic-cracked gas oil depropaniser bottoms, C</t>
    </r>
    <r>
      <rPr>
        <vertAlign val="subscript"/>
        <sz val="7"/>
        <rFont val="Inherit"/>
        <family val="2"/>
      </rPr>
      <t>4</t>
    </r>
    <r>
      <rPr>
        <sz val="10"/>
        <rFont val="Inherit"/>
        <family val="2"/>
      </rPr>
      <t>-rich acid-free; Petroleum gas</t>
    </r>
  </si>
  <si>
    <r>
      <t>(A complex combination of hydrocarbons obtained from fractionation of catalytic cracked gas oil hydrocarbon stream and treated to remove hydrogen sulphide and other acidic components. It consists of hydrocarbons having carbon numbers in the range of C</t>
    </r>
    <r>
      <rPr>
        <vertAlign val="subscript"/>
        <sz val="7"/>
        <rFont val="Inherit"/>
        <family val="2"/>
      </rPr>
      <t>3</t>
    </r>
    <r>
      <rPr>
        <sz val="10"/>
        <rFont val="Inherit"/>
        <family val="2"/>
      </rPr>
      <t> through C</t>
    </r>
    <r>
      <rPr>
        <vertAlign val="subscript"/>
        <sz val="7"/>
        <rFont val="Inherit"/>
        <family val="2"/>
      </rPr>
      <t>5</t>
    </r>
    <r>
      <rPr>
        <sz val="10"/>
        <rFont val="Inherit"/>
        <family val="2"/>
      </rPr>
      <t>, predominantly C</t>
    </r>
    <r>
      <rPr>
        <vertAlign val="subscript"/>
        <sz val="7"/>
        <rFont val="Inherit"/>
        <family val="2"/>
      </rPr>
      <t>4</t>
    </r>
    <r>
      <rPr>
        <sz val="10"/>
        <rFont val="Inherit"/>
        <family val="2"/>
      </rPr>
      <t>.)</t>
    </r>
  </si>
  <si>
    <r>
      <t>Gases (petroleum), catalytic-cracked naphtha debutaniser bottoms, C</t>
    </r>
    <r>
      <rPr>
        <vertAlign val="subscript"/>
        <sz val="7"/>
        <rFont val="Inherit"/>
        <family val="2"/>
      </rPr>
      <t>3-5</t>
    </r>
    <r>
      <rPr>
        <sz val="10"/>
        <rFont val="Inherit"/>
        <family val="2"/>
      </rPr>
      <t>-rich; Petroleum gas</t>
    </r>
  </si>
  <si>
    <r>
      <t>(A complex combination of hydrocarbons obtained from the stabilisation of catalytic cracked naphtha. It consists of aliphatic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5</t>
    </r>
    <r>
      <rPr>
        <sz val="10"/>
        <rFont val="Inherit"/>
        <family val="2"/>
      </rPr>
      <t>.)</t>
    </r>
  </si>
  <si>
    <r>
      <t>(A complex combination of hydrocarbons obtained from the fractionation stabilisation products from isomerised naphtha. It consists predominantly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t>
    </r>
  </si>
  <si>
    <r>
      <t>E-glass microfibers of representative composition; [Calcium-aluminium-silicate fibres with random orientation with the following representative composition (% given by weight): SiO</t>
    </r>
    <r>
      <rPr>
        <vertAlign val="subscript"/>
        <sz val="7"/>
        <rFont val="Inherit"/>
        <family val="2"/>
      </rPr>
      <t>2</t>
    </r>
    <r>
      <rPr>
        <sz val="10"/>
        <rFont val="Inherit"/>
        <family val="2"/>
      </rPr>
      <t> 50,0-56,0 %, Al</t>
    </r>
    <r>
      <rPr>
        <vertAlign val="subscript"/>
        <sz val="7"/>
        <rFont val="Inherit"/>
        <family val="2"/>
      </rPr>
      <t>2</t>
    </r>
    <r>
      <rPr>
        <sz val="10"/>
        <rFont val="Inherit"/>
        <family val="2"/>
      </rPr>
      <t>O</t>
    </r>
    <r>
      <rPr>
        <vertAlign val="subscript"/>
        <sz val="7"/>
        <rFont val="Inherit"/>
        <family val="2"/>
      </rPr>
      <t>3</t>
    </r>
    <r>
      <rPr>
        <sz val="10"/>
        <rFont val="Inherit"/>
        <family val="2"/>
      </rPr>
      <t> 13,0-16,0 %, B</t>
    </r>
    <r>
      <rPr>
        <vertAlign val="subscript"/>
        <sz val="7"/>
        <rFont val="Inherit"/>
        <family val="2"/>
      </rPr>
      <t>2</t>
    </r>
    <r>
      <rPr>
        <sz val="10"/>
        <rFont val="Inherit"/>
        <family val="2"/>
      </rPr>
      <t>O</t>
    </r>
    <r>
      <rPr>
        <vertAlign val="subscript"/>
        <sz val="7"/>
        <rFont val="Inherit"/>
        <family val="2"/>
      </rPr>
      <t>3</t>
    </r>
    <r>
      <rPr>
        <sz val="10"/>
        <rFont val="Inherit"/>
        <family val="2"/>
      </rPr>
      <t> 5,8-10,0 %, Na</t>
    </r>
    <r>
      <rPr>
        <vertAlign val="subscript"/>
        <sz val="7"/>
        <rFont val="Inherit"/>
        <family val="2"/>
      </rPr>
      <t>2</t>
    </r>
    <r>
      <rPr>
        <sz val="10"/>
        <rFont val="Inherit"/>
        <family val="2"/>
      </rPr>
      <t>O &lt; 0,6 %, K</t>
    </r>
    <r>
      <rPr>
        <vertAlign val="subscript"/>
        <sz val="7"/>
        <rFont val="Inherit"/>
        <family val="2"/>
      </rPr>
      <t>2</t>
    </r>
    <r>
      <rPr>
        <sz val="10"/>
        <rFont val="Inherit"/>
        <family val="2"/>
      </rPr>
      <t>O &lt; 0,4 %, CaO 15,0-24,0 %, MgO &lt; 5,5 %, Fe</t>
    </r>
    <r>
      <rPr>
        <vertAlign val="subscript"/>
        <sz val="7"/>
        <rFont val="Inherit"/>
        <family val="2"/>
      </rPr>
      <t>2</t>
    </r>
    <r>
      <rPr>
        <sz val="10"/>
        <rFont val="Inherit"/>
        <family val="2"/>
      </rPr>
      <t>O</t>
    </r>
    <r>
      <rPr>
        <vertAlign val="subscript"/>
        <sz val="7"/>
        <rFont val="Inherit"/>
        <family val="2"/>
      </rPr>
      <t>3</t>
    </r>
    <r>
      <rPr>
        <sz val="10"/>
        <rFont val="Inherit"/>
        <family val="2"/>
      </rPr>
      <t> &lt; 0,5 %, F</t>
    </r>
    <r>
      <rPr>
        <vertAlign val="subscript"/>
        <sz val="7"/>
        <rFont val="Inherit"/>
        <family val="2"/>
      </rPr>
      <t>2</t>
    </r>
    <r>
      <rPr>
        <sz val="10"/>
        <rFont val="Inherit"/>
        <family val="2"/>
      </rPr>
      <t> &lt; 1,0 %. Process: typically produced by flame attenuation and rotary process. (Additional individual elements may be present at low levels; the process list does not preclude innovation).]</t>
    </r>
  </si>
  <si>
    <r>
      <t>Chromium (VI) compounds, with the exception of barium chromate and of compounds specified elsewhere in </t>
    </r>
    <r>
      <rPr>
        <b/>
        <sz val="10"/>
        <rFont val="Inherit"/>
        <family val="2"/>
      </rPr>
      <t>►M5</t>
    </r>
    <r>
      <rPr>
        <sz val="10"/>
        <rFont val="Inherit"/>
        <family val="2"/>
      </rPr>
      <t>   Annex VI to Regulation (EC) No 1272/2008</t>
    </r>
    <r>
      <rPr>
        <b/>
        <sz val="10"/>
        <rFont val="Inherit"/>
        <family val="2"/>
      </rPr>
      <t> ◄</t>
    </r>
  </si>
  <si>
    <r>
      <t>D </t>
    </r>
    <r>
      <rPr>
        <b/>
        <sz val="10"/>
        <rFont val="Inherit"/>
        <family val="2"/>
      </rPr>
      <t>►M5</t>
    </r>
    <r>
      <rPr>
        <sz val="10"/>
        <rFont val="Inherit"/>
        <family val="2"/>
      </rPr>
      <t>   —</t>
    </r>
    <r>
      <rPr>
        <b/>
        <sz val="10"/>
        <rFont val="Inherit"/>
        <family val="2"/>
      </rPr>
      <t> ◄</t>
    </r>
  </si>
  <si>
    <r>
      <t>Benzidine based azo dyes; 4,4'-diarylazobiphenyl dyes, with the exception of those specified elsewhere in </t>
    </r>
    <r>
      <rPr>
        <b/>
        <sz val="10"/>
        <rFont val="Inherit"/>
        <family val="2"/>
      </rPr>
      <t>►M5</t>
    </r>
    <r>
      <rPr>
        <sz val="10"/>
        <rFont val="Inherit"/>
        <family val="2"/>
      </rPr>
      <t>   Annex VI to Regulation (EC) No 1272/2008</t>
    </r>
    <r>
      <rPr>
        <b/>
        <sz val="10"/>
        <rFont val="Inherit"/>
        <family val="2"/>
      </rPr>
      <t> ◄</t>
    </r>
  </si>
  <si>
    <r>
      <t>o-Dianisidine based azo dyes; 4,4'-diarylazo-3,3'-dimethoxybiphenyl dyes with the exception of those mentioned elsewhere in </t>
    </r>
    <r>
      <rPr>
        <b/>
        <sz val="10"/>
        <rFont val="Inherit"/>
        <family val="2"/>
      </rPr>
      <t>►M5</t>
    </r>
    <r>
      <rPr>
        <sz val="10"/>
        <rFont val="Inherit"/>
        <family val="2"/>
      </rPr>
      <t>   Annex VI to Regulation (EC) No 1272/2008</t>
    </r>
    <r>
      <rPr>
        <b/>
        <sz val="10"/>
        <rFont val="Inherit"/>
        <family val="2"/>
      </rPr>
      <t> ◄</t>
    </r>
  </si>
  <si>
    <r>
      <t>o-Tolidine based dyes; 4,4'-diarylazo-3,3'-dimethylbiphenyl dyes, with the exception of those mentioned elsewhere in </t>
    </r>
    <r>
      <rPr>
        <b/>
        <sz val="10"/>
        <rFont val="Inherit"/>
        <family val="2"/>
      </rPr>
      <t>►M5</t>
    </r>
    <r>
      <rPr>
        <sz val="10"/>
        <rFont val="Inherit"/>
        <family val="2"/>
      </rPr>
      <t>   Annex VI to Regulation (EC) No 1272/2008</t>
    </r>
    <r>
      <rPr>
        <b/>
        <sz val="10"/>
        <rFont val="Inherit"/>
        <family val="2"/>
      </rPr>
      <t> ◄</t>
    </r>
  </si>
  <si>
    <r>
      <t>(A complex combination of hydrocarbons obtained by the distillation of coal tar. It consists of hydrocarbons having carbon numbers primarily in the range of C</t>
    </r>
    <r>
      <rPr>
        <vertAlign val="subscript"/>
        <sz val="7"/>
        <rFont val="Inherit"/>
        <family val="2"/>
      </rPr>
      <t>4</t>
    </r>
    <r>
      <rPr>
        <sz val="10"/>
        <rFont val="Inherit"/>
        <family val="2"/>
      </rPr>
      <t> to C</t>
    </r>
    <r>
      <rPr>
        <vertAlign val="subscript"/>
        <sz val="7"/>
        <rFont val="Inherit"/>
        <family val="2"/>
      </rPr>
      <t>10</t>
    </r>
    <r>
      <rPr>
        <sz val="10"/>
        <rFont val="Inherit"/>
        <family val="2"/>
      </rPr>
      <t> and distilling in the approximate range of 80 to 160 °C.)</t>
    </r>
  </si>
  <si>
    <r>
      <t>(The distillate from coke oven light oil having an approximate distillation range below 100 °C. Composed primarily of C</t>
    </r>
    <r>
      <rPr>
        <vertAlign val="subscript"/>
        <sz val="7"/>
        <rFont val="Inherit"/>
        <family val="2"/>
      </rPr>
      <t>4</t>
    </r>
    <r>
      <rPr>
        <sz val="10"/>
        <rFont val="Inherit"/>
        <family val="2"/>
      </rPr>
      <t> to C</t>
    </r>
    <r>
      <rPr>
        <vertAlign val="subscript"/>
        <sz val="7"/>
        <rFont val="Inherit"/>
        <family val="2"/>
      </rPr>
      <t>6</t>
    </r>
    <r>
      <rPr>
        <sz val="10"/>
        <rFont val="Inherit"/>
        <family val="2"/>
      </rPr>
      <t> aliphatic hydrocarbons.)</t>
    </r>
  </si>
  <si>
    <r>
      <t>Aromatic hydrocarbons, C</t>
    </r>
    <r>
      <rPr>
        <vertAlign val="subscript"/>
        <sz val="7"/>
        <rFont val="Inherit"/>
        <family val="2"/>
      </rPr>
      <t>6-10</t>
    </r>
    <r>
      <rPr>
        <sz val="10"/>
        <rFont val="Inherit"/>
        <family val="2"/>
      </rPr>
      <t>, C</t>
    </r>
    <r>
      <rPr>
        <vertAlign val="subscript"/>
        <sz val="7"/>
        <rFont val="Inherit"/>
        <family val="2"/>
      </rPr>
      <t>8</t>
    </r>
    <r>
      <rPr>
        <sz val="10"/>
        <rFont val="Inherit"/>
        <family val="2"/>
      </rPr>
      <t>-rich; Light oil redistillate, low boiling</t>
    </r>
  </si>
  <si>
    <r>
      <t>Aromatic hydrocarbons, C</t>
    </r>
    <r>
      <rPr>
        <vertAlign val="subscript"/>
        <sz val="7"/>
        <rFont val="Inherit"/>
        <family val="2"/>
      </rPr>
      <t>8</t>
    </r>
    <r>
      <rPr>
        <sz val="10"/>
        <rFont val="Inherit"/>
        <family val="2"/>
      </rPr>
      <t>; Light oil redistillate, high boiling</t>
    </r>
  </si>
  <si>
    <r>
      <t>Aromatic hydrocarbons, C</t>
    </r>
    <r>
      <rPr>
        <vertAlign val="subscript"/>
        <sz val="7"/>
        <rFont val="Inherit"/>
        <family val="2"/>
      </rPr>
      <t>8-9</t>
    </r>
    <r>
      <rPr>
        <sz val="10"/>
        <rFont val="Inherit"/>
        <family val="2"/>
      </rPr>
      <t>, hydrocarbon resin polymerisation by-product; Light oil redistillate, high boiling</t>
    </r>
  </si>
  <si>
    <r>
      <t>(A complex combination of hydrocarbons obtained from the evaporation of solvent under vacuum from polymerised hydrocarbon resin. It consists predominantly of aromatic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9</t>
    </r>
    <r>
      <rPr>
        <sz val="10"/>
        <rFont val="Inherit"/>
        <family val="2"/>
      </rPr>
      <t> and boiling in the range of approximately 120 to 215 °C.)</t>
    </r>
  </si>
  <si>
    <r>
      <t>Aromatic hydrocarbons, C</t>
    </r>
    <r>
      <rPr>
        <vertAlign val="subscript"/>
        <sz val="7"/>
        <rFont val="Inherit"/>
        <family val="2"/>
      </rPr>
      <t>9-12</t>
    </r>
    <r>
      <rPr>
        <sz val="10"/>
        <rFont val="Inherit"/>
        <family val="2"/>
      </rPr>
      <t>, benzene distillation; Light oil redistillate, high boiling</t>
    </r>
  </si>
  <si>
    <r>
      <t>(The first fraction from the distillation of aromatic hydrocarbons, coumarone, naphthalene and indene rich prefactionator bottoms or washed carbolic oil boiling substantially below 145 °C. Composed primarily of C</t>
    </r>
    <r>
      <rPr>
        <vertAlign val="subscript"/>
        <sz val="7"/>
        <rFont val="Inherit"/>
        <family val="2"/>
      </rPr>
      <t>7</t>
    </r>
    <r>
      <rPr>
        <sz val="10"/>
        <rFont val="Inherit"/>
        <family val="2"/>
      </rPr>
      <t> and C</t>
    </r>
    <r>
      <rPr>
        <vertAlign val="subscript"/>
        <sz val="7"/>
        <rFont val="Inherit"/>
        <family val="2"/>
      </rPr>
      <t>8</t>
    </r>
    <r>
      <rPr>
        <sz val="10"/>
        <rFont val="Inherit"/>
        <family val="2"/>
      </rPr>
      <t> aliphatic and aromatic hydrocarbons.)</t>
    </r>
  </si>
  <si>
    <r>
      <t>(A complex combination of hydrocarbons obtained by the treatment of lignite carbonisation tar with activated carbon for removal of trace constituents and impurities. It consists predominantly of saturated straight and branched chain hydrocarbons having carbon numbers predominantly greater than C</t>
    </r>
    <r>
      <rPr>
        <vertAlign val="subscript"/>
        <sz val="7"/>
        <rFont val="Inherit"/>
        <family val="2"/>
      </rPr>
      <t>12</t>
    </r>
    <r>
      <rPr>
        <sz val="10"/>
        <rFont val="Inherit"/>
        <family val="2"/>
      </rPr>
      <t>.)</t>
    </r>
  </si>
  <si>
    <r>
      <t>(A complex combination of hydrocarbons obtained by the treatment of lignite carbonisation tar with bentonite for removal of trace constituents and impurities. It consists predominantly of saturated straight and branched chain hydrocarbons having carbon numbers predominantly greater than C</t>
    </r>
    <r>
      <rPr>
        <vertAlign val="subscript"/>
        <sz val="7"/>
        <rFont val="Inherit"/>
        <family val="2"/>
      </rPr>
      <t>12</t>
    </r>
    <r>
      <rPr>
        <sz val="10"/>
        <rFont val="Inherit"/>
        <family val="2"/>
      </rPr>
      <t>.)</t>
    </r>
  </si>
  <si>
    <r>
      <t>(A complex combination of hydrocarbons obtained from lignite carbonisation tar by solvent crystallisation (solvent deoiling), by sweating or an adducting process. It consists predominantly of straight and branched chain saturated hydrocarbons having carbon numbers predominantly greater than C</t>
    </r>
    <r>
      <rPr>
        <vertAlign val="subscript"/>
        <sz val="7"/>
        <rFont val="Inherit"/>
        <family val="2"/>
      </rPr>
      <t>12</t>
    </r>
    <r>
      <rPr>
        <sz val="10"/>
        <rFont val="Inherit"/>
        <family val="2"/>
      </rPr>
      <t>.)</t>
    </r>
  </si>
  <si>
    <r>
      <t>(A complex combination of hydrocarbons obtained from lignite carbonisation tar by solvent crystallisation (solvent deoiling), by sweating or an adducting process treated with hydrogen in the presence of a catalyst. It consists predominantly of straight and branched chain saturated hydrocarbons having carbon numbers predominantly greater than C</t>
    </r>
    <r>
      <rPr>
        <vertAlign val="subscript"/>
        <sz val="7"/>
        <rFont val="Inherit"/>
        <family val="2"/>
      </rPr>
      <t>12</t>
    </r>
    <r>
      <rPr>
        <sz val="10"/>
        <rFont val="Inherit"/>
        <family val="2"/>
      </rPr>
      <t>.)</t>
    </r>
  </si>
  <si>
    <r>
      <t>(A complex combination of hydrocarbons obtained by the treatment of lignite carbonisation tar with silicic acid for removal of trace constituents and impurities. It consists predominantly of saturated straight and branched chain hydrocarbons having carbon numbers predominantly greater than C</t>
    </r>
    <r>
      <rPr>
        <vertAlign val="subscript"/>
        <sz val="7"/>
        <rFont val="Inherit"/>
        <family val="2"/>
      </rPr>
      <t>12</t>
    </r>
    <r>
      <rPr>
        <sz val="10"/>
        <rFont val="Inherit"/>
        <family val="2"/>
      </rPr>
      <t>.)</t>
    </r>
  </si>
  <si>
    <r>
      <t>Aromatic hydrocarbons, C</t>
    </r>
    <r>
      <rPr>
        <vertAlign val="subscript"/>
        <sz val="7"/>
        <rFont val="Inherit"/>
        <family val="2"/>
      </rPr>
      <t>20-28</t>
    </r>
    <r>
      <rPr>
        <sz val="10"/>
        <rFont val="Inherit"/>
        <family val="2"/>
      </rPr>
      <t>, polycyclic, mixed coal-tar pitch-polyethylene-polypropylene pyrolysis-derived; Pyrolysis products</t>
    </r>
  </si>
  <si>
    <r>
      <t>(A complex combination of hydrocarbons obtained from mixed coal tar pitch-polyethylene-polypropylene pyrolysis. Composed primarily of polycyclic aromatic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28</t>
    </r>
    <r>
      <rPr>
        <sz val="10"/>
        <rFont val="Inherit"/>
        <family val="2"/>
      </rPr>
      <t> and having a softening point of 100 to 220 °C according to DIN 52025.)</t>
    </r>
  </si>
  <si>
    <r>
      <t>Aromatic hydrocarbons, C</t>
    </r>
    <r>
      <rPr>
        <vertAlign val="subscript"/>
        <sz val="7"/>
        <rFont val="Inherit"/>
        <family val="2"/>
      </rPr>
      <t>20-28</t>
    </r>
    <r>
      <rPr>
        <sz val="10"/>
        <rFont val="Inherit"/>
        <family val="2"/>
      </rPr>
      <t>, polycyclic, mixed coal-tar pitch-polyethylene pyrolysis-derived; Pyrolysis products</t>
    </r>
  </si>
  <si>
    <r>
      <t>(A complex combination of hydrocarbons obtained from mixed coal tar pitch-polyethylene pyrolysis. Composed primarily of polycyclic aromatic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28</t>
    </r>
    <r>
      <rPr>
        <sz val="10"/>
        <rFont val="Inherit"/>
        <family val="2"/>
      </rPr>
      <t> and having a softening point of 100 to 220 °C according to DIN 52025.)</t>
    </r>
  </si>
  <si>
    <r>
      <t>Aromatic hydrocarbons, C</t>
    </r>
    <r>
      <rPr>
        <vertAlign val="subscript"/>
        <sz val="7"/>
        <rFont val="Inherit"/>
        <family val="2"/>
      </rPr>
      <t>20-28</t>
    </r>
    <r>
      <rPr>
        <sz val="10"/>
        <rFont val="Inherit"/>
        <family val="2"/>
      </rPr>
      <t>, polycyclic, mixed coal-tar pitch-polystyrene pyrolysis-derived; Pyrolysis products</t>
    </r>
  </si>
  <si>
    <r>
      <t>(A complex combination of hydrocarbons obtained from mixed coal tar pitch-polystyrene pyrolysis. Composed primarily of polycyclic aromatic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28</t>
    </r>
    <r>
      <rPr>
        <sz val="10"/>
        <rFont val="Inherit"/>
        <family val="2"/>
      </rPr>
      <t> and having a softening point of 100 to 220 °C according to DIN 52025.)</t>
    </r>
  </si>
  <si>
    <r>
      <t>(The product obtained by treatment of coal tar oil alkaline extract with CO</t>
    </r>
    <r>
      <rPr>
        <vertAlign val="subscript"/>
        <sz val="7"/>
        <rFont val="Inherit"/>
        <family val="2"/>
      </rPr>
      <t>2</t>
    </r>
    <r>
      <rPr>
        <sz val="10"/>
        <rFont val="Inherit"/>
        <family val="2"/>
      </rPr>
      <t> and CaO. Composed primarily of CaCO</t>
    </r>
    <r>
      <rPr>
        <vertAlign val="subscript"/>
        <sz val="7"/>
        <rFont val="Inherit"/>
        <family val="2"/>
      </rPr>
      <t>3</t>
    </r>
    <r>
      <rPr>
        <sz val="10"/>
        <rFont val="Inherit"/>
        <family val="2"/>
      </rPr>
      <t>, Ca(OH)</t>
    </r>
    <r>
      <rPr>
        <vertAlign val="subscript"/>
        <sz val="7"/>
        <rFont val="Inherit"/>
        <family val="2"/>
      </rPr>
      <t>2</t>
    </r>
    <r>
      <rPr>
        <sz val="10"/>
        <rFont val="Inherit"/>
        <family val="2"/>
      </rPr>
      <t>, Na</t>
    </r>
    <r>
      <rPr>
        <vertAlign val="subscript"/>
        <sz val="7"/>
        <rFont val="Inherit"/>
        <family val="2"/>
      </rPr>
      <t>2</t>
    </r>
    <r>
      <rPr>
        <sz val="10"/>
        <rFont val="Inherit"/>
        <family val="2"/>
      </rPr>
      <t>CO</t>
    </r>
    <r>
      <rPr>
        <vertAlign val="subscript"/>
        <sz val="7"/>
        <rFont val="Inherit"/>
        <family val="2"/>
      </rPr>
      <t>3</t>
    </r>
    <r>
      <rPr>
        <sz val="10"/>
        <rFont val="Inherit"/>
        <family val="2"/>
      </rPr>
      <t> and other organic and inorganic impurities.)</t>
    </r>
  </si>
  <si>
    <r>
      <t>(A complex combination of organic compounds obtained from brown coal gasification. Composed primarily of C</t>
    </r>
    <r>
      <rPr>
        <vertAlign val="subscript"/>
        <sz val="7"/>
        <rFont val="Inherit"/>
        <family val="2"/>
      </rPr>
      <t>6-10</t>
    </r>
    <r>
      <rPr>
        <sz val="10"/>
        <rFont val="Inherit"/>
        <family val="2"/>
      </rPr>
      <t> hydroxy aromatic phenols and their homologs.)</t>
    </r>
  </si>
  <si>
    <r>
      <t>(A residue from the distillation of crude phenol from coal. It consists predominantly of phenols having carbon numbers in the range of C</t>
    </r>
    <r>
      <rPr>
        <vertAlign val="subscript"/>
        <sz val="7"/>
        <rFont val="Inherit"/>
        <family val="2"/>
      </rPr>
      <t>8</t>
    </r>
    <r>
      <rPr>
        <sz val="10"/>
        <rFont val="Inherit"/>
        <family val="2"/>
      </rPr>
      <t> through C</t>
    </r>
    <r>
      <rPr>
        <vertAlign val="subscript"/>
        <sz val="7"/>
        <rFont val="Inherit"/>
        <family val="2"/>
      </rPr>
      <t>10</t>
    </r>
    <r>
      <rPr>
        <sz val="10"/>
        <rFont val="Inherit"/>
        <family val="2"/>
      </rPr>
      <t> with a softening point of 60 to 80 °C.)</t>
    </r>
  </si>
  <si>
    <r>
      <t>Phenols, C</t>
    </r>
    <r>
      <rPr>
        <vertAlign val="subscript"/>
        <sz val="7"/>
        <rFont val="Inherit"/>
        <family val="2"/>
      </rPr>
      <t>9-11</t>
    </r>
    <r>
      <rPr>
        <sz val="10"/>
        <rFont val="Inherit"/>
        <family val="2"/>
      </rPr>
      <t>; Distillate phenols</t>
    </r>
  </si>
  <si>
    <r>
      <t>Tar acids, brown-coal, C</t>
    </r>
    <r>
      <rPr>
        <vertAlign val="subscript"/>
        <sz val="7"/>
        <rFont val="Inherit"/>
        <family val="2"/>
      </rPr>
      <t>2</t>
    </r>
    <r>
      <rPr>
        <sz val="10"/>
        <rFont val="Inherit"/>
        <family val="2"/>
      </rPr>
      <t>-alkylphenol fraction; Distillate phenols</t>
    </r>
  </si>
  <si>
    <r>
      <t>(The liquid product of condensation of vapours emitted during the digestion of coal in a liquid solvent and boiling in the range of approximately 30 to 300 °C. Composed primarily of partly hydrogenated condensed-ring aromatic hydrocarbons, aromatic compounds containing nitrogen, oxygen and sulfur, and their alkyl derivatives having carbon numbers predominantly in the range of C</t>
    </r>
    <r>
      <rPr>
        <vertAlign val="subscript"/>
        <sz val="7"/>
        <rFont val="Inherit"/>
        <family val="2"/>
      </rPr>
      <t>4</t>
    </r>
    <r>
      <rPr>
        <sz val="10"/>
        <rFont val="Inherit"/>
        <family val="2"/>
      </rPr>
      <t> through C</t>
    </r>
    <r>
      <rPr>
        <vertAlign val="subscript"/>
        <sz val="7"/>
        <rFont val="Inherit"/>
        <family val="2"/>
      </rPr>
      <t>14</t>
    </r>
    <r>
      <rPr>
        <sz val="10"/>
        <rFont val="Inherit"/>
        <family val="2"/>
      </rPr>
      <t>.)</t>
    </r>
  </si>
  <si>
    <r>
      <t>(Distillate obtained by hydrocracking of coal extract or solution produced by the liquid solvent extraction or supercritical gas extraction process and boiling in the range of approximately 30 to 300 °C. Composed primarily of aromatic, hydrogenated aromatic and naphthenic compounds, their alkyl derivatives and alkanes with carbon numbers predominantly in the range of C</t>
    </r>
    <r>
      <rPr>
        <vertAlign val="subscript"/>
        <sz val="7"/>
        <rFont val="Inherit"/>
        <family val="2"/>
      </rPr>
      <t>4</t>
    </r>
    <r>
      <rPr>
        <sz val="10"/>
        <rFont val="Inherit"/>
        <family val="2"/>
      </rPr>
      <t> through C</t>
    </r>
    <r>
      <rPr>
        <vertAlign val="subscript"/>
        <sz val="7"/>
        <rFont val="Inherit"/>
        <family val="2"/>
      </rPr>
      <t>14</t>
    </r>
    <r>
      <rPr>
        <sz val="10"/>
        <rFont val="Inherit"/>
        <family val="2"/>
      </rPr>
      <t>. Nitrogen, sulfur and oxygen-containing aromatic and hydrogenated aromatic compounds are also present.)</t>
    </r>
  </si>
  <si>
    <r>
      <t>(Fraction of the distillate obtained by hydrocracking of coal extract or solution produced by the liquid solvent extraction or supercritical gas extraction processes and boiling in the range of approximately 30 to 180 °C. Composed primarily of aromatic, hydrogenated aromatic and naphthenic compounds, their alkyl derivatives and alkanes with carbon numbers predominantly in the range of C</t>
    </r>
    <r>
      <rPr>
        <vertAlign val="subscript"/>
        <sz val="7"/>
        <rFont val="Inherit"/>
        <family val="2"/>
      </rPr>
      <t>4</t>
    </r>
    <r>
      <rPr>
        <sz val="10"/>
        <rFont val="Inherit"/>
        <family val="2"/>
      </rPr>
      <t> to C</t>
    </r>
    <r>
      <rPr>
        <vertAlign val="subscript"/>
        <sz val="7"/>
        <rFont val="Inherit"/>
        <family val="2"/>
      </rPr>
      <t>9</t>
    </r>
    <r>
      <rPr>
        <sz val="10"/>
        <rFont val="Inherit"/>
        <family val="2"/>
      </rPr>
      <t>. Nitrogen, sulfur and oxygen-containing aromatic and hydrogenated aromatic compounds are also present.)</t>
    </r>
  </si>
  <si>
    <r>
      <t>(Motor fuel produced by the reforming of the refined naphtha fraction of the products of hydrocracking of coal extract or solution produced by the liquid solvent extraction or supercritical gas extraction processes and boiling in the range of approximately 30 to 180 °C. Composed primarily of aromatic and naphthenic hydrocarbons, their alkyl derivatives and alkyl hydrocarbons having carbon numbers in the range of C</t>
    </r>
    <r>
      <rPr>
        <vertAlign val="subscript"/>
        <sz val="7"/>
        <rFont val="Inherit"/>
        <family val="2"/>
      </rPr>
      <t>4</t>
    </r>
    <r>
      <rPr>
        <sz val="10"/>
        <rFont val="Inherit"/>
        <family val="2"/>
      </rPr>
      <t> through C</t>
    </r>
    <r>
      <rPr>
        <vertAlign val="subscript"/>
        <sz val="7"/>
        <rFont val="Inherit"/>
        <family val="2"/>
      </rPr>
      <t>9</t>
    </r>
    <r>
      <rPr>
        <sz val="10"/>
        <rFont val="Inherit"/>
        <family val="2"/>
      </rPr>
      <t>.)</t>
    </r>
  </si>
  <si>
    <r>
      <t>(Distillate obtained from the hydrocracking of coal extract or solution produced by the liquid solvent extraction or supercritical gas extraction processes and boiling in the range of approximately 180 to 300 °C. Composed primarily of two-ring aromatic, hydrogenated aromatic and naphthenic compounds, their alkyl derivatives and alkanes having carbon numbers predominantly in the range of C</t>
    </r>
    <r>
      <rPr>
        <vertAlign val="subscript"/>
        <sz val="7"/>
        <rFont val="Inherit"/>
        <family val="2"/>
      </rPr>
      <t>9</t>
    </r>
    <r>
      <rPr>
        <sz val="10"/>
        <rFont val="Inherit"/>
        <family val="2"/>
      </rPr>
      <t> through C</t>
    </r>
    <r>
      <rPr>
        <vertAlign val="subscript"/>
        <sz val="7"/>
        <rFont val="Inherit"/>
        <family val="2"/>
      </rPr>
      <t>14</t>
    </r>
    <r>
      <rPr>
        <sz val="10"/>
        <rFont val="Inherit"/>
        <family val="2"/>
      </rPr>
      <t>. Nitrogen, sulfur and oxygen-containing compounds are also present.)</t>
    </r>
  </si>
  <si>
    <r>
      <t>(Distillate from the hydrogenation of hydrocracked middle distillate from coal extract or solution produced by the liquid solvent extraction or supercritical gas extraction processes and boiling in the range of approximately 180 to 280 °C. Composed primarily of hydrogenated two-ring carbon compounds and their alkyl derivatives having carbon numbers predominantly in the range of C</t>
    </r>
    <r>
      <rPr>
        <vertAlign val="subscript"/>
        <sz val="7"/>
        <rFont val="Inherit"/>
        <family val="2"/>
      </rPr>
      <t>9</t>
    </r>
    <r>
      <rPr>
        <sz val="10"/>
        <rFont val="Inherit"/>
        <family val="2"/>
      </rPr>
      <t> through C</t>
    </r>
    <r>
      <rPr>
        <vertAlign val="subscript"/>
        <sz val="7"/>
        <rFont val="Inherit"/>
        <family val="2"/>
      </rPr>
      <t>14</t>
    </r>
    <r>
      <rPr>
        <sz val="10"/>
        <rFont val="Inherit"/>
        <family val="2"/>
      </rPr>
      <t>.)</t>
    </r>
  </si>
  <si>
    <r>
      <t>(The volatile organic liquid condensed from the gas evolved in the low temperature (less than 700 °C) destructive distillation of coal. Composed primarily of C</t>
    </r>
    <r>
      <rPr>
        <vertAlign val="subscript"/>
        <sz val="7"/>
        <rFont val="Inherit"/>
        <family val="2"/>
      </rPr>
      <t>6-10</t>
    </r>
    <r>
      <rPr>
        <sz val="10"/>
        <rFont val="Inherit"/>
        <family val="2"/>
      </rPr>
      <t> hydrocarbons.)</t>
    </r>
  </si>
  <si>
    <r>
      <t>Hydrocarbons C</t>
    </r>
    <r>
      <rPr>
        <vertAlign val="subscript"/>
        <sz val="7"/>
        <rFont val="Inherit"/>
        <family val="2"/>
      </rPr>
      <t>26-55</t>
    </r>
    <r>
      <rPr>
        <sz val="10"/>
        <rFont val="Inherit"/>
        <family val="2"/>
      </rPr>
      <t>, arom.-rich</t>
    </r>
  </si>
  <si>
    <r>
      <t>(A complex residuum from the atmospheric distillation of crude oil. It consists of hydrocarbons having carbon numbers predominantly greater than C</t>
    </r>
    <r>
      <rPr>
        <vertAlign val="subscript"/>
        <sz val="7"/>
        <rFont val="Inherit"/>
        <family val="2"/>
      </rPr>
      <t>20</t>
    </r>
    <r>
      <rPr>
        <sz val="10"/>
        <rFont val="Inherit"/>
        <family val="2"/>
      </rPr>
      <t> and boiling above approximately 350 °C. This stream is likely to contain 5 wt % or more of four- to six-membered condensed ring aromatic hydrocarbons.)</t>
    </r>
  </si>
  <si>
    <r>
      <t>(A complex combination of hydrocarbons produced by the vacuum distillation of the residuum from atmospheric distillation of crude oil.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boiling in the range of approximately 350 to 600 °C. This stream is likely to contain 5 wt % more of four- to six-membered condensed ring aromatic hydrocarbons.)</t>
    </r>
  </si>
  <si>
    <r>
      <t>(A complex combination of hydrocarbons produced by the distillation of products from a catalytic cracking process.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5</t>
    </r>
    <r>
      <rPr>
        <sz val="10"/>
        <rFont val="Inherit"/>
        <family val="2"/>
      </rPr>
      <t> and boiling in the range of approximately 260 to 500 °C. This stream is likely to contain 5 wt % or more of four- to six-membered condensed ring aromatic hydrocarbons.)</t>
    </r>
  </si>
  <si>
    <r>
      <t>(A complex combination of hydrocarbons produced as the residual fraction from distillation of the products from a catalytic cracking process. It consists of hydrocarbons having carbon numbers predominantly greater than C</t>
    </r>
    <r>
      <rPr>
        <vertAlign val="subscript"/>
        <sz val="7"/>
        <rFont val="Inherit"/>
        <family val="2"/>
      </rPr>
      <t>20</t>
    </r>
    <r>
      <rPr>
        <sz val="10"/>
        <rFont val="Inherit"/>
        <family val="2"/>
      </rPr>
      <t> and boiling above approximately 350 °C. This stream is likely to contain 5 wt % or more of four- to six-membered condensed ring aromatic hydrocarbons.)</t>
    </r>
  </si>
  <si>
    <r>
      <t>(A complex combination of hydrocarbons produced as the residual fraction from distillation of the products of a hydrocracking process. It consists of hydrocarbons having carbon numbers predominantly greater than C</t>
    </r>
    <r>
      <rPr>
        <vertAlign val="subscript"/>
        <sz val="7"/>
        <rFont val="Inherit"/>
        <family val="2"/>
      </rPr>
      <t>20</t>
    </r>
    <r>
      <rPr>
        <sz val="10"/>
        <rFont val="Inherit"/>
        <family val="2"/>
      </rPr>
      <t> and boiling above approximately 350 °C.)</t>
    </r>
  </si>
  <si>
    <r>
      <t>(A complex combination of hydrocarbons produced as the residual fraction from distillation of the product from a thermal cracking process. It consists predominantly of unsaturated hydrocarbons having carbon numbers predominantly greater than C</t>
    </r>
    <r>
      <rPr>
        <vertAlign val="subscript"/>
        <sz val="7"/>
        <rFont val="Inherit"/>
        <family val="2"/>
      </rPr>
      <t>20</t>
    </r>
    <r>
      <rPr>
        <sz val="10"/>
        <rFont val="Inherit"/>
        <family val="2"/>
      </rPr>
      <t> and boiling above approximately 350 °C. This stream is likely to contain 5 wt % or more of 4- to 6-membered condensed ring aromatic hydrocarbons.)</t>
    </r>
  </si>
  <si>
    <r>
      <t>(A complex combination of hydrocarbons from the distillation of the products from a thermal cracking process. It consists predominantly of unsaturated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6</t>
    </r>
    <r>
      <rPr>
        <sz val="10"/>
        <rFont val="Inherit"/>
        <family val="2"/>
      </rPr>
      <t> and boiling in the range of approximately 260 to 480 °C. This stream is likely to contain 5 wt % or more or four- to six-membered condensed ring aromatic hydrocarbons.)</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13</t>
    </r>
    <r>
      <rPr>
        <sz val="10"/>
        <rFont val="Inherit"/>
        <family val="2"/>
      </rPr>
      <t> through C</t>
    </r>
    <r>
      <rPr>
        <vertAlign val="subscript"/>
        <sz val="7"/>
        <rFont val="Inherit"/>
        <family val="2"/>
      </rPr>
      <t>50</t>
    </r>
    <r>
      <rPr>
        <sz val="10"/>
        <rFont val="Inherit"/>
        <family val="2"/>
      </rPr>
      <t> and boiling in the range of approximately 230 to 600 °C. This stream is likely to contain 5 wt % or more of four- to six-membered condensed ring aromatic hydrocarbons.)</t>
    </r>
  </si>
  <si>
    <r>
      <t>(A complex combination of hydrocarbons obtained by treating an atmospheric tower residuum with hydrogen in the presence of a catalyst under conditions primarily to remove organic sulfur compounds. It consists of hydrocarbons having carbon numbers predominantly greater than C</t>
    </r>
    <r>
      <rPr>
        <vertAlign val="subscript"/>
        <sz val="7"/>
        <rFont val="Inherit"/>
        <family val="2"/>
      </rPr>
      <t>20</t>
    </r>
    <r>
      <rPr>
        <sz val="10"/>
        <rFont val="Inherit"/>
        <family val="2"/>
      </rPr>
      <t> and boiling above approximately 350 °C. This stream is likely to contain 5 wt % or more of four- to six-membered condensed ring aromatic hydrocarbons.)</t>
    </r>
  </si>
  <si>
    <r>
      <t>(A complex combination of hydrocarbons obtained from a catalytic hydrodesulphurisation process.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boiling in the range of approximately 350 to 600 °C. This stream is likely to contain 5 wt % or more of four- to six-membered condensed ring aromatic hydrocarbons.)</t>
    </r>
  </si>
  <si>
    <r>
      <t>(A complex combination of hydrocarbons obtained as the residual fraction from the distillation of the products of a steam cracking process (including steam cracking to produce ethylene). It consists predominantly of unsaturated hydrocarbons having carbon numbers predominantly greater than C</t>
    </r>
    <r>
      <rPr>
        <vertAlign val="subscript"/>
        <sz val="7"/>
        <rFont val="Inherit"/>
        <family val="2"/>
      </rPr>
      <t>14</t>
    </r>
    <r>
      <rPr>
        <sz val="10"/>
        <rFont val="Inherit"/>
        <family val="2"/>
      </rPr>
      <t> and boiling above approximately 260 °C. This stream is likely to contain 5 wt % or more of four- to six-membered condensed ring aromatic hydrocarbons.)</t>
    </r>
  </si>
  <si>
    <r>
      <t>(A complex residuum from atmospheric distillation of crude oil. It consists of hydrocarbons having carbon numbers predominantly greater than C</t>
    </r>
    <r>
      <rPr>
        <vertAlign val="subscript"/>
        <sz val="7"/>
        <rFont val="Inherit"/>
        <family val="2"/>
      </rPr>
      <t>11</t>
    </r>
    <r>
      <rPr>
        <sz val="10"/>
        <rFont val="Inherit"/>
        <family val="2"/>
      </rPr>
      <t> and boiling above approximately 200 °C. This stream is likely to contain 5 wt % or more of four- to six-membered condensed ring aromatic hydrocarbons.)</t>
    </r>
  </si>
  <si>
    <r>
      <t>(A complex combination of hydrocarbons obtained by treating catalytic cracked clarified oil with hydrogen to convert organic sulfur to hydrogen sulfide which is removed. It consists of hydrocarbons having carbon numbers predominantly greater than C</t>
    </r>
    <r>
      <rPr>
        <vertAlign val="subscript"/>
        <sz val="7"/>
        <rFont val="Inherit"/>
        <family val="2"/>
      </rPr>
      <t>20</t>
    </r>
    <r>
      <rPr>
        <sz val="10"/>
        <rFont val="Inherit"/>
        <family val="2"/>
      </rPr>
      <t> and boiling above approximately 350 °C. This stream is likely to contain 5 wt % or more of four- to six-membered condensed ring aromatic hydrocarbons.)</t>
    </r>
  </si>
  <si>
    <r>
      <t>(A complex combination of hydrocarbons obtained by treating intermediate catalytic cracked distillates with hydrogen to convert organic sulfur to hydrogen sulfide which is removed. It consists of hydrocarbons having carbon numbers predominantly in the range of C</t>
    </r>
    <r>
      <rPr>
        <vertAlign val="subscript"/>
        <sz val="7"/>
        <rFont val="Inherit"/>
        <family val="2"/>
      </rPr>
      <t>11</t>
    </r>
    <r>
      <rPr>
        <sz val="10"/>
        <rFont val="Inherit"/>
        <family val="2"/>
      </rPr>
      <t> through C</t>
    </r>
    <r>
      <rPr>
        <vertAlign val="subscript"/>
        <sz val="7"/>
        <rFont val="Inherit"/>
        <family val="2"/>
      </rPr>
      <t>30</t>
    </r>
    <r>
      <rPr>
        <sz val="10"/>
        <rFont val="Inherit"/>
        <family val="2"/>
      </rPr>
      <t> and boiling in the range of approximately 205 to 450 °C. It contains a relatively large proportion of tricyclic aromatic hydrocarbons.)</t>
    </r>
  </si>
  <si>
    <r>
      <t>(A complex combination of hydrocarbons obtained by treatment of heavy catalytic cracked distillates with hydrogen to convert organic sulfur to hydrogen sulfide which is removed.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5</t>
    </r>
    <r>
      <rPr>
        <sz val="10"/>
        <rFont val="Inherit"/>
        <family val="2"/>
      </rPr>
      <t> and boiling in the range of approximately 260 to 500 °C. This stream is likely to contain 5 wt % or more of four- to six-membered condensed ring aromatic hydrocarbons.)</t>
    </r>
  </si>
  <si>
    <r>
      <t>(A complex combination of hydrocarbons produced as the residual fraction from the distillation of heavy coker gas oil and vacuum gas oil. It predominantly consists of hydrocarbons having carbon numbers predominantly greater than C</t>
    </r>
    <r>
      <rPr>
        <vertAlign val="subscript"/>
        <sz val="7"/>
        <rFont val="Inherit"/>
        <family val="2"/>
      </rPr>
      <t>13</t>
    </r>
    <r>
      <rPr>
        <sz val="10"/>
        <rFont val="Inherit"/>
        <family val="2"/>
      </rPr>
      <t> and boiling above approximately 230 °C.)</t>
    </r>
  </si>
  <si>
    <r>
      <t>(A complex combination of hydrocarbons produced as the residual fraction from the distillation of heavy coker gas oil and light vacuum gas oil. It consists predominantly of hydrocarbons having carbon numbers predominantly greater than C</t>
    </r>
    <r>
      <rPr>
        <vertAlign val="subscript"/>
        <sz val="7"/>
        <rFont val="Inherit"/>
        <family val="2"/>
      </rPr>
      <t>13</t>
    </r>
    <r>
      <rPr>
        <sz val="10"/>
        <rFont val="Inherit"/>
        <family val="2"/>
      </rPr>
      <t> and boiling above approximately 230 °C.)</t>
    </r>
  </si>
  <si>
    <r>
      <t>(A complex residuum from the vacuum distillation of the residuum from the atmospheric distillation of crude oil. It consists of hydrocarbons having carbon numbers predominantly greater than C</t>
    </r>
    <r>
      <rPr>
        <vertAlign val="subscript"/>
        <sz val="7"/>
        <rFont val="Inherit"/>
        <family val="2"/>
      </rPr>
      <t>13</t>
    </r>
    <r>
      <rPr>
        <sz val="10"/>
        <rFont val="Inherit"/>
        <family val="2"/>
      </rPr>
      <t> and boiling above approximately 230 °C.)</t>
    </r>
  </si>
  <si>
    <r>
      <t>(A complex residuum from the distillation of the products from a steam-cracking process. It consists predominantly of aromatic and unsaturated hydrocarbons having carbon numbers greater than C</t>
    </r>
    <r>
      <rPr>
        <vertAlign val="subscript"/>
        <sz val="7"/>
        <rFont val="Inherit"/>
        <family val="2"/>
      </rPr>
      <t>7</t>
    </r>
    <r>
      <rPr>
        <sz val="10"/>
        <rFont val="Inherit"/>
        <family val="2"/>
      </rPr>
      <t> and boiling in the range of approximately 101 to 555 °C.)</t>
    </r>
  </si>
  <si>
    <r>
      <t>(A distillate oil having a minimum viscosity of 197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37,7  °C to a maximum of 197 10</t>
    </r>
    <r>
      <rPr>
        <vertAlign val="superscript"/>
        <sz val="7"/>
        <rFont val="Inherit"/>
        <family val="2"/>
      </rPr>
      <t>-5</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37,7  °C.)</t>
    </r>
  </si>
  <si>
    <r>
      <t>(A complex combination of hydrocarbons obtained by the distillation of crude oil. It consists of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35</t>
    </r>
    <r>
      <rPr>
        <sz val="10"/>
        <rFont val="Inherit"/>
        <family val="2"/>
      </rPr>
      <t> and boiling in the range of approximately 121 to 510 °C.)</t>
    </r>
  </si>
  <si>
    <r>
      <t>(A very complex combination of hydrocarbons produced as the residual fraction from the distillation of vacuum residuum and the products from a thermal cracking process. It consists predominantly of hydrocarbons having carbon numbers predominantly greater than C</t>
    </r>
    <r>
      <rPr>
        <vertAlign val="subscript"/>
        <sz val="7"/>
        <rFont val="Inherit"/>
        <family val="2"/>
      </rPr>
      <t>20</t>
    </r>
    <r>
      <rPr>
        <sz val="10"/>
        <rFont val="Inherit"/>
        <family val="2"/>
      </rPr>
      <t> and boiling above approximately 350 °C. This stream is likely to contain 5 wt % or more of four- to six-membered condensed ring aromatic hydrocarbons.)</t>
    </r>
  </si>
  <si>
    <r>
      <t>(A complex combination of hydrocarbons produced by the vacuum distillation of the residuum from atmospheric distillation of crude oil. It consists of hydrocarbons having carbon numbers predominantly in the range of C</t>
    </r>
    <r>
      <rPr>
        <vertAlign val="subscript"/>
        <sz val="7"/>
        <rFont val="Inherit"/>
        <family val="2"/>
      </rPr>
      <t>14</t>
    </r>
    <r>
      <rPr>
        <sz val="10"/>
        <rFont val="Inherit"/>
        <family val="2"/>
      </rPr>
      <t> through C</t>
    </r>
    <r>
      <rPr>
        <vertAlign val="subscript"/>
        <sz val="7"/>
        <rFont val="Inherit"/>
        <family val="2"/>
      </rPr>
      <t>42</t>
    </r>
    <r>
      <rPr>
        <sz val="10"/>
        <rFont val="Inherit"/>
        <family val="2"/>
      </rPr>
      <t> and boiling in the range of approximately 250 to 545 °C. This stream is likely to contain 5 wt % or more of four- to six-membered condensed ring aromatic hydrocarbons.)</t>
    </r>
  </si>
  <si>
    <r>
      <t>(A complex combination of hydrocarbons produced by the vacuum distillation of the residuum from atmospheric distillation of crude oil. It consists of hydrocarbons having carbon numbers predominantly in the range of C</t>
    </r>
    <r>
      <rPr>
        <vertAlign val="subscript"/>
        <sz val="7"/>
        <rFont val="Inherit"/>
        <family val="2"/>
      </rPr>
      <t>11</t>
    </r>
    <r>
      <rPr>
        <sz val="10"/>
        <rFont val="Inherit"/>
        <family val="2"/>
      </rPr>
      <t> through C</t>
    </r>
    <r>
      <rPr>
        <vertAlign val="subscript"/>
        <sz val="7"/>
        <rFont val="Inherit"/>
        <family val="2"/>
      </rPr>
      <t>35</t>
    </r>
    <r>
      <rPr>
        <sz val="10"/>
        <rFont val="Inherit"/>
        <family val="2"/>
      </rPr>
      <t> and boiling in the range of approximately 250 to 545 °C.)</t>
    </r>
  </si>
  <si>
    <r>
      <t>(A complex combination of hydrocarbons produced by the vacuum distillation of the residuum from atmospheric distillation of crude oil. It consists of hydrocarbons having numbers predominantly in the range of C</t>
    </r>
    <r>
      <rPr>
        <vertAlign val="subscript"/>
        <sz val="7"/>
        <rFont val="Inherit"/>
        <family val="2"/>
      </rPr>
      <t>15</t>
    </r>
    <r>
      <rPr>
        <sz val="10"/>
        <rFont val="Inherit"/>
        <family val="2"/>
      </rPr>
      <t> through C</t>
    </r>
    <r>
      <rPr>
        <vertAlign val="subscript"/>
        <sz val="7"/>
        <rFont val="Inherit"/>
        <family val="2"/>
      </rPr>
      <t>50</t>
    </r>
    <r>
      <rPr>
        <sz val="10"/>
        <rFont val="Inherit"/>
        <family val="2"/>
      </rPr>
      <t> and boiling in the range of approximately 270 to 600 °C. This stream is likely to contain 5 wt % or more of four- to six-membered condensed ring aromatic hydrocarbons.)</t>
    </r>
  </si>
  <si>
    <r>
      <t>(A complex combination of hydrocarbons obtained by hydrodesulphurisation of heavy coker distillate stocks. It consists predominantly of hydrocarbons having carbon numbers predominantly in the range C</t>
    </r>
    <r>
      <rPr>
        <vertAlign val="subscript"/>
        <sz val="7"/>
        <rFont val="Inherit"/>
        <family val="2"/>
      </rPr>
      <t>18</t>
    </r>
    <r>
      <rPr>
        <sz val="10"/>
        <rFont val="Inherit"/>
        <family val="2"/>
      </rPr>
      <t> to C</t>
    </r>
    <r>
      <rPr>
        <vertAlign val="subscript"/>
        <sz val="7"/>
        <rFont val="Inherit"/>
        <family val="2"/>
      </rPr>
      <t>44</t>
    </r>
    <r>
      <rPr>
        <sz val="10"/>
        <rFont val="Inherit"/>
        <family val="2"/>
      </rPr>
      <t> and boiling in the range of approximately 304 to 548 °C. Likely to contain 5 wt % or more of four- to six-membered condensed ring aromatic hydrocarbons.)</t>
    </r>
  </si>
  <si>
    <r>
      <t>(A complex residuum from the vacuum distillation of the residuum from atmospheric distillation of crude oil. It consists predominantly of hydrocarbons having carbon numbers predominantly greater than C</t>
    </r>
    <r>
      <rPr>
        <vertAlign val="subscript"/>
        <sz val="7"/>
        <rFont val="Inherit"/>
        <family val="2"/>
      </rPr>
      <t>24</t>
    </r>
    <r>
      <rPr>
        <sz val="10"/>
        <rFont val="Inherit"/>
        <family val="2"/>
      </rPr>
      <t> and boiling above approximately 390 °C.)</t>
    </r>
  </si>
  <si>
    <r>
      <t>(A complex combination of hydrocarbons obtained by the distillation of crude petroleum. It consists predominantly of aliphatic, aromatic and cycloaliphatic hydrocarbons having carbon numbers predominantly higher than C</t>
    </r>
    <r>
      <rPr>
        <vertAlign val="subscript"/>
        <sz val="7"/>
        <rFont val="Inherit"/>
        <family val="2"/>
      </rPr>
      <t>25</t>
    </r>
    <r>
      <rPr>
        <sz val="10"/>
        <rFont val="Inherit"/>
        <family val="2"/>
      </rPr>
      <t> and boiling above approximately 400 °C.)</t>
    </r>
  </si>
  <si>
    <r>
      <t>(A complex combination of hydrocarbons produced as the residual fraction from the distillation of the products from a catalytic cracking process. It consists predominantly of hydrocarbons having carbon numbers predominantly greater than C</t>
    </r>
    <r>
      <rPr>
        <vertAlign val="subscript"/>
        <sz val="7"/>
        <rFont val="Inherit"/>
        <family val="2"/>
      </rPr>
      <t>11</t>
    </r>
    <r>
      <rPr>
        <sz val="10"/>
        <rFont val="Inherit"/>
        <family val="2"/>
      </rPr>
      <t> and boiling above approximately 200 °C.)</t>
    </r>
  </si>
  <si>
    <r>
      <t>(A complex combination of hydrocarbons, sulfur compounds and metal-containing organic compounds obtained as the residue from refinery fractionation cracking processes. It produces a finished oil with a viscosity above 2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100 °C.)</t>
    </r>
  </si>
  <si>
    <r>
      <t>(A complex combination of hydrocarbons obtained by treating a petroleum stock with hydrogen. It consists predominantly of hydrocarbons having carbon numbers predominantly in the range of C</t>
    </r>
    <r>
      <rPr>
        <vertAlign val="subscript"/>
        <sz val="7"/>
        <rFont val="Inherit"/>
        <family val="2"/>
      </rPr>
      <t>9</t>
    </r>
    <r>
      <rPr>
        <sz val="10"/>
        <rFont val="Inherit"/>
        <family val="2"/>
      </rPr>
      <t> through C</t>
    </r>
    <r>
      <rPr>
        <vertAlign val="subscript"/>
        <sz val="7"/>
        <rFont val="Inherit"/>
        <family val="2"/>
      </rPr>
      <t>25</t>
    </r>
    <r>
      <rPr>
        <sz val="10"/>
        <rFont val="Inherit"/>
        <family val="2"/>
      </rPr>
      <t> and boiling in the range of approximately 150 to 400 °C.)</t>
    </r>
  </si>
  <si>
    <r>
      <t>(A complex combination of hydrocarbons produced as the residual fraction from distillation of the product from a catalytic reforming process. It consists of predominantly aromatic hydrocarbons having carbon numbers predominantly in the range of C</t>
    </r>
    <r>
      <rPr>
        <vertAlign val="subscript"/>
        <sz val="7"/>
        <rFont val="Inherit"/>
        <family val="2"/>
      </rPr>
      <t>10</t>
    </r>
    <r>
      <rPr>
        <sz val="10"/>
        <rFont val="Inherit"/>
        <family val="2"/>
      </rPr>
      <t> through C</t>
    </r>
    <r>
      <rPr>
        <vertAlign val="subscript"/>
        <sz val="7"/>
        <rFont val="Inherit"/>
        <family val="2"/>
      </rPr>
      <t>25</t>
    </r>
    <r>
      <rPr>
        <sz val="10"/>
        <rFont val="Inherit"/>
        <family val="2"/>
      </rPr>
      <t> and boiling in the range of approximately 160 to 400 °C. This stream is likely to contain 5 wt % or more of four- or six-membered condensed ring aromatic hydrocarbons.)</t>
    </r>
  </si>
  <si>
    <r>
      <t>(A complex combination of hydrocarbons obtained by treatment of Foot's oil with sulphuric acid. It consists predominantly of branched-chain hydrocarbons with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t>
    </r>
  </si>
  <si>
    <r>
      <t>(A complex combination of hydrocarbons obtained by treatment of Foot's oil with natural or modified clay in either a contacting or percolation process to remove the trace amounts of polar compounds and impurities present. It consists predominantly of branched chain hydrocarbons with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t>
    </r>
  </si>
  <si>
    <r>
      <t>(A complex combination of hydrocarbons obtained by the treatment of Foot's oil with activated carbon for the removal of trace constituents and impurities. It consists predominantly of saturated straight chain hydrocarbons having carbon numbers predominantly greater than C</t>
    </r>
    <r>
      <rPr>
        <vertAlign val="subscript"/>
        <sz val="7"/>
        <rFont val="Inherit"/>
        <family val="2"/>
      </rPr>
      <t>12</t>
    </r>
    <r>
      <rPr>
        <sz val="10"/>
        <rFont val="Inherit"/>
        <family val="2"/>
      </rPr>
      <t>.)</t>
    </r>
  </si>
  <si>
    <r>
      <t>(A complex combination of hydrocarbons obtained by subjecting a petroleum distillate to a sweetening process to convert mercaptans or to remove acidic impurities. It consists of hydrocarbons having carbon numbers predominantly in the range of C</t>
    </r>
    <r>
      <rPr>
        <vertAlign val="subscript"/>
        <sz val="7"/>
        <rFont val="Inherit"/>
        <family val="2"/>
      </rPr>
      <t>9</t>
    </r>
    <r>
      <rPr>
        <sz val="10"/>
        <rFont val="Inherit"/>
        <family val="2"/>
      </rPr>
      <t> through C</t>
    </r>
    <r>
      <rPr>
        <vertAlign val="subscript"/>
        <sz val="7"/>
        <rFont val="Inherit"/>
        <family val="2"/>
      </rPr>
      <t>20</t>
    </r>
    <r>
      <rPr>
        <sz val="10"/>
        <rFont val="Inherit"/>
        <family val="2"/>
      </rPr>
      <t> and boiling in the range of approximately 150 °C to 345 °C.)</t>
    </r>
  </si>
  <si>
    <r>
      <t>(A complex combination of hydrocarbons obtained as the raffinate from a solvent extraction process. It consists predominantly of aliphatic hydrocarbons having carbon numbers predominantly in the range of C</t>
    </r>
    <r>
      <rPr>
        <vertAlign val="subscript"/>
        <sz val="7"/>
        <rFont val="Inherit"/>
        <family val="2"/>
      </rPr>
      <t>11</t>
    </r>
    <r>
      <rPr>
        <sz val="10"/>
        <rFont val="Inherit"/>
        <family val="2"/>
      </rPr>
      <t> through C</t>
    </r>
    <r>
      <rPr>
        <vertAlign val="subscript"/>
        <sz val="7"/>
        <rFont val="Inherit"/>
        <family val="2"/>
      </rPr>
      <t>25</t>
    </r>
    <r>
      <rPr>
        <sz val="10"/>
        <rFont val="Inherit"/>
        <family val="2"/>
      </rPr>
      <t> and boiling in the range of approximately 205 °C to 400 °C.)</t>
    </r>
  </si>
  <si>
    <r>
      <t>(A complex combination of hydrocarbons obtained as the raffinate from a solvent extraction process. It consists predominantly of aliphatic hydrocarbons having carbon numbers predominantly in the range of C</t>
    </r>
    <r>
      <rPr>
        <vertAlign val="subscript"/>
        <sz val="7"/>
        <rFont val="Inherit"/>
        <family val="2"/>
      </rPr>
      <t>9</t>
    </r>
    <r>
      <rPr>
        <sz val="10"/>
        <rFont val="Inherit"/>
        <family val="2"/>
      </rPr>
      <t> through C</t>
    </r>
    <r>
      <rPr>
        <vertAlign val="subscript"/>
        <sz val="7"/>
        <rFont val="Inherit"/>
        <family val="2"/>
      </rPr>
      <t>20</t>
    </r>
    <r>
      <rPr>
        <sz val="10"/>
        <rFont val="Inherit"/>
        <family val="2"/>
      </rPr>
      <t> and boiling in the range of approximately 150 °C to 345 °C.)</t>
    </r>
  </si>
  <si>
    <r>
      <t>(A complex combination of hydrocarbons obtained as a raffinate from a sulphuric acid treating process. It consists of hydrocarbons having carbon numbers predominantly in the range of C</t>
    </r>
    <r>
      <rPr>
        <vertAlign val="subscript"/>
        <sz val="7"/>
        <rFont val="Inherit"/>
        <family val="2"/>
      </rPr>
      <t>13</t>
    </r>
    <r>
      <rPr>
        <sz val="10"/>
        <rFont val="Inherit"/>
        <family val="2"/>
      </rPr>
      <t> through C</t>
    </r>
    <r>
      <rPr>
        <vertAlign val="subscript"/>
        <sz val="7"/>
        <rFont val="Inherit"/>
        <family val="2"/>
      </rPr>
      <t>25</t>
    </r>
    <r>
      <rPr>
        <sz val="10"/>
        <rFont val="Inherit"/>
        <family val="2"/>
      </rPr>
      <t> and boiling in the range of approximately 230 °C to 400 °C.)</t>
    </r>
  </si>
  <si>
    <r>
      <t>(A complex combination of hydrocarbons obtained as a raffinate from a sulphuric acid treating process. It consists of hydrocarbons having carbon numbers predominantly in the range of C</t>
    </r>
    <r>
      <rPr>
        <vertAlign val="subscript"/>
        <sz val="7"/>
        <rFont val="Inherit"/>
        <family val="2"/>
      </rPr>
      <t>11</t>
    </r>
    <r>
      <rPr>
        <sz val="10"/>
        <rFont val="Inherit"/>
        <family val="2"/>
      </rPr>
      <t> through C</t>
    </r>
    <r>
      <rPr>
        <vertAlign val="subscript"/>
        <sz val="7"/>
        <rFont val="Inherit"/>
        <family val="2"/>
      </rPr>
      <t>20</t>
    </r>
    <r>
      <rPr>
        <sz val="10"/>
        <rFont val="Inherit"/>
        <family val="2"/>
      </rPr>
      <t> and boiling in the range of approximately 205 °C to 345 °C.)</t>
    </r>
  </si>
  <si>
    <r>
      <t>(A complex combination of hydrocarbons obtained as a raffinate from a sulphuric acid treating process. It consists of hydrocarbons having carbon numbers predominantly in the range of C</t>
    </r>
    <r>
      <rPr>
        <vertAlign val="subscript"/>
        <sz val="7"/>
        <rFont val="Inherit"/>
        <family val="2"/>
      </rPr>
      <t>9</t>
    </r>
    <r>
      <rPr>
        <sz val="10"/>
        <rFont val="Inherit"/>
        <family val="2"/>
      </rPr>
      <t> through C</t>
    </r>
    <r>
      <rPr>
        <vertAlign val="subscript"/>
        <sz val="7"/>
        <rFont val="Inherit"/>
        <family val="2"/>
      </rPr>
      <t>16</t>
    </r>
    <r>
      <rPr>
        <sz val="10"/>
        <rFont val="Inherit"/>
        <family val="2"/>
      </rPr>
      <t> and boiling in the range of approximately 150 °C to 290 °C.)</t>
    </r>
  </si>
  <si>
    <r>
      <t>(A complex combination of hydrocarbons produced by a treating process to remove acidic materials. It consists of hydrocarbons having carbon numbers predominantly in the range of C</t>
    </r>
    <r>
      <rPr>
        <vertAlign val="subscript"/>
        <sz val="7"/>
        <rFont val="Inherit"/>
        <family val="2"/>
      </rPr>
      <t>13</t>
    </r>
    <r>
      <rPr>
        <sz val="10"/>
        <rFont val="Inherit"/>
        <family val="2"/>
      </rPr>
      <t> through C</t>
    </r>
    <r>
      <rPr>
        <vertAlign val="subscript"/>
        <sz val="7"/>
        <rFont val="Inherit"/>
        <family val="2"/>
      </rPr>
      <t>25</t>
    </r>
    <r>
      <rPr>
        <sz val="10"/>
        <rFont val="Inherit"/>
        <family val="2"/>
      </rPr>
      <t> and boiling in the range of approximately 230 °C to 400 °C.)</t>
    </r>
  </si>
  <si>
    <r>
      <t>(A complex combination of hydrocarbons produced by a treating process to remove acidic materials. It consists of hydrocarbons having carbon numbers predominantly in the range of C</t>
    </r>
    <r>
      <rPr>
        <vertAlign val="subscript"/>
        <sz val="7"/>
        <rFont val="Inherit"/>
        <family val="2"/>
      </rPr>
      <t>11</t>
    </r>
    <r>
      <rPr>
        <sz val="10"/>
        <rFont val="Inherit"/>
        <family val="2"/>
      </rPr>
      <t> through C</t>
    </r>
    <r>
      <rPr>
        <vertAlign val="subscript"/>
        <sz val="7"/>
        <rFont val="Inherit"/>
        <family val="2"/>
      </rPr>
      <t>20</t>
    </r>
    <r>
      <rPr>
        <sz val="10"/>
        <rFont val="Inherit"/>
        <family val="2"/>
      </rPr>
      <t> and boiling in the range of approximately 205 °C to 345 °C.)</t>
    </r>
  </si>
  <si>
    <r>
      <t>(A complex combination of hydrocarbons resulting from treatment of a petroleum fraction with natural or modified clay, usually in a percolation process to remove the trace amounts of polar compounds and impurities present. It consists of hydrocarbons having carbon numbers predominantly in the range of C</t>
    </r>
    <r>
      <rPr>
        <vertAlign val="subscript"/>
        <sz val="7"/>
        <rFont val="Inherit"/>
        <family val="2"/>
      </rPr>
      <t>9</t>
    </r>
    <r>
      <rPr>
        <sz val="10"/>
        <rFont val="Inherit"/>
        <family val="2"/>
      </rPr>
      <t> through C</t>
    </r>
    <r>
      <rPr>
        <vertAlign val="subscript"/>
        <sz val="7"/>
        <rFont val="Inherit"/>
        <family val="2"/>
      </rPr>
      <t>20</t>
    </r>
    <r>
      <rPr>
        <sz val="10"/>
        <rFont val="Inherit"/>
        <family val="2"/>
      </rPr>
      <t> and boiling in the range of approximately 150 °C to 345 °C.)</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11</t>
    </r>
    <r>
      <rPr>
        <sz val="10"/>
        <rFont val="Inherit"/>
        <family val="2"/>
      </rPr>
      <t> through C</t>
    </r>
    <r>
      <rPr>
        <vertAlign val="subscript"/>
        <sz val="7"/>
        <rFont val="Inherit"/>
        <family val="2"/>
      </rPr>
      <t>25</t>
    </r>
    <r>
      <rPr>
        <sz val="10"/>
        <rFont val="Inherit"/>
        <family val="2"/>
      </rPr>
      <t> and boiling in the range of approximately 205 °C to 400 °C.)</t>
    </r>
  </si>
  <si>
    <r>
      <t>(A complex combination of hydrocarbons obtained from a petroleum stock by treating with hydrogen to convert organic sulphur to hydrogen sulphide which is removed. It consists predominantly of hydrocarbons having carbon numbers predominantly in the range of C</t>
    </r>
    <r>
      <rPr>
        <vertAlign val="subscript"/>
        <sz val="7"/>
        <rFont val="Inherit"/>
        <family val="2"/>
      </rPr>
      <t>13</t>
    </r>
    <r>
      <rPr>
        <sz val="10"/>
        <rFont val="Inherit"/>
        <family val="2"/>
      </rPr>
      <t> through C</t>
    </r>
    <r>
      <rPr>
        <vertAlign val="subscript"/>
        <sz val="7"/>
        <rFont val="Inherit"/>
        <family val="2"/>
      </rPr>
      <t>25</t>
    </r>
    <r>
      <rPr>
        <sz val="10"/>
        <rFont val="Inherit"/>
        <family val="2"/>
      </rPr>
      <t> and boiling in the range of approximately 230 °C to 400 °C.)</t>
    </r>
  </si>
  <si>
    <r>
      <t>(A complex combination of hydrocarbons obtained from a petroleum stock by treating with hydrogen to convert organic sulphur to hydrogen sulphide which is removed. It consists of hydrocarbons having carbon numbers predominantly in the range of C</t>
    </r>
    <r>
      <rPr>
        <vertAlign val="subscript"/>
        <sz val="7"/>
        <rFont val="Inherit"/>
        <family val="2"/>
      </rPr>
      <t>11</t>
    </r>
    <r>
      <rPr>
        <sz val="10"/>
        <rFont val="Inherit"/>
        <family val="2"/>
      </rPr>
      <t> through C</t>
    </r>
    <r>
      <rPr>
        <vertAlign val="subscript"/>
        <sz val="7"/>
        <rFont val="Inherit"/>
        <family val="2"/>
      </rPr>
      <t>25</t>
    </r>
    <r>
      <rPr>
        <sz val="10"/>
        <rFont val="Inherit"/>
        <family val="2"/>
      </rPr>
      <t> and boiling in the range of approximately 205 °C to 400 °C.)</t>
    </r>
  </si>
  <si>
    <r>
      <t>(A complex combination of hydrocarbons obtained by the subjection of a petroleum fraction to several of the following steps: filtration, centrifugation, atmospheric distillation, vacuum distillation, acidification, neutralisation and clay treatment. It consists predominantly of hydrocarbons having carbon numbers predominantly in the range of C</t>
    </r>
    <r>
      <rPr>
        <vertAlign val="subscript"/>
        <sz val="7"/>
        <rFont val="Inherit"/>
        <family val="2"/>
      </rPr>
      <t>10</t>
    </r>
    <r>
      <rPr>
        <sz val="10"/>
        <rFont val="Inherit"/>
        <family val="2"/>
      </rPr>
      <t> through C</t>
    </r>
    <r>
      <rPr>
        <vertAlign val="subscript"/>
        <sz val="7"/>
        <rFont val="Inherit"/>
        <family val="2"/>
      </rPr>
      <t>20</t>
    </r>
    <r>
      <rPr>
        <sz val="10"/>
        <rFont val="Inherit"/>
        <family val="2"/>
      </rPr>
      <t>.)</t>
    </r>
  </si>
  <si>
    <r>
      <t>(A complex combination of hydrocarbons obtained from the distillation of a catalytically reformed petroleum cut. It consists predominantly of aromatic hydrocarbons having carbon numbers predominantly in the range of C</t>
    </r>
    <r>
      <rPr>
        <vertAlign val="subscript"/>
        <sz val="7"/>
        <rFont val="Inherit"/>
        <family val="2"/>
      </rPr>
      <t>10</t>
    </r>
    <r>
      <rPr>
        <sz val="10"/>
        <rFont val="Inherit"/>
        <family val="2"/>
      </rPr>
      <t> through C</t>
    </r>
    <r>
      <rPr>
        <vertAlign val="subscript"/>
        <sz val="7"/>
        <rFont val="Inherit"/>
        <family val="2"/>
      </rPr>
      <t>16</t>
    </r>
    <r>
      <rPr>
        <sz val="10"/>
        <rFont val="Inherit"/>
        <family val="2"/>
      </rPr>
      <t> and boiling in the range of approximately 200 °C to 300 °C.)</t>
    </r>
  </si>
  <si>
    <r>
      <t>Hydrocarbons, C</t>
    </r>
    <r>
      <rPr>
        <vertAlign val="subscript"/>
        <sz val="7"/>
        <rFont val="Inherit"/>
        <family val="2"/>
      </rPr>
      <t>16-20</t>
    </r>
    <r>
      <rPr>
        <sz val="10"/>
        <rFont val="Inherit"/>
        <family val="2"/>
      </rPr>
      <t>, hydrotreated middle distillate, distillation lights; Gas oil — unspecified</t>
    </r>
  </si>
  <si>
    <r>
      <t>(A complex combination of hydrocarbons obtained as first runnings from the vacuum distillation of effluents from the treatment of a middle distillate with hydrogen. It consists predominantly of hydrocarbons having carbon numbers predominantly in the range of C</t>
    </r>
    <r>
      <rPr>
        <vertAlign val="subscript"/>
        <sz val="7"/>
        <rFont val="Inherit"/>
        <family val="2"/>
      </rPr>
      <t>16</t>
    </r>
    <r>
      <rPr>
        <sz val="10"/>
        <rFont val="Inherit"/>
        <family val="2"/>
      </rPr>
      <t> through C</t>
    </r>
    <r>
      <rPr>
        <vertAlign val="subscript"/>
        <sz val="7"/>
        <rFont val="Inherit"/>
        <family val="2"/>
      </rPr>
      <t>20</t>
    </r>
    <r>
      <rPr>
        <sz val="10"/>
        <rFont val="Inherit"/>
        <family val="2"/>
      </rPr>
      <t> and boiling in the range of approximately 290 °C to 350 °C. It produces a finished oil having a viscosity of 2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100 °C.)</t>
    </r>
  </si>
  <si>
    <r>
      <t>Hydrocarbons, C</t>
    </r>
    <r>
      <rPr>
        <vertAlign val="subscript"/>
        <sz val="7"/>
        <rFont val="Inherit"/>
        <family val="2"/>
      </rPr>
      <t>12-20</t>
    </r>
    <r>
      <rPr>
        <sz val="10"/>
        <rFont val="Inherit"/>
        <family val="2"/>
      </rPr>
      <t>, hydrotreated paraffinic, distillation lights; Gas oil — unspecified</t>
    </r>
  </si>
  <si>
    <r>
      <t>(A complex combination of hydrocarbons obtained as first runnings from the vacuum distillation of effluents from the treatment of heavy paraffins with hydrogen in the presence of a catalyst. It consists predominantly of hydrocarbons having carbon numbers predominantly in the range of C</t>
    </r>
    <r>
      <rPr>
        <vertAlign val="subscript"/>
        <sz val="7"/>
        <rFont val="Inherit"/>
        <family val="2"/>
      </rPr>
      <t>12</t>
    </r>
    <r>
      <rPr>
        <sz val="10"/>
        <rFont val="Inherit"/>
        <family val="2"/>
      </rPr>
      <t> through C</t>
    </r>
    <r>
      <rPr>
        <vertAlign val="subscript"/>
        <sz val="7"/>
        <rFont val="Inherit"/>
        <family val="2"/>
      </rPr>
      <t>20</t>
    </r>
    <r>
      <rPr>
        <sz val="10"/>
        <rFont val="Inherit"/>
        <family val="2"/>
      </rPr>
      <t> and boiling in the range of approximately 230 °C to 350 °C. It produces a finished oil having a viscosity of 2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100 °C.)</t>
    </r>
  </si>
  <si>
    <r>
      <t>Hydrocarbons, C</t>
    </r>
    <r>
      <rPr>
        <vertAlign val="subscript"/>
        <sz val="7"/>
        <rFont val="Inherit"/>
        <family val="2"/>
      </rPr>
      <t>11-17</t>
    </r>
    <r>
      <rPr>
        <sz val="10"/>
        <rFont val="Inherit"/>
        <family val="2"/>
      </rPr>
      <t>, solvent-extd. light naphthenic; Gas oil — unspecified</t>
    </r>
  </si>
  <si>
    <r>
      <t>(A complex combination of hydrocarbons obtained by extraction of the aromatics from a light naphthenic distillate having a viscosity of 2,2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sists predominantly of hydrocarbons having carbon numbers predominantly in the range of C</t>
    </r>
    <r>
      <rPr>
        <vertAlign val="subscript"/>
        <sz val="7"/>
        <rFont val="Inherit"/>
        <family val="2"/>
      </rPr>
      <t>11</t>
    </r>
    <r>
      <rPr>
        <sz val="10"/>
        <rFont val="Inherit"/>
        <family val="2"/>
      </rPr>
      <t> through C</t>
    </r>
    <r>
      <rPr>
        <vertAlign val="subscript"/>
        <sz val="7"/>
        <rFont val="Inherit"/>
        <family val="2"/>
      </rPr>
      <t>17</t>
    </r>
    <r>
      <rPr>
        <sz val="10"/>
        <rFont val="Inherit"/>
        <family val="2"/>
      </rPr>
      <t> and boiling in the range of approximately 200 °C to 300 °C.)</t>
    </r>
  </si>
  <si>
    <r>
      <t>(A complex combination of hydrocarbons obtained from the redistillation of the effluents from the treatment of paraffins with hydrogen in the presence of a catalyst. It consists predominantly of hydrocarbons having carbon numbers predominantly in the range of C</t>
    </r>
    <r>
      <rPr>
        <vertAlign val="subscript"/>
        <sz val="7"/>
        <rFont val="Inherit"/>
        <family val="2"/>
      </rPr>
      <t>17</t>
    </r>
    <r>
      <rPr>
        <sz val="10"/>
        <rFont val="Inherit"/>
        <family val="2"/>
      </rPr>
      <t> through C</t>
    </r>
    <r>
      <rPr>
        <vertAlign val="subscript"/>
        <sz val="7"/>
        <rFont val="Inherit"/>
        <family val="2"/>
      </rPr>
      <t>27</t>
    </r>
    <r>
      <rPr>
        <sz val="10"/>
        <rFont val="Inherit"/>
        <family val="2"/>
      </rPr>
      <t> and boiling in the range of approximately 330 °C to 340 °C.)</t>
    </r>
  </si>
  <si>
    <r>
      <t>(A complex combination of hydrocarbons obtained by the treatment of a petroleum oil fraction with activated charcoal for the removal of traces of polar constituents and impurities. It consists predominantly of hydrocarbons having carbon numbers predominantly in the range of C</t>
    </r>
    <r>
      <rPr>
        <vertAlign val="subscript"/>
        <sz val="7"/>
        <rFont val="Inherit"/>
        <family val="2"/>
      </rPr>
      <t>12</t>
    </r>
    <r>
      <rPr>
        <sz val="10"/>
        <rFont val="Inherit"/>
        <family val="2"/>
      </rPr>
      <t> through C</t>
    </r>
    <r>
      <rPr>
        <vertAlign val="subscript"/>
        <sz val="7"/>
        <rFont val="Inherit"/>
        <family val="2"/>
      </rPr>
      <t>28</t>
    </r>
    <r>
      <rPr>
        <sz val="10"/>
        <rFont val="Inherit"/>
        <family val="2"/>
      </rPr>
      <t>.)</t>
    </r>
  </si>
  <si>
    <r>
      <t>(A complex combination of hydrocarbons obtained by the treatment of petroleum with activated charcoal for the removal of trace polar constituents and impurities. It consists predominantly of hydrocarbons having carbon numbers predominantly in the range of C</t>
    </r>
    <r>
      <rPr>
        <vertAlign val="subscript"/>
        <sz val="7"/>
        <rFont val="Inherit"/>
        <family val="2"/>
      </rPr>
      <t>16</t>
    </r>
    <r>
      <rPr>
        <sz val="10"/>
        <rFont val="Inherit"/>
        <family val="2"/>
      </rPr>
      <t> through C</t>
    </r>
    <r>
      <rPr>
        <vertAlign val="subscript"/>
        <sz val="7"/>
        <rFont val="Inherit"/>
        <family val="2"/>
      </rPr>
      <t>36</t>
    </r>
    <r>
      <rPr>
        <sz val="10"/>
        <rFont val="Inherit"/>
        <family val="2"/>
      </rPr>
      <t>.)</t>
    </r>
  </si>
  <si>
    <r>
      <t>(A complex combination of hydrocarbons obtained by the treatment of petroleum with bleaching earth for the removal of trace polar constituents and impurities. It consists predominantly of hydrocarbons having carbon numbers predominantly in the range of C</t>
    </r>
    <r>
      <rPr>
        <vertAlign val="subscript"/>
        <sz val="7"/>
        <rFont val="Inherit"/>
        <family val="2"/>
      </rPr>
      <t>16</t>
    </r>
    <r>
      <rPr>
        <sz val="10"/>
        <rFont val="Inherit"/>
        <family val="2"/>
      </rPr>
      <t> through C</t>
    </r>
    <r>
      <rPr>
        <vertAlign val="subscript"/>
        <sz val="7"/>
        <rFont val="Inherit"/>
        <family val="2"/>
      </rPr>
      <t>36</t>
    </r>
    <r>
      <rPr>
        <sz val="10"/>
        <rFont val="Inherit"/>
        <family val="2"/>
      </rPr>
      <t>.)</t>
    </r>
  </si>
  <si>
    <r>
      <t>Alkanes, C</t>
    </r>
    <r>
      <rPr>
        <vertAlign val="subscript"/>
        <sz val="7"/>
        <rFont val="Inherit"/>
        <family val="2"/>
      </rPr>
      <t>12-26</t>
    </r>
    <r>
      <rPr>
        <sz val="10"/>
        <rFont val="Inherit"/>
        <family val="2"/>
      </rPr>
      <t>-branched and linear;</t>
    </r>
  </si>
  <si>
    <r>
      <t>(A complex combination of hydrocarbons having carbon numbers predominantly in the range of C</t>
    </r>
    <r>
      <rPr>
        <vertAlign val="subscript"/>
        <sz val="7"/>
        <rFont val="Inherit"/>
        <family val="2"/>
      </rPr>
      <t>12</t>
    </r>
    <r>
      <rPr>
        <sz val="10"/>
        <rFont val="Inherit"/>
        <family val="2"/>
      </rPr>
      <t> through C</t>
    </r>
    <r>
      <rPr>
        <vertAlign val="subscript"/>
        <sz val="7"/>
        <rFont val="Inherit"/>
        <family val="2"/>
      </rPr>
      <t>50</t>
    </r>
    <r>
      <rPr>
        <sz val="10"/>
        <rFont val="Inherit"/>
        <family val="2"/>
      </rPr>
      <t>. May contain organic salts of alkali metals, alkaline earth metals, and/or aluminium compounds.)</t>
    </r>
  </si>
  <si>
    <r>
      <t>(A complex combination of hydrocarbons obtained from a petroleum fraction by solvent crystallisation (solvent dewaxing) or as a distillation fraction from a very waxy crude. It consists predominantly of saturated straight and branched chain hydrocarbons having carbon numbers predominantly greater than C</t>
    </r>
    <r>
      <rPr>
        <vertAlign val="subscript"/>
        <sz val="7"/>
        <rFont val="Inherit"/>
        <family val="2"/>
      </rPr>
      <t>20</t>
    </r>
    <r>
      <rPr>
        <sz val="10"/>
        <rFont val="Inherit"/>
        <family val="2"/>
      </rPr>
      <t>.)</t>
    </r>
  </si>
  <si>
    <r>
      <t>(A complex combination of hydrocarbons obtained as a raffinate by treatment of a petroleum slack wax fraction with sulphuric acid treating process. It consists predominantly of saturated straight and branched chain hydrocarbons having carbon numbers predominantly greater than C</t>
    </r>
    <r>
      <rPr>
        <vertAlign val="subscript"/>
        <sz val="7"/>
        <rFont val="Inherit"/>
        <family val="2"/>
      </rPr>
      <t>20</t>
    </r>
    <r>
      <rPr>
        <sz val="10"/>
        <rFont val="Inherit"/>
        <family val="2"/>
      </rPr>
      <t>.)</t>
    </r>
  </si>
  <si>
    <r>
      <t>(A complex combination of hydrocarbons obtained by treatment of a petroleum slack wax fraction with natural or modified clay in either a contacting or percolation process. It consists predominantly of saturated straight and branched hydrocarbons having carbon numbers predominantly greater than C</t>
    </r>
    <r>
      <rPr>
        <vertAlign val="subscript"/>
        <sz val="7"/>
        <rFont val="Inherit"/>
        <family val="2"/>
      </rPr>
      <t>20</t>
    </r>
    <r>
      <rPr>
        <sz val="10"/>
        <rFont val="Inherit"/>
        <family val="2"/>
      </rPr>
      <t>.)</t>
    </r>
  </si>
  <si>
    <r>
      <t>(A complex combination of hydrocarbons obtained by treating slack wax with hydrogen in the presence of a catalyst. It consists predominantly of saturated straight and branched chain hydrocarbons having carbon numbers predominantly greater than C</t>
    </r>
    <r>
      <rPr>
        <vertAlign val="subscript"/>
        <sz val="7"/>
        <rFont val="Inherit"/>
        <family val="2"/>
      </rPr>
      <t>20</t>
    </r>
    <r>
      <rPr>
        <sz val="10"/>
        <rFont val="Inherit"/>
        <family val="2"/>
      </rPr>
      <t>.)</t>
    </r>
  </si>
  <si>
    <r>
      <t>(A complex combination of hydrocarbons obtained from a petroleum fraction by solvent deparaffination. It consists predominantly of saturated straight and branched chain hydrocarbons having carbon numbers predominantly greater than C</t>
    </r>
    <r>
      <rPr>
        <vertAlign val="subscript"/>
        <sz val="7"/>
        <rFont val="Inherit"/>
        <family val="2"/>
      </rPr>
      <t>12</t>
    </r>
    <r>
      <rPr>
        <sz val="10"/>
        <rFont val="Inherit"/>
        <family val="2"/>
      </rPr>
      <t>.)</t>
    </r>
  </si>
  <si>
    <r>
      <t>(A complex combination of hydrocarbons obtained by treatment of low-melting petroleum slack wax with hydrogen in the presence of a catalyst. It consists predominantly of saturated straight and branched chain hydrocarbons having carbon numbers predominantly greater than C</t>
    </r>
    <r>
      <rPr>
        <vertAlign val="subscript"/>
        <sz val="7"/>
        <rFont val="Inherit"/>
        <family val="2"/>
      </rPr>
      <t>12</t>
    </r>
    <r>
      <rPr>
        <sz val="10"/>
        <rFont val="Inherit"/>
        <family val="2"/>
      </rPr>
      <t>.)</t>
    </r>
  </si>
  <si>
    <r>
      <t>(A complex combination of hydrocarbons obtained by the treatment of low-melting slack wax with activated carbon for the removal of trace polar constituents and impurities. It consists predominantly of saturated straight and branched chain hydrocarbons having carbon numbers predominantly greater than C</t>
    </r>
    <r>
      <rPr>
        <vertAlign val="subscript"/>
        <sz val="7"/>
        <rFont val="Inherit"/>
        <family val="2"/>
      </rPr>
      <t>12</t>
    </r>
    <r>
      <rPr>
        <sz val="10"/>
        <rFont val="Inherit"/>
        <family val="2"/>
      </rPr>
      <t>.)</t>
    </r>
  </si>
  <si>
    <r>
      <t>(A complex combination of hydrocarbons obtained by the treatment of low-melting petroleum slack wax with bentonite for removal of trace polar constituents and impurities. It consists predominantly of saturated straight and branched chain hydrocarbons having carbon numbers predominantly greater than C</t>
    </r>
    <r>
      <rPr>
        <vertAlign val="subscript"/>
        <sz val="7"/>
        <rFont val="Inherit"/>
        <family val="2"/>
      </rPr>
      <t>12</t>
    </r>
    <r>
      <rPr>
        <sz val="10"/>
        <rFont val="Inherit"/>
        <family val="2"/>
      </rPr>
      <t>.)</t>
    </r>
  </si>
  <si>
    <r>
      <t>(A complex combination of hydrocarbons obtained by the treatment of low-melting petroleum slack wax with silicic acid for the removal of trace polar constituents and impurities. It consists predominantly of saturated straight and branched chain hydrocarbons having carbon numbers predominantly greater than C</t>
    </r>
    <r>
      <rPr>
        <vertAlign val="subscript"/>
        <sz val="7"/>
        <rFont val="Inherit"/>
        <family val="2"/>
      </rPr>
      <t>12</t>
    </r>
    <r>
      <rPr>
        <sz val="10"/>
        <rFont val="Inherit"/>
        <family val="2"/>
      </rPr>
      <t>.)</t>
    </r>
  </si>
  <si>
    <r>
      <t>(A complex combination of hydrocarbons obtained as a semi-solid from dewaxing paraffinic residual oil. It consists predominantly of saturated crystalline and liquid hydrocarbons having carbon numbers predominantly greater than C</t>
    </r>
    <r>
      <rPr>
        <vertAlign val="subscript"/>
        <sz val="7"/>
        <rFont val="Inherit"/>
        <family val="2"/>
      </rPr>
      <t>25</t>
    </r>
    <r>
      <rPr>
        <sz val="10"/>
        <rFont val="Inherit"/>
        <family val="2"/>
      </rPr>
      <t>.)</t>
    </r>
  </si>
  <si>
    <r>
      <t>(A complex combination of hydrocarbons obtained when petrolatum is treated with Al</t>
    </r>
    <r>
      <rPr>
        <vertAlign val="subscript"/>
        <sz val="7"/>
        <rFont val="Inherit"/>
        <family val="2"/>
      </rPr>
      <t>2</t>
    </r>
    <r>
      <rPr>
        <sz val="10"/>
        <rFont val="Inherit"/>
        <family val="2"/>
      </rPr>
      <t>O</t>
    </r>
    <r>
      <rPr>
        <vertAlign val="subscript"/>
        <sz val="7"/>
        <rFont val="Inherit"/>
        <family val="2"/>
      </rPr>
      <t>3</t>
    </r>
    <r>
      <rPr>
        <sz val="10"/>
        <rFont val="Inherit"/>
        <family val="2"/>
      </rPr>
      <t> to remove polar components and impurities. It consists predominantly of saturated, crystalline, and liquid hydrocarbons having carbon numbers predominantly greater than C</t>
    </r>
    <r>
      <rPr>
        <vertAlign val="subscript"/>
        <sz val="7"/>
        <rFont val="Inherit"/>
        <family val="2"/>
      </rPr>
      <t>25</t>
    </r>
    <r>
      <rPr>
        <sz val="10"/>
        <rFont val="Inherit"/>
        <family val="2"/>
      </rPr>
      <t>.)</t>
    </r>
  </si>
  <si>
    <r>
      <t>(A complex combination of hydrocarbons obtained as a semi-solid from dewaxed paraffinic residual oil treated with hydrogen in the presence of a catalyst. It consists predominantly of saturated, microcrystalline, and liquid hydrocarbons having carbon numbers predominantly greater than C</t>
    </r>
    <r>
      <rPr>
        <vertAlign val="subscript"/>
        <sz val="7"/>
        <rFont val="Inherit"/>
        <family val="2"/>
      </rPr>
      <t>20</t>
    </r>
    <r>
      <rPr>
        <sz val="10"/>
        <rFont val="Inherit"/>
        <family val="2"/>
      </rPr>
      <t>.)</t>
    </r>
  </si>
  <si>
    <r>
      <t>(A complex combination of hydrocarbons obtained by the treatment of petroleum petrolatum with activated carbon for the removal of trace polar constituents and impurities. It consists predominantly of saturated hydrocarbons having carbon numbers predominantly greater than C</t>
    </r>
    <r>
      <rPr>
        <vertAlign val="subscript"/>
        <sz val="7"/>
        <rFont val="Inherit"/>
        <family val="2"/>
      </rPr>
      <t>20</t>
    </r>
    <r>
      <rPr>
        <sz val="10"/>
        <rFont val="Inherit"/>
        <family val="2"/>
      </rPr>
      <t>.)</t>
    </r>
  </si>
  <si>
    <r>
      <t>(A complex combination of hydrocarbons obtained by the treatment of petroleum petrolatum with silicic acid for the removal of trace polar constituents and impurities. It consists predominantly of saturated hydrocarbons having carbon numbers predominantly greater than C</t>
    </r>
    <r>
      <rPr>
        <vertAlign val="subscript"/>
        <sz val="7"/>
        <rFont val="Inherit"/>
        <family val="2"/>
      </rPr>
      <t>20</t>
    </r>
    <r>
      <rPr>
        <sz val="10"/>
        <rFont val="Inherit"/>
        <family val="2"/>
      </rPr>
      <t>.)</t>
    </r>
  </si>
  <si>
    <r>
      <t>(A complex combination of hydrocarbons obtained by treatment of petrolatum with bleaching earth for the removal of traces of polar constituents and impurities. It consists predominantly of hydrocarbons having carbon numbers predominantly in the range of greater than C</t>
    </r>
    <r>
      <rPr>
        <vertAlign val="subscript"/>
        <sz val="7"/>
        <rFont val="Inherit"/>
        <family val="2"/>
      </rPr>
      <t>25</t>
    </r>
    <r>
      <rPr>
        <sz val="10"/>
        <rFont val="Inherit"/>
        <family val="2"/>
      </rPr>
      <t>.)</t>
    </r>
  </si>
  <si>
    <r>
      <t>(A complex combination of hydrocarbons separated from natural gas by processes such as refrigeration or absorption. It consists predominantly of saturated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8</t>
    </r>
    <r>
      <rPr>
        <sz val="10"/>
        <rFont val="Inherit"/>
        <family val="2"/>
      </rPr>
      <t> and boiling in the range of approximately - 20 °C to 120 °C.)</t>
    </r>
  </si>
  <si>
    <r>
      <t>(Refined, partly refined, or unrefined petroleum products by the distillation of natural ga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6</t>
    </r>
    <r>
      <rPr>
        <sz val="10"/>
        <rFont val="Inherit"/>
        <family val="2"/>
      </rPr>
      <t> and boiling in the range of approximately 100 °C to 200 °C.)</t>
    </r>
  </si>
  <si>
    <r>
      <t>(A complex combination of hydrocarbons produced by distillation of crude oil.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30 °C.)</t>
    </r>
  </si>
  <si>
    <r>
      <t>(A complex combination of hydrocarbons produced by distillation of crude oil.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220 °C.)</t>
    </r>
  </si>
  <si>
    <r>
      <t>(A complex combination of hydrocarbons produced by distillation of crude oil. It consists predominantly of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0</t>
    </r>
    <r>
      <rPr>
        <sz val="10"/>
        <rFont val="Inherit"/>
        <family val="2"/>
      </rPr>
      <t> and boiling in the range of approximately - 20 °C to 180 °C.)</t>
    </r>
  </si>
  <si>
    <r>
      <t>(A complex combination of hydrocarbons obtained from the distillation of crude oil or natural gasoline. It consists predominantly of saturated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0</t>
    </r>
    <r>
      <rPr>
        <sz val="10"/>
        <rFont val="Inherit"/>
        <family val="2"/>
      </rPr>
      <t> and boiling in the range of approximately 35 °C to 160 °C.)</t>
    </r>
  </si>
  <si>
    <r>
      <t>(A complex combination of hydrocarbons produced by the distillation of crude oil. It consists of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7</t>
    </r>
    <r>
      <rPr>
        <sz val="10"/>
        <rFont val="Inherit"/>
        <family val="2"/>
      </rPr>
      <t> and boiling in the range of approximately - 88 °C to 99 °C.)</t>
    </r>
  </si>
  <si>
    <r>
      <t>(A complex combination of hydrocarbons separated from the gases from vapour recovery systems by cooling.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6 °C.)</t>
    </r>
  </si>
  <si>
    <r>
      <t>(A complex combination of hydrocarbons produced from the distillation of naphtha streams from various refinery processe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 and boiling in the range of approximately 0 °C to 230 °C.)</t>
    </r>
  </si>
  <si>
    <r>
      <t>(A complex combination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t>
    </r>
  </si>
  <si>
    <r>
      <t>(A complex combination of hydrocarbons obtained from a distillation process of crude petroleum. It consists predominantly of hydrocarbons having carbon numbers in the range of C</t>
    </r>
    <r>
      <rPr>
        <vertAlign val="subscript"/>
        <sz val="7"/>
        <rFont val="Inherit"/>
        <family val="2"/>
      </rPr>
      <t>8</t>
    </r>
    <r>
      <rPr>
        <sz val="10"/>
        <rFont val="Inherit"/>
        <family val="2"/>
      </rPr>
      <t> through C</t>
    </r>
    <r>
      <rPr>
        <vertAlign val="subscript"/>
        <sz val="7"/>
        <rFont val="Inherit"/>
        <family val="2"/>
      </rPr>
      <t>12</t>
    </r>
    <r>
      <rPr>
        <sz val="10"/>
        <rFont val="Inherit"/>
        <family val="2"/>
      </rPr>
      <t> and boiling in the range of approximately 130 °C to 210 °C.)</t>
    </r>
  </si>
  <si>
    <r>
      <t>(A complex combination of hydrocarbons produced by distillation of the reaction products of isobutane with monoolefinic hydrocarbons usually ranging in carbon numbers from C</t>
    </r>
    <r>
      <rPr>
        <vertAlign val="subscript"/>
        <sz val="7"/>
        <rFont val="Inherit"/>
        <family val="2"/>
      </rPr>
      <t>3</t>
    </r>
    <r>
      <rPr>
        <sz val="10"/>
        <rFont val="Inherit"/>
        <family val="2"/>
      </rPr>
      <t> through C</t>
    </r>
    <r>
      <rPr>
        <vertAlign val="subscript"/>
        <sz val="7"/>
        <rFont val="Inherit"/>
        <family val="2"/>
      </rPr>
      <t>5</t>
    </r>
    <r>
      <rPr>
        <sz val="10"/>
        <rFont val="Inherit"/>
        <family val="2"/>
      </rPr>
      <t>. It consists of predominantly branched chain saturated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20 °C.)</t>
    </r>
  </si>
  <si>
    <r>
      <t>(A complex combination of hydrocarbons produced by distillation of the reaction products of isobutane with monoolefinic hydrocarbons usually ranging in carbon numbers from C</t>
    </r>
    <r>
      <rPr>
        <vertAlign val="subscript"/>
        <sz val="7"/>
        <rFont val="Inherit"/>
        <family val="2"/>
      </rPr>
      <t>3</t>
    </r>
    <r>
      <rPr>
        <sz val="10"/>
        <rFont val="Inherit"/>
        <family val="2"/>
      </rPr>
      <t> to C</t>
    </r>
    <r>
      <rPr>
        <vertAlign val="subscript"/>
        <sz val="7"/>
        <rFont val="Inherit"/>
        <family val="2"/>
      </rPr>
      <t>5</t>
    </r>
    <r>
      <rPr>
        <sz val="10"/>
        <rFont val="Inherit"/>
        <family val="2"/>
      </rPr>
      <t>. It consists of predominantly branched chain saturated hydrocarbons having carbon numbers predominantly in the range of C</t>
    </r>
    <r>
      <rPr>
        <vertAlign val="subscript"/>
        <sz val="7"/>
        <rFont val="Inherit"/>
        <family val="2"/>
      </rPr>
      <t>9</t>
    </r>
    <r>
      <rPr>
        <sz val="10"/>
        <rFont val="Inherit"/>
        <family val="2"/>
      </rPr>
      <t> through C</t>
    </r>
    <r>
      <rPr>
        <vertAlign val="subscript"/>
        <sz val="7"/>
        <rFont val="Inherit"/>
        <family val="2"/>
      </rPr>
      <t>12</t>
    </r>
    <r>
      <rPr>
        <sz val="10"/>
        <rFont val="Inherit"/>
        <family val="2"/>
      </rPr>
      <t> and boiling in the range of approximately 150 °C to 220 °C.)</t>
    </r>
  </si>
  <si>
    <r>
      <t>(A complex combination of hydrocarbons produced by distillation of the reaction products of isobutane with monoolefinic hydrocarbons usually ranging in carbon numbers from C</t>
    </r>
    <r>
      <rPr>
        <vertAlign val="subscript"/>
        <sz val="7"/>
        <rFont val="Inherit"/>
        <family val="2"/>
      </rPr>
      <t>3</t>
    </r>
    <r>
      <rPr>
        <sz val="10"/>
        <rFont val="Inherit"/>
        <family val="2"/>
      </rPr>
      <t> through C</t>
    </r>
    <r>
      <rPr>
        <vertAlign val="subscript"/>
        <sz val="7"/>
        <rFont val="Inherit"/>
        <family val="2"/>
      </rPr>
      <t>5</t>
    </r>
    <r>
      <rPr>
        <sz val="10"/>
        <rFont val="Inherit"/>
        <family val="2"/>
      </rPr>
      <t>. It consists of predominantly branched chain saturated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0</t>
    </r>
    <r>
      <rPr>
        <sz val="10"/>
        <rFont val="Inherit"/>
        <family val="2"/>
      </rPr>
      <t> and boiling in the range of approximately 90 °C to 160 °C.)</t>
    </r>
  </si>
  <si>
    <r>
      <t>(A complex combination of hydrocarbons obtained from catalytic isomerisation of straight chain paraffinic C</t>
    </r>
    <r>
      <rPr>
        <vertAlign val="subscript"/>
        <sz val="7"/>
        <rFont val="Inherit"/>
        <family val="2"/>
      </rPr>
      <t>4</t>
    </r>
    <r>
      <rPr>
        <sz val="10"/>
        <rFont val="Inherit"/>
        <family val="2"/>
      </rPr>
      <t> through C</t>
    </r>
    <r>
      <rPr>
        <vertAlign val="subscript"/>
        <sz val="7"/>
        <rFont val="Inherit"/>
        <family val="2"/>
      </rPr>
      <t>6</t>
    </r>
    <r>
      <rPr>
        <sz val="10"/>
        <rFont val="Inherit"/>
        <family val="2"/>
      </rPr>
      <t> hydrocarbons. It consists predominantly of saturated hydrocarbons such as isobutane, isopentane, 2,2-dimethylbutane, 2-methylpentane, and 3-methylpentane.)</t>
    </r>
  </si>
  <si>
    <r>
      <t>(A complex combination of hydrocarbons obtained as the raffinate from a solvent extraction process. It consists predominantly of aliphatic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1</t>
    </r>
    <r>
      <rPr>
        <sz val="10"/>
        <rFont val="Inherit"/>
        <family val="2"/>
      </rPr>
      <t> and boiling in the range of approximately 35 °C to 190 °C.)</t>
    </r>
  </si>
  <si>
    <r>
      <t>(A complex combination of hydrocarbons obtained as the raffinate from a solvent extraction process. It consists predominantly of aliph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30 °C.)</t>
    </r>
  </si>
  <si>
    <r>
      <t>(A complex combination of hydrocarbons obtained as the raffinate from the UDEX extraction process on the catalytic reformer stream. It consists of saturated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9</t>
    </r>
    <r>
      <rPr>
        <sz val="10"/>
        <rFont val="Inherit"/>
        <family val="2"/>
      </rPr>
      <t>.)</t>
    </r>
  </si>
  <si>
    <r>
      <t>(The complex combination of hydrocarbons obtained as a raffinate from a Lurgi separation unit. It consists predominantly of non-aromatic hydrocarbons with various small amounts of aromatic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8</t>
    </r>
    <r>
      <rPr>
        <sz val="10"/>
        <rFont val="Inherit"/>
        <family val="2"/>
      </rPr>
      <t>.)</t>
    </r>
  </si>
  <si>
    <r>
      <t>(A complex combination of hydrocarbons produced by the distillation of the reaction products of isobutane with monoolefinic hydrocarbons usually ranging in carbon numbers from C</t>
    </r>
    <r>
      <rPr>
        <vertAlign val="subscript"/>
        <sz val="7"/>
        <rFont val="Inherit"/>
        <family val="2"/>
      </rPr>
      <t>3</t>
    </r>
    <r>
      <rPr>
        <sz val="10"/>
        <rFont val="Inherit"/>
        <family val="2"/>
      </rPr>
      <t> through C</t>
    </r>
    <r>
      <rPr>
        <vertAlign val="subscript"/>
        <sz val="7"/>
        <rFont val="Inherit"/>
        <family val="2"/>
      </rPr>
      <t>5</t>
    </r>
    <r>
      <rPr>
        <sz val="10"/>
        <rFont val="Inherit"/>
        <family val="2"/>
      </rPr>
      <t>. It consists of predominantly branched chain saturated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with some butanes and boiling in the range of approximately 35 °C to 200 °C.)</t>
    </r>
  </si>
  <si>
    <r>
      <t>Naphtha (petroleum), C</t>
    </r>
    <r>
      <rPr>
        <vertAlign val="subscript"/>
        <sz val="7"/>
        <rFont val="Inherit"/>
        <family val="2"/>
      </rPr>
      <t>4-12</t>
    </r>
    <r>
      <rPr>
        <sz val="10"/>
        <rFont val="Inherit"/>
        <family val="2"/>
      </rPr>
      <t> butane-alkylate, isooctane-rich; Low boiling point modified naphtha</t>
    </r>
  </si>
  <si>
    <r>
      <t>(A complex combination of hydrocarbons obtained by alkylation of butanes.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rich in isooctane, and boiling in the range of approximately 35 °C to 210 °C.)</t>
    </r>
  </si>
  <si>
    <r>
      <t>Naphtha (petroleum), isomerisation, C</t>
    </r>
    <r>
      <rPr>
        <vertAlign val="subscript"/>
        <sz val="7"/>
        <rFont val="Inherit"/>
        <family val="2"/>
      </rPr>
      <t>6</t>
    </r>
    <r>
      <rPr>
        <sz val="10"/>
        <rFont val="Inherit"/>
        <family val="2"/>
      </rPr>
      <t>-fraction; Low boiling point modified naphtha</t>
    </r>
  </si>
  <si>
    <r>
      <t>Hydrocarbons, C</t>
    </r>
    <r>
      <rPr>
        <vertAlign val="subscript"/>
        <sz val="7"/>
        <rFont val="Inherit"/>
        <family val="2"/>
      </rPr>
      <t>6-7</t>
    </r>
    <r>
      <rPr>
        <sz val="10"/>
        <rFont val="Inherit"/>
        <family val="2"/>
      </rPr>
      <t>, naphtha-cracking, solvent-refined; Low boiling point modified naphtha</t>
    </r>
  </si>
  <si>
    <r>
      <t>(A complex combination of hydrocarbons obtained by the sorption of benzene from a catalytically fully hydrogenated benzene-rich hydrocarbon cut that was distillatively obtained from prehydrogenated cracked naphtha. It consists predominantly of paraffinic and naphthenic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7</t>
    </r>
    <r>
      <rPr>
        <sz val="10"/>
        <rFont val="Inherit"/>
        <family val="2"/>
      </rPr>
      <t> and boiling in the range of approximately 70 °C to 100 °C.)</t>
    </r>
  </si>
  <si>
    <r>
      <t>Hydrocarbons, C</t>
    </r>
    <r>
      <rPr>
        <vertAlign val="subscript"/>
        <sz val="7"/>
        <rFont val="Inherit"/>
        <family val="2"/>
      </rPr>
      <t>6</t>
    </r>
    <r>
      <rPr>
        <sz val="10"/>
        <rFont val="Inherit"/>
        <family val="2"/>
      </rPr>
      <t>-rich, hydrotreated light naphtha distillates, solvent-refined; Low boiling point modified naphtha</t>
    </r>
  </si>
  <si>
    <r>
      <t>(A complex combination of hydrocarbons produced by a distillation of products from a catalytic cracking process.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30 °C. It contains a relatively large proportion of unsaturated hydrocarbons.)</t>
    </r>
  </si>
  <si>
    <r>
      <t>(A complex combination of hydrocarbons produced by the distillation of products from a catalytic cracking proces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0 °C. It contains a relatively large proportion of unsaturated hydrocarbons.)</t>
    </r>
  </si>
  <si>
    <r>
      <t>Hydrocarbons, C</t>
    </r>
    <r>
      <rPr>
        <vertAlign val="subscript"/>
        <sz val="7"/>
        <rFont val="Inherit"/>
        <family val="2"/>
      </rPr>
      <t>3-11</t>
    </r>
    <r>
      <rPr>
        <sz val="10"/>
        <rFont val="Inherit"/>
        <family val="2"/>
      </rPr>
      <t>, catalytic cracker distillates; Low boiling point cat-cracked naphtha</t>
    </r>
  </si>
  <si>
    <r>
      <t>(A complex combination of hydrocarbons produced by the distillations of products from a catalytic cracking process.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11</t>
    </r>
    <r>
      <rPr>
        <sz val="10"/>
        <rFont val="Inherit"/>
        <family val="2"/>
      </rPr>
      <t> and boiling in a range approximately up to 204 °C.)</t>
    </r>
  </si>
  <si>
    <r>
      <t>(A complex combination of hydrocarbons produced by the distillation of products from a catalytic cracking process.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obtained by subjecting a catalytic cracked petroleum distillate to a sweetening process to convert mercaptans or to remove acidic impurities. It consists predominantly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0 °C to 200 °C.)</t>
    </r>
  </si>
  <si>
    <r>
      <t>Hydrocarbons, C</t>
    </r>
    <r>
      <rPr>
        <vertAlign val="subscript"/>
        <sz val="7"/>
        <rFont val="Inherit"/>
        <family val="2"/>
      </rPr>
      <t>8-12</t>
    </r>
    <r>
      <rPr>
        <sz val="10"/>
        <rFont val="Inherit"/>
        <family val="2"/>
      </rPr>
      <t>, catalytic-cracking, chem. neutralised; Low boiling point cat-cracked naphtha</t>
    </r>
  </si>
  <si>
    <r>
      <t>(A complex combination of hydrocarbons produced by the distillation of a cut from the catalytic cracking process, having undergone an alkaline washing. It consists predominantly of hydrocarbons having carbon numbers in the range of C</t>
    </r>
    <r>
      <rPr>
        <vertAlign val="subscript"/>
        <sz val="7"/>
        <rFont val="Inherit"/>
        <family val="2"/>
      </rPr>
      <t>8</t>
    </r>
    <r>
      <rPr>
        <sz val="10"/>
        <rFont val="Inherit"/>
        <family val="2"/>
      </rPr>
      <t> through C</t>
    </r>
    <r>
      <rPr>
        <vertAlign val="subscript"/>
        <sz val="7"/>
        <rFont val="Inherit"/>
        <family val="2"/>
      </rPr>
      <t>12</t>
    </r>
    <r>
      <rPr>
        <sz val="10"/>
        <rFont val="Inherit"/>
        <family val="2"/>
      </rPr>
      <t> and boiling in the range of approximately 130 °C to 210 °C.)</t>
    </r>
  </si>
  <si>
    <r>
      <t>Hydrocarbons, C</t>
    </r>
    <r>
      <rPr>
        <vertAlign val="subscript"/>
        <sz val="7"/>
        <rFont val="Inherit"/>
        <family val="2"/>
      </rPr>
      <t>8-12</t>
    </r>
    <r>
      <rPr>
        <sz val="10"/>
        <rFont val="Inherit"/>
        <family val="2"/>
      </rPr>
      <t>, catalytic cracker distillates; Low boiling point cat-cracked naphtha</t>
    </r>
  </si>
  <si>
    <r>
      <t>(A complex combination of hydrocarbons obtained by distillation of products from a catalytic cracking process. It consists predominantly of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2</t>
    </r>
    <r>
      <rPr>
        <sz val="10"/>
        <rFont val="Inherit"/>
        <family val="2"/>
      </rPr>
      <t> and boiling in the range of approximately 140 °C to 210 °C.)</t>
    </r>
  </si>
  <si>
    <r>
      <t>Hydrocarbons, C</t>
    </r>
    <r>
      <rPr>
        <vertAlign val="subscript"/>
        <sz val="7"/>
        <rFont val="Inherit"/>
        <family val="2"/>
      </rPr>
      <t>8-12</t>
    </r>
    <r>
      <rPr>
        <sz val="10"/>
        <rFont val="Inherit"/>
        <family val="2"/>
      </rPr>
      <t>, catalytic cracking, chem. neutralised, sweetened; Low boiling point cat-cracked naphtha</t>
    </r>
  </si>
  <si>
    <r>
      <t>(A complex combination of hydrocarbons produced from the distillation of products from a catalytic reforming proces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1</t>
    </r>
    <r>
      <rPr>
        <sz val="10"/>
        <rFont val="Inherit"/>
        <family val="2"/>
      </rPr>
      <t> and boiling in the range of approximately 35 °C to 190 °C. It contains a relatively large proportion of aromatic and branched chain hydrocarbons. This stream may contain 10 % vol. or more benzene.)</t>
    </r>
  </si>
  <si>
    <r>
      <t>(A complex combination of hydrocarbons produced from the distillation of products from a catalytic reforming process. It consists of predominantly aromatic hydrocarbons having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30 °C.)</t>
    </r>
  </si>
  <si>
    <r>
      <t>(A complex combination of hydrocarbons from the distillation of products from a catalytic reforming process. It consists predominantly of aliphatic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and boiling in the range of approximately - 49 °C to 63 °C.)</t>
    </r>
  </si>
  <si>
    <r>
      <t>Hydrocarbons, C</t>
    </r>
    <r>
      <rPr>
        <vertAlign val="subscript"/>
        <sz val="7"/>
        <rFont val="Inherit"/>
        <family val="2"/>
      </rPr>
      <t>2-6</t>
    </r>
    <r>
      <rPr>
        <sz val="10"/>
        <rFont val="Inherit"/>
        <family val="2"/>
      </rPr>
      <t>, C</t>
    </r>
    <r>
      <rPr>
        <vertAlign val="subscript"/>
        <sz val="7"/>
        <rFont val="Inherit"/>
        <family val="2"/>
      </rPr>
      <t>6-8</t>
    </r>
    <r>
      <rPr>
        <sz val="10"/>
        <rFont val="Inherit"/>
        <family val="2"/>
      </rPr>
      <t> catalytic reformer; Low boiling point cat-reformed naphtha</t>
    </r>
  </si>
  <si>
    <r>
      <t>Residues (petroleum), C</t>
    </r>
    <r>
      <rPr>
        <vertAlign val="subscript"/>
        <sz val="7"/>
        <rFont val="Inherit"/>
        <family val="2"/>
      </rPr>
      <t>6-8</t>
    </r>
    <r>
      <rPr>
        <sz val="10"/>
        <rFont val="Inherit"/>
        <family val="2"/>
      </rPr>
      <t> catalytic reformer; Low boiling point cat-reformed naphtha</t>
    </r>
  </si>
  <si>
    <r>
      <t>(A complex residuum from the catalytic reforming of C</t>
    </r>
    <r>
      <rPr>
        <vertAlign val="subscript"/>
        <sz val="7"/>
        <rFont val="Inherit"/>
        <family val="2"/>
      </rPr>
      <t>6-8</t>
    </r>
    <r>
      <rPr>
        <sz val="10"/>
        <rFont val="Inherit"/>
        <family val="2"/>
      </rPr>
      <t> feed. It consists of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6</t>
    </r>
    <r>
      <rPr>
        <sz val="10"/>
        <rFont val="Inherit"/>
        <family val="2"/>
      </rPr>
      <t>.)</t>
    </r>
  </si>
  <si>
    <r>
      <t>(A complex combination of hydrocarbons obtained from distillation of products from a catalytic reforming process.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8</t>
    </r>
    <r>
      <rPr>
        <sz val="10"/>
        <rFont val="Inherit"/>
        <family val="2"/>
      </rPr>
      <t> and boiling in the range of approximately 35 °C to 120 °C. It contains a relatively large proportion of branched chain hydrocarbons with the aromatic components removed.)</t>
    </r>
  </si>
  <si>
    <r>
      <t>(A complex combination of hydrocarbons obtained by the catalytic reforming of straight-run naphtha followed by the fractionation of the total effluent. It consists of saturated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6</t>
    </r>
    <r>
      <rPr>
        <sz val="10"/>
        <rFont val="Inherit"/>
        <family val="2"/>
      </rPr>
      <t>.)</t>
    </r>
  </si>
  <si>
    <r>
      <t>(A complex combination of hydrocarbons produced by the distillation of the products from a catalytic reforming proces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 and boiling in the range of approximately 35 °C to 230 °C.)</t>
    </r>
  </si>
  <si>
    <r>
      <t>(A complex combination of hydrocarbons produced by the distillation of products from a catalytic reforming proces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and boiling in the range of approximately 30 °C to 220 °C. It contains a relatively large proportion of aromatic and branched chain hydrocarbons. This stream may contain 10 % vol. or more benzene.)</t>
    </r>
  </si>
  <si>
    <r>
      <t>Distillates (petroleum), catalytic reformed hydrotreated light, C</t>
    </r>
    <r>
      <rPr>
        <vertAlign val="subscript"/>
        <sz val="7"/>
        <rFont val="Inherit"/>
        <family val="2"/>
      </rPr>
      <t>8-12</t>
    </r>
    <r>
      <rPr>
        <sz val="10"/>
        <rFont val="Inherit"/>
        <family val="2"/>
      </rPr>
      <t> arom. fraction; Low boiling point cat-reformed naphtha</t>
    </r>
  </si>
  <si>
    <r>
      <t>(A complex combination of alkylbenzenes obtained by the catalytic reforming of petroleum naphtha. It consists predominantly of alkylbenzenes having carbon numbers predominantly in the range of C</t>
    </r>
    <r>
      <rPr>
        <vertAlign val="subscript"/>
        <sz val="7"/>
        <rFont val="Inherit"/>
        <family val="2"/>
      </rPr>
      <t>8</t>
    </r>
    <r>
      <rPr>
        <sz val="10"/>
        <rFont val="Inherit"/>
        <family val="2"/>
      </rPr>
      <t> through C</t>
    </r>
    <r>
      <rPr>
        <vertAlign val="subscript"/>
        <sz val="7"/>
        <rFont val="Inherit"/>
        <family val="2"/>
      </rPr>
      <t>10</t>
    </r>
    <r>
      <rPr>
        <sz val="10"/>
        <rFont val="Inherit"/>
        <family val="2"/>
      </rPr>
      <t> and boiling in the range of approximately 160 °C to 180 °C.)</t>
    </r>
  </si>
  <si>
    <r>
      <t>Aromatic hydrocarbons, C</t>
    </r>
    <r>
      <rPr>
        <vertAlign val="subscript"/>
        <sz val="7"/>
        <rFont val="Inherit"/>
        <family val="2"/>
      </rPr>
      <t>8</t>
    </r>
    <r>
      <rPr>
        <sz val="10"/>
        <rFont val="Inherit"/>
        <family val="2"/>
      </rPr>
      <t>, catalytic reforming-derived; Low boiling point cat-reformed naphtha</t>
    </r>
  </si>
  <si>
    <r>
      <t>Aromatic hydrocarbons, C</t>
    </r>
    <r>
      <rPr>
        <vertAlign val="subscript"/>
        <sz val="7"/>
        <rFont val="Inherit"/>
        <family val="2"/>
      </rPr>
      <t>7-12</t>
    </r>
    <r>
      <rPr>
        <sz val="10"/>
        <rFont val="Inherit"/>
        <family val="2"/>
      </rPr>
      <t>, C</t>
    </r>
    <r>
      <rPr>
        <vertAlign val="subscript"/>
        <sz val="7"/>
        <rFont val="Inherit"/>
        <family val="2"/>
      </rPr>
      <t>8-</t>
    </r>
    <r>
      <rPr>
        <sz val="10"/>
        <rFont val="Inherit"/>
        <family val="2"/>
      </rPr>
      <t>rich; Low boiling point cat-reformed naphtha</t>
    </r>
  </si>
  <si>
    <r>
      <t>(A complex combination of hydrocarbons obtained by separation from the platformate-containing fraction. It consists predominantly of 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primarily C</t>
    </r>
    <r>
      <rPr>
        <vertAlign val="subscript"/>
        <sz val="7"/>
        <rFont val="Inherit"/>
        <family val="2"/>
      </rPr>
      <t>8</t>
    </r>
    <r>
      <rPr>
        <sz val="10"/>
        <rFont val="Inherit"/>
        <family val="2"/>
      </rPr>
      <t>) and can contain nonaromatic hydrocarbons, both boiling in the range of approximately 130 °C to 200 °C.)</t>
    </r>
  </si>
  <si>
    <r>
      <t>Gasoline, C</t>
    </r>
    <r>
      <rPr>
        <vertAlign val="subscript"/>
        <sz val="7"/>
        <rFont val="Inherit"/>
        <family val="2"/>
      </rPr>
      <t>5-11</t>
    </r>
    <r>
      <rPr>
        <sz val="10"/>
        <rFont val="Inherit"/>
        <family val="2"/>
      </rPr>
      <t>, high-octane stabilised reformed; Low boiling point cat-reformed naphtha</t>
    </r>
  </si>
  <si>
    <r>
      <t>(A complex high octane combination of hydrocarbons obtained by the catalytic dehydrogenation of a predominantly naphthenic naphtha. It consists predominantly of aromatics and non-aromatics having carbon numbers predominantly in the range of C</t>
    </r>
    <r>
      <rPr>
        <vertAlign val="subscript"/>
        <sz val="7"/>
        <rFont val="Inherit"/>
        <family val="2"/>
      </rPr>
      <t>5</t>
    </r>
    <r>
      <rPr>
        <sz val="10"/>
        <rFont val="Inherit"/>
        <family val="2"/>
      </rPr>
      <t> through C</t>
    </r>
    <r>
      <rPr>
        <vertAlign val="subscript"/>
        <sz val="7"/>
        <rFont val="Inherit"/>
        <family val="2"/>
      </rPr>
      <t>11</t>
    </r>
    <r>
      <rPr>
        <sz val="10"/>
        <rFont val="Inherit"/>
        <family val="2"/>
      </rPr>
      <t> and boiling in the range of approximately 45 °C to 185 °C.)</t>
    </r>
  </si>
  <si>
    <r>
      <t>Hydrocarbons, C</t>
    </r>
    <r>
      <rPr>
        <vertAlign val="subscript"/>
        <sz val="7"/>
        <rFont val="Inherit"/>
        <family val="2"/>
      </rPr>
      <t>7-12</t>
    </r>
    <r>
      <rPr>
        <sz val="10"/>
        <rFont val="Inherit"/>
        <family val="2"/>
      </rPr>
      <t>, C </t>
    </r>
    <r>
      <rPr>
        <vertAlign val="subscript"/>
        <sz val="7"/>
        <rFont val="Inherit"/>
        <family val="2"/>
      </rPr>
      <t>&gt; 9-</t>
    </r>
    <r>
      <rPr>
        <sz val="10"/>
        <rFont val="Inherit"/>
        <family val="2"/>
      </rPr>
      <t>-arom.-rich, reforming heavy fraction; Low boiling point cat-reformed naphtha</t>
    </r>
  </si>
  <si>
    <r>
      <t>(A complex combination of hydrocarbons obtained by separation from the platformate-containing fraction. It consists predominantly of non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120 °C to 210 °C and C</t>
    </r>
    <r>
      <rPr>
        <vertAlign val="subscript"/>
        <sz val="7"/>
        <rFont val="Inherit"/>
        <family val="2"/>
      </rPr>
      <t>9</t>
    </r>
    <r>
      <rPr>
        <sz val="10"/>
        <rFont val="Inherit"/>
        <family val="2"/>
      </rPr>
      <t> and higher aromatic hydrocarbons.)</t>
    </r>
  </si>
  <si>
    <r>
      <t>Hydrocarbons, C</t>
    </r>
    <r>
      <rPr>
        <vertAlign val="subscript"/>
        <sz val="7"/>
        <rFont val="Inherit"/>
        <family val="2"/>
      </rPr>
      <t>5-11</t>
    </r>
    <r>
      <rPr>
        <sz val="10"/>
        <rFont val="Inherit"/>
        <family val="2"/>
      </rPr>
      <t>, nonaroms.-rich, reforming light fraction; Low boiling point cat-reformed naphtha</t>
    </r>
  </si>
  <si>
    <r>
      <t>(A complex combination of hydrocarbons obtained by separation from the platformate-containing fraction. It consists predominantly of nonaromatic hydrocarbons having carbon numbers predominantly in the range of C</t>
    </r>
    <r>
      <rPr>
        <vertAlign val="subscript"/>
        <sz val="7"/>
        <rFont val="Inherit"/>
        <family val="2"/>
      </rPr>
      <t>5</t>
    </r>
    <r>
      <rPr>
        <sz val="10"/>
        <rFont val="Inherit"/>
        <family val="2"/>
      </rPr>
      <t> to C</t>
    </r>
    <r>
      <rPr>
        <vertAlign val="subscript"/>
        <sz val="7"/>
        <rFont val="Inherit"/>
        <family val="2"/>
      </rPr>
      <t>11</t>
    </r>
    <r>
      <rPr>
        <sz val="10"/>
        <rFont val="Inherit"/>
        <family val="2"/>
      </rPr>
      <t> and boiling in the range of approximately 35 °C to 125 °C, benzene and toluene.)</t>
    </r>
  </si>
  <si>
    <r>
      <t>(A complex combination of hydrocarbons obtained by the treatment of Foots oil with silicic acid for removal of trace constituents and impurities. It consists predominantly of straight chain hydrocarbons having carbon numbers predominantly greater than C</t>
    </r>
    <r>
      <rPr>
        <vertAlign val="subscript"/>
        <sz val="7"/>
        <rFont val="Inherit"/>
        <family val="2"/>
      </rPr>
      <t>12</t>
    </r>
    <r>
      <rPr>
        <sz val="10"/>
        <rFont val="Inherit"/>
        <family val="2"/>
      </rPr>
      <t>.)</t>
    </r>
  </si>
  <si>
    <r>
      <t>(A complex combination of hydrocarbons from distillation of products from a thermal cracking process. It consists predominantly of unsaturated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8</t>
    </r>
    <r>
      <rPr>
        <sz val="10"/>
        <rFont val="Inherit"/>
        <family val="2"/>
      </rPr>
      <t> and boiling in the range of approximately –10 °C to 130 °C.)</t>
    </r>
  </si>
  <si>
    <r>
      <t>(A complex combination of hydrocarbons from distillation of products from a thermal cracking process. It consists predominantly of unsaturated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20 °C.)</t>
    </r>
  </si>
  <si>
    <r>
      <t>(The complex combination of hydrocarbons from the distillation of products from the thermal cracking of ethane and propane. This higher boiling fraction consists predominantly of C</t>
    </r>
    <r>
      <rPr>
        <vertAlign val="subscript"/>
        <sz val="7"/>
        <rFont val="Inherit"/>
        <family val="2"/>
      </rPr>
      <t>5</t>
    </r>
    <r>
      <rPr>
        <sz val="10"/>
        <rFont val="Inherit"/>
        <family val="2"/>
      </rPr>
      <t>-C</t>
    </r>
    <r>
      <rPr>
        <vertAlign val="subscript"/>
        <sz val="7"/>
        <rFont val="Inherit"/>
        <family val="2"/>
      </rPr>
      <t>7</t>
    </r>
    <r>
      <rPr>
        <sz val="10"/>
        <rFont val="Inherit"/>
        <family val="2"/>
      </rPr>
      <t> aromatic hydrocarbons with some unsaturated aliphatic hydrocarbons having a carbon number predominantly of C</t>
    </r>
    <r>
      <rPr>
        <vertAlign val="subscript"/>
        <sz val="7"/>
        <rFont val="Inherit"/>
        <family val="2"/>
      </rPr>
      <t>5</t>
    </r>
    <r>
      <rPr>
        <sz val="10"/>
        <rFont val="Inherit"/>
        <family val="2"/>
      </rPr>
      <t>. This stream may contain benzene.)</t>
    </r>
  </si>
  <si>
    <r>
      <t>(The complex combination of hydrocarbons from the distillation of products from the thermal cracking of ethane and propane. This lower boiling fraction consists predominantly of C</t>
    </r>
    <r>
      <rPr>
        <vertAlign val="subscript"/>
        <sz val="7"/>
        <rFont val="Inherit"/>
        <family val="2"/>
      </rPr>
      <t>5</t>
    </r>
    <r>
      <rPr>
        <sz val="10"/>
        <rFont val="Inherit"/>
        <family val="2"/>
      </rPr>
      <t>-C</t>
    </r>
    <r>
      <rPr>
        <vertAlign val="subscript"/>
        <sz val="7"/>
        <rFont val="Inherit"/>
        <family val="2"/>
      </rPr>
      <t>7</t>
    </r>
    <r>
      <rPr>
        <sz val="10"/>
        <rFont val="Inherit"/>
        <family val="2"/>
      </rPr>
      <t> aromatic hydrocarbons with some unsaturated aliphatic hydrocarbons having a carbon number predominantly of C</t>
    </r>
    <r>
      <rPr>
        <vertAlign val="subscript"/>
        <sz val="7"/>
        <rFont val="Inherit"/>
        <family val="2"/>
      </rPr>
      <t>5</t>
    </r>
    <r>
      <rPr>
        <sz val="10"/>
        <rFont val="Inherit"/>
        <family val="2"/>
      </rPr>
      <t>. This stream may contain benzene.)</t>
    </r>
  </si>
  <si>
    <r>
      <t>(The complex combination of hydrocarbons obtained by the pyrolysis fractionation at 816 °C of naphtha and raffinate. It consists predominantly of hydrocarbons having a carbon number of C</t>
    </r>
    <r>
      <rPr>
        <vertAlign val="subscript"/>
        <sz val="7"/>
        <rFont val="Inherit"/>
        <family val="2"/>
      </rPr>
      <t>9</t>
    </r>
    <r>
      <rPr>
        <sz val="10"/>
        <rFont val="Inherit"/>
        <family val="2"/>
      </rPr>
      <t> and boiling at approximately 204 °C.)</t>
    </r>
  </si>
  <si>
    <r>
      <t>Aromatic hydrocarbons, C</t>
    </r>
    <r>
      <rPr>
        <vertAlign val="subscript"/>
        <sz val="7"/>
        <rFont val="Inherit"/>
        <family val="2"/>
      </rPr>
      <t>6-8</t>
    </r>
    <r>
      <rPr>
        <sz val="10"/>
        <rFont val="Inherit"/>
        <family val="2"/>
      </rPr>
      <t>, naphtha-raffinate pyrolyzate-derived; Low boiling point thermally cracked naphtha</t>
    </r>
  </si>
  <si>
    <r>
      <t>(A complex combination of hydrocarbons obtained by the fractionation pyrolysis at 816 °C of naphtha and raffinate. It consists predominantly of aromatic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8</t>
    </r>
    <r>
      <rPr>
        <sz val="10"/>
        <rFont val="Inherit"/>
        <family val="2"/>
      </rPr>
      <t>, including benzene.)</t>
    </r>
  </si>
  <si>
    <r>
      <t>(A complex combination of hydrocarbons produced by distillation of thermally cracked naphtha and/or gas oil. It consists predominantly of olefinic hydrocarbons having a carbon number of C</t>
    </r>
    <r>
      <rPr>
        <vertAlign val="subscript"/>
        <sz val="7"/>
        <rFont val="Inherit"/>
        <family val="2"/>
      </rPr>
      <t>5</t>
    </r>
    <r>
      <rPr>
        <sz val="10"/>
        <rFont val="Inherit"/>
        <family val="2"/>
      </rPr>
      <t> and boiling in the range of approximately 33 °C to 60 °C.)</t>
    </r>
  </si>
  <si>
    <r>
      <t>Distillates (petroleum), thermal cracked naphtha and gas oil, C</t>
    </r>
    <r>
      <rPr>
        <vertAlign val="subscript"/>
        <sz val="7"/>
        <rFont val="Inherit"/>
        <family val="2"/>
      </rPr>
      <t>5</t>
    </r>
    <r>
      <rPr>
        <sz val="10"/>
        <rFont val="Inherit"/>
        <family val="2"/>
      </rPr>
      <t>-dimer-contg.; Low boiling point thermally cracked naphtha</t>
    </r>
  </si>
  <si>
    <r>
      <t>(A complex combination of hydrocarbons produced by the extractive distillation of thermal cracked naphtha and/or gas oil. It consists predominantly of hydrocarbons having a carbon number of C</t>
    </r>
    <r>
      <rPr>
        <vertAlign val="subscript"/>
        <sz val="7"/>
        <rFont val="Inherit"/>
        <family val="2"/>
      </rPr>
      <t>5</t>
    </r>
    <r>
      <rPr>
        <sz val="10"/>
        <rFont val="Inherit"/>
        <family val="2"/>
      </rPr>
      <t> with some dimerised C</t>
    </r>
    <r>
      <rPr>
        <vertAlign val="subscript"/>
        <sz val="7"/>
        <rFont val="Inherit"/>
        <family val="2"/>
      </rPr>
      <t>5</t>
    </r>
    <r>
      <rPr>
        <sz val="10"/>
        <rFont val="Inherit"/>
        <family val="2"/>
      </rPr>
      <t> olefins and boiling in the range of approximately 33 °C to 184 °C.)</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3</t>
    </r>
    <r>
      <rPr>
        <sz val="10"/>
        <rFont val="Inherit"/>
        <family val="2"/>
      </rPr>
      <t> and boiling in the range of approximately 65 °C to 230 °C.)</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0 °C.)</t>
    </r>
  </si>
  <si>
    <r>
      <t>(A complex combination of hydrocarbons obtained from a catalytic hydrodesulphurisation proces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0 °C.)</t>
    </r>
  </si>
  <si>
    <r>
      <t>(A complex combination of hydrocarbons obtained from a catalytic hydrodesulphurisation process. It consists of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30 °C.)</t>
    </r>
  </si>
  <si>
    <r>
      <t>(A complex combination of hydrocarbons obtained by the distillation of products from a middle distillate hydrotreating proces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0</t>
    </r>
    <r>
      <rPr>
        <sz val="10"/>
        <rFont val="Inherit"/>
        <family val="2"/>
      </rPr>
      <t> and boiling in the range of approximately 127 °C to 188 °C.)</t>
    </r>
  </si>
  <si>
    <r>
      <t>(A complex combination of hydrocarbons obtained by the distillation of products from the light distillate hydrotreating process.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9</t>
    </r>
    <r>
      <rPr>
        <sz val="10"/>
        <rFont val="Inherit"/>
        <family val="2"/>
      </rPr>
      <t> and boiling in the range of approximately 3 °C to 194 °C.)</t>
    </r>
  </si>
  <si>
    <r>
      <t>(A complex combination of hydrocarbons obtained by distillation of the products from a heavy naphtha hydrotreating process.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and boiling in the range of approximately - 49 °C to 68 °C.)</t>
    </r>
  </si>
  <si>
    <r>
      <t>(A complex combination of hydrocarbons obtained by treating a petroleum fraction with hydrogen in the presence of a catalyst. It consists predominantly of aromatic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0</t>
    </r>
    <r>
      <rPr>
        <sz val="10"/>
        <rFont val="Inherit"/>
        <family val="2"/>
      </rPr>
      <t> and boiling in the range of approximately 135 °C to 210 °C.)</t>
    </r>
  </si>
  <si>
    <r>
      <t>(A complex combination of hydrocarbons obtained by fractionation of hydrodesulphurised thermal cracker distillate. It consists predominantly of hydrocarbons having carbon numbers predominantly in the range of C</t>
    </r>
    <r>
      <rPr>
        <vertAlign val="subscript"/>
        <sz val="7"/>
        <rFont val="Inherit"/>
        <family val="2"/>
      </rPr>
      <t>5</t>
    </r>
    <r>
      <rPr>
        <sz val="10"/>
        <rFont val="Inherit"/>
        <family val="2"/>
      </rPr>
      <t> to C</t>
    </r>
    <r>
      <rPr>
        <vertAlign val="subscript"/>
        <sz val="7"/>
        <rFont val="Inherit"/>
        <family val="2"/>
      </rPr>
      <t>11</t>
    </r>
    <r>
      <rPr>
        <sz val="10"/>
        <rFont val="Inherit"/>
        <family val="2"/>
      </rPr>
      <t> and boiling in the range of approximately 23 °C to 195 °C.)</t>
    </r>
  </si>
  <si>
    <r>
      <t>(A complex combination of hydrocarbons obtained from a catalytic hydrodesulphurisation process.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30 °C to 250 °C.)</t>
    </r>
  </si>
  <si>
    <r>
      <t>(A complex combination of hydrocarbons obtained by treating a petroleum fraction, derived from a pyrolysis process, with hydrogen in the presence of a catalyst. It consists predominantly of unsaturated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1</t>
    </r>
    <r>
      <rPr>
        <sz val="10"/>
        <rFont val="Inherit"/>
        <family val="2"/>
      </rPr>
      <t> and boiling in the range of approximately 35 °C to 190 °C.)</t>
    </r>
  </si>
  <si>
    <r>
      <t>Hydrocarbons, C</t>
    </r>
    <r>
      <rPr>
        <vertAlign val="subscript"/>
        <sz val="7"/>
        <rFont val="Inherit"/>
        <family val="2"/>
      </rPr>
      <t>4-12</t>
    </r>
    <r>
      <rPr>
        <sz val="10"/>
        <rFont val="Inherit"/>
        <family val="2"/>
      </rPr>
      <t>, naphtha-cracking, hydrotreated; Low boiling point hydrogen treated naphtha</t>
    </r>
  </si>
  <si>
    <r>
      <t>(A complex combination of hydrocarbons obtained by distillation from the product of naphtha steam cracking process and subsequent catalytic selective hydrogenation of gum former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and boiling in the range of approximately 30 °C to 230 °C.)</t>
    </r>
  </si>
  <si>
    <r>
      <t>(A complex combination of hydrocarbons obtained by treating a petroleum fraction with hydrogen in the presence of a catalyst. It consists predominantly of cycloparaffinic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7</t>
    </r>
    <r>
      <rPr>
        <sz val="10"/>
        <rFont val="Inherit"/>
        <family val="2"/>
      </rPr>
      <t> and boiling in the range of approximately 73 °C to 85 °C.)</t>
    </r>
  </si>
  <si>
    <r>
      <t>(A complex combination of hydrocarbons produced from the separation and subsequent hydrogenation of the products of a steam-cracking process to produce ethylene. It consists predominantly of saturated and unsaturated paraffins, cyclic paraffins and cyclic arom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0</t>
    </r>
    <r>
      <rPr>
        <sz val="10"/>
        <rFont val="Inherit"/>
        <family val="2"/>
      </rPr>
      <t> and boiling in the range of approximately 50 °C to 200 °C. The proportion of benzene hydrocarbons may vary up to 30 % wt and the stream may also contain small amounts of sulphur and oxygenated compounds.)</t>
    </r>
  </si>
  <si>
    <r>
      <t>Hydrocarbons, C</t>
    </r>
    <r>
      <rPr>
        <vertAlign val="subscript"/>
        <sz val="7"/>
        <rFont val="Inherit"/>
        <family val="2"/>
      </rPr>
      <t>6-11</t>
    </r>
    <r>
      <rPr>
        <sz val="10"/>
        <rFont val="Inherit"/>
        <family val="2"/>
      </rPr>
      <t>, hydrotreated, dearomatised; Low boiling point hydrogen treated naphtha</t>
    </r>
  </si>
  <si>
    <r>
      <t>Hydrocarbons, C</t>
    </r>
    <r>
      <rPr>
        <vertAlign val="subscript"/>
        <sz val="7"/>
        <rFont val="Inherit"/>
        <family val="2"/>
      </rPr>
      <t>9-12</t>
    </r>
    <r>
      <rPr>
        <sz val="10"/>
        <rFont val="Inherit"/>
        <family val="2"/>
      </rPr>
      <t>, hydrotreated, dearomatised; Low boiling point hydrogen treated naphtha</t>
    </r>
  </si>
  <si>
    <r>
      <t>(A complex combination of hydrocarbons separated as a liquid from natural gas in a surface separator by retrograde condensation. It consists mainly of hydrocarbons having carbon numbers predominantly in the range of C</t>
    </r>
    <r>
      <rPr>
        <vertAlign val="subscript"/>
        <sz val="7"/>
        <rFont val="Inherit"/>
        <family val="2"/>
      </rPr>
      <t>2</t>
    </r>
    <r>
      <rPr>
        <sz val="10"/>
        <rFont val="Inherit"/>
        <family val="2"/>
      </rPr>
      <t> to C</t>
    </r>
    <r>
      <rPr>
        <vertAlign val="subscript"/>
        <sz val="7"/>
        <rFont val="Inherit"/>
        <family val="2"/>
      </rPr>
      <t>20</t>
    </r>
    <r>
      <rPr>
        <sz val="10"/>
        <rFont val="Inherit"/>
        <family val="2"/>
      </rPr>
      <t>. It is a liquid at atmospheric temperature and pressure.)</t>
    </r>
  </si>
  <si>
    <r>
      <t>(A complex combination of hydrocarbons separated as a liquid from natural gas in a gas recycling plant by processes such as refrigeration or absorption. It consists mainly of saturated aliphatic hydrocarbons having carbon numbers in the range of C</t>
    </r>
    <r>
      <rPr>
        <vertAlign val="subscript"/>
        <sz val="7"/>
        <rFont val="Inherit"/>
        <family val="2"/>
      </rPr>
      <t>2</t>
    </r>
    <r>
      <rPr>
        <sz val="10"/>
        <rFont val="Inherit"/>
        <family val="2"/>
      </rPr>
      <t> through C</t>
    </r>
    <r>
      <rPr>
        <vertAlign val="subscript"/>
        <sz val="7"/>
        <rFont val="Inherit"/>
        <family val="2"/>
      </rPr>
      <t>8</t>
    </r>
    <r>
      <rPr>
        <sz val="10"/>
        <rFont val="Inherit"/>
        <family val="2"/>
      </rPr>
      <t>.)</t>
    </r>
  </si>
  <si>
    <r>
      <t>(A complex combination of hydrocarbons from distillation of the products from a hydrocracking process. It consists predominantly of saturated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0</t>
    </r>
    <r>
      <rPr>
        <sz val="10"/>
        <rFont val="Inherit"/>
        <family val="2"/>
      </rPr>
      <t>, and boiling in the range of approximately –20 °C to 180 °C.)</t>
    </r>
  </si>
  <si>
    <r>
      <t>(A complex combination of hydrocarbons from distillation of the products from a hydrocracking process. It consists predominantly of saturated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30 °C.)</t>
    </r>
  </si>
  <si>
    <r>
      <t>(A complex combination of hydrocarbons obtained by subjecting a petroleum naphtha to a sweetening process to convert mercaptans or to remove acidic impuritie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and boiling in the range of approximately - 10 °C to 230 °C.)</t>
    </r>
  </si>
  <si>
    <r>
      <t>(A complex combination of hydrocarbons obtained as a raffinate from a sulphuric acid treating process. It consists of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30 °C.)</t>
    </r>
  </si>
  <si>
    <r>
      <t>(A complex combination of hydrocarbons produced by a treating process to remove acidic materials.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30 °C.)</t>
    </r>
  </si>
  <si>
    <r>
      <t>(A complex combination of hydrocarbons produced by a treating process to remove acidic material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0 °C.)</t>
    </r>
  </si>
  <si>
    <r>
      <t>(A complex combination of hydrocarbons obtained from the catalytic dewaxing of a petroleum fraction.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 and boiling in the range of approximately 35 °C to 230 °C.)</t>
    </r>
  </si>
  <si>
    <r>
      <t>(A complex combination of hydrocarbons obtained by the distillation of the products from a steam cracking process. It consists predominantly of unsaturated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0 °C. This stream is likely to contain 10 % vol. or more benzene.)</t>
    </r>
  </si>
  <si>
    <r>
      <t>(A complex combination of hydrocarbons obtained from distillation of aromatic streams. It consists predominantly of aromatic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0</t>
    </r>
    <r>
      <rPr>
        <sz val="10"/>
        <rFont val="Inherit"/>
        <family val="2"/>
      </rPr>
      <t> and boiling in the range of approximately 135 °C to 210 °C.)</t>
    </r>
  </si>
  <si>
    <r>
      <t>Aromatic hydrocarbons, C</t>
    </r>
    <r>
      <rPr>
        <vertAlign val="subscript"/>
        <sz val="7"/>
        <rFont val="Inherit"/>
        <family val="2"/>
      </rPr>
      <t>6-10</t>
    </r>
    <r>
      <rPr>
        <sz val="10"/>
        <rFont val="Inherit"/>
        <family val="2"/>
      </rPr>
      <t>, acid-treated, neutralised; Low boiling point naphtha — unspecified</t>
    </r>
  </si>
  <si>
    <r>
      <t>Distillates (petroleum), C</t>
    </r>
    <r>
      <rPr>
        <vertAlign val="subscript"/>
        <sz val="7"/>
        <rFont val="Inherit"/>
        <family val="2"/>
      </rPr>
      <t>3-5</t>
    </r>
    <r>
      <rPr>
        <sz val="10"/>
        <rFont val="Inherit"/>
        <family val="2"/>
      </rPr>
      <t>, 2-methyl-2-butene-rich; Low boiling point naphtha — unspecified</t>
    </r>
  </si>
  <si>
    <r>
      <t>(A complex combination of hydrocarbons from the distillation of hydrocarbons usually ranging in carbon numbers from C</t>
    </r>
    <r>
      <rPr>
        <vertAlign val="subscript"/>
        <sz val="7"/>
        <rFont val="Inherit"/>
        <family val="2"/>
      </rPr>
      <t>3</t>
    </r>
    <r>
      <rPr>
        <sz val="10"/>
        <rFont val="Inherit"/>
        <family val="2"/>
      </rPr>
      <t> through C</t>
    </r>
    <r>
      <rPr>
        <vertAlign val="subscript"/>
        <sz val="7"/>
        <rFont val="Inherit"/>
        <family val="2"/>
      </rPr>
      <t>5</t>
    </r>
    <r>
      <rPr>
        <sz val="10"/>
        <rFont val="Inherit"/>
        <family val="2"/>
      </rPr>
      <t>, predominantly isopentane and 3-methyl-1-butene. It consists of saturated and unsaturated hydrocarbons having carbon numbers in the range of C</t>
    </r>
    <r>
      <rPr>
        <vertAlign val="subscript"/>
        <sz val="7"/>
        <rFont val="Inherit"/>
        <family val="2"/>
      </rPr>
      <t>3</t>
    </r>
    <r>
      <rPr>
        <sz val="10"/>
        <rFont val="Inherit"/>
        <family val="2"/>
      </rPr>
      <t> through C</t>
    </r>
    <r>
      <rPr>
        <vertAlign val="subscript"/>
        <sz val="7"/>
        <rFont val="Inherit"/>
        <family val="2"/>
      </rPr>
      <t>5</t>
    </r>
    <r>
      <rPr>
        <sz val="10"/>
        <rFont val="Inherit"/>
        <family val="2"/>
      </rPr>
      <t>, predominantly 2-methyl-2-butene.)</t>
    </r>
  </si>
  <si>
    <r>
      <t>Distillates (petroleum), polymd. steam-cracked petroleum distillates, C</t>
    </r>
    <r>
      <rPr>
        <vertAlign val="subscript"/>
        <sz val="7"/>
        <rFont val="Inherit"/>
        <family val="2"/>
      </rPr>
      <t>5-12</t>
    </r>
    <r>
      <rPr>
        <sz val="10"/>
        <rFont val="Inherit"/>
        <family val="2"/>
      </rPr>
      <t> fraction; Low boiling point naphtha — unspecified</t>
    </r>
  </si>
  <si>
    <r>
      <t>(A complex combination of hydrocarbons obtained from the distillation of polymerised steam-cracked petroleum distillate.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t>
    </r>
  </si>
  <si>
    <r>
      <t>Distillates (petroleum), steam-cracked, C</t>
    </r>
    <r>
      <rPr>
        <vertAlign val="subscript"/>
        <sz val="7"/>
        <rFont val="Inherit"/>
        <family val="2"/>
      </rPr>
      <t>5-12</t>
    </r>
    <r>
      <rPr>
        <sz val="10"/>
        <rFont val="Inherit"/>
        <family val="2"/>
      </rPr>
      <t> fraction; Low boiling point naphtha — unspecified</t>
    </r>
  </si>
  <si>
    <r>
      <t>(A complex combination of organic compounds obtained by the distillation of products from a steam cracking process. It consists of unsaturated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t>
    </r>
  </si>
  <si>
    <r>
      <t>Distillates (petroleum), steam-cracked, C</t>
    </r>
    <r>
      <rPr>
        <vertAlign val="subscript"/>
        <sz val="7"/>
        <rFont val="Inherit"/>
        <family val="2"/>
      </rPr>
      <t>5-10</t>
    </r>
    <r>
      <rPr>
        <sz val="10"/>
        <rFont val="Inherit"/>
        <family val="2"/>
      </rPr>
      <t> fraction, mixed with light steam-cracked petroleum naphtha C</t>
    </r>
    <r>
      <rPr>
        <vertAlign val="subscript"/>
        <sz val="7"/>
        <rFont val="Inherit"/>
        <family val="2"/>
      </rPr>
      <t>5</t>
    </r>
    <r>
      <rPr>
        <sz val="10"/>
        <rFont val="Inherit"/>
        <family val="2"/>
      </rPr>
      <t> fraction; Low boiling point naphtha — unspecified</t>
    </r>
  </si>
  <si>
    <r>
      <t>Extracts (petroleum), cold-acid, C</t>
    </r>
    <r>
      <rPr>
        <vertAlign val="subscript"/>
        <sz val="7"/>
        <rFont val="Inherit"/>
        <family val="2"/>
      </rPr>
      <t>4-6</t>
    </r>
    <r>
      <rPr>
        <sz val="10"/>
        <rFont val="Inherit"/>
        <family val="2"/>
      </rPr>
      <t>; Low boiling point naphtha — unspecified</t>
    </r>
  </si>
  <si>
    <r>
      <t>(A complex combination of organic compounds produced by cold acid unit extraction of saturated and unsaturated aliphatic hydrocarbons usually ranging in carbon numbers from C</t>
    </r>
    <r>
      <rPr>
        <vertAlign val="subscript"/>
        <sz val="7"/>
        <rFont val="Inherit"/>
        <family val="2"/>
      </rPr>
      <t>3</t>
    </r>
    <r>
      <rPr>
        <sz val="10"/>
        <rFont val="Inherit"/>
        <family val="2"/>
      </rPr>
      <t> through C</t>
    </r>
    <r>
      <rPr>
        <vertAlign val="subscript"/>
        <sz val="7"/>
        <rFont val="Inherit"/>
        <family val="2"/>
      </rPr>
      <t>6</t>
    </r>
    <r>
      <rPr>
        <sz val="10"/>
        <rFont val="Inherit"/>
        <family val="2"/>
      </rPr>
      <t>, predominantly pentanes and amylenes. It consists predominantly of saturated and unsaturated hydrocarbons having carbon numbers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 predominantly C</t>
    </r>
    <r>
      <rPr>
        <vertAlign val="subscript"/>
        <sz val="7"/>
        <rFont val="Inherit"/>
        <family val="2"/>
      </rPr>
      <t>5</t>
    </r>
    <r>
      <rPr>
        <sz val="10"/>
        <rFont val="Inherit"/>
        <family val="2"/>
      </rPr>
      <t>.)</t>
    </r>
  </si>
  <si>
    <r>
      <t>(A complex combination of hydrocarbons obtained from a catalytic cracked gas stream. It consists of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t>
    </r>
  </si>
  <si>
    <r>
      <t>(A complex residuum from the distillation of butane stream. It consists of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t>
    </r>
  </si>
  <si>
    <r>
      <t>(A complex residuum from the atmospheric distillation of the butane-butylene stream. It consists of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t>
    </r>
  </si>
  <si>
    <r>
      <t>(A complex combination of hydrocarbons produced by the distillation of products from a fluid coker. It consists predominantly of unsaturated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5</t>
    </r>
    <r>
      <rPr>
        <sz val="10"/>
        <rFont val="Inherit"/>
        <family val="2"/>
      </rPr>
      <t> and boiling in the range of approximately 43 °C to 250 °C.)</t>
    </r>
  </si>
  <si>
    <r>
      <t>(A complex combination of hydrocarbons produced by the distillation of products from a steam-cracking process. It consists predominantly of 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130 °C to 220 °C.)</t>
    </r>
  </si>
  <si>
    <r>
      <t>(A complex combination of hydrocarbons resulting from treatment of full-range straight-run, naphtha with natural or modified clay, usually in a percolation process to remove the trace amounts of polar compounds and impurities present.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220 °C.)</t>
    </r>
  </si>
  <si>
    <r>
      <t>(A complex combination of hydrocarbons resulting from treatment of light straight-run naphtha with a natural or modified clay, usually in a percolation process to remove the trace amounts of polar compounds and impurities, present. It consists of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0</t>
    </r>
    <r>
      <rPr>
        <sz val="10"/>
        <rFont val="Inherit"/>
        <family val="2"/>
      </rPr>
      <t> and boiling in the range of approximately 93 °C to 180 °C.)</t>
    </r>
  </si>
  <si>
    <r>
      <t>(A complex combination of hydrocarbons produced by distillation of products from a steam-cracking process. It consists predominantly of 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9</t>
    </r>
    <r>
      <rPr>
        <sz val="10"/>
        <rFont val="Inherit"/>
        <family val="2"/>
      </rPr>
      <t>, and boiling in the range of approximately 110 °C to 165 °C.)</t>
    </r>
  </si>
  <si>
    <r>
      <t>(A complex combination of hydrocarbons produced by distillation of products from a steam-cracking process.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and boiling in the range of approximately 80 °C to 218 °C.)</t>
    </r>
  </si>
  <si>
    <r>
      <t>(A complex combination of hydrocarbons obtained from the fractionation of depropaniser bottoms. It consists of hydrocarbons having carbon numbers predominantly greater than C</t>
    </r>
    <r>
      <rPr>
        <vertAlign val="subscript"/>
        <sz val="7"/>
        <rFont val="Inherit"/>
        <family val="2"/>
      </rPr>
      <t>5</t>
    </r>
    <r>
      <rPr>
        <sz val="10"/>
        <rFont val="Inherit"/>
        <family val="2"/>
      </rPr>
      <t>.)</t>
    </r>
  </si>
  <si>
    <r>
      <t>(A complex combination of hydrocarbons obtained by subjecting a petroleum distillate to a sweetening process to convert mercaptans or to remove acidic impurities. It consists predominantly of saturated and unsaturated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and boiling in the range of approximately - 20 °C to 100 °C.)</t>
    </r>
  </si>
  <si>
    <r>
      <t>(A complex combination of hydrocarbons separated and/or condensed from natural gas during transportation and collected at the wellhead and/or from the production, gathering, transmission, and distribution pipelines in deeps, scrubbers, etc. It consists predominantly of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8</t>
    </r>
    <r>
      <rPr>
        <sz val="10"/>
        <rFont val="Inherit"/>
        <family val="2"/>
      </rPr>
      <t>.)</t>
    </r>
  </si>
  <si>
    <r>
      <t>(A complex combination of hydrocarbons produced by stripping the products from the naphtha unifiner. It consists of saturated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6</t>
    </r>
    <r>
      <rPr>
        <sz val="10"/>
        <rFont val="Inherit"/>
        <family val="2"/>
      </rPr>
      <t>.)</t>
    </r>
  </si>
  <si>
    <r>
      <t>(A complex combination of hydrocarbons remaining after removal of aromatic compounds from catalytic reformed light naphtha in a selective absorption process. It consists predominantly of paraffinic and cyclic compounds having carbon numbers predominantly in the range of C</t>
    </r>
    <r>
      <rPr>
        <vertAlign val="subscript"/>
        <sz val="7"/>
        <rFont val="Inherit"/>
        <family val="2"/>
      </rPr>
      <t>5</t>
    </r>
    <r>
      <rPr>
        <sz val="10"/>
        <rFont val="Inherit"/>
        <family val="2"/>
      </rPr>
      <t> to C</t>
    </r>
    <r>
      <rPr>
        <vertAlign val="subscript"/>
        <sz val="7"/>
        <rFont val="Inherit"/>
        <family val="2"/>
      </rPr>
      <t>8</t>
    </r>
    <r>
      <rPr>
        <sz val="10"/>
        <rFont val="Inherit"/>
        <family val="2"/>
      </rPr>
      <t> and boiling in the range of approximately 66 °C to 121 °C.)</t>
    </r>
  </si>
  <si>
    <r>
      <t>(A complex combination of hydrocarbons consisting primarily of paraffins, cycloparaffins, aromatic and olefinic hydrocarbons having carbon numbers predominantly greater than C</t>
    </r>
    <r>
      <rPr>
        <vertAlign val="subscript"/>
        <sz val="7"/>
        <rFont val="Inherit"/>
        <family val="2"/>
      </rPr>
      <t>3</t>
    </r>
    <r>
      <rPr>
        <sz val="10"/>
        <rFont val="Inherit"/>
        <family val="2"/>
      </rPr>
      <t> and boiling in the range of 30 °C to 260 °C.)</t>
    </r>
  </si>
  <si>
    <r>
      <t>Aromatic hydrocarbons, C</t>
    </r>
    <r>
      <rPr>
        <vertAlign val="subscript"/>
        <sz val="7"/>
        <rFont val="Inherit"/>
        <family val="2"/>
      </rPr>
      <t>7-8</t>
    </r>
    <r>
      <rPr>
        <sz val="10"/>
        <rFont val="Inherit"/>
        <family val="2"/>
      </rPr>
      <t>, dealkylation products, distillation residues; Low boiling point naphtha — unspecified</t>
    </r>
  </si>
  <si>
    <r>
      <t>Hydrocarbons, C</t>
    </r>
    <r>
      <rPr>
        <vertAlign val="subscript"/>
        <sz val="7"/>
        <rFont val="Inherit"/>
        <family val="2"/>
      </rPr>
      <t>4-6</t>
    </r>
    <r>
      <rPr>
        <sz val="10"/>
        <rFont val="Inherit"/>
        <family val="2"/>
      </rPr>
      <t>, depentaniser lights, arom. hydrotreater; Low boiling point naphtha — unspecified</t>
    </r>
  </si>
  <si>
    <r>
      <t>(A complex combination of hydrocarbons obtained as first runnings from the depentaniser column before hydrotreatment of the aromatic charges.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 predominantly pentanes and pentenes, and boiling in the range of approximately 25 °C to 40 °C.)</t>
    </r>
  </si>
  <si>
    <r>
      <t>Distillates (petroleum), heat-soaked steam-cracked naphtha, C</t>
    </r>
    <r>
      <rPr>
        <vertAlign val="subscript"/>
        <sz val="7"/>
        <rFont val="Inherit"/>
        <family val="2"/>
      </rPr>
      <t>5</t>
    </r>
    <r>
      <rPr>
        <sz val="10"/>
        <rFont val="Inherit"/>
        <family val="2"/>
      </rPr>
      <t>-rich; Low boiling point naphtha — unspecified</t>
    </r>
  </si>
  <si>
    <r>
      <t>(A complex combination of hydrocarbons obtained by distillation of heat-soaked steam-cracked naphtha. It consists predominantly of hydrocarbons having carbon numbers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 predominantly C</t>
    </r>
    <r>
      <rPr>
        <vertAlign val="subscript"/>
        <sz val="7"/>
        <rFont val="Inherit"/>
        <family val="2"/>
      </rPr>
      <t>5</t>
    </r>
    <r>
      <rPr>
        <sz val="10"/>
        <rFont val="Inherit"/>
        <family val="2"/>
      </rPr>
      <t>.)</t>
    </r>
  </si>
  <si>
    <r>
      <t>(A complex combination of hydrocarbons obtained as the extract from the solvent extraction of a catalytically reformed petroleum cut. It consists predominantly of 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8</t>
    </r>
    <r>
      <rPr>
        <sz val="10"/>
        <rFont val="Inherit"/>
        <family val="2"/>
      </rPr>
      <t> and boiling in the range of approximately 100 °C to 200 °C.)</t>
    </r>
  </si>
  <si>
    <r>
      <t>(A complex combination of hydrocarbons obtained by distillation of hydrodesulphurised and dearomatised light petroleum fractions. It consists predominantly of C</t>
    </r>
    <r>
      <rPr>
        <vertAlign val="subscript"/>
        <sz val="7"/>
        <rFont val="Inherit"/>
        <family val="2"/>
      </rPr>
      <t>7</t>
    </r>
    <r>
      <rPr>
        <sz val="10"/>
        <rFont val="Inherit"/>
        <family val="2"/>
      </rPr>
      <t> paraffins and cycloparaffins boiling in a range of approximately 90 °C to 100 °C.)</t>
    </r>
  </si>
  <si>
    <r>
      <t>Naphtha (petroleum), light, C</t>
    </r>
    <r>
      <rPr>
        <vertAlign val="subscript"/>
        <sz val="7"/>
        <rFont val="Inherit"/>
        <family val="2"/>
      </rPr>
      <t>5</t>
    </r>
    <r>
      <rPr>
        <sz val="10"/>
        <rFont val="Inherit"/>
        <family val="2"/>
      </rPr>
      <t>-rich, sweetened; low boiling point naphtha — unspecified</t>
    </r>
  </si>
  <si>
    <r>
      <t>(A complex combination of hydrocarbons obtained by subjecting a petroleum naphtha to a sweetening process to convert mercaptans or to remove acidic impuritie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5</t>
    </r>
    <r>
      <rPr>
        <sz val="10"/>
        <rFont val="Inherit"/>
        <family val="2"/>
      </rPr>
      <t>, predominantly C</t>
    </r>
    <r>
      <rPr>
        <vertAlign val="subscript"/>
        <sz val="7"/>
        <rFont val="Inherit"/>
        <family val="2"/>
      </rPr>
      <t>5</t>
    </r>
    <r>
      <rPr>
        <sz val="10"/>
        <rFont val="Inherit"/>
        <family val="2"/>
      </rPr>
      <t>, and boiling in the range of approximately - 10 °C to 35 °C.)</t>
    </r>
  </si>
  <si>
    <r>
      <t>Hydrocarbons, C</t>
    </r>
    <r>
      <rPr>
        <vertAlign val="subscript"/>
        <sz val="7"/>
        <rFont val="Inherit"/>
        <family val="2"/>
      </rPr>
      <t>8-11</t>
    </r>
    <r>
      <rPr>
        <sz val="10"/>
        <rFont val="Inherit"/>
        <family val="2"/>
      </rPr>
      <t>, naphtha-cracking, toluene cut; low boiling point naphtha — unspecified</t>
    </r>
  </si>
  <si>
    <r>
      <t>(A complex combination of hydrocarbons obtained by distillation from prehydrogenated cracked naphtha. It consists predominantly of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1</t>
    </r>
    <r>
      <rPr>
        <sz val="10"/>
        <rFont val="Inherit"/>
        <family val="2"/>
      </rPr>
      <t> and boiling in the range of approximately 130 °C to 205 °C.)</t>
    </r>
  </si>
  <si>
    <r>
      <t>Hydrocarbons, C</t>
    </r>
    <r>
      <rPr>
        <vertAlign val="subscript"/>
        <sz val="7"/>
        <rFont val="Inherit"/>
        <family val="2"/>
      </rPr>
      <t>4-11</t>
    </r>
    <r>
      <rPr>
        <sz val="10"/>
        <rFont val="Inherit"/>
        <family val="2"/>
      </rPr>
      <t>, naphtha-cracking; aromatic-free; low boiling point naphtha — unspecified</t>
    </r>
  </si>
  <si>
    <r>
      <t>(A complex combination of hydrocarbons obtained from prehydrogenated cracked naphtha after distillative separation of benzene- and toluene-containing hydrocarbon cuts and a higher boiling fraction.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30 °C to 205 °C.)</t>
    </r>
  </si>
  <si>
    <r>
      <t>(A complex combination of hydrocarbons obtained by the fractionation of steam cracked naphtha after recovery from a heat soaking process.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 and boiling in the range of approximately 0 °C to 80 °C.)</t>
    </r>
  </si>
  <si>
    <r>
      <t>Distillates (petroleum), C</t>
    </r>
    <r>
      <rPr>
        <vertAlign val="subscript"/>
        <sz val="7"/>
        <rFont val="Inherit"/>
        <family val="2"/>
      </rPr>
      <t>6</t>
    </r>
    <r>
      <rPr>
        <sz val="10"/>
        <rFont val="Inherit"/>
        <family val="2"/>
      </rPr>
      <t>-rich; low boiling point naphtha — unspecified</t>
    </r>
  </si>
  <si>
    <r>
      <t>(A complex combination of hydrocarbons obtained from the distillation of a petroleum feedstock. It consists predominantly of hydrocarbons having carbon numbers of C</t>
    </r>
    <r>
      <rPr>
        <vertAlign val="subscript"/>
        <sz val="7"/>
        <rFont val="Inherit"/>
        <family val="2"/>
      </rPr>
      <t>5</t>
    </r>
    <r>
      <rPr>
        <sz val="10"/>
        <rFont val="Inherit"/>
        <family val="2"/>
      </rPr>
      <t> through C</t>
    </r>
    <r>
      <rPr>
        <vertAlign val="subscript"/>
        <sz val="7"/>
        <rFont val="Inherit"/>
        <family val="2"/>
      </rPr>
      <t>7</t>
    </r>
    <r>
      <rPr>
        <sz val="10"/>
        <rFont val="Inherit"/>
        <family val="2"/>
      </rPr>
      <t>, rich in C</t>
    </r>
    <r>
      <rPr>
        <vertAlign val="subscript"/>
        <sz val="7"/>
        <rFont val="Inherit"/>
        <family val="2"/>
      </rPr>
      <t>6</t>
    </r>
    <r>
      <rPr>
        <sz val="10"/>
        <rFont val="Inherit"/>
        <family val="2"/>
      </rPr>
      <t>, and boiling in the range of approximately 60 °C to 70 °C.)</t>
    </r>
  </si>
  <si>
    <r>
      <t>Distillates (petroleum), steam-cracked, C</t>
    </r>
    <r>
      <rPr>
        <vertAlign val="subscript"/>
        <sz val="7"/>
        <rFont val="Inherit"/>
        <family val="2"/>
      </rPr>
      <t>8-12</t>
    </r>
    <r>
      <rPr>
        <sz val="10"/>
        <rFont val="Inherit"/>
        <family val="2"/>
      </rPr>
      <t> fraction, polymd., distillation lights; low boiling point naphtha — unspecified</t>
    </r>
  </si>
  <si>
    <r>
      <t>(A complex combination of hydrocarbons obtained by distillation of the polymerised C</t>
    </r>
    <r>
      <rPr>
        <vertAlign val="subscript"/>
        <sz val="7"/>
        <rFont val="Inherit"/>
        <family val="2"/>
      </rPr>
      <t>8</t>
    </r>
    <r>
      <rPr>
        <sz val="10"/>
        <rFont val="Inherit"/>
        <family val="2"/>
      </rPr>
      <t> through C</t>
    </r>
    <r>
      <rPr>
        <vertAlign val="subscript"/>
        <sz val="7"/>
        <rFont val="Inherit"/>
        <family val="2"/>
      </rPr>
      <t>12</t>
    </r>
    <r>
      <rPr>
        <sz val="10"/>
        <rFont val="Inherit"/>
        <family val="2"/>
      </rPr>
      <t> fraction from steam-cracked petroleum distillates. It consists predominantly of aromatic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2</t>
    </r>
    <r>
      <rPr>
        <sz val="10"/>
        <rFont val="Inherit"/>
        <family val="2"/>
      </rPr>
      <t>.)</t>
    </r>
  </si>
  <si>
    <r>
      <t>(A complex combination of hydrocarbons obtained by the treatment of heavy naphthic solvent petroleum extract with bleaching earth. It consists predominantly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0</t>
    </r>
    <r>
      <rPr>
        <sz val="10"/>
        <rFont val="Inherit"/>
        <family val="2"/>
      </rPr>
      <t>, and boiling in the range of approximately 80 °C to 180 °C.)</t>
    </r>
  </si>
  <si>
    <r>
      <t>(A complex combination of hydrocarbons obtained by the treatment and distillation of debenzenised light steam-cracked petroleum naphtha. It consists predominantly of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5 °C to 200 °C.)</t>
    </r>
  </si>
  <si>
    <r>
      <t>(A complex combination of hydrocarbons obtained by the treatment and distillation of light steam-cracked petroleum naphtha.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6</t>
    </r>
    <r>
      <rPr>
        <sz val="10"/>
        <rFont val="Inherit"/>
        <family val="2"/>
      </rPr>
      <t> and boiling in the range of approximately 35 °C to 80 °C.)</t>
    </r>
  </si>
  <si>
    <r>
      <t>Distillates (petroleum), C</t>
    </r>
    <r>
      <rPr>
        <vertAlign val="subscript"/>
        <sz val="7"/>
        <rFont val="Inherit"/>
        <family val="2"/>
      </rPr>
      <t>7-9</t>
    </r>
    <r>
      <rPr>
        <sz val="10"/>
        <rFont val="Inherit"/>
        <family val="2"/>
      </rPr>
      <t>, C</t>
    </r>
    <r>
      <rPr>
        <vertAlign val="subscript"/>
        <sz val="7"/>
        <rFont val="Inherit"/>
        <family val="2"/>
      </rPr>
      <t>8</t>
    </r>
    <r>
      <rPr>
        <sz val="10"/>
        <rFont val="Inherit"/>
        <family val="2"/>
      </rPr>
      <t>-rich, hydrodesulphurised dearomatised; low boiling point naphtha — unspecified</t>
    </r>
  </si>
  <si>
    <r>
      <t>(A complex combination of hydrocarbons obtained by the distillation of petroleum light fraction, hydrodesulphurised and dearomatised. It consists predominantly of hydrocarbons having carbon numbers in the range of C</t>
    </r>
    <r>
      <rPr>
        <vertAlign val="subscript"/>
        <sz val="7"/>
        <rFont val="Inherit"/>
        <family val="2"/>
      </rPr>
      <t>7</t>
    </r>
    <r>
      <rPr>
        <sz val="10"/>
        <rFont val="Inherit"/>
        <family val="2"/>
      </rPr>
      <t> through C</t>
    </r>
    <r>
      <rPr>
        <vertAlign val="subscript"/>
        <sz val="7"/>
        <rFont val="Inherit"/>
        <family val="2"/>
      </rPr>
      <t>9</t>
    </r>
    <r>
      <rPr>
        <sz val="10"/>
        <rFont val="Inherit"/>
        <family val="2"/>
      </rPr>
      <t>, predominantly C</t>
    </r>
    <r>
      <rPr>
        <vertAlign val="subscript"/>
        <sz val="7"/>
        <rFont val="Inherit"/>
        <family val="2"/>
      </rPr>
      <t>8</t>
    </r>
    <r>
      <rPr>
        <sz val="10"/>
        <rFont val="Inherit"/>
        <family val="2"/>
      </rPr>
      <t> paraffins and cycloparaffins, boiling in the range of approximately 120 °C to 130 °C.)</t>
    </r>
  </si>
  <si>
    <r>
      <t>Hydrocarbons, C</t>
    </r>
    <r>
      <rPr>
        <vertAlign val="subscript"/>
        <sz val="7"/>
        <rFont val="Inherit"/>
        <family val="2"/>
      </rPr>
      <t>6-8</t>
    </r>
    <r>
      <rPr>
        <sz val="10"/>
        <rFont val="Inherit"/>
        <family val="2"/>
      </rPr>
      <t>, hydrogenated sorption-dearomatised, toluene raffination; low boiling point naphtha — unspecified</t>
    </r>
  </si>
  <si>
    <r>
      <t>(A complex combination of hydrocarbons obtained during the sorption of toluene from a hydrocarbon fraction from cracked gasoline treated with hydrogen in the presence of a catalyst. It consists predominantly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8</t>
    </r>
    <r>
      <rPr>
        <sz val="10"/>
        <rFont val="Inherit"/>
        <family val="2"/>
      </rPr>
      <t> and boiling in the range of approximately 80 °C to 135 °C.)</t>
    </r>
  </si>
  <si>
    <r>
      <t>(A complex combination of hydrocarbons obtained by fractionation from hydrodesulphurised coker distillate. It consists predominantly of hydrocarbons having carbon numbers predominantly in the range of C</t>
    </r>
    <r>
      <rPr>
        <vertAlign val="subscript"/>
        <sz val="7"/>
        <rFont val="Inherit"/>
        <family val="2"/>
      </rPr>
      <t>5</t>
    </r>
    <r>
      <rPr>
        <sz val="10"/>
        <rFont val="Inherit"/>
        <family val="2"/>
      </rPr>
      <t> to C</t>
    </r>
    <r>
      <rPr>
        <vertAlign val="subscript"/>
        <sz val="7"/>
        <rFont val="Inherit"/>
        <family val="2"/>
      </rPr>
      <t>11</t>
    </r>
    <r>
      <rPr>
        <sz val="10"/>
        <rFont val="Inherit"/>
        <family val="2"/>
      </rPr>
      <t> and boiling in the range of approximately 23 °C to 196 °C.)</t>
    </r>
  </si>
  <si>
    <r>
      <t>(A complex combination of hydrocarbons obtained by subjecting a petroleum naphtha to a sweetening process to convert mercaptans or to remove acidic impurities.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8</t>
    </r>
    <r>
      <rPr>
        <sz val="10"/>
        <rFont val="Inherit"/>
        <family val="2"/>
      </rPr>
      <t> and boiling in the range of approximately 20 °C to 130 °C.)</t>
    </r>
  </si>
  <si>
    <r>
      <t>Hydrocarbons, C</t>
    </r>
    <r>
      <rPr>
        <vertAlign val="subscript"/>
        <sz val="7"/>
        <rFont val="Inherit"/>
        <family val="2"/>
      </rPr>
      <t>3-6</t>
    </r>
    <r>
      <rPr>
        <sz val="10"/>
        <rFont val="Inherit"/>
        <family val="2"/>
      </rPr>
      <t>, C</t>
    </r>
    <r>
      <rPr>
        <vertAlign val="subscript"/>
        <sz val="7"/>
        <rFont val="Inherit"/>
        <family val="2"/>
      </rPr>
      <t>5</t>
    </r>
    <r>
      <rPr>
        <sz val="10"/>
        <rFont val="Inherit"/>
        <family val="2"/>
      </rPr>
      <t>-rich, steam-cracked naphtha; low boiling point naphtha — unspecified</t>
    </r>
  </si>
  <si>
    <r>
      <t>(A complex combination of hydrocarbons obtained by distillation of steam-cracked naphtha. It consists predominantly of hydrocarbons having carbon numbers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predominantly C</t>
    </r>
    <r>
      <rPr>
        <vertAlign val="subscript"/>
        <sz val="7"/>
        <rFont val="Inherit"/>
        <family val="2"/>
      </rPr>
      <t>5</t>
    </r>
    <r>
      <rPr>
        <sz val="10"/>
        <rFont val="Inherit"/>
        <family val="2"/>
      </rPr>
      <t>.)</t>
    </r>
  </si>
  <si>
    <r>
      <t>Hydrocarbons, C</t>
    </r>
    <r>
      <rPr>
        <vertAlign val="subscript"/>
        <sz val="7"/>
        <rFont val="Inherit"/>
        <family val="2"/>
      </rPr>
      <t>5</t>
    </r>
    <r>
      <rPr>
        <sz val="10"/>
        <rFont val="Inherit"/>
        <family val="2"/>
      </rPr>
      <t>-rich, dicyclopentadiene-containing; low boiling point naphtha — unspecified</t>
    </r>
  </si>
  <si>
    <r>
      <t>(A complex combination of hydrocarbons obtained by distillation of the products from a steam-cracking process. It consists predominantly of hydrocarbons having carbon numbers of C</t>
    </r>
    <r>
      <rPr>
        <vertAlign val="subscript"/>
        <sz val="7"/>
        <rFont val="Inherit"/>
        <family val="2"/>
      </rPr>
      <t>5</t>
    </r>
    <r>
      <rPr>
        <sz val="10"/>
        <rFont val="Inherit"/>
        <family val="2"/>
      </rPr>
      <t> and dicyclopentadiene and boiling in the range of approximately 30 °C to 170 °C.)</t>
    </r>
  </si>
  <si>
    <r>
      <t>(A complex combination of hydrocarbons obtained by the distillation of the products of steam cracking or similar processes after taking off the very light products resulting in a residue starting with hydrocarbons having carbon numbers greater than C</t>
    </r>
    <r>
      <rPr>
        <vertAlign val="subscript"/>
        <sz val="7"/>
        <rFont val="Inherit"/>
        <family val="2"/>
      </rPr>
      <t>5</t>
    </r>
    <r>
      <rPr>
        <sz val="10"/>
        <rFont val="Inherit"/>
        <family val="2"/>
      </rPr>
      <t>. It consists predominantly of aromatic hydrocarbons having carbon numbers greater than C</t>
    </r>
    <r>
      <rPr>
        <vertAlign val="subscript"/>
        <sz val="7"/>
        <rFont val="Inherit"/>
        <family val="2"/>
      </rPr>
      <t>5</t>
    </r>
    <r>
      <rPr>
        <sz val="10"/>
        <rFont val="Inherit"/>
        <family val="2"/>
      </rPr>
      <t> and boiling above approximately 40 °C.)</t>
    </r>
  </si>
  <si>
    <r>
      <t>Hydrocarbons, C </t>
    </r>
    <r>
      <rPr>
        <vertAlign val="subscript"/>
        <sz val="7"/>
        <rFont val="Inherit"/>
        <family val="2"/>
      </rPr>
      <t>≥ 5</t>
    </r>
    <r>
      <rPr>
        <sz val="10"/>
        <rFont val="Inherit"/>
        <family val="2"/>
      </rPr>
      <t>, C</t>
    </r>
    <r>
      <rPr>
        <vertAlign val="subscript"/>
        <sz val="7"/>
        <rFont val="Inherit"/>
        <family val="2"/>
      </rPr>
      <t>5-6</t>
    </r>
    <r>
      <rPr>
        <sz val="10"/>
        <rFont val="Inherit"/>
        <family val="2"/>
      </rPr>
      <t>-rich; low boiling point naphtha — unspecified</t>
    </r>
  </si>
  <si>
    <r>
      <t>Hydrocarbons, C</t>
    </r>
    <r>
      <rPr>
        <vertAlign val="subscript"/>
        <sz val="7"/>
        <rFont val="Inherit"/>
        <family val="2"/>
      </rPr>
      <t>5</t>
    </r>
    <r>
      <rPr>
        <sz val="10"/>
        <rFont val="Inherit"/>
        <family val="2"/>
      </rPr>
      <t>-rich; low boiling point naphtha — unspecified</t>
    </r>
  </si>
  <si>
    <r>
      <t>Aromatic hydrocarbons, C</t>
    </r>
    <r>
      <rPr>
        <vertAlign val="subscript"/>
        <sz val="7"/>
        <rFont val="Inherit"/>
        <family val="2"/>
      </rPr>
      <t>8-10</t>
    </r>
    <r>
      <rPr>
        <sz val="10"/>
        <rFont val="Inherit"/>
        <family val="2"/>
      </rPr>
      <t>; Light oil redistillate, high boiling</t>
    </r>
  </si>
  <si>
    <r>
      <t>(A complex combination of hydrocarbons produced by the distillation of products from a catalytic cracking process. It consists of hydrocarbons having carbon numbers predominantly in the range of C</t>
    </r>
    <r>
      <rPr>
        <vertAlign val="subscript"/>
        <sz val="7"/>
        <rFont val="Inherit"/>
        <family val="2"/>
      </rPr>
      <t>9</t>
    </r>
    <r>
      <rPr>
        <sz val="10"/>
        <rFont val="Inherit"/>
        <family val="2"/>
      </rPr>
      <t> through C</t>
    </r>
    <r>
      <rPr>
        <vertAlign val="subscript"/>
        <sz val="7"/>
        <rFont val="Inherit"/>
        <family val="2"/>
      </rPr>
      <t>25</t>
    </r>
    <r>
      <rPr>
        <sz val="10"/>
        <rFont val="Inherit"/>
        <family val="2"/>
      </rPr>
      <t> and boiling in the range of approximately 150 °C to 400 °C. It contains a relatively large proportion of bicyclic aromatic hydrocarbons.)</t>
    </r>
  </si>
  <si>
    <r>
      <t>(A complex combination of hydrocarbons produced by the distillation of products from a catalytic cracking process. It consists of hydrocarbons having carbon numbers predominantly in the range of C</t>
    </r>
    <r>
      <rPr>
        <vertAlign val="subscript"/>
        <sz val="7"/>
        <rFont val="Inherit"/>
        <family val="2"/>
      </rPr>
      <t>11</t>
    </r>
    <r>
      <rPr>
        <sz val="10"/>
        <rFont val="Inherit"/>
        <family val="2"/>
      </rPr>
      <t> through C</t>
    </r>
    <r>
      <rPr>
        <vertAlign val="subscript"/>
        <sz val="7"/>
        <rFont val="Inherit"/>
        <family val="2"/>
      </rPr>
      <t>30</t>
    </r>
    <r>
      <rPr>
        <sz val="10"/>
        <rFont val="Inherit"/>
        <family val="2"/>
      </rPr>
      <t> and boiling in the range of approximately 205 °C to 450 °C. It contains a relatively large proportion of tricyclic aromatic hydrocarbons.)</t>
    </r>
  </si>
  <si>
    <r>
      <t>(A complex combination of hydrocarbons from the distillation of the products from a thermal cracking process. It consists predominantly of unsaturated hydrocarbons having carbon numbers predominantly in the range of C</t>
    </r>
    <r>
      <rPr>
        <vertAlign val="subscript"/>
        <sz val="7"/>
        <rFont val="Inherit"/>
        <family val="2"/>
      </rPr>
      <t>10</t>
    </r>
    <r>
      <rPr>
        <sz val="10"/>
        <rFont val="Inherit"/>
        <family val="2"/>
      </rPr>
      <t> through C</t>
    </r>
    <r>
      <rPr>
        <vertAlign val="subscript"/>
        <sz val="7"/>
        <rFont val="Inherit"/>
        <family val="2"/>
      </rPr>
      <t>22</t>
    </r>
    <r>
      <rPr>
        <sz val="10"/>
        <rFont val="Inherit"/>
        <family val="2"/>
      </rPr>
      <t> and boiling in the range of approximately 160 °C to 370 °C.)</t>
    </r>
  </si>
  <si>
    <r>
      <t>(A complex combination of hydrocarbons obtained by treating light catalytic cracked distillates with hydrogen to convert organic sulphur to hydrogen sulphide which is removed. It consists of hydrocarbons having carbon numbers predominantly in the range of C</t>
    </r>
    <r>
      <rPr>
        <vertAlign val="subscript"/>
        <sz val="7"/>
        <rFont val="Inherit"/>
        <family val="2"/>
      </rPr>
      <t>9</t>
    </r>
    <r>
      <rPr>
        <sz val="10"/>
        <rFont val="Inherit"/>
        <family val="2"/>
      </rPr>
      <t> through C</t>
    </r>
    <r>
      <rPr>
        <vertAlign val="subscript"/>
        <sz val="7"/>
        <rFont val="Inherit"/>
        <family val="2"/>
      </rPr>
      <t>25</t>
    </r>
    <r>
      <rPr>
        <sz val="10"/>
        <rFont val="Inherit"/>
        <family val="2"/>
      </rPr>
      <t> and boiling in the range of approximately 150 °C to 400 °C. It contains a relatively large proportion of bicyclic aromatic hydrocarbons.)</t>
    </r>
  </si>
  <si>
    <r>
      <t>(A complex combination of hydrocarbons from the multiple distillation of products from a steam cracking process. It consists of hydrocarbons having carbon numbers predominantly in the range of C</t>
    </r>
    <r>
      <rPr>
        <vertAlign val="subscript"/>
        <sz val="7"/>
        <rFont val="Inherit"/>
        <family val="2"/>
      </rPr>
      <t>10</t>
    </r>
    <r>
      <rPr>
        <sz val="10"/>
        <rFont val="Inherit"/>
        <family val="2"/>
      </rPr>
      <t> through C</t>
    </r>
    <r>
      <rPr>
        <vertAlign val="subscript"/>
        <sz val="7"/>
        <rFont val="Inherit"/>
        <family val="2"/>
      </rPr>
      <t>18</t>
    </r>
    <r>
      <rPr>
        <sz val="10"/>
        <rFont val="Inherit"/>
        <family val="2"/>
      </rPr>
      <t>.)</t>
    </r>
  </si>
  <si>
    <r>
      <t>(A complex combination of hydrocarbons produced by distilling cracked steam cracked distillate and/or its fractionation products. It consists of hydrocarbons having carbon numbers predominantly in the range of C</t>
    </r>
    <r>
      <rPr>
        <vertAlign val="subscript"/>
        <sz val="7"/>
        <rFont val="Inherit"/>
        <family val="2"/>
      </rPr>
      <t>10</t>
    </r>
    <r>
      <rPr>
        <sz val="10"/>
        <rFont val="Inherit"/>
        <family val="2"/>
      </rPr>
      <t> to low molecular weight polymers.)</t>
    </r>
  </si>
  <si>
    <r>
      <t>(A complex combination of hydrocarbons produced by distillation of the products from a steam cracking process. It consists of hydrocarbons having carbon numbers predominantly greater than C</t>
    </r>
    <r>
      <rPr>
        <vertAlign val="subscript"/>
        <sz val="7"/>
        <rFont val="Inherit"/>
        <family val="2"/>
      </rPr>
      <t>9</t>
    </r>
    <r>
      <rPr>
        <sz val="10"/>
        <rFont val="Inherit"/>
        <family val="2"/>
      </rPr>
      <t> and boiling in the range of from approximately 205 °C to 400 °C.)</t>
    </r>
  </si>
  <si>
    <r>
      <t>(A complex combination of hydrocarbons obtained by fractionation from hydrodesulphurised thermal cracker distillate stocks. It consists predominantly of hydrocarbons having carbon numbers predominantly in the range of C</t>
    </r>
    <r>
      <rPr>
        <vertAlign val="subscript"/>
        <sz val="7"/>
        <rFont val="Inherit"/>
        <family val="2"/>
      </rPr>
      <t>11</t>
    </r>
    <r>
      <rPr>
        <sz val="10"/>
        <rFont val="Inherit"/>
        <family val="2"/>
      </rPr>
      <t> to C</t>
    </r>
    <r>
      <rPr>
        <vertAlign val="subscript"/>
        <sz val="7"/>
        <rFont val="Inherit"/>
        <family val="2"/>
      </rPr>
      <t>25</t>
    </r>
    <r>
      <rPr>
        <sz val="10"/>
        <rFont val="Inherit"/>
        <family val="2"/>
      </rPr>
      <t> and boiling in the range of from approximately 205 °C to 400 °C.)</t>
    </r>
  </si>
  <si>
    <r>
      <t>(A complex combination of hydrocarbons obtained as a column bottom from the separation of effluents from steam cracking naphtha at a high temperature. It boils in the range of approximately 147 °C to 300 °C and produces a finished oil having a viscosity of 18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50 °C.)</t>
    </r>
  </si>
  <si>
    <r>
      <t>(A complex combination of hydrocarbons obtained by catalytic dehydrosulphurisation of thermal-cracked light vacuum petroleum. It consists predominantly of hydrocarbons having carbon numbers predominantly in the range of C</t>
    </r>
    <r>
      <rPr>
        <vertAlign val="subscript"/>
        <sz val="7"/>
        <rFont val="Inherit"/>
        <family val="2"/>
      </rPr>
      <t>14</t>
    </r>
    <r>
      <rPr>
        <sz val="10"/>
        <rFont val="Inherit"/>
        <family val="2"/>
      </rPr>
      <t> through C</t>
    </r>
    <r>
      <rPr>
        <vertAlign val="subscript"/>
        <sz val="7"/>
        <rFont val="Inherit"/>
        <family val="2"/>
      </rPr>
      <t>20</t>
    </r>
    <r>
      <rPr>
        <sz val="10"/>
        <rFont val="Inherit"/>
        <family val="2"/>
      </rPr>
      <t> and boiling in the range of approximately 270 °C to 370 °C.)</t>
    </r>
  </si>
  <si>
    <r>
      <t>(A complex combination of hydrocarbons by fractionation from hydrodesulphurised coker distillate stocks. It consists of hydrocarbons having carbon numbers predominantly in the range of C</t>
    </r>
    <r>
      <rPr>
        <vertAlign val="subscript"/>
        <sz val="7"/>
        <rFont val="Inherit"/>
        <family val="2"/>
      </rPr>
      <t>12</t>
    </r>
    <r>
      <rPr>
        <sz val="10"/>
        <rFont val="Inherit"/>
        <family val="2"/>
      </rPr>
      <t> through C</t>
    </r>
    <r>
      <rPr>
        <vertAlign val="subscript"/>
        <sz val="7"/>
        <rFont val="Inherit"/>
        <family val="2"/>
      </rPr>
      <t>21</t>
    </r>
    <r>
      <rPr>
        <sz val="10"/>
        <rFont val="Inherit"/>
        <family val="2"/>
      </rPr>
      <t> and boiling in the range of approximately 200 °C to 360 °C.)</t>
    </r>
  </si>
  <si>
    <r>
      <t>(A complex combination of hydrocarbons from the distillation of the products from a hydrocracking process. It consists predominantly of saturated hydrocarbons having carbon numbers in the range of C</t>
    </r>
    <r>
      <rPr>
        <vertAlign val="subscript"/>
        <sz val="7"/>
        <rFont val="Inherit"/>
        <family val="2"/>
      </rPr>
      <t>15</t>
    </r>
    <r>
      <rPr>
        <sz val="10"/>
        <rFont val="Inherit"/>
        <family val="2"/>
      </rPr>
      <t> through C</t>
    </r>
    <r>
      <rPr>
        <vertAlign val="subscript"/>
        <sz val="7"/>
        <rFont val="Inherit"/>
        <family val="2"/>
      </rPr>
      <t>39</t>
    </r>
    <r>
      <rPr>
        <sz val="10"/>
        <rFont val="Inherit"/>
        <family val="2"/>
      </rPr>
      <t> and boiling in the range of approximately 260 °C to 600 °C.)</t>
    </r>
  </si>
  <si>
    <r>
      <t>(A complex combination of hydrocarbons obtained as the raffinate from a solvent extraction process. It consists predominantly of saturated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as the raffinate from a solvent extraction process. It consists predominantly of saturated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having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as the solvent soluble fraction from C</t>
    </r>
    <r>
      <rPr>
        <vertAlign val="subscript"/>
        <sz val="7"/>
        <rFont val="Inherit"/>
        <family val="2"/>
      </rPr>
      <t>3</t>
    </r>
    <r>
      <rPr>
        <sz val="10"/>
        <rFont val="Inherit"/>
        <family val="2"/>
      </rPr>
      <t>-C</t>
    </r>
    <r>
      <rPr>
        <vertAlign val="subscript"/>
        <sz val="7"/>
        <rFont val="Inherit"/>
        <family val="2"/>
      </rPr>
      <t>4</t>
    </r>
    <r>
      <rPr>
        <sz val="10"/>
        <rFont val="Inherit"/>
        <family val="2"/>
      </rPr>
      <t> solvent deasphalting of a residuum. It consists of hydrocarbons having carbon numbers predominantly higher than C</t>
    </r>
    <r>
      <rPr>
        <vertAlign val="subscript"/>
        <sz val="7"/>
        <rFont val="Inherit"/>
        <family val="2"/>
      </rPr>
      <t>25</t>
    </r>
    <r>
      <rPr>
        <sz val="10"/>
        <rFont val="Inherit"/>
        <family val="2"/>
      </rPr>
      <t> and boiling above approximately 400 °C.)</t>
    </r>
  </si>
  <si>
    <r>
      <t>(A complex combination of hydrocarbons obtained as the raffinate from a solvent extraction process.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as the raffinate from a solvent extraction process.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as the solvent insoluble fraction from solvent refining of a residuum using a polar organic solvent such as phenol or furfural. It consists of hydrocarbons having carbon numbers predominantly greater than C</t>
    </r>
    <r>
      <rPr>
        <vertAlign val="subscript"/>
        <sz val="7"/>
        <rFont val="Inherit"/>
        <family val="2"/>
      </rPr>
      <t>25</t>
    </r>
    <r>
      <rPr>
        <sz val="10"/>
        <rFont val="Inherit"/>
        <family val="2"/>
      </rPr>
      <t> and boiling above approximately 400 °C.)</t>
    </r>
  </si>
  <si>
    <r>
      <t>(A complex combination of hydrocarbons resulting from treatment of a petroleum fraction with natural or modified clay in either a contacting or percolation process to remove the trace amounts of polar compounds and impurities present.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saturated hydrocarbons.)</t>
    </r>
  </si>
  <si>
    <r>
      <t>(A complex combination of hydrocarbons resulting from treatment of a petroleum fraction with natural or modified clay in either a contacting or percolation process to remove the trace amounts of polar compounds and impurities present.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saturated hydrocarbons.)</t>
    </r>
  </si>
  <si>
    <r>
      <t>(A complex combination of hydrocarbons obtained by the treatment of a residual oil with a natural or modified clay in either a contacting or percolation process to remove the trace amounts of polar compounds and impurities present. It consists of hydrocarbons having carbon numbers predominantly greater than C</t>
    </r>
    <r>
      <rPr>
        <vertAlign val="subscript"/>
        <sz val="7"/>
        <rFont val="Inherit"/>
        <family val="2"/>
      </rPr>
      <t>25</t>
    </r>
    <r>
      <rPr>
        <sz val="10"/>
        <rFont val="Inherit"/>
        <family val="2"/>
      </rPr>
      <t> and boiling above approximately 400 °C.)</t>
    </r>
  </si>
  <si>
    <r>
      <t>(A complex combination of hydrocarbons resulting from treatment of a petroleum fraction with a natural or modified clay in either a contacting or percolation process to remove the trace amounts of polar compounds and impurities present.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resulting from treatment of a petroleum fraction with natural or modified clay in either a contacting or percolation process to remove the trace amounts of polar compounds and impurities present.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saturated hydrocarbons.)</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saturated hydrocarbons.)</t>
    </r>
  </si>
  <si>
    <r>
      <t>(A complex combination of hydrocarbons obtained by removal of normal paraffins from a petroleum fraction by solvent crystallisation. It consists predominantly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by treating a petroleum fraction with hydrogen in the presence of a catalyst. It consists of hydrocarbons having carbon numbers predominantly greater than C</t>
    </r>
    <r>
      <rPr>
        <vertAlign val="subscript"/>
        <sz val="7"/>
        <rFont val="Inherit"/>
        <family val="2"/>
      </rPr>
      <t>25</t>
    </r>
    <r>
      <rPr>
        <sz val="10"/>
        <rFont val="Inherit"/>
        <family val="2"/>
      </rPr>
      <t> and boiling above approximately 400 °C.)</t>
    </r>
  </si>
  <si>
    <r>
      <t>(A complex combination of hydrocarbons obtained by removal of long, branched chain hydrocarbons from a residual oil by solvent crystallisation. It consists of hydrocarbons having carbon numbers predominantly greater than C</t>
    </r>
    <r>
      <rPr>
        <vertAlign val="subscript"/>
        <sz val="7"/>
        <rFont val="Inherit"/>
        <family val="2"/>
      </rPr>
      <t>25</t>
    </r>
    <r>
      <rPr>
        <sz val="10"/>
        <rFont val="Inherit"/>
        <family val="2"/>
      </rPr>
      <t> and boiling above approximately 400 °C.)</t>
    </r>
  </si>
  <si>
    <r>
      <t>(A complex combination of hydrocarbons obtained by removal of normal paraffins from a petroleum fraction by solvent crystallisation.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of not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by removal of normal paraffins from a petroleum fraction by solvent crystallisation.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by removal of normal paraffins from a petroleum fraction by solvent crystallisation.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not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from a catalytic dewaxing process.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from a catalytic dewaxing process.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from a catalytic dewaxing process.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from a catalytic dewaxing process. It consists predominantly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by removing straight chain paraffin hydrocarbons as a solid by treatment with an agent such as urea. It consists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from a catalytic dewaxing process.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having a viscosity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Lubricating oils (petroleum), C</t>
    </r>
    <r>
      <rPr>
        <vertAlign val="subscript"/>
        <sz val="7"/>
        <rFont val="Inherit"/>
        <family val="2"/>
      </rPr>
      <t>20-50</t>
    </r>
    <r>
      <rPr>
        <sz val="10"/>
        <rFont val="Inherit"/>
        <family val="2"/>
      </rPr>
      <t>, hydrotreated neutral oil-based high-viscosity; Base oil — unspecified</t>
    </r>
  </si>
  <si>
    <r>
      <t>(A complex combination of hydrocarbons obtained by treating light vacuum gas oil, heavy vacuum gas oil, and solvent deasphalted residual oil with hydrogen in the presence of a catalyst in a two stage process with dewaxing being carried out between the two stages.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having a viscosity of approximately 112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saturated hydrocarbons.)</t>
    </r>
  </si>
  <si>
    <r>
      <t>Lubricating oils (petroleum), C</t>
    </r>
    <r>
      <rPr>
        <vertAlign val="subscript"/>
        <sz val="7"/>
        <rFont val="Inherit"/>
        <family val="2"/>
      </rPr>
      <t>15-30</t>
    </r>
    <r>
      <rPr>
        <sz val="10"/>
        <rFont val="Inherit"/>
        <family val="2"/>
      </rPr>
      <t>, hydrotreated neutral oil-based; Base oil — unspecified</t>
    </r>
  </si>
  <si>
    <r>
      <t>(A complex combination of hydrocarbons obtained by treating light vacuum gas oil and heavy vacuum gas oil with hydrogen in the presence of a catalyst in a two stage process with dewaxing being carried out between the two stages. It consists predominantly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having a viscosity of approximately 15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saturated hydrocarbons.)</t>
    </r>
  </si>
  <si>
    <r>
      <t>Lubricating oils (petroleum), C</t>
    </r>
    <r>
      <rPr>
        <vertAlign val="subscript"/>
        <sz val="7"/>
        <rFont val="Inherit"/>
        <family val="2"/>
      </rPr>
      <t>20-50</t>
    </r>
    <r>
      <rPr>
        <sz val="10"/>
        <rFont val="Inherit"/>
        <family val="2"/>
      </rPr>
      <t>, hydrotreated neutral oil-based; Base oil — unspecified</t>
    </r>
  </si>
  <si>
    <r>
      <t>(A complex combination of hydrocarbons obtained by treating light vacuum gas oil, heavy vacuum gas oil and solvent deasphalted residual oil with hydrogen in the presence of a catalyst in a two stage process with dewaxing being carried out between the two stages.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approximately 32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a relatively large proportion of saturated hydrocarbons.)</t>
    </r>
  </si>
  <si>
    <r>
      <t>(A complex combination of hydrocarbons obtained from solvent extraction and dewaxing processes. It consists predominantly of saturated hydrocarbons having carbon numbers in the range of C</t>
    </r>
    <r>
      <rPr>
        <vertAlign val="subscript"/>
        <sz val="7"/>
        <rFont val="Inherit"/>
        <family val="2"/>
      </rPr>
      <t>15</t>
    </r>
    <r>
      <rPr>
        <sz val="10"/>
        <rFont val="Inherit"/>
        <family val="2"/>
      </rPr>
      <t> through C</t>
    </r>
    <r>
      <rPr>
        <vertAlign val="subscript"/>
        <sz val="7"/>
        <rFont val="Inherit"/>
        <family val="2"/>
      </rPr>
      <t>50</t>
    </r>
    <r>
      <rPr>
        <sz val="10"/>
        <rFont val="Inherit"/>
        <family val="2"/>
      </rPr>
      <t>.)</t>
    </r>
  </si>
  <si>
    <r>
      <t>(A complex combination of hydrocarbons obtained by dewaxing heavy paraffinic distillate.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with a viscosity of equal to or greater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by dewaxing light paraffinic distillate. It consists predominantly of hydrocarbons having carbon numbers predominantly in the range of C</t>
    </r>
    <r>
      <rPr>
        <vertAlign val="subscript"/>
        <sz val="7"/>
        <rFont val="Inherit"/>
        <family val="2"/>
      </rPr>
      <t>12</t>
    </r>
    <r>
      <rPr>
        <sz val="10"/>
        <rFont val="Inherit"/>
        <family val="2"/>
      </rPr>
      <t> through C</t>
    </r>
    <r>
      <rPr>
        <vertAlign val="subscript"/>
        <sz val="7"/>
        <rFont val="Inherit"/>
        <family val="2"/>
      </rPr>
      <t>30</t>
    </r>
    <r>
      <rPr>
        <sz val="10"/>
        <rFont val="Inherit"/>
        <family val="2"/>
      </rPr>
      <t> and produces a finished oil with a viscosity of less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tains relatively few normal paraffins.)</t>
    </r>
  </si>
  <si>
    <r>
      <t>(A complex combination of hydrocarbons obtained by treating dewaxed heavy paraffinic distillate with neutral or modified clay in either a contacting or percolation process.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t>
    </r>
  </si>
  <si>
    <r>
      <t>Hydrocarbons, C</t>
    </r>
    <r>
      <rPr>
        <vertAlign val="subscript"/>
        <sz val="7"/>
        <rFont val="Inherit"/>
        <family val="2"/>
      </rPr>
      <t>20-50</t>
    </r>
    <r>
      <rPr>
        <sz val="10"/>
        <rFont val="Inherit"/>
        <family val="2"/>
      </rPr>
      <t>, solvent-dewaxed heavy paraffinic, hydrotreated; Base oil — unspecified</t>
    </r>
  </si>
  <si>
    <r>
      <t>(A complex combination of hydrocarbons produced by treating dewaxed heavy paraffinic distillate with hydrogen in the presence of a catalyst.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t>
    </r>
  </si>
  <si>
    <r>
      <t>(A complex combination of hydrocarbons resulting from treatment of dewaxed light paraffinic distillate with natural or modified clay in either a contacting or percolation process. It consists predominantly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t>
    </r>
  </si>
  <si>
    <r>
      <t>(A complex combination of hydrocarbons produced by treating a dewaxed light paraffinic distillate with hydrogen in the presence of a catalyst. It consists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t>
    </r>
  </si>
  <si>
    <r>
      <t>(A complex combination of hydrocarbons obtained from an intensive treatment of dewaxed distillate by hydrogenation in the presence of a catalyst. It consists predominantly of saturated hydrocarbons having carbon numbers in the range of C</t>
    </r>
    <r>
      <rPr>
        <vertAlign val="subscript"/>
        <sz val="7"/>
        <rFont val="Inherit"/>
        <family val="2"/>
      </rPr>
      <t>25</t>
    </r>
    <r>
      <rPr>
        <sz val="10"/>
        <rFont val="Inherit"/>
        <family val="2"/>
      </rPr>
      <t> through C</t>
    </r>
    <r>
      <rPr>
        <vertAlign val="subscript"/>
        <sz val="7"/>
        <rFont val="Inherit"/>
        <family val="2"/>
      </rPr>
      <t>39</t>
    </r>
    <r>
      <rPr>
        <sz val="10"/>
        <rFont val="Inherit"/>
        <family val="2"/>
      </rPr>
      <t> and produces a finished oil with a viscosity of approximately 44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50 °C.)</t>
    </r>
  </si>
  <si>
    <r>
      <t>(A complex combination of hydrocarbons obtained from an intensive treatment of dewaxed distillate by hydrogenation in the presence of a catalyst. It consists predominantly of saturated hydrocarbons having carbon numbers in the range of C</t>
    </r>
    <r>
      <rPr>
        <vertAlign val="subscript"/>
        <sz val="7"/>
        <rFont val="Inherit"/>
        <family val="2"/>
      </rPr>
      <t>21</t>
    </r>
    <r>
      <rPr>
        <sz val="10"/>
        <rFont val="Inherit"/>
        <family val="2"/>
      </rPr>
      <t> through C</t>
    </r>
    <r>
      <rPr>
        <vertAlign val="subscript"/>
        <sz val="7"/>
        <rFont val="Inherit"/>
        <family val="2"/>
      </rPr>
      <t>29</t>
    </r>
    <r>
      <rPr>
        <sz val="10"/>
        <rFont val="Inherit"/>
        <family val="2"/>
      </rPr>
      <t> and produces a finished oil with a viscosity of approximately 13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50 °C.)</t>
    </r>
  </si>
  <si>
    <r>
      <t>(A complex combination of hydrocarbons obtained by treating a petroleum fraction with hydrogen in the presence of a catalyst and removing the aromatic hydrocarbons by solvent extraction. It consists predominantly of naphthenic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and produces a finished oil with a viscosity of between 13-15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Lubricating oils (petroleum) C</t>
    </r>
    <r>
      <rPr>
        <vertAlign val="subscript"/>
        <sz val="7"/>
        <rFont val="Inherit"/>
        <family val="2"/>
      </rPr>
      <t>17-35</t>
    </r>
    <r>
      <rPr>
        <sz val="10"/>
        <rFont val="Inherit"/>
        <family val="2"/>
      </rPr>
      <t>, solvent-extd., dewaxed, hydrotreated; Base oil — unspecified</t>
    </r>
  </si>
  <si>
    <r>
      <t>(A complex combination of hydrocarbons obtained from sulphur-containing paraffinic crude oil. It consists predominantly of a solvent refined deparaffinated lubricating oil with a viscosity of 65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50 °C.)</t>
    </r>
  </si>
  <si>
    <r>
      <t>(A complex combination of hydrocarbons obtained by refining crude oil. It consists predominantly of aromatics, naphthenics and paraffinics and produces a finished oil with a viscosity of 23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Hydrocarbons, C</t>
    </r>
    <r>
      <rPr>
        <vertAlign val="subscript"/>
        <sz val="7"/>
        <rFont val="Inherit"/>
        <family val="2"/>
      </rPr>
      <t>20-50</t>
    </r>
    <r>
      <rPr>
        <sz val="10"/>
        <rFont val="Inherit"/>
        <family val="2"/>
      </rPr>
      <t>, residual oil hydrogenation vacuum distillate; Base oil — unspecified</t>
    </r>
  </si>
  <si>
    <r>
      <t>(A complex combination of hydrocarbons obtained by solvent dearomatisation of the residue of hydrocracked petroleum. It consists predominantly of hydrocarbons having carbon numbers predominantly in the range of C</t>
    </r>
    <r>
      <rPr>
        <vertAlign val="subscript"/>
        <sz val="7"/>
        <rFont val="Inherit"/>
        <family val="2"/>
      </rPr>
      <t>18</t>
    </r>
    <r>
      <rPr>
        <sz val="10"/>
        <rFont val="Inherit"/>
        <family val="2"/>
      </rPr>
      <t> through C</t>
    </r>
    <r>
      <rPr>
        <vertAlign val="subscript"/>
        <sz val="7"/>
        <rFont val="Inherit"/>
        <family val="2"/>
      </rPr>
      <t>27</t>
    </r>
    <r>
      <rPr>
        <sz val="10"/>
        <rFont val="Inherit"/>
        <family val="2"/>
      </rPr>
      <t> and boiling in the range of approximately 370 °C to 450 °C.)</t>
    </r>
  </si>
  <si>
    <r>
      <t>Lubricating oils (petroleum), C</t>
    </r>
    <r>
      <rPr>
        <vertAlign val="subscript"/>
        <sz val="7"/>
        <rFont val="Inherit"/>
        <family val="2"/>
      </rPr>
      <t>18-40</t>
    </r>
    <r>
      <rPr>
        <sz val="10"/>
        <rFont val="Inherit"/>
        <family val="2"/>
      </rPr>
      <t>, solvent-dewaxed hydrocracked distillate-based; Base oil — unspecified</t>
    </r>
  </si>
  <si>
    <r>
      <t>(A complex combination of hydrocarbons obtained by solvent deparaffination of the distillation residue from hydrocracked petroleum. It consists predominantly of hydrocarbons having carbon numbers predominantly in the range of C</t>
    </r>
    <r>
      <rPr>
        <vertAlign val="subscript"/>
        <sz val="7"/>
        <rFont val="Inherit"/>
        <family val="2"/>
      </rPr>
      <t>18</t>
    </r>
    <r>
      <rPr>
        <sz val="10"/>
        <rFont val="Inherit"/>
        <family val="2"/>
      </rPr>
      <t> through C</t>
    </r>
    <r>
      <rPr>
        <vertAlign val="subscript"/>
        <sz val="7"/>
        <rFont val="Inherit"/>
        <family val="2"/>
      </rPr>
      <t>40</t>
    </r>
    <r>
      <rPr>
        <sz val="10"/>
        <rFont val="Inherit"/>
        <family val="2"/>
      </rPr>
      <t> and boiling in the range of approximately 370 °C to 550 °C.)</t>
    </r>
  </si>
  <si>
    <r>
      <t>Lubricating oils (petroleum), C</t>
    </r>
    <r>
      <rPr>
        <vertAlign val="subscript"/>
        <sz val="7"/>
        <rFont val="Inherit"/>
        <family val="2"/>
      </rPr>
      <t>18-40</t>
    </r>
    <r>
      <rPr>
        <sz val="10"/>
        <rFont val="Inherit"/>
        <family val="2"/>
      </rPr>
      <t>, solvent-dewaxed hydrogenated raffinate-based; Base oil — unspecified</t>
    </r>
  </si>
  <si>
    <r>
      <t>(A complex combination of hydrocarbons obtained by solvent deparaffination of the hydrogenated raffinate obtained by solvent extraction of a hydrotreated petroleum distillate. It consists predominantly of hydrocarbons having carbon numbers predominantly in the range of C</t>
    </r>
    <r>
      <rPr>
        <vertAlign val="subscript"/>
        <sz val="7"/>
        <rFont val="Inherit"/>
        <family val="2"/>
      </rPr>
      <t>18</t>
    </r>
    <r>
      <rPr>
        <sz val="10"/>
        <rFont val="Inherit"/>
        <family val="2"/>
      </rPr>
      <t> through C</t>
    </r>
    <r>
      <rPr>
        <vertAlign val="subscript"/>
        <sz val="7"/>
        <rFont val="Inherit"/>
        <family val="2"/>
      </rPr>
      <t>40</t>
    </r>
    <r>
      <rPr>
        <sz val="10"/>
        <rFont val="Inherit"/>
        <family val="2"/>
      </rPr>
      <t> and boiling in the range of approximately 370 °C to 550 °C.)</t>
    </r>
  </si>
  <si>
    <r>
      <t>Hydrocarbons, C</t>
    </r>
    <r>
      <rPr>
        <vertAlign val="subscript"/>
        <sz val="7"/>
        <rFont val="Inherit"/>
        <family val="2"/>
      </rPr>
      <t>13-30</t>
    </r>
    <r>
      <rPr>
        <sz val="10"/>
        <rFont val="Inherit"/>
        <family val="2"/>
      </rPr>
      <t>, aromatic-rich, solvent-extracted naphthenic distillate; Base oil — unspecified</t>
    </r>
  </si>
  <si>
    <r>
      <t>Hydrocarbons, C</t>
    </r>
    <r>
      <rPr>
        <vertAlign val="subscript"/>
        <sz val="7"/>
        <rFont val="Inherit"/>
        <family val="2"/>
      </rPr>
      <t>16-32</t>
    </r>
    <r>
      <rPr>
        <sz val="10"/>
        <rFont val="Inherit"/>
        <family val="2"/>
      </rPr>
      <t>, arom.-rich, solvent-extracted naphthenic distillate; Base oil — unspecified</t>
    </r>
  </si>
  <si>
    <r>
      <t>Hydrocarbons, C</t>
    </r>
    <r>
      <rPr>
        <vertAlign val="subscript"/>
        <sz val="7"/>
        <rFont val="Inherit"/>
        <family val="2"/>
      </rPr>
      <t>37-68</t>
    </r>
    <r>
      <rPr>
        <sz val="10"/>
        <rFont val="Inherit"/>
        <family val="2"/>
      </rPr>
      <t>, dewaxed deasphalted hydrotreated vacuum distillation residues; Base oil — unspecified</t>
    </r>
  </si>
  <si>
    <r>
      <t>Hydrocarbons, C</t>
    </r>
    <r>
      <rPr>
        <vertAlign val="subscript"/>
        <sz val="7"/>
        <rFont val="Inherit"/>
        <family val="2"/>
      </rPr>
      <t>37-65</t>
    </r>
    <r>
      <rPr>
        <sz val="10"/>
        <rFont val="Inherit"/>
        <family val="2"/>
      </rPr>
      <t>, hydrotreated deasphalted vacuum distillation residues; Base oil — unspecified</t>
    </r>
  </si>
  <si>
    <r>
      <t>(A complex combination of hydrocarbons obtained by the solvent treatment of a distillate from hydrocracked petroleum distillates. It consists predominantly of hydrocarbons having carbon numbers predominantly in the range of C</t>
    </r>
    <r>
      <rPr>
        <vertAlign val="subscript"/>
        <sz val="7"/>
        <rFont val="Inherit"/>
        <family val="2"/>
      </rPr>
      <t>18</t>
    </r>
    <r>
      <rPr>
        <sz val="10"/>
        <rFont val="Inherit"/>
        <family val="2"/>
      </rPr>
      <t> through C</t>
    </r>
    <r>
      <rPr>
        <vertAlign val="subscript"/>
        <sz val="7"/>
        <rFont val="Inherit"/>
        <family val="2"/>
      </rPr>
      <t>27</t>
    </r>
    <r>
      <rPr>
        <sz val="10"/>
        <rFont val="Inherit"/>
        <family val="2"/>
      </rPr>
      <t> and boiling in the range of approximately 370 °C to 450 °C.)</t>
    </r>
  </si>
  <si>
    <r>
      <t>(A complex combination of hydrocarbons obtained by the treatment of a hydrogenated petroleum distillate with a solvent. It consists predominantly of hydrocarbons having carbon numbers predominantly in the range of C</t>
    </r>
    <r>
      <rPr>
        <vertAlign val="subscript"/>
        <sz val="7"/>
        <rFont val="Inherit"/>
        <family val="2"/>
      </rPr>
      <t>19</t>
    </r>
    <r>
      <rPr>
        <sz val="10"/>
        <rFont val="Inherit"/>
        <family val="2"/>
      </rPr>
      <t> through C</t>
    </r>
    <r>
      <rPr>
        <vertAlign val="subscript"/>
        <sz val="7"/>
        <rFont val="Inherit"/>
        <family val="2"/>
      </rPr>
      <t>40</t>
    </r>
    <r>
      <rPr>
        <sz val="10"/>
        <rFont val="Inherit"/>
        <family val="2"/>
      </rPr>
      <t> and boiling in the range of approximately 390 °C to 550 °C.)</t>
    </r>
  </si>
  <si>
    <r>
      <t>Lubricating oils (petroleum) C</t>
    </r>
    <r>
      <rPr>
        <vertAlign val="subscript"/>
        <sz val="7"/>
        <rFont val="Inherit"/>
        <family val="2"/>
      </rPr>
      <t>18-27</t>
    </r>
    <r>
      <rPr>
        <sz val="10"/>
        <rFont val="Inherit"/>
        <family val="2"/>
      </rPr>
      <t>, hydrocracked solvent-dewaxed; Base oil — unspecified</t>
    </r>
  </si>
  <si>
    <r>
      <t>Hydrocarbons, C</t>
    </r>
    <r>
      <rPr>
        <vertAlign val="subscript"/>
        <sz val="7"/>
        <rFont val="Inherit"/>
        <family val="2"/>
      </rPr>
      <t>17-30</t>
    </r>
    <r>
      <rPr>
        <sz val="10"/>
        <rFont val="Inherit"/>
        <family val="2"/>
      </rPr>
      <t>, hydrotreated solvent-deasphalted atmospheric distillation residue, distillation lights; Base oil — unspecified</t>
    </r>
  </si>
  <si>
    <r>
      <t>(A complex combination of hydrocarbons obtained as first runnings from the vacuum distillation of effluents from the treatment of a solvent deasphalted short residue with hydrogen in the presence of a catalyst. It consists predominantly of hydrocarbons having carbon numbers predominantly in the range of C</t>
    </r>
    <r>
      <rPr>
        <vertAlign val="subscript"/>
        <sz val="7"/>
        <rFont val="Inherit"/>
        <family val="2"/>
      </rPr>
      <t>17</t>
    </r>
    <r>
      <rPr>
        <sz val="10"/>
        <rFont val="Inherit"/>
        <family val="2"/>
      </rPr>
      <t> through C</t>
    </r>
    <r>
      <rPr>
        <vertAlign val="subscript"/>
        <sz val="7"/>
        <rFont val="Inherit"/>
        <family val="2"/>
      </rPr>
      <t>30</t>
    </r>
    <r>
      <rPr>
        <sz val="10"/>
        <rFont val="Inherit"/>
        <family val="2"/>
      </rPr>
      <t> and boiling in the range of approximately 300 °C to 400 °C. It produces a finished oil having a viscosity of 4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approximately 100 °C.)</t>
    </r>
  </si>
  <si>
    <r>
      <t>Hydrocarbons, C</t>
    </r>
    <r>
      <rPr>
        <vertAlign val="subscript"/>
        <sz val="7"/>
        <rFont val="Inherit"/>
        <family val="2"/>
      </rPr>
      <t>17-40</t>
    </r>
    <r>
      <rPr>
        <sz val="10"/>
        <rFont val="Inherit"/>
        <family val="2"/>
      </rPr>
      <t>, hydrotreated solvent-deasphalted distillation residue, vacuum distillation lights; Base oil — unspecified</t>
    </r>
  </si>
  <si>
    <r>
      <t>(A complex combination of hydrocarbons obtained as first runnings from the vacuum distillation of effluents from the catalytic hydrotreatment of a solvent deasphalted short residue having a viscosity of 8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approximately 100 °C. It consists predominantly of hydrocarbons having carbon numbers predominantly in the range of C</t>
    </r>
    <r>
      <rPr>
        <vertAlign val="subscript"/>
        <sz val="7"/>
        <rFont val="Inherit"/>
        <family val="2"/>
      </rPr>
      <t>17</t>
    </r>
    <r>
      <rPr>
        <sz val="10"/>
        <rFont val="Inherit"/>
        <family val="2"/>
      </rPr>
      <t> through C</t>
    </r>
    <r>
      <rPr>
        <vertAlign val="subscript"/>
        <sz val="7"/>
        <rFont val="Inherit"/>
        <family val="2"/>
      </rPr>
      <t>40</t>
    </r>
    <r>
      <rPr>
        <sz val="10"/>
        <rFont val="Inherit"/>
        <family val="2"/>
      </rPr>
      <t> and boiling in the range of approximately 300 °C to 500 °C.)</t>
    </r>
  </si>
  <si>
    <r>
      <t>Hydrocarbons, C</t>
    </r>
    <r>
      <rPr>
        <vertAlign val="subscript"/>
        <sz val="7"/>
        <rFont val="Inherit"/>
        <family val="2"/>
      </rPr>
      <t>13-27</t>
    </r>
    <r>
      <rPr>
        <sz val="10"/>
        <rFont val="Inherit"/>
        <family val="2"/>
      </rPr>
      <t>, solvent-extracted light naphthenic; Base oil — unspecified</t>
    </r>
  </si>
  <si>
    <r>
      <t>(A complex combination of hydrocarbons obtained by extraction of the aromatics from a light naphthenic distillate having a viscosity of 9,5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sists predominantly of hydrocarbons having carbon numbers predominantly in the range of C</t>
    </r>
    <r>
      <rPr>
        <vertAlign val="subscript"/>
        <sz val="7"/>
        <rFont val="Inherit"/>
        <family val="2"/>
      </rPr>
      <t>13</t>
    </r>
    <r>
      <rPr>
        <sz val="10"/>
        <rFont val="Inherit"/>
        <family val="2"/>
      </rPr>
      <t> through C</t>
    </r>
    <r>
      <rPr>
        <vertAlign val="subscript"/>
        <sz val="7"/>
        <rFont val="Inherit"/>
        <family val="2"/>
      </rPr>
      <t>27</t>
    </r>
    <r>
      <rPr>
        <sz val="10"/>
        <rFont val="Inherit"/>
        <family val="2"/>
      </rPr>
      <t> and boiling in the range of approximately 240 °C to 400 °C.)</t>
    </r>
  </si>
  <si>
    <r>
      <t>Hydrocarbons, C</t>
    </r>
    <r>
      <rPr>
        <vertAlign val="subscript"/>
        <sz val="7"/>
        <rFont val="Inherit"/>
        <family val="2"/>
      </rPr>
      <t>14-29</t>
    </r>
    <r>
      <rPr>
        <sz val="10"/>
        <rFont val="Inherit"/>
        <family val="2"/>
      </rPr>
      <t>, solvent-extracted light naphthenic; Base oil — unspecified</t>
    </r>
  </si>
  <si>
    <r>
      <t>(A complex combination of hydrocarbons obtained by extraction of the aromatics from a light naphthenic distillate having a viscosity of 16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 It consists predominantly of hydrocarbons having carbon numbers predominantly in the range of C</t>
    </r>
    <r>
      <rPr>
        <vertAlign val="subscript"/>
        <sz val="7"/>
        <rFont val="Inherit"/>
        <family val="2"/>
      </rPr>
      <t>14</t>
    </r>
    <r>
      <rPr>
        <sz val="10"/>
        <rFont val="Inherit"/>
        <family val="2"/>
      </rPr>
      <t> through C</t>
    </r>
    <r>
      <rPr>
        <vertAlign val="subscript"/>
        <sz val="7"/>
        <rFont val="Inherit"/>
        <family val="2"/>
      </rPr>
      <t>29</t>
    </r>
    <r>
      <rPr>
        <sz val="10"/>
        <rFont val="Inherit"/>
        <family val="2"/>
      </rPr>
      <t> and boiling in the range of approximately 250 °C to 425 °C.)</t>
    </r>
  </si>
  <si>
    <r>
      <t>Hydrocarbons, C</t>
    </r>
    <r>
      <rPr>
        <vertAlign val="subscript"/>
        <sz val="7"/>
        <rFont val="Inherit"/>
        <family val="2"/>
      </rPr>
      <t>27-42</t>
    </r>
    <r>
      <rPr>
        <sz val="10"/>
        <rFont val="Inherit"/>
        <family val="2"/>
      </rPr>
      <t>, dearomatised; Base oil — unspecified</t>
    </r>
  </si>
  <si>
    <r>
      <t>Hydrocarbons, C</t>
    </r>
    <r>
      <rPr>
        <vertAlign val="subscript"/>
        <sz val="7"/>
        <rFont val="Inherit"/>
        <family val="2"/>
      </rPr>
      <t>17-30</t>
    </r>
    <r>
      <rPr>
        <sz val="10"/>
        <rFont val="Inherit"/>
        <family val="2"/>
      </rPr>
      <t>, hydrotreated distillates, distillation lights; Base oil — unspecified</t>
    </r>
  </si>
  <si>
    <r>
      <t>Hydrocarbons, C</t>
    </r>
    <r>
      <rPr>
        <vertAlign val="subscript"/>
        <sz val="7"/>
        <rFont val="Inherit"/>
        <family val="2"/>
      </rPr>
      <t>27-45</t>
    </r>
    <r>
      <rPr>
        <sz val="10"/>
        <rFont val="Inherit"/>
        <family val="2"/>
      </rPr>
      <t>, naphthenic vacuum distillation; Base oil — unspecified</t>
    </r>
  </si>
  <si>
    <r>
      <t>Hydrocarbons, C</t>
    </r>
    <r>
      <rPr>
        <vertAlign val="subscript"/>
        <sz val="7"/>
        <rFont val="Inherit"/>
        <family val="2"/>
      </rPr>
      <t>27-45</t>
    </r>
    <r>
      <rPr>
        <sz val="10"/>
        <rFont val="Inherit"/>
        <family val="2"/>
      </rPr>
      <t>, dearomatised; Base oil — unspecified</t>
    </r>
  </si>
  <si>
    <r>
      <t>Hydrocarbons, C</t>
    </r>
    <r>
      <rPr>
        <vertAlign val="subscript"/>
        <sz val="7"/>
        <rFont val="Inherit"/>
        <family val="2"/>
      </rPr>
      <t>20-58</t>
    </r>
    <r>
      <rPr>
        <sz val="10"/>
        <rFont val="Inherit"/>
        <family val="2"/>
      </rPr>
      <t>, hydrotreated; Base oil — unspecified</t>
    </r>
  </si>
  <si>
    <r>
      <t>Hydrocarbons, C</t>
    </r>
    <r>
      <rPr>
        <vertAlign val="subscript"/>
        <sz val="7"/>
        <rFont val="Inherit"/>
        <family val="2"/>
      </rPr>
      <t>27-42</t>
    </r>
    <r>
      <rPr>
        <sz val="10"/>
        <rFont val="Inherit"/>
        <family val="2"/>
      </rPr>
      <t>, naphthenic; Base oil — unspecified</t>
    </r>
  </si>
  <si>
    <r>
      <t>Lubricating oils (petroleum) C</t>
    </r>
    <r>
      <rPr>
        <vertAlign val="subscript"/>
        <sz val="7"/>
        <rFont val="Inherit"/>
        <family val="2"/>
      </rPr>
      <t>25</t>
    </r>
    <r>
      <rPr>
        <sz val="10"/>
        <rFont val="Inherit"/>
        <family val="2"/>
      </rPr>
      <t>, solvent-extracted, deasphalted, dewaxed, hydrogenated; base oil — unspecified</t>
    </r>
  </si>
  <si>
    <r>
      <t>(A complex combination of hydrocarbons obtained by solvent extraction and hydrogenation of vacuum distillation residues. It consists predominantly of hydrocarbons having carbon numbers predominantly in the range of greater than C</t>
    </r>
    <r>
      <rPr>
        <vertAlign val="subscript"/>
        <sz val="7"/>
        <rFont val="Inherit"/>
        <family val="2"/>
      </rPr>
      <t>25</t>
    </r>
    <r>
      <rPr>
        <sz val="10"/>
        <rFont val="Inherit"/>
        <family val="2"/>
      </rPr>
      <t> and produces a finished oil with a viscosity in the order of 32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to 37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100 °C.)</t>
    </r>
  </si>
  <si>
    <r>
      <t>Lubricating oils (petroleum) C</t>
    </r>
    <r>
      <rPr>
        <vertAlign val="subscript"/>
        <sz val="7"/>
        <rFont val="Inherit"/>
        <family val="2"/>
      </rPr>
      <t>17-32</t>
    </r>
    <r>
      <rPr>
        <sz val="10"/>
        <rFont val="Inherit"/>
        <family val="2"/>
      </rPr>
      <t>, solvent-extracted, dewaxed, hydrogenated; Base oil — unspecified</t>
    </r>
  </si>
  <si>
    <r>
      <t>(A complex combination of hydrocarbons obtained by solvent extraction and hydrogenation of atmospheric distillation residues. It consists predominantly of hydrocarbons having carbon numbers predominantly in the range of C</t>
    </r>
    <r>
      <rPr>
        <vertAlign val="subscript"/>
        <sz val="7"/>
        <rFont val="Inherit"/>
        <family val="2"/>
      </rPr>
      <t>17</t>
    </r>
    <r>
      <rPr>
        <sz val="10"/>
        <rFont val="Inherit"/>
        <family val="2"/>
      </rPr>
      <t> through C</t>
    </r>
    <r>
      <rPr>
        <vertAlign val="subscript"/>
        <sz val="7"/>
        <rFont val="Inherit"/>
        <family val="2"/>
      </rPr>
      <t>32</t>
    </r>
    <r>
      <rPr>
        <sz val="10"/>
        <rFont val="Inherit"/>
        <family val="2"/>
      </rPr>
      <t> and produces a finished oil with a viscosity in the order 17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to 23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Lubricating oils (petroleum) C</t>
    </r>
    <r>
      <rPr>
        <vertAlign val="subscript"/>
        <sz val="7"/>
        <rFont val="Inherit"/>
        <family val="2"/>
      </rPr>
      <t>20-35</t>
    </r>
    <r>
      <rPr>
        <sz val="10"/>
        <rFont val="Inherit"/>
        <family val="2"/>
      </rPr>
      <t>, solvent-extracted, dewaxed, hydrogenated; Base oil — unspecified</t>
    </r>
  </si>
  <si>
    <r>
      <t>(A complex combination of hydrocarbons obtained by solvent extraction and hydrogenation of atmospheric distillation residues. It consists predominantly of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35</t>
    </r>
    <r>
      <rPr>
        <sz val="10"/>
        <rFont val="Inherit"/>
        <family val="2"/>
      </rPr>
      <t> and produces a finished oil with a viscosity in the order of 37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to 44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Lubricating oils (petroleum) C</t>
    </r>
    <r>
      <rPr>
        <vertAlign val="subscript"/>
        <sz val="7"/>
        <rFont val="Inherit"/>
        <family val="2"/>
      </rPr>
      <t>24-50</t>
    </r>
    <r>
      <rPr>
        <sz val="10"/>
        <rFont val="Inherit"/>
        <family val="2"/>
      </rPr>
      <t>, solvent-extracted, dewaxed, hydrogenated; Base oil — unspecified</t>
    </r>
  </si>
  <si>
    <r>
      <t>(A complex combination of hydrocarbons obtained by solvent extraction and hydrogenation of atmospheric distillation residues. It consists predominantly of hydrocarbons having carbon numbers predominantly in the range of C</t>
    </r>
    <r>
      <rPr>
        <vertAlign val="subscript"/>
        <sz val="7"/>
        <rFont val="Inherit"/>
        <family val="2"/>
      </rPr>
      <t>24</t>
    </r>
    <r>
      <rPr>
        <sz val="10"/>
        <rFont val="Inherit"/>
        <family val="2"/>
      </rPr>
      <t> through C</t>
    </r>
    <r>
      <rPr>
        <vertAlign val="subscript"/>
        <sz val="7"/>
        <rFont val="Inherit"/>
        <family val="2"/>
      </rPr>
      <t>50</t>
    </r>
    <r>
      <rPr>
        <sz val="10"/>
        <rFont val="Inherit"/>
        <family val="2"/>
      </rPr>
      <t> and produces a finished oil with a viscosity in the order of 16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to 75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as the extract from the re-extraction of solvent-refined heavy paraffinic distillate. It consists of saturated and aromatic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t>
    </r>
  </si>
  <si>
    <r>
      <t>(A complex combination of hydrocarbons obtained by treating a heavy naphthenic distillate solvent extract with hydrogen in the presence of a catalyst. It consists predominantly of aromatic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and produces a finished oil of at least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produced by treating a heavy paraffinic distillate solvent extract with hydrogen in the presence of a catalyst. It consists predominantly of hydrocarbons having carbon numbers predominantly in the range of C</t>
    </r>
    <r>
      <rPr>
        <vertAlign val="subscript"/>
        <sz val="7"/>
        <rFont val="Inherit"/>
        <family val="2"/>
      </rPr>
      <t>21</t>
    </r>
    <r>
      <rPr>
        <sz val="10"/>
        <rFont val="Inherit"/>
        <family val="2"/>
      </rPr>
      <t> through C</t>
    </r>
    <r>
      <rPr>
        <vertAlign val="subscript"/>
        <sz val="7"/>
        <rFont val="Inherit"/>
        <family val="2"/>
      </rPr>
      <t>33</t>
    </r>
    <r>
      <rPr>
        <sz val="10"/>
        <rFont val="Inherit"/>
        <family val="2"/>
      </rPr>
      <t> and boiling in the range of approximately 350 °C to 480 °C.)</t>
    </r>
  </si>
  <si>
    <r>
      <t>(A complex combination of hydrocarbons produced by treating a light paraffinic distillate solvent extract with hydrogen in the presence of a catalyst. It consists predominantly of hydrocarbons having carbon numbers predominantly in the range of C</t>
    </r>
    <r>
      <rPr>
        <vertAlign val="subscript"/>
        <sz val="7"/>
        <rFont val="Inherit"/>
        <family val="2"/>
      </rPr>
      <t>17</t>
    </r>
    <r>
      <rPr>
        <sz val="10"/>
        <rFont val="Inherit"/>
        <family val="2"/>
      </rPr>
      <t> through C</t>
    </r>
    <r>
      <rPr>
        <vertAlign val="subscript"/>
        <sz val="7"/>
        <rFont val="Inherit"/>
        <family val="2"/>
      </rPr>
      <t>26</t>
    </r>
    <r>
      <rPr>
        <sz val="10"/>
        <rFont val="Inherit"/>
        <family val="2"/>
      </rPr>
      <t> and boiling in the range of approximately 280 °C to 400 °C.)</t>
    </r>
  </si>
  <si>
    <r>
      <t>(A complex combination of hydrocarbons obtained as the extract from solvent extraction of intermediate paraffinic top solvent distillate that is treated with hydrogen in the presence of a catalyst. It consists predominantly of aromatic hydrocarbons having carbon numbers predominantly in the range of C</t>
    </r>
    <r>
      <rPr>
        <vertAlign val="subscript"/>
        <sz val="7"/>
        <rFont val="Inherit"/>
        <family val="2"/>
      </rPr>
      <t>16</t>
    </r>
    <r>
      <rPr>
        <sz val="10"/>
        <rFont val="Inherit"/>
        <family val="2"/>
      </rPr>
      <t> through C</t>
    </r>
    <r>
      <rPr>
        <vertAlign val="subscript"/>
        <sz val="7"/>
        <rFont val="Inherit"/>
        <family val="2"/>
      </rPr>
      <t>36</t>
    </r>
    <r>
      <rPr>
        <sz val="10"/>
        <rFont val="Inherit"/>
        <family val="2"/>
      </rPr>
      <t>.)</t>
    </r>
  </si>
  <si>
    <r>
      <t>(A complex combination of hydrocarbons obtained by treating the extract, obtained from a solvent extraction process, with hydrogen in the presence of a catalyst under conditions primarily to remove sulphur compounds. It consists predominantly of aromatic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30</t>
    </r>
    <r>
      <rPr>
        <sz val="10"/>
        <rFont val="Inherit"/>
        <family val="2"/>
      </rPr>
      <t>. This stream is likely to contain 5 % wt or more of four- to six-membered condensed ring aromatic hydrocarbons.)</t>
    </r>
  </si>
  <si>
    <r>
      <t>(A complex combination of hydrocarbons obtained as a fraction of the distillation of an extract from the solvent extraction of light paraffinic top petroleum distillates that is subjected to a sulphuric acid refining. It consists predominantly of aromatic hydrocarbons having carbon numbers predominantly in the range of C</t>
    </r>
    <r>
      <rPr>
        <vertAlign val="subscript"/>
        <sz val="7"/>
        <rFont val="Inherit"/>
        <family val="2"/>
      </rPr>
      <t>16</t>
    </r>
    <r>
      <rPr>
        <sz val="10"/>
        <rFont val="Inherit"/>
        <family val="2"/>
      </rPr>
      <t> through C</t>
    </r>
    <r>
      <rPr>
        <vertAlign val="subscript"/>
        <sz val="7"/>
        <rFont val="Inherit"/>
        <family val="2"/>
      </rPr>
      <t>32</t>
    </r>
    <r>
      <rPr>
        <sz val="10"/>
        <rFont val="Inherit"/>
        <family val="2"/>
      </rPr>
      <t>.)</t>
    </r>
  </si>
  <si>
    <r>
      <t>(A complex combination of hydrocarbons obtained by solvent extraction of a light paraffin distillate and treated with hydrogen to convert the organic sulphur to hydrogen sulphide which is eliminated. It consists predominantly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40</t>
    </r>
    <r>
      <rPr>
        <sz val="10"/>
        <rFont val="Inherit"/>
        <family val="2"/>
      </rPr>
      <t> and produces a finished oil having a viscosity of greater than 10</t>
    </r>
    <r>
      <rPr>
        <vertAlign val="superscript"/>
        <sz val="7"/>
        <rFont val="Inherit"/>
        <family val="2"/>
      </rPr>
      <t>-5</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by solvent extraction from light vacuum petroleum gas oils and treated with hydrogen in the presence of a catalyst. It consists predominantly of aromatic hydrocarbons having carbon numbers predominantly in the range of C</t>
    </r>
    <r>
      <rPr>
        <vertAlign val="subscript"/>
        <sz val="7"/>
        <rFont val="Inherit"/>
        <family val="2"/>
      </rPr>
      <t>13</t>
    </r>
    <r>
      <rPr>
        <sz val="10"/>
        <rFont val="Inherit"/>
        <family val="2"/>
      </rPr>
      <t> through C</t>
    </r>
    <r>
      <rPr>
        <vertAlign val="subscript"/>
        <sz val="7"/>
        <rFont val="Inherit"/>
        <family val="2"/>
      </rPr>
      <t>30</t>
    </r>
    <r>
      <rPr>
        <sz val="10"/>
        <rFont val="Inherit"/>
        <family val="2"/>
      </rPr>
      <t>.)</t>
    </r>
  </si>
  <si>
    <r>
      <t>(A complex combination of hydrocarbons resulting from treatment of a petroleum fraction with natural or modified clay in either a contact or percolation process to remove the trace amounts of polar compounds and impurities present. It consists predominantly of aromatic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 This stream is likely to contain 5 % wt or more four- to six-membered ring aromatic hydrocarbons.)</t>
    </r>
  </si>
  <si>
    <r>
      <t>(A complex combination of hydrocarbons obtained from a petroleum stock by treating with hydrogen to convert organic sulphur to hydrogen sulphide which is removed. It consists predominantly of aromatic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50</t>
    </r>
    <r>
      <rPr>
        <sz val="10"/>
        <rFont val="Inherit"/>
        <family val="2"/>
      </rPr>
      <t> and produces a finished oil with a viscosity of greater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from a solvent dewaxed petroleum stock by treating with hydrogen to convert organic sulphur to hydrogen sulphide which is removed. It consists predominantly of hydrocarbons having carbon numbers predominantly in the range of C</t>
    </r>
    <r>
      <rPr>
        <vertAlign val="subscript"/>
        <sz val="7"/>
        <rFont val="Inherit"/>
        <family val="2"/>
      </rPr>
      <t>15</t>
    </r>
    <r>
      <rPr>
        <sz val="10"/>
        <rFont val="Inherit"/>
        <family val="2"/>
      </rPr>
      <t> through C</t>
    </r>
    <r>
      <rPr>
        <vertAlign val="subscript"/>
        <sz val="7"/>
        <rFont val="Inherit"/>
        <family val="2"/>
      </rPr>
      <t>50</t>
    </r>
    <r>
      <rPr>
        <sz val="10"/>
        <rFont val="Inherit"/>
        <family val="2"/>
      </rPr>
      <t> and produces a finished oil with a viscosity of greater than 19 10</t>
    </r>
    <r>
      <rPr>
        <vertAlign val="superscript"/>
        <sz val="7"/>
        <rFont val="Inherit"/>
        <family val="2"/>
      </rPr>
      <t>-6</t>
    </r>
    <r>
      <rPr>
        <sz val="10"/>
        <rFont val="Inherit"/>
        <family val="2"/>
      </rPr>
      <t> m</t>
    </r>
    <r>
      <rPr>
        <vertAlign val="superscript"/>
        <sz val="7"/>
        <rFont val="Inherit"/>
        <family val="2"/>
      </rPr>
      <t>2</t>
    </r>
    <r>
      <rPr>
        <sz val="10"/>
        <rFont val="Inherit"/>
        <family val="2"/>
      </rPr>
      <t>.s</t>
    </r>
    <r>
      <rPr>
        <vertAlign val="superscript"/>
        <sz val="7"/>
        <rFont val="Inherit"/>
        <family val="2"/>
      </rPr>
      <t>-1</t>
    </r>
    <r>
      <rPr>
        <sz val="10"/>
        <rFont val="Inherit"/>
        <family val="2"/>
      </rPr>
      <t> at 40 °C.)</t>
    </r>
  </si>
  <si>
    <r>
      <t>(A complex combination of hydrocarbons obtained as a fraction from distillation of an extract recovered by solvent extraction of light paraffinic top petroleum distillate treated with activated charcoal to remove traces of polar constituents and impurities. It consists predominantly of aromatic hydrocarbons having carbon numbers predominantly in the range of C</t>
    </r>
    <r>
      <rPr>
        <vertAlign val="subscript"/>
        <sz val="7"/>
        <rFont val="Inherit"/>
        <family val="2"/>
      </rPr>
      <t>16</t>
    </r>
    <r>
      <rPr>
        <sz val="10"/>
        <rFont val="Inherit"/>
        <family val="2"/>
      </rPr>
      <t> through C</t>
    </r>
    <r>
      <rPr>
        <vertAlign val="subscript"/>
        <sz val="7"/>
        <rFont val="Inherit"/>
        <family val="2"/>
      </rPr>
      <t>32</t>
    </r>
    <r>
      <rPr>
        <sz val="10"/>
        <rFont val="Inherit"/>
        <family val="2"/>
      </rPr>
      <t>.)</t>
    </r>
  </si>
  <si>
    <r>
      <t>(A complex combination of hydrocarbons obtained as a fraction from distillation of an extract recovered by solvent extraction of light paraffinic top petroleum distillates treated with bleaching earth to remove traces of polar constituents and impurities. It consists predominantly of aromatic hydrocarbons having carbon numbers predominantly in the range of C</t>
    </r>
    <r>
      <rPr>
        <vertAlign val="subscript"/>
        <sz val="7"/>
        <rFont val="Inherit"/>
        <family val="2"/>
      </rPr>
      <t>16</t>
    </r>
    <r>
      <rPr>
        <sz val="10"/>
        <rFont val="Inherit"/>
        <family val="2"/>
      </rPr>
      <t> through C</t>
    </r>
    <r>
      <rPr>
        <vertAlign val="subscript"/>
        <sz val="7"/>
        <rFont val="Inherit"/>
        <family val="2"/>
      </rPr>
      <t>32</t>
    </r>
    <r>
      <rPr>
        <sz val="10"/>
        <rFont val="Inherit"/>
        <family val="2"/>
      </rPr>
      <t>.)</t>
    </r>
  </si>
  <si>
    <r>
      <t>(A complex combination of hydrocarbons obtained by solvent extraction of light vacuum petroleum gas oil treated with activated charcoal for the removal of trace polar constituents and impurities. It consists predominantly of aromatic hydrocarbons having carbon numbers predominantly in the range of C</t>
    </r>
    <r>
      <rPr>
        <vertAlign val="subscript"/>
        <sz val="7"/>
        <rFont val="Inherit"/>
        <family val="2"/>
      </rPr>
      <t>13</t>
    </r>
    <r>
      <rPr>
        <sz val="10"/>
        <rFont val="Inherit"/>
        <family val="2"/>
      </rPr>
      <t> through C</t>
    </r>
    <r>
      <rPr>
        <vertAlign val="subscript"/>
        <sz val="7"/>
        <rFont val="Inherit"/>
        <family val="2"/>
      </rPr>
      <t>30</t>
    </r>
    <r>
      <rPr>
        <sz val="10"/>
        <rFont val="Inherit"/>
        <family val="2"/>
      </rPr>
      <t>.)</t>
    </r>
  </si>
  <si>
    <r>
      <t>(A complex combination of hydrocarbons obtained by solvent extraction of light vacuum petroleum gas oils treated with bleaching earth for removal of trace polar constituents and impurities. It consists predominantly of aromatic hydrocarbons having carbon numbers predominantly in the range of C</t>
    </r>
    <r>
      <rPr>
        <vertAlign val="subscript"/>
        <sz val="7"/>
        <rFont val="Inherit"/>
        <family val="2"/>
      </rPr>
      <t>13</t>
    </r>
    <r>
      <rPr>
        <sz val="10"/>
        <rFont val="Inherit"/>
        <family val="2"/>
      </rPr>
      <t> through C</t>
    </r>
    <r>
      <rPr>
        <vertAlign val="subscript"/>
        <sz val="7"/>
        <rFont val="Inherit"/>
        <family val="2"/>
      </rPr>
      <t>30</t>
    </r>
    <r>
      <rPr>
        <sz val="10"/>
        <rFont val="Inherit"/>
        <family val="2"/>
      </rPr>
      <t>.)</t>
    </r>
  </si>
  <si>
    <r>
      <t>(A complex combination of hydrocarbons obtained as the oil fraction from a solvent deoiling or a wax sweating process. It consists predominantly of branched chain hydrocarbons having carbon numbers predominantly in the range of C</t>
    </r>
    <r>
      <rPr>
        <vertAlign val="subscript"/>
        <sz val="7"/>
        <rFont val="Inherit"/>
        <family val="2"/>
      </rPr>
      <t>20</t>
    </r>
    <r>
      <rPr>
        <sz val="10"/>
        <rFont val="Inherit"/>
        <family val="2"/>
      </rPr>
      <t> through C</t>
    </r>
    <r>
      <rPr>
        <vertAlign val="subscript"/>
        <sz val="7"/>
        <rFont val="Inherit"/>
        <family val="2"/>
      </rPr>
      <t>50</t>
    </r>
    <r>
      <rPr>
        <sz val="10"/>
        <rFont val="Inherit"/>
        <family val="2"/>
      </rPr>
      <t>.)</t>
    </r>
  </si>
  <si>
    <r>
      <t>[Man-made vitreous (silicate) fibres with random orientation with alkaline oxide and alkali earth oxide (Na</t>
    </r>
    <r>
      <rPr>
        <vertAlign val="subscript"/>
        <sz val="7"/>
        <rFont val="Inherit"/>
        <family val="2"/>
      </rPr>
      <t>2</t>
    </r>
    <r>
      <rPr>
        <sz val="10"/>
        <rFont val="Inherit"/>
        <family val="2"/>
      </rPr>
      <t>O+K</t>
    </r>
    <r>
      <rPr>
        <vertAlign val="subscript"/>
        <sz val="7"/>
        <rFont val="Inherit"/>
        <family val="2"/>
      </rPr>
      <t>2</t>
    </r>
    <r>
      <rPr>
        <sz val="10"/>
        <rFont val="Inherit"/>
        <family val="2"/>
      </rPr>
      <t>O+CaO+ MgO+BaO) content less or equal to 18 % by weight]</t>
    </r>
  </si>
  <si>
    <r>
      <t>►M21</t>
    </r>
    <r>
      <rPr>
        <sz val="10"/>
        <rFont val="Inherit"/>
        <family val="2"/>
      </rPr>
      <t>   —</t>
    </r>
    <r>
      <rPr>
        <b/>
        <sz val="10"/>
        <rFont val="Inherit"/>
        <family val="2"/>
      </rPr>
      <t> ◄</t>
    </r>
  </si>
  <si>
    <r>
      <t>C </t>
    </r>
    <r>
      <rPr>
        <b/>
        <sz val="10"/>
        <rFont val="Inherit"/>
        <family val="2"/>
      </rPr>
      <t>►M21</t>
    </r>
    <r>
      <rPr>
        <sz val="10"/>
        <rFont val="Inherit"/>
        <family val="2"/>
      </rPr>
      <t>   —</t>
    </r>
    <r>
      <rPr>
        <b/>
        <sz val="10"/>
        <rFont val="Inherit"/>
        <family val="2"/>
      </rPr>
      <t> ◄</t>
    </r>
  </si>
  <si>
    <r>
      <t>[The distillate from coke oven light oil having an approximate distillation range below 100 °C (212 °F). Composed primarily of C</t>
    </r>
    <r>
      <rPr>
        <vertAlign val="subscript"/>
        <sz val="7"/>
        <rFont val="Inherit"/>
        <family val="2"/>
      </rPr>
      <t>4</t>
    </r>
    <r>
      <rPr>
        <sz val="10"/>
        <rFont val="Inherit"/>
        <family val="2"/>
      </rPr>
      <t> to C</t>
    </r>
    <r>
      <rPr>
        <vertAlign val="subscript"/>
        <sz val="7"/>
        <rFont val="Inherit"/>
        <family val="2"/>
      </rPr>
      <t>6</t>
    </r>
    <r>
      <rPr>
        <sz val="10"/>
        <rFont val="Inherit"/>
        <family val="2"/>
      </rPr>
      <t> aliphatic hydrocarbons.]</t>
    </r>
  </si>
  <si>
    <r>
      <t>Aromatic hydrocarbons, C</t>
    </r>
    <r>
      <rPr>
        <vertAlign val="subscript"/>
        <sz val="7"/>
        <rFont val="Inherit"/>
        <family val="2"/>
      </rPr>
      <t>6-10</t>
    </r>
    <r>
      <rPr>
        <sz val="10"/>
        <rFont val="Inherit"/>
        <family val="2"/>
      </rPr>
      <t>, C</t>
    </r>
    <r>
      <rPr>
        <vertAlign val="subscript"/>
        <sz val="7"/>
        <rFont val="Inherit"/>
        <family val="2"/>
      </rPr>
      <t>8</t>
    </r>
    <r>
      <rPr>
        <sz val="10"/>
        <rFont val="Inherit"/>
        <family val="2"/>
      </rPr>
      <t>-rich;</t>
    </r>
  </si>
  <si>
    <r>
      <t>Aromatic hydrocarbons, C</t>
    </r>
    <r>
      <rPr>
        <vertAlign val="subscript"/>
        <sz val="7"/>
        <rFont val="Inherit"/>
        <family val="2"/>
      </rPr>
      <t>8</t>
    </r>
    <r>
      <rPr>
        <sz val="10"/>
        <rFont val="Inherit"/>
        <family val="2"/>
      </rPr>
      <t>;</t>
    </r>
  </si>
  <si>
    <r>
      <t>Aromatic hydrocarbons, C</t>
    </r>
    <r>
      <rPr>
        <vertAlign val="subscript"/>
        <sz val="7"/>
        <rFont val="Inherit"/>
        <family val="2"/>
      </rPr>
      <t>8-9</t>
    </r>
    <r>
      <rPr>
        <sz val="10"/>
        <rFont val="Inherit"/>
        <family val="2"/>
      </rPr>
      <t>, hydrocarbon resin polymn. by-product;</t>
    </r>
  </si>
  <si>
    <r>
      <t>[A complex combination of hydrocarbons obtained from the evaporation of solvent under vacuum from polymerized hydrocarbon resin. It consists predominantly of aromatic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9</t>
    </r>
    <r>
      <rPr>
        <sz val="10"/>
        <rFont val="Inherit"/>
        <family val="2"/>
      </rPr>
      <t> and boiling in the range of approximately 120 °C to 215 °C (248 °F to 419 °F).]</t>
    </r>
  </si>
  <si>
    <r>
      <t>Aromatic hydrocarbons, C</t>
    </r>
    <r>
      <rPr>
        <vertAlign val="subscript"/>
        <sz val="7"/>
        <rFont val="Inherit"/>
        <family val="2"/>
      </rPr>
      <t>9-12</t>
    </r>
    <r>
      <rPr>
        <sz val="10"/>
        <rFont val="Inherit"/>
        <family val="2"/>
      </rPr>
      <t>, benzene distn.;</t>
    </r>
  </si>
  <si>
    <r>
      <t>[The first fraction from the distillation of aromatic hydrocarbons, coumarone, naphthalene and indene rich prefractionator bottoms or washed carbolic oil boiling substantially below 145 °C (293 °F). Composed primarily of C</t>
    </r>
    <r>
      <rPr>
        <vertAlign val="subscript"/>
        <sz val="7"/>
        <rFont val="Inherit"/>
        <family val="2"/>
      </rPr>
      <t>7</t>
    </r>
    <r>
      <rPr>
        <sz val="10"/>
        <rFont val="Inherit"/>
        <family val="2"/>
      </rPr>
      <t> and C</t>
    </r>
    <r>
      <rPr>
        <vertAlign val="subscript"/>
        <sz val="7"/>
        <rFont val="Inherit"/>
        <family val="2"/>
      </rPr>
      <t>8</t>
    </r>
    <r>
      <rPr>
        <sz val="10"/>
        <rFont val="Inherit"/>
        <family val="2"/>
      </rPr>
      <t> aliphatic and aromatic hydrocarbons.]</t>
    </r>
  </si>
  <si>
    <r>
      <t>[The product obtained by treatment of coal tar oil alkaline extract with CO</t>
    </r>
    <r>
      <rPr>
        <vertAlign val="subscript"/>
        <sz val="7"/>
        <rFont val="Inherit"/>
        <family val="2"/>
      </rPr>
      <t>2</t>
    </r>
    <r>
      <rPr>
        <sz val="10"/>
        <rFont val="Inherit"/>
        <family val="2"/>
      </rPr>
      <t> and CaO. Composed primarily of CaCO</t>
    </r>
    <r>
      <rPr>
        <vertAlign val="subscript"/>
        <sz val="7"/>
        <rFont val="Inherit"/>
        <family val="2"/>
      </rPr>
      <t>3</t>
    </r>
    <r>
      <rPr>
        <sz val="10"/>
        <rFont val="Inherit"/>
        <family val="2"/>
      </rPr>
      <t>, Ca(OH)</t>
    </r>
    <r>
      <rPr>
        <vertAlign val="subscript"/>
        <sz val="7"/>
        <rFont val="Inherit"/>
        <family val="2"/>
      </rPr>
      <t>2</t>
    </r>
    <r>
      <rPr>
        <sz val="10"/>
        <rFont val="Inherit"/>
        <family val="2"/>
      </rPr>
      <t>, Na</t>
    </r>
    <r>
      <rPr>
        <vertAlign val="subscript"/>
        <sz val="7"/>
        <rFont val="Inherit"/>
        <family val="2"/>
      </rPr>
      <t>2</t>
    </r>
    <r>
      <rPr>
        <sz val="10"/>
        <rFont val="Inherit"/>
        <family val="2"/>
      </rPr>
      <t>CO</t>
    </r>
    <r>
      <rPr>
        <vertAlign val="subscript"/>
        <sz val="7"/>
        <rFont val="Inherit"/>
        <family val="2"/>
      </rPr>
      <t>3</t>
    </r>
    <r>
      <rPr>
        <sz val="10"/>
        <rFont val="Inherit"/>
        <family val="2"/>
      </rPr>
      <t> and other organic and inorganic impurities.]</t>
    </r>
  </si>
  <si>
    <r>
      <t>[A complex combination of organic compounds obtained from brown coal gasification. Composed primarily of C</t>
    </r>
    <r>
      <rPr>
        <vertAlign val="subscript"/>
        <sz val="7"/>
        <rFont val="Inherit"/>
        <family val="2"/>
      </rPr>
      <t>6-10</t>
    </r>
    <r>
      <rPr>
        <sz val="10"/>
        <rFont val="Inherit"/>
        <family val="2"/>
      </rPr>
      <t> hydroxy aromatic phenols and their homologs.]</t>
    </r>
  </si>
  <si>
    <r>
      <t>[A residue from the distillation of crude phenol from coal. It consists predominantly of phenols having carbon numbers in the range of C</t>
    </r>
    <r>
      <rPr>
        <vertAlign val="subscript"/>
        <sz val="7"/>
        <rFont val="Inherit"/>
        <family val="2"/>
      </rPr>
      <t>8</t>
    </r>
    <r>
      <rPr>
        <sz val="10"/>
        <rFont val="Inherit"/>
        <family val="2"/>
      </rPr>
      <t> through C</t>
    </r>
    <r>
      <rPr>
        <vertAlign val="subscript"/>
        <sz val="7"/>
        <rFont val="Inherit"/>
        <family val="2"/>
      </rPr>
      <t>10</t>
    </r>
    <r>
      <rPr>
        <sz val="10"/>
        <rFont val="Inherit"/>
        <family val="2"/>
      </rPr>
      <t> with a softening point of 60 °C to 80 °C (140 °F to 176 °F).]</t>
    </r>
  </si>
  <si>
    <r>
      <t>Phenols, C</t>
    </r>
    <r>
      <rPr>
        <vertAlign val="subscript"/>
        <sz val="7"/>
        <rFont val="Inherit"/>
        <family val="2"/>
      </rPr>
      <t>9-11</t>
    </r>
    <r>
      <rPr>
        <sz val="10"/>
        <rFont val="Inherit"/>
        <family val="2"/>
      </rPr>
      <t>;</t>
    </r>
  </si>
  <si>
    <r>
      <t>Tar acids, brown-coal, C</t>
    </r>
    <r>
      <rPr>
        <vertAlign val="subscript"/>
        <sz val="7"/>
        <rFont val="Inherit"/>
        <family val="2"/>
      </rPr>
      <t>2</t>
    </r>
    <r>
      <rPr>
        <sz val="10"/>
        <rFont val="Inherit"/>
        <family val="2"/>
      </rPr>
      <t>-alkylphenol fraction;</t>
    </r>
  </si>
  <si>
    <r>
      <t>[The liquid product of condensation of vapors emitted during the digestion of coal in a liquid solvent and boiling in the range of approximately 30 °C to 300 °C (86 °F to 572 °F). Composed primarily of partly hydrogenated condensed-ring aromatic hydrocarbons, aromatic compounds containing nitrogen, oxygen and sulfur, and their alkyl derivatives having carbon numbers predominantly in the range of C</t>
    </r>
    <r>
      <rPr>
        <vertAlign val="subscript"/>
        <sz val="7"/>
        <rFont val="Inherit"/>
        <family val="2"/>
      </rPr>
      <t>4</t>
    </r>
    <r>
      <rPr>
        <sz val="10"/>
        <rFont val="Inherit"/>
        <family val="2"/>
      </rPr>
      <t> through C</t>
    </r>
    <r>
      <rPr>
        <vertAlign val="subscript"/>
        <sz val="7"/>
        <rFont val="Inherit"/>
        <family val="2"/>
      </rPr>
      <t>14</t>
    </r>
    <r>
      <rPr>
        <sz val="10"/>
        <rFont val="Inherit"/>
        <family val="2"/>
      </rPr>
      <t>.]</t>
    </r>
  </si>
  <si>
    <r>
      <t>[Distillate obtained by hydrocracking of coal extract or solution produced by the liquid solvent extraction or supercritical gas extraction processes and boiling in the range of approximately 30 °C to 300 °C (86 °F to 572 °F). Composed primarily of aromatic, hydrogenated aromatic and naphthenic compounds, their alkyl derivatives and alkanes with carbon numbers predominantly in the range of C</t>
    </r>
    <r>
      <rPr>
        <vertAlign val="subscript"/>
        <sz val="7"/>
        <rFont val="Inherit"/>
        <family val="2"/>
      </rPr>
      <t>4</t>
    </r>
    <r>
      <rPr>
        <sz val="10"/>
        <rFont val="Inherit"/>
        <family val="2"/>
      </rPr>
      <t> through C</t>
    </r>
    <r>
      <rPr>
        <vertAlign val="subscript"/>
        <sz val="7"/>
        <rFont val="Inherit"/>
        <family val="2"/>
      </rPr>
      <t>14</t>
    </r>
    <r>
      <rPr>
        <sz val="10"/>
        <rFont val="Inherit"/>
        <family val="2"/>
      </rPr>
      <t>. Nitrogen, sulfur and oxygen-containing aromatic and hydrogenated aromatic compounds are also present.]</t>
    </r>
  </si>
  <si>
    <r>
      <t>[Fraction of the distillate obtained by hydrocracking of coal extract or solution produced by the liquid solvent extraction or supercritical gas extraction processes and boiling in the range of approximately 30 °C to 180 °C (86 °F to 356 °F). Composed primarily of aromatic, hydrogenated aromatic and naphthenic compounds, their alkyl derivatives and alkanes with carbon numbers predominantly in the range of C</t>
    </r>
    <r>
      <rPr>
        <vertAlign val="subscript"/>
        <sz val="7"/>
        <rFont val="Inherit"/>
        <family val="2"/>
      </rPr>
      <t>4</t>
    </r>
    <r>
      <rPr>
        <sz val="10"/>
        <rFont val="Inherit"/>
        <family val="2"/>
      </rPr>
      <t> to C</t>
    </r>
    <r>
      <rPr>
        <vertAlign val="subscript"/>
        <sz val="7"/>
        <rFont val="Inherit"/>
        <family val="2"/>
      </rPr>
      <t>9</t>
    </r>
    <r>
      <rPr>
        <sz val="10"/>
        <rFont val="Inherit"/>
        <family val="2"/>
      </rPr>
      <t>. Nitrogen, sulfur and oxygen-containing aromatic and hydrogenated aromatic compounds are also present.]</t>
    </r>
  </si>
  <si>
    <r>
      <t>[Distillate obtained from the hydrocracking of coal extract or solution produced by the liquid solvent extraction or supercritical gas extraction processes and boiling in the range of approximately 180 °C to 300 °C (356 °F to 572 °F). Composed primarily of two-ring aromatic, hydrogenated aromatic and naphthenic compounds, their alkyl derivatives and alkanes having carbon numbers predominantly in the range of C</t>
    </r>
    <r>
      <rPr>
        <vertAlign val="subscript"/>
        <sz val="7"/>
        <rFont val="Inherit"/>
        <family val="2"/>
      </rPr>
      <t>9</t>
    </r>
    <r>
      <rPr>
        <sz val="10"/>
        <rFont val="Inherit"/>
        <family val="2"/>
      </rPr>
      <t> through C</t>
    </r>
    <r>
      <rPr>
        <vertAlign val="subscript"/>
        <sz val="7"/>
        <rFont val="Inherit"/>
        <family val="2"/>
      </rPr>
      <t>14</t>
    </r>
    <r>
      <rPr>
        <sz val="10"/>
        <rFont val="Inherit"/>
        <family val="2"/>
      </rPr>
      <t>. Nitrogen, sulfur and oxygen-containing compounds are also present.]</t>
    </r>
  </si>
  <si>
    <r>
      <t>[Distillate from the hydrogenation of hydrocracked middle distillate from coal extract or solution produced by the liquid solvent extraction or supercritical gas extraction processes and boiling in the range of approximately 180 °C to 280 °C (356 °F to 536 °F). Composed primarily of hydrogenated two- ring carbon compounds and their alkyl derivatives having carbon numbers predominantly in the range of C</t>
    </r>
    <r>
      <rPr>
        <vertAlign val="subscript"/>
        <sz val="7"/>
        <rFont val="Inherit"/>
        <family val="2"/>
      </rPr>
      <t>9</t>
    </r>
    <r>
      <rPr>
        <sz val="10"/>
        <rFont val="Inherit"/>
        <family val="2"/>
      </rPr>
      <t> through C</t>
    </r>
    <r>
      <rPr>
        <vertAlign val="subscript"/>
        <sz val="7"/>
        <rFont val="Inherit"/>
        <family val="2"/>
      </rPr>
      <t>14</t>
    </r>
    <r>
      <rPr>
        <sz val="10"/>
        <rFont val="Inherit"/>
        <family val="2"/>
      </rPr>
      <t>.]</t>
    </r>
  </si>
  <si>
    <r>
      <t>[The volatile organic liquid condensed from the gas evolved in the low-temperature (less than 700 °C (1 292 °F)) destructive distillation of coal. Composed primarily of C</t>
    </r>
    <r>
      <rPr>
        <vertAlign val="subscript"/>
        <sz val="7"/>
        <rFont val="Inherit"/>
        <family val="2"/>
      </rPr>
      <t>6-10</t>
    </r>
    <r>
      <rPr>
        <sz val="10"/>
        <rFont val="Inherit"/>
        <family val="2"/>
      </rPr>
      <t> hydrocarbons.]</t>
    </r>
  </si>
  <si>
    <r>
      <t>►M21</t>
    </r>
    <r>
      <rPr>
        <sz val="10"/>
        <rFont val="Inherit"/>
        <family val="2"/>
      </rPr>
      <t>   —</t>
    </r>
    <r>
      <rPr>
        <b/>
        <sz val="10"/>
        <rFont val="Inherit"/>
        <family val="2"/>
      </rPr>
      <t> ◄ </t>
    </r>
    <r>
      <rPr>
        <sz val="10"/>
        <rFont val="Inherit"/>
        <family val="2"/>
      </rPr>
      <t>K</t>
    </r>
  </si>
  <si>
    <r>
      <t>(A complex combination of hydrocarbons provided by thermal cracking and absorber operations and by distillation of crude oil.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 and boiling in the range of approximately minus 164 °C to minus 0,5  °C.)</t>
    </r>
  </si>
  <si>
    <r>
      <t>Hydrocarbons, C</t>
    </r>
    <r>
      <rPr>
        <vertAlign val="subscript"/>
        <sz val="7"/>
        <rFont val="Inherit"/>
        <family val="2"/>
      </rPr>
      <t>1-4</t>
    </r>
    <r>
      <rPr>
        <sz val="10"/>
        <rFont val="Inherit"/>
        <family val="2"/>
      </rPr>
      <t>, sweetened;</t>
    </r>
  </si>
  <si>
    <r>
      <t>[A complex combination of hydrocarbons obtained by subjecting hydrocarbon gases to a sweetening process to convert mercaptans or to remove acidic impurities.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4</t>
    </r>
    <r>
      <rPr>
        <sz val="10"/>
        <rFont val="Inherit"/>
        <family val="2"/>
      </rPr>
      <t> and boiling in the range of approximately – 164 °C to – 0,5 °C (– 263 °F to 31 °F).]</t>
    </r>
  </si>
  <si>
    <r>
      <t>►M21</t>
    </r>
    <r>
      <rPr>
        <sz val="10"/>
        <rFont val="Inherit"/>
        <family val="2"/>
      </rPr>
      <t>   —</t>
    </r>
    <r>
      <rPr>
        <b/>
        <sz val="10"/>
        <rFont val="Inherit"/>
        <family val="2"/>
      </rPr>
      <t> ◄ </t>
    </r>
    <r>
      <rPr>
        <sz val="10"/>
        <rFont val="Inherit"/>
        <family val="2"/>
      </rPr>
      <t>K </t>
    </r>
    <r>
      <rPr>
        <b/>
        <sz val="10"/>
        <rFont val="Inherit"/>
        <family val="2"/>
      </rPr>
      <t>►M21</t>
    </r>
    <r>
      <rPr>
        <sz val="10"/>
        <rFont val="Inherit"/>
        <family val="2"/>
      </rPr>
      <t>   —</t>
    </r>
    <r>
      <rPr>
        <b/>
        <sz val="10"/>
        <rFont val="Inherit"/>
        <family val="2"/>
      </rPr>
      <t> ◄</t>
    </r>
  </si>
  <si>
    <r>
      <t>Raffinates (petroleum), steam-cracked C</t>
    </r>
    <r>
      <rPr>
        <vertAlign val="subscript"/>
        <sz val="7"/>
        <rFont val="Inherit"/>
        <family val="2"/>
      </rPr>
      <t>4</t>
    </r>
    <r>
      <rPr>
        <sz val="10"/>
        <rFont val="Inherit"/>
        <family val="2"/>
      </rPr>
      <t> fraction cuprous ammonium acetate extn., C</t>
    </r>
    <r>
      <rPr>
        <vertAlign val="subscript"/>
        <sz val="7"/>
        <rFont val="Inherit"/>
        <family val="2"/>
      </rPr>
      <t>3-5</t>
    </r>
    <r>
      <rPr>
        <sz val="10"/>
        <rFont val="Inherit"/>
        <family val="2"/>
      </rPr>
      <t> and C</t>
    </r>
    <r>
      <rPr>
        <vertAlign val="subscript"/>
        <sz val="7"/>
        <rFont val="Inherit"/>
        <family val="2"/>
      </rPr>
      <t>3-5</t>
    </r>
    <r>
      <rPr>
        <sz val="10"/>
        <rFont val="Inherit"/>
        <family val="2"/>
      </rPr>
      <t> unsatd., butadiene-free;</t>
    </r>
  </si>
  <si>
    <r>
      <t>(A complex combination of hydrocarbons produced by the distillation of crude oil.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7</t>
    </r>
    <r>
      <rPr>
        <sz val="10"/>
        <rFont val="Inherit"/>
        <family val="2"/>
      </rPr>
      <t> and boiling in the range of approximately -40 °C to 80 °C.)</t>
    </r>
  </si>
  <si>
    <r>
      <t>(A complex combination of hydrocarbons obtained by subjecting liquefied petroleum gas mix to a sweetening process to convert mercaptans or to remove acidic impurities.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7</t>
    </r>
    <r>
      <rPr>
        <sz val="10"/>
        <rFont val="Inherit"/>
        <family val="2"/>
      </rPr>
      <t> and boiling in the range of approximately -40 °C to 80 °C.)</t>
    </r>
  </si>
  <si>
    <r>
      <t>[A complex combination of hydrocarbons separated from natural gas by processes such as refrigeration or absorption. It consists predominantly of saturated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8</t>
    </r>
    <r>
      <rPr>
        <sz val="10"/>
        <rFont val="Inherit"/>
        <family val="2"/>
      </rPr>
      <t> and boiling in the range of approximately minus 20 °C to 120 °C (– 4 °F to 248 °F).]</t>
    </r>
  </si>
  <si>
    <r>
      <t>[Refined, partly refined, or unrefined petroleum products produced by the distillation of natural ga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6</t>
    </r>
    <r>
      <rPr>
        <sz val="10"/>
        <rFont val="Inherit"/>
        <family val="2"/>
      </rPr>
      <t> and boiling in the range of approximately 100 °C to 200 °C (212 °F to 392 °F).]</t>
    </r>
  </si>
  <si>
    <r>
      <t>[A complex combination of hydrocarbons produced by distillation of crude oil.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30 °C (149 °F to 446 °F).]</t>
    </r>
  </si>
  <si>
    <r>
      <t>[A complex combination of hydrocarbons produced by distillation of crude oil.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220 °C (– 4 °F to 428 °F).]</t>
    </r>
  </si>
  <si>
    <r>
      <t>[A complex combination of hydrocarbons produced by distillation of crude oil. It consists predominantly of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0</t>
    </r>
    <r>
      <rPr>
        <sz val="10"/>
        <rFont val="Inherit"/>
        <family val="2"/>
      </rPr>
      <t> and boiling in the range of approximately – 20 °C to 180 °C (– 4 °F to 356 °F).]</t>
    </r>
  </si>
  <si>
    <r>
      <t>[A complex combination of hydrocarbons obtained from the distillation of crude oil or natural gasoline. It consists predominantly of saturated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0</t>
    </r>
    <r>
      <rPr>
        <sz val="10"/>
        <rFont val="Inherit"/>
        <family val="2"/>
      </rPr>
      <t> and boiling in the range of approximately 35 °C to 160 °C (95 °F to 320 °F).]</t>
    </r>
  </si>
  <si>
    <r>
      <t>[A complex combination of hydrocarbons produced by the distillation of crude oil. It consists of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7</t>
    </r>
    <r>
      <rPr>
        <sz val="10"/>
        <rFont val="Inherit"/>
        <family val="2"/>
      </rPr>
      <t> and boiling in the range of approximately – 88 °C to 99 °C (– 127 °F to 210 °F).]</t>
    </r>
  </si>
  <si>
    <r>
      <t>[A complex combination of hydrocarbons separated from the gases from vapour recovery systems by cooling.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6 °C(– 4 °F to 384 °F).]</t>
    </r>
  </si>
  <si>
    <r>
      <t>[A complex combination of hydrocarbons produced from the distillation of naphtha streams from various refinery processe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 and boiling in the range of approximately 0 °C to 230 °C (25 °F to 446 °F).]</t>
    </r>
  </si>
  <si>
    <r>
      <t>[A complex combination of hydrocarbons obtained by the fractionation of light straight-run gasoline. It consists of saturated aliphatic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t>
    </r>
  </si>
  <si>
    <r>
      <t>[A complex combination of hydrocarbons obtained from a distillation process of crude petroleum. It consists predominantly of hydrocarbons having carbon numbers in the range of C</t>
    </r>
    <r>
      <rPr>
        <vertAlign val="subscript"/>
        <sz val="7"/>
        <rFont val="Inherit"/>
        <family val="2"/>
      </rPr>
      <t>8</t>
    </r>
    <r>
      <rPr>
        <sz val="10"/>
        <rFont val="Inherit"/>
        <family val="2"/>
      </rPr>
      <t> through C</t>
    </r>
    <r>
      <rPr>
        <vertAlign val="subscript"/>
        <sz val="7"/>
        <rFont val="Inherit"/>
        <family val="2"/>
      </rPr>
      <t>12</t>
    </r>
    <r>
      <rPr>
        <sz val="10"/>
        <rFont val="Inherit"/>
        <family val="2"/>
      </rPr>
      <t> and boiling in the range of approximately 130 °C to 210 °C (266 °F to 410 °F).]</t>
    </r>
  </si>
  <si>
    <r>
      <t>[A complex combination of hydrocarbons produced by distillation of the reaction products of isobutane with monoolefinic hydrocarbons usually ranging in carbon numbers from C</t>
    </r>
    <r>
      <rPr>
        <vertAlign val="subscript"/>
        <sz val="7"/>
        <rFont val="Inherit"/>
        <family val="2"/>
      </rPr>
      <t>3</t>
    </r>
    <r>
      <rPr>
        <sz val="10"/>
        <rFont val="Inherit"/>
        <family val="2"/>
      </rPr>
      <t> through C</t>
    </r>
    <r>
      <rPr>
        <vertAlign val="subscript"/>
        <sz val="7"/>
        <rFont val="Inherit"/>
        <family val="2"/>
      </rPr>
      <t>5</t>
    </r>
    <r>
      <rPr>
        <sz val="10"/>
        <rFont val="Inherit"/>
        <family val="2"/>
      </rPr>
      <t>. It consists of predominantly branched chain saturated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20 °C (194 °F to 428 °F).]</t>
    </r>
  </si>
  <si>
    <r>
      <t>[A complex combination of hydrocarbons produced by distillation of the reaction products of isobutane with monoolefinic hydrocarbons usually ranging in carbon numbers from C</t>
    </r>
    <r>
      <rPr>
        <vertAlign val="subscript"/>
        <sz val="7"/>
        <rFont val="Inherit"/>
        <family val="2"/>
      </rPr>
      <t>3</t>
    </r>
    <r>
      <rPr>
        <sz val="10"/>
        <rFont val="Inherit"/>
        <family val="2"/>
      </rPr>
      <t> to C</t>
    </r>
    <r>
      <rPr>
        <vertAlign val="subscript"/>
        <sz val="7"/>
        <rFont val="Inherit"/>
        <family val="2"/>
      </rPr>
      <t>5</t>
    </r>
    <r>
      <rPr>
        <sz val="10"/>
        <rFont val="Inherit"/>
        <family val="2"/>
      </rPr>
      <t>. It consists of predominantly branched chain saturated hydrocarbons having carbon numbers predominantly in the range of C</t>
    </r>
    <r>
      <rPr>
        <vertAlign val="subscript"/>
        <sz val="7"/>
        <rFont val="Inherit"/>
        <family val="2"/>
      </rPr>
      <t>9</t>
    </r>
    <r>
      <rPr>
        <sz val="10"/>
        <rFont val="Inherit"/>
        <family val="2"/>
      </rPr>
      <t> through C</t>
    </r>
    <r>
      <rPr>
        <vertAlign val="subscript"/>
        <sz val="7"/>
        <rFont val="Inherit"/>
        <family val="2"/>
      </rPr>
      <t>12</t>
    </r>
    <r>
      <rPr>
        <sz val="10"/>
        <rFont val="Inherit"/>
        <family val="2"/>
      </rPr>
      <t> and boiling in the range of approximately 150 °C to 220 °C (302 °F to 428 °F).]</t>
    </r>
  </si>
  <si>
    <r>
      <t>[A complex combination of hydrocarbons produced by distillation of the reaction products of isobutane with monoolefinic hydrocarbons usually ranging in carbon numbers from C</t>
    </r>
    <r>
      <rPr>
        <vertAlign val="subscript"/>
        <sz val="7"/>
        <rFont val="Inherit"/>
        <family val="2"/>
      </rPr>
      <t>3</t>
    </r>
    <r>
      <rPr>
        <sz val="10"/>
        <rFont val="Inherit"/>
        <family val="2"/>
      </rPr>
      <t> through C</t>
    </r>
    <r>
      <rPr>
        <vertAlign val="subscript"/>
        <sz val="7"/>
        <rFont val="Inherit"/>
        <family val="2"/>
      </rPr>
      <t>5</t>
    </r>
    <r>
      <rPr>
        <sz val="10"/>
        <rFont val="Inherit"/>
        <family val="2"/>
      </rPr>
      <t>. It consists of predominantly branched chain saturated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0</t>
    </r>
    <r>
      <rPr>
        <sz val="10"/>
        <rFont val="Inherit"/>
        <family val="2"/>
      </rPr>
      <t> and boiling in the range of approximately 90 °C to 160 °C (194 °F to 320 °F).]</t>
    </r>
  </si>
  <si>
    <r>
      <t>[A complex combination of hydrocarbons obtained from catalytic isomerization of straight chain paraffinic C</t>
    </r>
    <r>
      <rPr>
        <vertAlign val="subscript"/>
        <sz val="7"/>
        <rFont val="Inherit"/>
        <family val="2"/>
      </rPr>
      <t>4</t>
    </r>
    <r>
      <rPr>
        <sz val="10"/>
        <rFont val="Inherit"/>
        <family val="2"/>
      </rPr>
      <t> through C</t>
    </r>
    <r>
      <rPr>
        <vertAlign val="subscript"/>
        <sz val="7"/>
        <rFont val="Inherit"/>
        <family val="2"/>
      </rPr>
      <t>6</t>
    </r>
    <r>
      <rPr>
        <sz val="10"/>
        <rFont val="Inherit"/>
        <family val="2"/>
      </rPr>
      <t> hydrocarbons. It consists predominantly of saturated hydrocarbons such as isobutane, isopentane, 2,2-dimethylbutane, 2-methylpentane, and 3-methylpentane.]</t>
    </r>
  </si>
  <si>
    <r>
      <t>[A complex combination of hydrocarbons obtained as the raffinate from a solvent extraction process. It consists predominantly of aliphatic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1</t>
    </r>
    <r>
      <rPr>
        <sz val="10"/>
        <rFont val="Inherit"/>
        <family val="2"/>
      </rPr>
      <t> and boiling in the range of approximately 35 °C to 190 °C (95 °F to 374 °F).]</t>
    </r>
  </si>
  <si>
    <r>
      <t>[A complex combination of hydrocarbons obtained as the raffinate from a solvent extraction process. It consists predominantly of aliph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30 °C (194 °F to 446 °F).]</t>
    </r>
  </si>
  <si>
    <r>
      <t>[A complex combination of hydrocarbons obtained as the raffinate from the UDEX extraction process on the catalytic reformer stream. It consists of saturated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9</t>
    </r>
    <r>
      <rPr>
        <sz val="10"/>
        <rFont val="Inherit"/>
        <family val="2"/>
      </rPr>
      <t>.]</t>
    </r>
  </si>
  <si>
    <r>
      <t>[The complex combination of hydrocarbons obtained as a raffinate from a Lurgi separation unit. It consists predominantly of non-aromatic hydrocarbons with various small amounts of aromatic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8</t>
    </r>
    <r>
      <rPr>
        <sz val="10"/>
        <rFont val="Inherit"/>
        <family val="2"/>
      </rPr>
      <t>.]</t>
    </r>
  </si>
  <si>
    <r>
      <t>[A complex combination of hydrocarbons produced by the distillation of the reaction products of isobutane with monoolefinic hydrocarbons usually ranging in carbon numbers from C</t>
    </r>
    <r>
      <rPr>
        <vertAlign val="subscript"/>
        <sz val="7"/>
        <rFont val="Inherit"/>
        <family val="2"/>
      </rPr>
      <t>3</t>
    </r>
    <r>
      <rPr>
        <sz val="10"/>
        <rFont val="Inherit"/>
        <family val="2"/>
      </rPr>
      <t> through C</t>
    </r>
    <r>
      <rPr>
        <vertAlign val="subscript"/>
        <sz val="7"/>
        <rFont val="Inherit"/>
        <family val="2"/>
      </rPr>
      <t>5</t>
    </r>
    <r>
      <rPr>
        <sz val="10"/>
        <rFont val="Inherit"/>
        <family val="2"/>
      </rPr>
      <t>. It consists of predominantly branched chain saturated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with some butanes and boiling in the range of approximately 35 °C to 200 °C (95 °F to 428 °F).]</t>
    </r>
  </si>
  <si>
    <r>
      <t>Naphtha (petroleum), C</t>
    </r>
    <r>
      <rPr>
        <vertAlign val="subscript"/>
        <sz val="7"/>
        <rFont val="Inherit"/>
        <family val="2"/>
      </rPr>
      <t>4-12</t>
    </r>
    <r>
      <rPr>
        <sz val="10"/>
        <rFont val="Inherit"/>
        <family val="2"/>
      </rPr>
      <t> butane-alkylate, isooctane-rich;</t>
    </r>
  </si>
  <si>
    <r>
      <t>[A complex combination of hydrocarbons obtained by alkylation of butanes.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rich in isooctane, and boiling in the range of approximately 35 °C to 210 °C (95 °F to 410 °F).]</t>
    </r>
  </si>
  <si>
    <r>
      <t>Naphtha (petroleum), isomerization, C</t>
    </r>
    <r>
      <rPr>
        <vertAlign val="subscript"/>
        <sz val="7"/>
        <rFont val="Inherit"/>
        <family val="2"/>
      </rPr>
      <t>6</t>
    </r>
    <r>
      <rPr>
        <sz val="10"/>
        <rFont val="Inherit"/>
        <family val="2"/>
      </rPr>
      <t>-fraction;</t>
    </r>
  </si>
  <si>
    <r>
      <t>Hydrocarbons, C</t>
    </r>
    <r>
      <rPr>
        <vertAlign val="subscript"/>
        <sz val="7"/>
        <rFont val="Inherit"/>
        <family val="2"/>
      </rPr>
      <t>6-7</t>
    </r>
    <r>
      <rPr>
        <sz val="10"/>
        <rFont val="Inherit"/>
        <family val="2"/>
      </rPr>
      <t>, naphtha-cracking, solvent-refined;</t>
    </r>
  </si>
  <si>
    <r>
      <t>[A complex combination of hydrocarbons obtained by the sorption of benzene from a catalytically fully hydrogenated benzene-rich hydrocarbon cut that was distillatively obtained from prehydrogenated cracked naphtha. It consists predominantly of paraffinic and naphthenic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7</t>
    </r>
    <r>
      <rPr>
        <sz val="10"/>
        <rFont val="Inherit"/>
        <family val="2"/>
      </rPr>
      <t> and boiling in the range of approximately 70 °C to 100 °C (158 °F to 212 °F).]</t>
    </r>
  </si>
  <si>
    <r>
      <t>Hydrocarbons, C</t>
    </r>
    <r>
      <rPr>
        <vertAlign val="subscript"/>
        <sz val="7"/>
        <rFont val="Inherit"/>
        <family val="2"/>
      </rPr>
      <t>6</t>
    </r>
    <r>
      <rPr>
        <sz val="10"/>
        <rFont val="Inherit"/>
        <family val="2"/>
      </rPr>
      <t>-rich, hydrotreated light naphtha distillates, solvent-refined;</t>
    </r>
  </si>
  <si>
    <r>
      <t>[A complex combination of hydrocarbons produced by a distillation of products from a catalytic cracking process.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30 °C (148 °F to 446 °F). It contains a relatively large proportion of unsaturated hydrocarbons.]</t>
    </r>
  </si>
  <si>
    <r>
      <t>[A complex combination of hydrocarbons produced by the distillation of products from a catalytic cracking proces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0 °C (– 4 °F to 374 °F). It contains a relatively large proportion of unsaturated hydrocarbons.]</t>
    </r>
  </si>
  <si>
    <r>
      <t>Hydrocarbons, C</t>
    </r>
    <r>
      <rPr>
        <vertAlign val="subscript"/>
        <sz val="7"/>
        <rFont val="Inherit"/>
        <family val="2"/>
      </rPr>
      <t>3-11</t>
    </r>
    <r>
      <rPr>
        <sz val="10"/>
        <rFont val="Inherit"/>
        <family val="2"/>
      </rPr>
      <t>, catalytic cracker distillates;</t>
    </r>
  </si>
  <si>
    <r>
      <t>[A complex combination of hydrocarbons produced by the distillations of products from a catalytic cracking process.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11</t>
    </r>
    <r>
      <rPr>
        <sz val="10"/>
        <rFont val="Inherit"/>
        <family val="2"/>
      </rPr>
      <t> and boiling in a range approximately up to 204 °C (400 °F).]</t>
    </r>
  </si>
  <si>
    <r>
      <t>[A complex combination of hydrocarbons produced by the distillation of products from a catalytic cracking process. It consists of hydrocarbons having carbon numbers predominantly in the range of C</t>
    </r>
    <r>
      <rPr>
        <vertAlign val="subscript"/>
        <sz val="7"/>
        <rFont val="Inherit"/>
        <family val="2"/>
      </rPr>
      <t>1</t>
    </r>
    <r>
      <rPr>
        <sz val="10"/>
        <rFont val="Inherit"/>
        <family val="2"/>
      </rPr>
      <t> through C</t>
    </r>
    <r>
      <rPr>
        <vertAlign val="subscript"/>
        <sz val="7"/>
        <rFont val="Inherit"/>
        <family val="2"/>
      </rPr>
      <t>5</t>
    </r>
    <r>
      <rPr>
        <sz val="10"/>
        <rFont val="Inherit"/>
        <family val="2"/>
      </rPr>
      <t>]</t>
    </r>
  </si>
  <si>
    <r>
      <t>[A complex combination of hydrocarbons obtained by subjecting a catalytic cracked petroleum distillate to a sweetening process to convert mercaptans or to remove acidic impurities. It consists predominantly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0 °C to 200 °C (140 °F to 392 °F).]</t>
    </r>
  </si>
  <si>
    <r>
      <t>Hydrocarbons, C</t>
    </r>
    <r>
      <rPr>
        <vertAlign val="subscript"/>
        <sz val="7"/>
        <rFont val="Inherit"/>
        <family val="2"/>
      </rPr>
      <t>8-12</t>
    </r>
    <r>
      <rPr>
        <sz val="10"/>
        <rFont val="Inherit"/>
        <family val="2"/>
      </rPr>
      <t>, catalytic-cracking, chem. neutralized;</t>
    </r>
  </si>
  <si>
    <r>
      <t>[A complex combination of hydrocarbons produced by the distillation of a cut from the catalytic cracking process, having undergone an alkaline washing. It consists predominantly of hydrocarbons having carbon numbers in the range of C</t>
    </r>
    <r>
      <rPr>
        <vertAlign val="subscript"/>
        <sz val="7"/>
        <rFont val="Inherit"/>
        <family val="2"/>
      </rPr>
      <t>8</t>
    </r>
    <r>
      <rPr>
        <sz val="10"/>
        <rFont val="Inherit"/>
        <family val="2"/>
      </rPr>
      <t> through C</t>
    </r>
    <r>
      <rPr>
        <vertAlign val="subscript"/>
        <sz val="7"/>
        <rFont val="Inherit"/>
        <family val="2"/>
      </rPr>
      <t>12</t>
    </r>
    <r>
      <rPr>
        <sz val="10"/>
        <rFont val="Inherit"/>
        <family val="2"/>
      </rPr>
      <t> and boiling in the range of approximately 130 °C to 210 °C (266 °F to 410 °F).]</t>
    </r>
  </si>
  <si>
    <r>
      <t>Hydrocarbons, C</t>
    </r>
    <r>
      <rPr>
        <vertAlign val="subscript"/>
        <sz val="7"/>
        <rFont val="Inherit"/>
        <family val="2"/>
      </rPr>
      <t>8-12</t>
    </r>
    <r>
      <rPr>
        <sz val="10"/>
        <rFont val="Inherit"/>
        <family val="2"/>
      </rPr>
      <t>, catalytic cracker distillates;</t>
    </r>
  </si>
  <si>
    <r>
      <t>[A complex combination of hydrocarbons obtained by distillation of products from a catalytic cracking process. It consists predominantly of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2</t>
    </r>
    <r>
      <rPr>
        <sz val="10"/>
        <rFont val="Inherit"/>
        <family val="2"/>
      </rPr>
      <t> and boiling in the range of approximately 140 °C to 210 °C (284 °F to 410 °F).]</t>
    </r>
  </si>
  <si>
    <r>
      <t>Hydrocarbons, C</t>
    </r>
    <r>
      <rPr>
        <vertAlign val="subscript"/>
        <sz val="7"/>
        <rFont val="Inherit"/>
        <family val="2"/>
      </rPr>
      <t>8-12</t>
    </r>
    <r>
      <rPr>
        <sz val="10"/>
        <rFont val="Inherit"/>
        <family val="2"/>
      </rPr>
      <t>, catalytic cracking, chem. neutralized, sweetened;</t>
    </r>
  </si>
  <si>
    <r>
      <t>[A complex combination of hydrocarbons produced from the distillation of products from a catalytic reforming proces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1</t>
    </r>
    <r>
      <rPr>
        <sz val="10"/>
        <rFont val="Inherit"/>
        <family val="2"/>
      </rPr>
      <t> and boiling in the range of approximately 35 °C to 190 °C (95 °F to 374 °F). It contains a relatively large proportion of aromatic and branched chain hydrocarbons. This stream may contain 10 vol. % or more benzene.]</t>
    </r>
  </si>
  <si>
    <r>
      <t>[A complex combination of hydrocarbons produced from the distillation of products from a catalytic reforming process. It consists of predominantly 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30 °C (194 °F to 446 °F).]</t>
    </r>
  </si>
  <si>
    <r>
      <t>[A complex combination of hydrocarbons from the distillation of products from a catalytic reforming process. It consists predominantly of aliphatic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and boiling in the range of approximately – 49 °C to 63 °C (– 57 °F to 145 °F).]</t>
    </r>
  </si>
  <si>
    <r>
      <t>Hydrocarbons, C</t>
    </r>
    <r>
      <rPr>
        <vertAlign val="subscript"/>
        <sz val="7"/>
        <rFont val="Inherit"/>
        <family val="2"/>
      </rPr>
      <t>2-6</t>
    </r>
    <r>
      <rPr>
        <sz val="10"/>
        <rFont val="Inherit"/>
        <family val="2"/>
      </rPr>
      <t>, C</t>
    </r>
    <r>
      <rPr>
        <vertAlign val="subscript"/>
        <sz val="7"/>
        <rFont val="Inherit"/>
        <family val="2"/>
      </rPr>
      <t>6-8</t>
    </r>
    <r>
      <rPr>
        <sz val="10"/>
        <rFont val="Inherit"/>
        <family val="2"/>
      </rPr>
      <t> catalytic reformer;</t>
    </r>
  </si>
  <si>
    <r>
      <t>Residues (petroleum), C</t>
    </r>
    <r>
      <rPr>
        <vertAlign val="subscript"/>
        <sz val="7"/>
        <rFont val="Inherit"/>
        <family val="2"/>
      </rPr>
      <t>6-8</t>
    </r>
    <r>
      <rPr>
        <sz val="10"/>
        <rFont val="Inherit"/>
        <family val="2"/>
      </rPr>
      <t> catalytic reformer;</t>
    </r>
  </si>
  <si>
    <r>
      <t>[A complex residuum from the catalytic reforming of C</t>
    </r>
    <r>
      <rPr>
        <vertAlign val="subscript"/>
        <sz val="7"/>
        <rFont val="Inherit"/>
        <family val="2"/>
      </rPr>
      <t>6-8</t>
    </r>
    <r>
      <rPr>
        <sz val="10"/>
        <rFont val="Inherit"/>
        <family val="2"/>
      </rPr>
      <t> feed. It consists of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6</t>
    </r>
    <r>
      <rPr>
        <sz val="10"/>
        <rFont val="Inherit"/>
        <family val="2"/>
      </rPr>
      <t>.]</t>
    </r>
  </si>
  <si>
    <r>
      <t>[A complex combination of hydrocarbons obtained from distillation of products from a catalytic reforming process.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8</t>
    </r>
    <r>
      <rPr>
        <sz val="10"/>
        <rFont val="Inherit"/>
        <family val="2"/>
      </rPr>
      <t> and boiling in the range of approximately 35 °C to 120 °C (95 °F to 248 °F). It contains a relatively large proportion of branched chain hydrocarbons with the aromatic components removed.]</t>
    </r>
  </si>
  <si>
    <r>
      <t>[A complex combination of hydrocarbons obtained by the catalytic reforming of straight-run naphtha followed by the fractionation of the total effluent. It consists of saturated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6</t>
    </r>
    <r>
      <rPr>
        <sz val="10"/>
        <rFont val="Inherit"/>
        <family val="2"/>
      </rPr>
      <t>.]</t>
    </r>
  </si>
  <si>
    <r>
      <t>[A complex combination of hydrocarbons produced by the distillation of the products from a catalytic reforming proces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 and boiling in the range of approximately 35 °C to 230 °C (95 °F to 446 °F).]</t>
    </r>
  </si>
  <si>
    <r>
      <t>[A complex combination of hydrocarbons produced by the distillation of products from a catalytic reforming proces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and boiling in the range of approximately 30 °C to 220 °C (90 °F to 430 °F). It contains a relatively large proportion of aromatic and branched chain hydrocarbons. This stream may contain 10 vol. % or more benzene.]</t>
    </r>
  </si>
  <si>
    <r>
      <t>Distillates (petroleum), catalytic reformed hydrotreated light, C</t>
    </r>
    <r>
      <rPr>
        <vertAlign val="subscript"/>
        <sz val="7"/>
        <rFont val="Inherit"/>
        <family val="2"/>
      </rPr>
      <t>8-12</t>
    </r>
    <r>
      <rPr>
        <sz val="10"/>
        <rFont val="Inherit"/>
        <family val="2"/>
      </rPr>
      <t> arom. fraction;</t>
    </r>
  </si>
  <si>
    <r>
      <t>[A complex combination of alkylbenzenes obtained by the catalytic reforming of petroleum naphtha. It consists predominantly of alkylbenzenes having carbon numbers predominantly in the range of C</t>
    </r>
    <r>
      <rPr>
        <vertAlign val="subscript"/>
        <sz val="7"/>
        <rFont val="Inherit"/>
        <family val="2"/>
      </rPr>
      <t>8</t>
    </r>
    <r>
      <rPr>
        <sz val="10"/>
        <rFont val="Inherit"/>
        <family val="2"/>
      </rPr>
      <t> through C</t>
    </r>
    <r>
      <rPr>
        <vertAlign val="subscript"/>
        <sz val="7"/>
        <rFont val="Inherit"/>
        <family val="2"/>
      </rPr>
      <t>10</t>
    </r>
    <r>
      <rPr>
        <sz val="10"/>
        <rFont val="Inherit"/>
        <family val="2"/>
      </rPr>
      <t> and boiling in the range of approximately 160 °C to 180 °C (320 °F to 356 °F).]</t>
    </r>
  </si>
  <si>
    <r>
      <t>Aromatic hydrocarbons, C</t>
    </r>
    <r>
      <rPr>
        <vertAlign val="subscript"/>
        <sz val="7"/>
        <rFont val="Inherit"/>
        <family val="2"/>
      </rPr>
      <t>8</t>
    </r>
    <r>
      <rPr>
        <sz val="10"/>
        <rFont val="Inherit"/>
        <family val="2"/>
      </rPr>
      <t>, catalytic reforming-derived;</t>
    </r>
  </si>
  <si>
    <r>
      <t>Aromatic hydrocarbons, C</t>
    </r>
    <r>
      <rPr>
        <vertAlign val="subscript"/>
        <sz val="7"/>
        <rFont val="Inherit"/>
        <family val="2"/>
      </rPr>
      <t>7-12</t>
    </r>
    <r>
      <rPr>
        <sz val="10"/>
        <rFont val="Inherit"/>
        <family val="2"/>
      </rPr>
      <t>, C</t>
    </r>
    <r>
      <rPr>
        <vertAlign val="subscript"/>
        <sz val="7"/>
        <rFont val="Inherit"/>
        <family val="2"/>
      </rPr>
      <t>8</t>
    </r>
    <r>
      <rPr>
        <sz val="10"/>
        <rFont val="Inherit"/>
        <family val="2"/>
      </rPr>
      <t>-rich;</t>
    </r>
  </si>
  <si>
    <r>
      <t>[A complex combination of hydrocarbons obtained by separation from the platformate-containing fraction. It consists predominantly of 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primarily C</t>
    </r>
    <r>
      <rPr>
        <vertAlign val="subscript"/>
        <sz val="7"/>
        <rFont val="Inherit"/>
        <family val="2"/>
      </rPr>
      <t>8</t>
    </r>
    <r>
      <rPr>
        <sz val="10"/>
        <rFont val="Inherit"/>
        <family val="2"/>
      </rPr>
      <t>) and can contain nonaromatic hydrocarbons, both boiling in the range of approximately 130 °C to 200 °C (266 °F to 392 °F).]</t>
    </r>
  </si>
  <si>
    <r>
      <t>Gasoline, C</t>
    </r>
    <r>
      <rPr>
        <vertAlign val="subscript"/>
        <sz val="7"/>
        <rFont val="Inherit"/>
        <family val="2"/>
      </rPr>
      <t>5-11</t>
    </r>
    <r>
      <rPr>
        <sz val="10"/>
        <rFont val="Inherit"/>
        <family val="2"/>
      </rPr>
      <t>, high-octane stabilized reformed;</t>
    </r>
  </si>
  <si>
    <r>
      <t>[A complex high octane combination of hydrocarbons obtained by the catalytic dehydrogenation of a predominantly naphthenic naphtha. It consists predominantly of aromatics and non-aromatics having carbon numbers predominantly in the range of C</t>
    </r>
    <r>
      <rPr>
        <vertAlign val="subscript"/>
        <sz val="7"/>
        <rFont val="Inherit"/>
        <family val="2"/>
      </rPr>
      <t>5</t>
    </r>
    <r>
      <rPr>
        <sz val="10"/>
        <rFont val="Inherit"/>
        <family val="2"/>
      </rPr>
      <t> through C</t>
    </r>
    <r>
      <rPr>
        <vertAlign val="subscript"/>
        <sz val="7"/>
        <rFont val="Inherit"/>
        <family val="2"/>
      </rPr>
      <t>11</t>
    </r>
    <r>
      <rPr>
        <sz val="10"/>
        <rFont val="Inherit"/>
        <family val="2"/>
      </rPr>
      <t> and boiling in the range of approximately 45 °C to 185 °C (113 °F to 365 °F).]</t>
    </r>
  </si>
  <si>
    <r>
      <t>Hydrocarbons, C</t>
    </r>
    <r>
      <rPr>
        <vertAlign val="subscript"/>
        <sz val="7"/>
        <rFont val="Inherit"/>
        <family val="2"/>
      </rPr>
      <t>7-12</t>
    </r>
    <r>
      <rPr>
        <sz val="10"/>
        <rFont val="Inherit"/>
        <family val="2"/>
      </rPr>
      <t>, C </t>
    </r>
    <r>
      <rPr>
        <vertAlign val="subscript"/>
        <sz val="7"/>
        <rFont val="Inherit"/>
        <family val="2"/>
      </rPr>
      <t>&gt;9</t>
    </r>
    <r>
      <rPr>
        <sz val="10"/>
        <rFont val="Inherit"/>
        <family val="2"/>
      </rPr>
      <t>-arom.-rich, reforming heavy fraction;</t>
    </r>
  </si>
  <si>
    <r>
      <t>[A complex combination of hydrocarbons obtained by separation from the platformate-containing fraction. It consists predominantly of non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120 °C to 210 °C (248 °F to 380 °F) and C</t>
    </r>
    <r>
      <rPr>
        <vertAlign val="subscript"/>
        <sz val="7"/>
        <rFont val="Inherit"/>
        <family val="2"/>
      </rPr>
      <t>9</t>
    </r>
    <r>
      <rPr>
        <sz val="10"/>
        <rFont val="Inherit"/>
        <family val="2"/>
      </rPr>
      <t> and higher aromatic hydrocarbons.]</t>
    </r>
  </si>
  <si>
    <r>
      <t>Hydrocarbons, C</t>
    </r>
    <r>
      <rPr>
        <vertAlign val="subscript"/>
        <sz val="7"/>
        <rFont val="Inherit"/>
        <family val="2"/>
      </rPr>
      <t>5-11</t>
    </r>
    <r>
      <rPr>
        <sz val="10"/>
        <rFont val="Inherit"/>
        <family val="2"/>
      </rPr>
      <t>, nonaroms.-rich, reforming light fraction;</t>
    </r>
  </si>
  <si>
    <r>
      <t>[A complex combination of hydrocarbons obtained by separation from the platformate-containing fraction. It consists predominantly of nonaromatic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1</t>
    </r>
    <r>
      <rPr>
        <sz val="10"/>
        <rFont val="Inherit"/>
        <family val="2"/>
      </rPr>
      <t> and boiling in the range of approximately 35 °C to 125 °C (94 °F to 257 °F), benzene and toluene.]</t>
    </r>
  </si>
  <si>
    <r>
      <t>[A complex combination of hydrocarbons from distillation of products from a thermal cracking process. It consists predominantly of unsaturated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8</t>
    </r>
    <r>
      <rPr>
        <sz val="10"/>
        <rFont val="Inherit"/>
        <family val="2"/>
      </rPr>
      <t> and boiling in the range of approximately – 10 °C to 130 °C (14 °F to 266 °F).]</t>
    </r>
  </si>
  <si>
    <r>
      <t>[A complex combination of hydrocarbons from distillation of the products from a thermal cracking process. It consists predominantly of unsaturated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20 °C (148 °F to 428 °F).]</t>
    </r>
  </si>
  <si>
    <r>
      <t>[The complex combination of hydrocarbons from the distillation of the products from the thermal cracking of ethane and propane. This higher boiling fraction consists predominantly of C</t>
    </r>
    <r>
      <rPr>
        <vertAlign val="subscript"/>
        <sz val="7"/>
        <rFont val="Inherit"/>
        <family val="2"/>
      </rPr>
      <t>5-7</t>
    </r>
    <r>
      <rPr>
        <sz val="10"/>
        <rFont val="Inherit"/>
        <family val="2"/>
      </rPr>
      <t> aromatic hydrocarbons with some unsaturated aliphatic hydrocarbons having carbon number predominantly of C</t>
    </r>
    <r>
      <rPr>
        <vertAlign val="subscript"/>
        <sz val="7"/>
        <rFont val="Inherit"/>
        <family val="2"/>
      </rPr>
      <t>5</t>
    </r>
    <r>
      <rPr>
        <sz val="10"/>
        <rFont val="Inherit"/>
        <family val="2"/>
      </rPr>
      <t>. This stream may contain benzene.]</t>
    </r>
  </si>
  <si>
    <r>
      <t>[The complex combination of hydrocarbons from the distillation of the products from the thermal cracking of ethane and propane. This lower boiling fraction consists predominantly of C</t>
    </r>
    <r>
      <rPr>
        <vertAlign val="subscript"/>
        <sz val="7"/>
        <rFont val="Inherit"/>
        <family val="2"/>
      </rPr>
      <t>5-7</t>
    </r>
    <r>
      <rPr>
        <sz val="10"/>
        <rFont val="Inherit"/>
        <family val="2"/>
      </rPr>
      <t> aromatic hydrocarbons with some unsaturated aliphatic hydrocarbons having a carbon number predominantly of C</t>
    </r>
    <r>
      <rPr>
        <vertAlign val="subscript"/>
        <sz val="7"/>
        <rFont val="Inherit"/>
        <family val="2"/>
      </rPr>
      <t>5</t>
    </r>
    <r>
      <rPr>
        <sz val="10"/>
        <rFont val="Inherit"/>
        <family val="2"/>
      </rPr>
      <t>. This stream may contain benzene.]</t>
    </r>
  </si>
  <si>
    <r>
      <t>[The complex combination of hydrocarbons obtained by the pyrolysis fractionation at 816 °C (1 500 °F) of naphtha and raffinate. It consists predominantly of hydrocarbons having a carbon number of C</t>
    </r>
    <r>
      <rPr>
        <vertAlign val="subscript"/>
        <sz val="7"/>
        <rFont val="Inherit"/>
        <family val="2"/>
      </rPr>
      <t>9</t>
    </r>
    <r>
      <rPr>
        <sz val="10"/>
        <rFont val="Inherit"/>
        <family val="2"/>
      </rPr>
      <t> and boiling at approximately 204 °C (400 °F).]</t>
    </r>
  </si>
  <si>
    <r>
      <t>Aromatic hydrocarbons, C</t>
    </r>
    <r>
      <rPr>
        <vertAlign val="subscript"/>
        <sz val="7"/>
        <rFont val="Inherit"/>
        <family val="2"/>
      </rPr>
      <t>6-8</t>
    </r>
    <r>
      <rPr>
        <sz val="10"/>
        <rFont val="Inherit"/>
        <family val="2"/>
      </rPr>
      <t>, naphtha-raffinate pyrolyzate-derived;</t>
    </r>
  </si>
  <si>
    <r>
      <t>[A complex combination of hydrocarbons obtained by the fractionation pyrolysis at 816 °C (1 500 °F) of naphtha and raffinate. It consists predominantly of aromatic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8</t>
    </r>
    <r>
      <rPr>
        <sz val="10"/>
        <rFont val="Inherit"/>
        <family val="2"/>
      </rPr>
      <t>, including benzene.]</t>
    </r>
  </si>
  <si>
    <r>
      <t>[A complex combination of hydrocarbons produced by distillation of thermally cracked naphtha and/or gas oil. It consists predominantly of olefinic hydrocarbons having a carbon number of C</t>
    </r>
    <r>
      <rPr>
        <vertAlign val="subscript"/>
        <sz val="7"/>
        <rFont val="Inherit"/>
        <family val="2"/>
      </rPr>
      <t>5</t>
    </r>
    <r>
      <rPr>
        <sz val="10"/>
        <rFont val="Inherit"/>
        <family val="2"/>
      </rPr>
      <t> and boiling in the range of approximately 33 °C to 60 °C (91 °F to 140 °F).]</t>
    </r>
  </si>
  <si>
    <r>
      <t>Distillates (petroleum), thermal cracked naphtha and gas oil, C</t>
    </r>
    <r>
      <rPr>
        <vertAlign val="subscript"/>
        <sz val="7"/>
        <rFont val="Inherit"/>
        <family val="2"/>
      </rPr>
      <t>5</t>
    </r>
    <r>
      <rPr>
        <sz val="10"/>
        <rFont val="Inherit"/>
        <family val="2"/>
      </rPr>
      <t>-dimer-contg.;</t>
    </r>
  </si>
  <si>
    <r>
      <t>[A complex combination of hydrocarbons produced by the extractive distillation of thermal cracked naphtha and/or gas oil. It consists predominantly of hydrocarbons having a carbon number of C</t>
    </r>
    <r>
      <rPr>
        <vertAlign val="subscript"/>
        <sz val="7"/>
        <rFont val="Inherit"/>
        <family val="2"/>
      </rPr>
      <t>5</t>
    </r>
    <r>
      <rPr>
        <sz val="10"/>
        <rFont val="Inherit"/>
        <family val="2"/>
      </rPr>
      <t> with some dimerized C</t>
    </r>
    <r>
      <rPr>
        <vertAlign val="subscript"/>
        <sz val="7"/>
        <rFont val="Inherit"/>
        <family val="2"/>
      </rPr>
      <t>5</t>
    </r>
    <r>
      <rPr>
        <sz val="10"/>
        <rFont val="Inherit"/>
        <family val="2"/>
      </rPr>
      <t> olefins and boiling in the range of approximately 33 °C to 184 °C (91 °F to 363 °F).]</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3</t>
    </r>
    <r>
      <rPr>
        <sz val="10"/>
        <rFont val="Inherit"/>
        <family val="2"/>
      </rPr>
      <t> and boiling in the range of approximately 65 °C to 230 °C (149 °F to 446 °F).]</t>
    </r>
  </si>
  <si>
    <r>
      <t>[A complex combination of hydrocarbons obtained by treating a petroleum fraction with hydrogen in the presence of a catalyst.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minus 20 °C to 190 °C (– 4 °F to 374 °F).]</t>
    </r>
  </si>
  <si>
    <r>
      <t>[A complex combination of hydrocarbons obtained from a catalytic hydrodesulfurization proces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0 °C (– 4 °F to 374 °F).]</t>
    </r>
  </si>
  <si>
    <r>
      <t>[A complex combination of hydrocarbons obtained from a catalytic hydrodesulfurization process. It consists of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30 °C (194 °F to 446 °F).]</t>
    </r>
  </si>
  <si>
    <r>
      <t>[A complex combination of hydrocarbons obtained by the distillation of products from a middle distillate hydrotreating process. It consists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0</t>
    </r>
    <r>
      <rPr>
        <sz val="10"/>
        <rFont val="Inherit"/>
        <family val="2"/>
      </rPr>
      <t> and boiling in the range of approximately 127 °C to 188 °C (262 °F to 370 °F).]</t>
    </r>
  </si>
  <si>
    <r>
      <t>[A complex combination of hydrocarbons obtained by the distillation of products from the light distillate hydrotreating process.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9</t>
    </r>
    <r>
      <rPr>
        <sz val="10"/>
        <rFont val="Inherit"/>
        <family val="2"/>
      </rPr>
      <t> and boiling in the range of approximately 3 °C to 194 °C (37 °F to 382 °F).]</t>
    </r>
  </si>
  <si>
    <r>
      <t>[A complex combination of hydrocarbons obtained by distillation of the products from a heavy naphtha hydrotreating process. It consists of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and boiling in the range of approximately – 49 °C to 68 °C (– 57 °F to 155 °F).]</t>
    </r>
  </si>
  <si>
    <r>
      <t>[A complex combination of hydrocarbons obtained by treating a petroleum fraction with hydrogen in the presence of a catalyst. It consists predominantly of aromatic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0</t>
    </r>
    <r>
      <rPr>
        <sz val="10"/>
        <rFont val="Inherit"/>
        <family val="2"/>
      </rPr>
      <t> and boiling in the range of approximately 135 °C to 210 °C (275 °F to 410 °F).]</t>
    </r>
  </si>
  <si>
    <r>
      <t>[A complex combination of hydrocarbons obtained by fractionation of hydrodesulfurized thermal cracker distillate. It consists predominantly of hydrocarbons having carbon numbers predominantly in the range of C</t>
    </r>
    <r>
      <rPr>
        <vertAlign val="subscript"/>
        <sz val="7"/>
        <rFont val="Inherit"/>
        <family val="2"/>
      </rPr>
      <t>5</t>
    </r>
    <r>
      <rPr>
        <sz val="10"/>
        <rFont val="Inherit"/>
        <family val="2"/>
      </rPr>
      <t> to C</t>
    </r>
    <r>
      <rPr>
        <vertAlign val="subscript"/>
        <sz val="7"/>
        <rFont val="Inherit"/>
        <family val="2"/>
      </rPr>
      <t>11</t>
    </r>
    <r>
      <rPr>
        <sz val="10"/>
        <rFont val="Inherit"/>
        <family val="2"/>
      </rPr>
      <t> and boiling in the range of approximately 23 °C to 195 °C (73 °F to 383 °F).]</t>
    </r>
  </si>
  <si>
    <r>
      <t>[A complex combination of hydrocarbons obtained from a catalytic hydrodesulfurization process.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30 °C to 250 °C (86 °F to 482 °F).]</t>
    </r>
  </si>
  <si>
    <r>
      <t>[A complex combination of hydrocarbons obtained by treating a petroleum fraction, derived from a pyrolysis process, with hydrogen in the presence of a catalyst. It consists predominantly of unsaturated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1</t>
    </r>
    <r>
      <rPr>
        <sz val="10"/>
        <rFont val="Inherit"/>
        <family val="2"/>
      </rPr>
      <t> and boiling in the range of approximately 35 °C to 190 °C (95 °F to 374 °F).]</t>
    </r>
  </si>
  <si>
    <r>
      <t>Hydrocarbons, C</t>
    </r>
    <r>
      <rPr>
        <vertAlign val="subscript"/>
        <sz val="7"/>
        <rFont val="Inherit"/>
        <family val="2"/>
      </rPr>
      <t>4-12</t>
    </r>
    <r>
      <rPr>
        <sz val="10"/>
        <rFont val="Inherit"/>
        <family val="2"/>
      </rPr>
      <t>, naphtha-cracking, hydrotreated;</t>
    </r>
  </si>
  <si>
    <r>
      <t>[A complex combination of hydrocarbons obtained by distillation from the product of a naphtha steam cracking process and subsequent catalytic selective hydrogenation of gum former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and boiling in the range of approximately 30 °C to 230 °C (86 °F to 446 °F).]</t>
    </r>
  </si>
  <si>
    <r>
      <t>[A complex combination of hydrocarbons obtained by treating a petroleum fraction with hydrogen in the presence of a catalyst. It consists predominantly of cycloparaffinic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7</t>
    </r>
    <r>
      <rPr>
        <sz val="10"/>
        <rFont val="Inherit"/>
        <family val="2"/>
      </rPr>
      <t> and boiling in the range of approximately 73 °C to 85 °C (163 °F to 185 °F).]</t>
    </r>
  </si>
  <si>
    <r>
      <t>[A complex combination of hydrocarbons produced from the separation and subsequent hydrogenation of the products of a steam-cracking process to produce ethylene. It consists predominantly of saturated and unsaturated paraffins, cyclic paraffins and cyclic arom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0</t>
    </r>
    <r>
      <rPr>
        <sz val="10"/>
        <rFont val="Inherit"/>
        <family val="2"/>
      </rPr>
      <t> and boiling in the range of approximately 50 °C to 200 °C (122 °F to 392 °F). The proportion of benzene hydrocarbons may vary up to 30 wt. % and the stream may also contain small amounts of sulfur and oxygenated compounds.]</t>
    </r>
  </si>
  <si>
    <r>
      <t>Hydrocarbons, C</t>
    </r>
    <r>
      <rPr>
        <vertAlign val="subscript"/>
        <sz val="7"/>
        <rFont val="Inherit"/>
        <family val="2"/>
      </rPr>
      <t>6-11</t>
    </r>
    <r>
      <rPr>
        <sz val="10"/>
        <rFont val="Inherit"/>
        <family val="2"/>
      </rPr>
      <t>, hydrotreated, dearomatized;</t>
    </r>
  </si>
  <si>
    <r>
      <t>Hydrocarbons, C</t>
    </r>
    <r>
      <rPr>
        <vertAlign val="subscript"/>
        <sz val="7"/>
        <rFont val="Inherit"/>
        <family val="2"/>
      </rPr>
      <t>9-12</t>
    </r>
    <r>
      <rPr>
        <sz val="10"/>
        <rFont val="Inherit"/>
        <family val="2"/>
      </rPr>
      <t>, hydrotreated, dearomatized;</t>
    </r>
  </si>
  <si>
    <r>
      <t>[A complex combination of hydrocarbons separated as a liquid from natural gas in a surface separator by retrograde condensation. It consists mainly of hydrocarbons having carbon numbers predominantly in the range of C</t>
    </r>
    <r>
      <rPr>
        <vertAlign val="subscript"/>
        <sz val="7"/>
        <rFont val="Inherit"/>
        <family val="2"/>
      </rPr>
      <t>2</t>
    </r>
    <r>
      <rPr>
        <sz val="10"/>
        <rFont val="Inherit"/>
        <family val="2"/>
      </rPr>
      <t> to C</t>
    </r>
    <r>
      <rPr>
        <vertAlign val="subscript"/>
        <sz val="7"/>
        <rFont val="Inherit"/>
        <family val="2"/>
      </rPr>
      <t>20</t>
    </r>
    <r>
      <rPr>
        <sz val="10"/>
        <rFont val="Inherit"/>
        <family val="2"/>
      </rPr>
      <t>. It is a liquid at atmospheric temperature and pressure.]</t>
    </r>
  </si>
  <si>
    <r>
      <t>[A complex combination of hydrocarbons separated as a liquid from natural gas in a gas recycling plant by processes such as refrigeration or absorption. It consists mainly of saturated aliphatic hydrocarbons having carbon numbers in the range of C</t>
    </r>
    <r>
      <rPr>
        <vertAlign val="subscript"/>
        <sz val="7"/>
        <rFont val="Inherit"/>
        <family val="2"/>
      </rPr>
      <t>2</t>
    </r>
    <r>
      <rPr>
        <sz val="10"/>
        <rFont val="Inherit"/>
        <family val="2"/>
      </rPr>
      <t> through C</t>
    </r>
    <r>
      <rPr>
        <vertAlign val="subscript"/>
        <sz val="7"/>
        <rFont val="Inherit"/>
        <family val="2"/>
      </rPr>
      <t>8</t>
    </r>
    <r>
      <rPr>
        <sz val="10"/>
        <rFont val="Inherit"/>
        <family val="2"/>
      </rPr>
      <t>.]</t>
    </r>
  </si>
  <si>
    <r>
      <t>[A complex combination of hydrocarbons from distillation of the products from a hydrocracking process. It consists predominantly of saturated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0</t>
    </r>
    <r>
      <rPr>
        <sz val="10"/>
        <rFont val="Inherit"/>
        <family val="2"/>
      </rPr>
      <t>, and boiling in the range of approximately – 20 °C to 180 °C (– 4 °F to 356 °F).]</t>
    </r>
  </si>
  <si>
    <r>
      <t>[A complex combination of hydrocarbons from distillation of the products from a hydrocracking process. It consists predominantly of saturated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30 °C (148 °F to 446 °F).]</t>
    </r>
  </si>
  <si>
    <r>
      <t>[A complex combination of hydrocarbons obtained by subjecting a petroleum naphtha to a sweetening process to convert mercaptans or to remove acidic impuritie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and boiling in the range of approximately – 10 °C to 230 °C (14 °F to 446 °F).]</t>
    </r>
  </si>
  <si>
    <r>
      <t>[A complex combination of hydrocarbons obtained as a raffinate from a sulfuric acid treating process. It consists of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0 °C to 230 °C (194 °F to 446 °F).]</t>
    </r>
  </si>
  <si>
    <r>
      <t>[A complex combination of hydrocarbons produced by a treating process to remove acidic materials. It consists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2</t>
    </r>
    <r>
      <rPr>
        <sz val="10"/>
        <rFont val="Inherit"/>
        <family val="2"/>
      </rPr>
      <t> and boiling in the range of approximately 65 °C to 230 °C (149 °F to 446 °F).]</t>
    </r>
  </si>
  <si>
    <r>
      <t>[A complex combination of hydrocarbons produced by a treating process to remove acidic material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190 °C (– 4 °F to 374 °F).]</t>
    </r>
  </si>
  <si>
    <r>
      <t>[A complex combination of hydrocarbons obtained from the catalytic dewaxing of a petroleum fraction.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 and boiling in the range of approximately 35 °C to 230 °C (95 °F to 446 °F).]</t>
    </r>
  </si>
  <si>
    <r>
      <t>[A complex combination of hydrocarbons obtained by the distillation of the products from a steam cracking process. It consists predominantly of unsaturated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minus 20 °C to 190 °C (– 4 °F to 374 °F). This stream is likely to contain 10 vol. % or more benzene.]</t>
    </r>
  </si>
  <si>
    <r>
      <t>[A complex combination of hydrocarbons obtained from distillation of aromatic streams. It consists predominantly of aromatic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0</t>
    </r>
    <r>
      <rPr>
        <sz val="10"/>
        <rFont val="Inherit"/>
        <family val="2"/>
      </rPr>
      <t> and boiling in the range of approximately 135 °C to 210 °C (275 °F to 410 °F).]</t>
    </r>
  </si>
  <si>
    <r>
      <t>Aromatic hydrocarbons, C</t>
    </r>
    <r>
      <rPr>
        <vertAlign val="subscript"/>
        <sz val="7"/>
        <rFont val="Inherit"/>
        <family val="2"/>
      </rPr>
      <t>6-10</t>
    </r>
    <r>
      <rPr>
        <sz val="10"/>
        <rFont val="Inherit"/>
        <family val="2"/>
      </rPr>
      <t>, acid-treated, neutralized;</t>
    </r>
  </si>
  <si>
    <r>
      <t>Distillates (petroleum), C</t>
    </r>
    <r>
      <rPr>
        <vertAlign val="subscript"/>
        <sz val="7"/>
        <rFont val="Inherit"/>
        <family val="2"/>
      </rPr>
      <t>3-5</t>
    </r>
    <r>
      <rPr>
        <sz val="10"/>
        <rFont val="Inherit"/>
        <family val="2"/>
      </rPr>
      <t>, 2-methyl-2-butene-rich;</t>
    </r>
  </si>
  <si>
    <r>
      <t>[A complex combination of hydrocarbons from the distillation of hydrocarbons usually ranging in carbon numbers from C</t>
    </r>
    <r>
      <rPr>
        <vertAlign val="subscript"/>
        <sz val="7"/>
        <rFont val="Inherit"/>
        <family val="2"/>
      </rPr>
      <t>3</t>
    </r>
    <r>
      <rPr>
        <sz val="10"/>
        <rFont val="Inherit"/>
        <family val="2"/>
      </rPr>
      <t> through C</t>
    </r>
    <r>
      <rPr>
        <vertAlign val="subscript"/>
        <sz val="7"/>
        <rFont val="Inherit"/>
        <family val="2"/>
      </rPr>
      <t>5</t>
    </r>
    <r>
      <rPr>
        <sz val="10"/>
        <rFont val="Inherit"/>
        <family val="2"/>
      </rPr>
      <t>, predominantly isopentane and 3-methyl-1-butene. It consists of saturated and unsaturated hydrocarbons having carbon numbers in the range of C</t>
    </r>
    <r>
      <rPr>
        <vertAlign val="subscript"/>
        <sz val="7"/>
        <rFont val="Inherit"/>
        <family val="2"/>
      </rPr>
      <t>3</t>
    </r>
    <r>
      <rPr>
        <sz val="10"/>
        <rFont val="Inherit"/>
        <family val="2"/>
      </rPr>
      <t> through C</t>
    </r>
    <r>
      <rPr>
        <vertAlign val="subscript"/>
        <sz val="7"/>
        <rFont val="Inherit"/>
        <family val="2"/>
      </rPr>
      <t>5</t>
    </r>
    <r>
      <rPr>
        <sz val="10"/>
        <rFont val="Inherit"/>
        <family val="2"/>
      </rPr>
      <t>, predominantly 2-methyl-2-butene.]</t>
    </r>
  </si>
  <si>
    <r>
      <t>Distillates (petroleum), polymd. steam-cracked petroleum distillates, C</t>
    </r>
    <r>
      <rPr>
        <vertAlign val="subscript"/>
        <sz val="7"/>
        <rFont val="Inherit"/>
        <family val="2"/>
      </rPr>
      <t>5-12</t>
    </r>
    <r>
      <rPr>
        <sz val="10"/>
        <rFont val="Inherit"/>
        <family val="2"/>
      </rPr>
      <t> fraction;</t>
    </r>
  </si>
  <si>
    <r>
      <t>[A complex combination of hydrocarbons obtained from the distillation of polymerized steam-cracked petroleum distillate.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t>
    </r>
  </si>
  <si>
    <r>
      <t>Distillates (petroleum), steam-cracked, C</t>
    </r>
    <r>
      <rPr>
        <vertAlign val="subscript"/>
        <sz val="7"/>
        <rFont val="Inherit"/>
        <family val="2"/>
      </rPr>
      <t>5-12</t>
    </r>
    <r>
      <rPr>
        <sz val="10"/>
        <rFont val="Inherit"/>
        <family val="2"/>
      </rPr>
      <t> fraction;</t>
    </r>
  </si>
  <si>
    <r>
      <t>[A complex combination of organic compounds obtained by the distillation of products from a steam cracking process. It consists of unsaturated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12</t>
    </r>
    <r>
      <rPr>
        <sz val="10"/>
        <rFont val="Inherit"/>
        <family val="2"/>
      </rPr>
      <t>.]</t>
    </r>
  </si>
  <si>
    <r>
      <t>Distillates (petroleum), steam-cracked, C</t>
    </r>
    <r>
      <rPr>
        <vertAlign val="subscript"/>
        <sz val="7"/>
        <rFont val="Inherit"/>
        <family val="2"/>
      </rPr>
      <t>5-10</t>
    </r>
    <r>
      <rPr>
        <sz val="10"/>
        <rFont val="Inherit"/>
        <family val="2"/>
      </rPr>
      <t> fraction, mixed with light steam-cracked petroleum naphtha C</t>
    </r>
    <r>
      <rPr>
        <vertAlign val="subscript"/>
        <sz val="7"/>
        <rFont val="Inherit"/>
        <family val="2"/>
      </rPr>
      <t>5</t>
    </r>
    <r>
      <rPr>
        <sz val="10"/>
        <rFont val="Inherit"/>
        <family val="2"/>
      </rPr>
      <t> fraction;</t>
    </r>
  </si>
  <si>
    <r>
      <t>Extracts (petroleum), cold-acid, C</t>
    </r>
    <r>
      <rPr>
        <vertAlign val="subscript"/>
        <sz val="7"/>
        <rFont val="Inherit"/>
        <family val="2"/>
      </rPr>
      <t>4-6</t>
    </r>
    <r>
      <rPr>
        <sz val="10"/>
        <rFont val="Inherit"/>
        <family val="2"/>
      </rPr>
      <t>;</t>
    </r>
  </si>
  <si>
    <r>
      <t>[A complex combination of organic compounds produced by cold acid unit extraction of saturated and unsaturated aliphatic hydrocarbons usually ranging in carbon numbers from C</t>
    </r>
    <r>
      <rPr>
        <vertAlign val="subscript"/>
        <sz val="7"/>
        <rFont val="Inherit"/>
        <family val="2"/>
      </rPr>
      <t>3</t>
    </r>
    <r>
      <rPr>
        <sz val="10"/>
        <rFont val="Inherit"/>
        <family val="2"/>
      </rPr>
      <t> through C</t>
    </r>
    <r>
      <rPr>
        <vertAlign val="subscript"/>
        <sz val="7"/>
        <rFont val="Inherit"/>
        <family val="2"/>
      </rPr>
      <t>6</t>
    </r>
    <r>
      <rPr>
        <sz val="10"/>
        <rFont val="Inherit"/>
        <family val="2"/>
      </rPr>
      <t>, predominantly pentanes and amylenes. It consists predominantly of saturated and unsaturated hydrocarbons having carbon numbers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 predominantly C</t>
    </r>
    <r>
      <rPr>
        <vertAlign val="subscript"/>
        <sz val="7"/>
        <rFont val="Inherit"/>
        <family val="2"/>
      </rPr>
      <t>5</t>
    </r>
    <r>
      <rPr>
        <sz val="10"/>
        <rFont val="Inherit"/>
        <family val="2"/>
      </rPr>
      <t>.]</t>
    </r>
  </si>
  <si>
    <r>
      <t>[A complex combination of hydrocarbons obtained from a catalytic cracked gas stream. It consists of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t>
    </r>
  </si>
  <si>
    <r>
      <t>[A complex residuum from the distillation of butane stream. It consists of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t>
    </r>
  </si>
  <si>
    <r>
      <t>[A complex residuum from the atmospheric distillation of the butane-butylene stream. It consists of aliphatic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t>
    </r>
  </si>
  <si>
    <r>
      <t>[A complex combination of hydrocarbons produced by the distillation of products from a fluid coker. It consists predominantly of unsaturated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5</t>
    </r>
    <r>
      <rPr>
        <sz val="10"/>
        <rFont val="Inherit"/>
        <family val="2"/>
      </rPr>
      <t> and boiling in the range of approximately 43 °C to 250 °C (110 °F-500 °F).]</t>
    </r>
  </si>
  <si>
    <r>
      <t>[A complex combination of hydrocarbons produced by the distillation of products from a steam-cracking process. It consists predominantly of 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130 °C to 220 °C (266 °F to 428 °F).]</t>
    </r>
  </si>
  <si>
    <r>
      <t>[A complex combination of hydrocarbons resulting from treatment of full-range straight-run naphtha with natural or modified clay, usually in a percolation process to remove the trace amounts of polar compounds and impurities present.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 20 °C to 220 °C (– 4 °F to 429 °F).]</t>
    </r>
  </si>
  <si>
    <r>
      <t>[A complex combination of hydrocarbons resulting from treatment of light straight-run naphtha with a natural or modified clay, usually in a percolation process to remove the trace amounts of polar compounds and impurities present. It consists of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0</t>
    </r>
    <r>
      <rPr>
        <sz val="10"/>
        <rFont val="Inherit"/>
        <family val="2"/>
      </rPr>
      <t> and boiling in the range of approximately 93 °C to 180 °C (200 °F to 356 °F).]</t>
    </r>
  </si>
  <si>
    <r>
      <t>[A complex combination of hydrocarbons produced by distillation of products from a steam-cracking process. It consists predominantly of 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9</t>
    </r>
    <r>
      <rPr>
        <sz val="10"/>
        <rFont val="Inherit"/>
        <family val="2"/>
      </rPr>
      <t> and boiling in the range of approximately 110 °C to 165 °C (230 °F to 329 °F).]</t>
    </r>
  </si>
  <si>
    <r>
      <t>[A complex combination of hydrocarbons produced by distillation of products from a steam-cracking process.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2</t>
    </r>
    <r>
      <rPr>
        <sz val="10"/>
        <rFont val="Inherit"/>
        <family val="2"/>
      </rPr>
      <t> and boiling in the range of approximately 80 °C to 218 °C (176 °F to 424 °F).]</t>
    </r>
  </si>
  <si>
    <r>
      <t>[A complex combination of hydrocarbons obtained from the fractionation of depropanizer bottoms. It consists of hydrocarbons having carbon numbers predominantly greater than C</t>
    </r>
    <r>
      <rPr>
        <vertAlign val="subscript"/>
        <sz val="7"/>
        <rFont val="Inherit"/>
        <family val="2"/>
      </rPr>
      <t>5</t>
    </r>
    <r>
      <rPr>
        <sz val="10"/>
        <rFont val="Inherit"/>
        <family val="2"/>
      </rPr>
      <t>.]</t>
    </r>
  </si>
  <si>
    <r>
      <t>[A complex combination of hydrocarbons obtained by subjecting a petroleum distillate to a sweetening process to convert mercaptans or to remove acidic impurities. It consists predominantly of saturated and unsaturated hydrocarbons having carbon numbers predominantly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and boiling in the range of approximately – 20 °C to 100 °C (– 4 °F to 212 °F).]</t>
    </r>
  </si>
  <si>
    <r>
      <t>[A complex combination of hydrocarbons separated and/or condensed from natural gas during transportation and collected at the wellhead and/or from the production, gathering, transmission, and distribution pipelines in deeps, scrubbers, etc. It consists predominantly of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8</t>
    </r>
    <r>
      <rPr>
        <sz val="10"/>
        <rFont val="Inherit"/>
        <family val="2"/>
      </rPr>
      <t>.]</t>
    </r>
  </si>
  <si>
    <r>
      <t>[A complex combination of hydrocarbons produced by stripping the products from the naphtha unifiner. It consists of saturated aliphatic hydrocarbons having carbon numbers predominantly in the range of C</t>
    </r>
    <r>
      <rPr>
        <vertAlign val="subscript"/>
        <sz val="7"/>
        <rFont val="Inherit"/>
        <family val="2"/>
      </rPr>
      <t>2</t>
    </r>
    <r>
      <rPr>
        <sz val="10"/>
        <rFont val="Inherit"/>
        <family val="2"/>
      </rPr>
      <t> through C</t>
    </r>
    <r>
      <rPr>
        <vertAlign val="subscript"/>
        <sz val="7"/>
        <rFont val="Inherit"/>
        <family val="2"/>
      </rPr>
      <t>6</t>
    </r>
    <r>
      <rPr>
        <sz val="10"/>
        <rFont val="Inherit"/>
        <family val="2"/>
      </rPr>
      <t>.]</t>
    </r>
  </si>
  <si>
    <r>
      <t>[A complex combination of hydrocarbons remaining after removal of aromatic compounds from catalytic reformed light naphtha in a selective absorption process. It consists predominantly of paraffinic and cyclic compounds having carbon numbers predominantly in the range of C</t>
    </r>
    <r>
      <rPr>
        <vertAlign val="subscript"/>
        <sz val="7"/>
        <rFont val="Inherit"/>
        <family val="2"/>
      </rPr>
      <t>5</t>
    </r>
    <r>
      <rPr>
        <sz val="10"/>
        <rFont val="Inherit"/>
        <family val="2"/>
      </rPr>
      <t> to C</t>
    </r>
    <r>
      <rPr>
        <vertAlign val="subscript"/>
        <sz val="7"/>
        <rFont val="Inherit"/>
        <family val="2"/>
      </rPr>
      <t>8</t>
    </r>
    <r>
      <rPr>
        <sz val="10"/>
        <rFont val="Inherit"/>
        <family val="2"/>
      </rPr>
      <t> and boiling in the range of approximately 66 °C to 121 °C (151 °F to 250 °F).]</t>
    </r>
  </si>
  <si>
    <r>
      <t>[A complex combination of hydrocarbons consisting primarily of paraffins, cycloparaffins, aromatic and olefinic hydrocarbons having carbon numbers predominantly greater than C</t>
    </r>
    <r>
      <rPr>
        <vertAlign val="subscript"/>
        <sz val="7"/>
        <rFont val="Inherit"/>
        <family val="2"/>
      </rPr>
      <t>3</t>
    </r>
    <r>
      <rPr>
        <sz val="10"/>
        <rFont val="Inherit"/>
        <family val="2"/>
      </rPr>
      <t> and boiling in the range of 30 °C to 260 °C (86 °F to 500 °F).]</t>
    </r>
  </si>
  <si>
    <r>
      <t>Aromatic hydrocarbons, C</t>
    </r>
    <r>
      <rPr>
        <vertAlign val="subscript"/>
        <sz val="7"/>
        <rFont val="Inherit"/>
        <family val="2"/>
      </rPr>
      <t>7-8</t>
    </r>
    <r>
      <rPr>
        <sz val="10"/>
        <rFont val="Inherit"/>
        <family val="2"/>
      </rPr>
      <t>, dealkylation products, distn. residues;</t>
    </r>
  </si>
  <si>
    <r>
      <t>Hydrocarbons, C</t>
    </r>
    <r>
      <rPr>
        <vertAlign val="subscript"/>
        <sz val="7"/>
        <rFont val="Inherit"/>
        <family val="2"/>
      </rPr>
      <t>4-6</t>
    </r>
    <r>
      <rPr>
        <sz val="10"/>
        <rFont val="Inherit"/>
        <family val="2"/>
      </rPr>
      <t>, depentanizer lights, arom. hydrotreater;</t>
    </r>
  </si>
  <si>
    <r>
      <t>[A complex combination of hydrocarbons obtained as first runnings from the depentanizer column before hydrotreatment of the aromatic charges.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 predominantly pentanes and pentenes, and boiling in the range of approximately 25 °C to 40 °C (77 °F to 104 °F).]</t>
    </r>
  </si>
  <si>
    <r>
      <t>Distillates (petroleum), heat-soaked steam-cracked naphtha, C</t>
    </r>
    <r>
      <rPr>
        <vertAlign val="subscript"/>
        <sz val="7"/>
        <rFont val="Inherit"/>
        <family val="2"/>
      </rPr>
      <t>5</t>
    </r>
    <r>
      <rPr>
        <sz val="10"/>
        <rFont val="Inherit"/>
        <family val="2"/>
      </rPr>
      <t>-rich;</t>
    </r>
  </si>
  <si>
    <r>
      <t>[A complex combination of hydrocarbons obtained by distillation of heat-soaked steam-cracked naphtha. It consists predominantly of hydrocarbons having carbon numbers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 predominantly C</t>
    </r>
    <r>
      <rPr>
        <vertAlign val="subscript"/>
        <sz val="7"/>
        <rFont val="Inherit"/>
        <family val="2"/>
      </rPr>
      <t>5</t>
    </r>
    <r>
      <rPr>
        <sz val="10"/>
        <rFont val="Inherit"/>
        <family val="2"/>
      </rPr>
      <t>.]</t>
    </r>
  </si>
  <si>
    <r>
      <t>[A complex combination of hydrocarbons obtained as the extract from the solvent extraction of a catalytically reformed petroleum cut. It consists predominantly of aromatic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8</t>
    </r>
    <r>
      <rPr>
        <sz val="10"/>
        <rFont val="Inherit"/>
        <family val="2"/>
      </rPr>
      <t> and boiling in the range of approximately 100 °C to 200 °C (212 °F to 392 °F).]</t>
    </r>
  </si>
  <si>
    <r>
      <t>[A complex combination of hydrocarbons obtained by distillation of hydrodesulfurized and dearomatized light petroleum fractions. It consists predominantly of C</t>
    </r>
    <r>
      <rPr>
        <vertAlign val="subscript"/>
        <sz val="7"/>
        <rFont val="Inherit"/>
        <family val="2"/>
      </rPr>
      <t>7</t>
    </r>
    <r>
      <rPr>
        <sz val="10"/>
        <rFont val="Inherit"/>
        <family val="2"/>
      </rPr>
      <t> paraffins and cycloparaffins boiling in a range of approximately 90 °C to 100 °C (194 °F to 212 °F).]</t>
    </r>
  </si>
  <si>
    <r>
      <t>Naphtha (petroleum), light, C</t>
    </r>
    <r>
      <rPr>
        <vertAlign val="subscript"/>
        <sz val="7"/>
        <rFont val="Inherit"/>
        <family val="2"/>
      </rPr>
      <t>5</t>
    </r>
    <r>
      <rPr>
        <sz val="10"/>
        <rFont val="Inherit"/>
        <family val="2"/>
      </rPr>
      <t>-rich, sweetened;</t>
    </r>
  </si>
  <si>
    <r>
      <t>[A complex combination of hydrocarbons obtained by subjecting a petroleum naphtha to a sweetening process to convert mercaptans or to remove acidic impurities. It consists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5</t>
    </r>
    <r>
      <rPr>
        <sz val="10"/>
        <rFont val="Inherit"/>
        <family val="2"/>
      </rPr>
      <t>, predominantly C</t>
    </r>
    <r>
      <rPr>
        <vertAlign val="subscript"/>
        <sz val="7"/>
        <rFont val="Inherit"/>
        <family val="2"/>
      </rPr>
      <t>5</t>
    </r>
    <r>
      <rPr>
        <sz val="10"/>
        <rFont val="Inherit"/>
        <family val="2"/>
      </rPr>
      <t>, and boiling in the range of approximately minus 10 °C to 35 °C (14 °F to 95 °F).]</t>
    </r>
  </si>
  <si>
    <r>
      <t>Hydrocarbons, C</t>
    </r>
    <r>
      <rPr>
        <vertAlign val="subscript"/>
        <sz val="7"/>
        <rFont val="Inherit"/>
        <family val="2"/>
      </rPr>
      <t>8-11</t>
    </r>
    <r>
      <rPr>
        <sz val="10"/>
        <rFont val="Inherit"/>
        <family val="2"/>
      </rPr>
      <t>, naphtha-cracking, toluene cut;</t>
    </r>
  </si>
  <si>
    <r>
      <t>[A complex combination of hydrocarbons obtained by distillation from prehydrogenated cracked naphtha. It consists predominantly of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1</t>
    </r>
    <r>
      <rPr>
        <sz val="10"/>
        <rFont val="Inherit"/>
        <family val="2"/>
      </rPr>
      <t> and boiling in the range of approximately 130 °C to 205 °C (266 °F to 401 °F).]</t>
    </r>
  </si>
  <si>
    <r>
      <t>Hydrocarbons, C</t>
    </r>
    <r>
      <rPr>
        <vertAlign val="subscript"/>
        <sz val="7"/>
        <rFont val="Inherit"/>
        <family val="2"/>
      </rPr>
      <t>4-11</t>
    </r>
    <r>
      <rPr>
        <sz val="10"/>
        <rFont val="Inherit"/>
        <family val="2"/>
      </rPr>
      <t>, naphtha-cracking, arom.-free;</t>
    </r>
  </si>
  <si>
    <r>
      <t>[A complex combination of hydrocarbons obtained from prehydrogenated cracked naphtha after distillative separation of benzene- and toluene-containing hydrocarbon cuts and a higher boiling fraction. It consists predominantly of hydrocarbons having carbon numbers predominantly in the range of C</t>
    </r>
    <r>
      <rPr>
        <vertAlign val="subscript"/>
        <sz val="7"/>
        <rFont val="Inherit"/>
        <family val="2"/>
      </rPr>
      <t>4</t>
    </r>
    <r>
      <rPr>
        <sz val="10"/>
        <rFont val="Inherit"/>
        <family val="2"/>
      </rPr>
      <t> through C</t>
    </r>
    <r>
      <rPr>
        <vertAlign val="subscript"/>
        <sz val="7"/>
        <rFont val="Inherit"/>
        <family val="2"/>
      </rPr>
      <t>11</t>
    </r>
    <r>
      <rPr>
        <sz val="10"/>
        <rFont val="Inherit"/>
        <family val="2"/>
      </rPr>
      <t> and boiling in the range of approximately 30 °C to 205 °C (86 °F to 401 °F).]</t>
    </r>
  </si>
  <si>
    <r>
      <t>[A complex combination of hydrocarbons obtained by the fractionation of steam cracked naphtha after recovery from a heat soaking process. It consists predominantly of hydrocarbons having a carbon number predominantly in the range of C</t>
    </r>
    <r>
      <rPr>
        <vertAlign val="subscript"/>
        <sz val="7"/>
        <rFont val="Inherit"/>
        <family val="2"/>
      </rPr>
      <t>4</t>
    </r>
    <r>
      <rPr>
        <sz val="10"/>
        <rFont val="Inherit"/>
        <family val="2"/>
      </rPr>
      <t> through C</t>
    </r>
    <r>
      <rPr>
        <vertAlign val="subscript"/>
        <sz val="7"/>
        <rFont val="Inherit"/>
        <family val="2"/>
      </rPr>
      <t>6</t>
    </r>
    <r>
      <rPr>
        <sz val="10"/>
        <rFont val="Inherit"/>
        <family val="2"/>
      </rPr>
      <t> and boiling in the range of approximately 0 °C to 80 °C (32 °F to 176 °F).]</t>
    </r>
  </si>
  <si>
    <r>
      <t>Distillates (petroleum), C</t>
    </r>
    <r>
      <rPr>
        <vertAlign val="subscript"/>
        <sz val="7"/>
        <rFont val="Inherit"/>
        <family val="2"/>
      </rPr>
      <t>6</t>
    </r>
    <r>
      <rPr>
        <sz val="10"/>
        <rFont val="Inherit"/>
        <family val="2"/>
      </rPr>
      <t>-rich;</t>
    </r>
  </si>
  <si>
    <r>
      <t>[A complex combination of hydrocarbons obtained from the distillation of a petroleum feedstock. It consists predominantly of hydrocarbons having carbon numbers of C</t>
    </r>
    <r>
      <rPr>
        <vertAlign val="subscript"/>
        <sz val="7"/>
        <rFont val="Inherit"/>
        <family val="2"/>
      </rPr>
      <t>5</t>
    </r>
    <r>
      <rPr>
        <sz val="10"/>
        <rFont val="Inherit"/>
        <family val="2"/>
      </rPr>
      <t> through C</t>
    </r>
    <r>
      <rPr>
        <vertAlign val="subscript"/>
        <sz val="7"/>
        <rFont val="Inherit"/>
        <family val="2"/>
      </rPr>
      <t>7</t>
    </r>
    <r>
      <rPr>
        <sz val="10"/>
        <rFont val="Inherit"/>
        <family val="2"/>
      </rPr>
      <t>, rich in C</t>
    </r>
    <r>
      <rPr>
        <vertAlign val="subscript"/>
        <sz val="7"/>
        <rFont val="Inherit"/>
        <family val="2"/>
      </rPr>
      <t>6</t>
    </r>
    <r>
      <rPr>
        <sz val="10"/>
        <rFont val="Inherit"/>
        <family val="2"/>
      </rPr>
      <t>, and boiling in the range of approximately 60 °C to 70 °C (140 °F to 158 °F).]</t>
    </r>
  </si>
  <si>
    <r>
      <t>Distillates (petroleum), steam-cracked, C</t>
    </r>
    <r>
      <rPr>
        <vertAlign val="subscript"/>
        <sz val="7"/>
        <rFont val="Inherit"/>
        <family val="2"/>
      </rPr>
      <t>8-12</t>
    </r>
    <r>
      <rPr>
        <sz val="10"/>
        <rFont val="Inherit"/>
        <family val="2"/>
      </rPr>
      <t> fraction, polymd., distn. lights;</t>
    </r>
  </si>
  <si>
    <r>
      <t>[A complex combination of hydrocarbons obtained by distillation of the polymerized C</t>
    </r>
    <r>
      <rPr>
        <vertAlign val="subscript"/>
        <sz val="7"/>
        <rFont val="Inherit"/>
        <family val="2"/>
      </rPr>
      <t>8</t>
    </r>
    <r>
      <rPr>
        <sz val="10"/>
        <rFont val="Inherit"/>
        <family val="2"/>
      </rPr>
      <t> through C</t>
    </r>
    <r>
      <rPr>
        <vertAlign val="subscript"/>
        <sz val="7"/>
        <rFont val="Inherit"/>
        <family val="2"/>
      </rPr>
      <t>12</t>
    </r>
    <r>
      <rPr>
        <sz val="10"/>
        <rFont val="Inherit"/>
        <family val="2"/>
      </rPr>
      <t> fraction from steam-cracked petroleum distillates. It consists predominantly of aromatic hydrocarbons having carbon numbers predominantly in the range of C</t>
    </r>
    <r>
      <rPr>
        <vertAlign val="subscript"/>
        <sz val="7"/>
        <rFont val="Inherit"/>
        <family val="2"/>
      </rPr>
      <t>8</t>
    </r>
    <r>
      <rPr>
        <sz val="10"/>
        <rFont val="Inherit"/>
        <family val="2"/>
      </rPr>
      <t> through C</t>
    </r>
    <r>
      <rPr>
        <vertAlign val="subscript"/>
        <sz val="7"/>
        <rFont val="Inherit"/>
        <family val="2"/>
      </rPr>
      <t>12</t>
    </r>
    <r>
      <rPr>
        <sz val="10"/>
        <rFont val="Inherit"/>
        <family val="2"/>
      </rPr>
      <t>.]</t>
    </r>
  </si>
  <si>
    <r>
      <t>[A complex combination of hydrocarbons obtained by the treatment of heavy naphthic solvent petroleum extract with bleaching earth. It consists predominantly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10</t>
    </r>
    <r>
      <rPr>
        <sz val="10"/>
        <rFont val="Inherit"/>
        <family val="2"/>
      </rPr>
      <t> and boiling in the range of approximately 80 °C to 180 °C (175 °F to 356 °F).]</t>
    </r>
  </si>
  <si>
    <r>
      <t>[A complex combination of hydrocarbons obtained by the treatment and distillation of debenzenized light steam-cracked petroleum naphtha. It consists predominantly of hydrocarbons having carbon numbers predominantly in the range of C</t>
    </r>
    <r>
      <rPr>
        <vertAlign val="subscript"/>
        <sz val="7"/>
        <rFont val="Inherit"/>
        <family val="2"/>
      </rPr>
      <t>7</t>
    </r>
    <r>
      <rPr>
        <sz val="10"/>
        <rFont val="Inherit"/>
        <family val="2"/>
      </rPr>
      <t> through C</t>
    </r>
    <r>
      <rPr>
        <vertAlign val="subscript"/>
        <sz val="7"/>
        <rFont val="Inherit"/>
        <family val="2"/>
      </rPr>
      <t>12</t>
    </r>
    <r>
      <rPr>
        <sz val="10"/>
        <rFont val="Inherit"/>
        <family val="2"/>
      </rPr>
      <t> and boiling in the range of approximately 95 °C to 200 °C (203 °F to 392 °F).]</t>
    </r>
  </si>
  <si>
    <r>
      <t>[A complex combination of hydrocarbons obtained by the treatment and distillation of light steam-cracked petroleum naphtha.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6</t>
    </r>
    <r>
      <rPr>
        <sz val="10"/>
        <rFont val="Inherit"/>
        <family val="2"/>
      </rPr>
      <t> and boiling in the range of approximately 35 °C to 80 °C (95 °F to 176 °F).]</t>
    </r>
  </si>
  <si>
    <r>
      <t>Distillates (petroleum), C</t>
    </r>
    <r>
      <rPr>
        <vertAlign val="subscript"/>
        <sz val="7"/>
        <rFont val="Inherit"/>
        <family val="2"/>
      </rPr>
      <t>7-9</t>
    </r>
    <r>
      <rPr>
        <sz val="10"/>
        <rFont val="Inherit"/>
        <family val="2"/>
      </rPr>
      <t>, C</t>
    </r>
    <r>
      <rPr>
        <vertAlign val="subscript"/>
        <sz val="7"/>
        <rFont val="Inherit"/>
        <family val="2"/>
      </rPr>
      <t>8</t>
    </r>
    <r>
      <rPr>
        <sz val="10"/>
        <rFont val="Inherit"/>
        <family val="2"/>
      </rPr>
      <t>-rich, hydrodesulfurized dearomatized;</t>
    </r>
  </si>
  <si>
    <r>
      <t>[A complex combination of hydrocarbons obtained by the distillation of petroleum light fraction, hydrodesulfurized and dearomatized. It consists predominantly of hydrocarbons having carbon numbers in the range of C</t>
    </r>
    <r>
      <rPr>
        <vertAlign val="subscript"/>
        <sz val="7"/>
        <rFont val="Inherit"/>
        <family val="2"/>
      </rPr>
      <t>7</t>
    </r>
    <r>
      <rPr>
        <sz val="10"/>
        <rFont val="Inherit"/>
        <family val="2"/>
      </rPr>
      <t> through C</t>
    </r>
    <r>
      <rPr>
        <vertAlign val="subscript"/>
        <sz val="7"/>
        <rFont val="Inherit"/>
        <family val="2"/>
      </rPr>
      <t>9</t>
    </r>
    <r>
      <rPr>
        <sz val="10"/>
        <rFont val="Inherit"/>
        <family val="2"/>
      </rPr>
      <t>, predominantly C</t>
    </r>
    <r>
      <rPr>
        <vertAlign val="subscript"/>
        <sz val="7"/>
        <rFont val="Inherit"/>
        <family val="2"/>
      </rPr>
      <t>8</t>
    </r>
    <r>
      <rPr>
        <sz val="10"/>
        <rFont val="Inherit"/>
        <family val="2"/>
      </rPr>
      <t> paraffins and cycloparaffins, boiling in the range of approximately 120 °C to 130 °C (248 °F to 266 °F).]</t>
    </r>
  </si>
  <si>
    <r>
      <t>Hydrocarbons, C</t>
    </r>
    <r>
      <rPr>
        <vertAlign val="subscript"/>
        <sz val="7"/>
        <rFont val="Inherit"/>
        <family val="2"/>
      </rPr>
      <t>6-8</t>
    </r>
    <r>
      <rPr>
        <sz val="10"/>
        <rFont val="Inherit"/>
        <family val="2"/>
      </rPr>
      <t>, hydrogenated sorption-dearomatized, toluene raffination;</t>
    </r>
  </si>
  <si>
    <r>
      <t>[A complex combination of hydrocarbons obtained during the sorptions of toluene from a hydrocarbon fraction from cracked gasoline treated with hydrogen in the presence of a catalyst. It consists predominantly of hydrocarbons having carbon numbers predominantly in the range of C</t>
    </r>
    <r>
      <rPr>
        <vertAlign val="subscript"/>
        <sz val="7"/>
        <rFont val="Inherit"/>
        <family val="2"/>
      </rPr>
      <t>6</t>
    </r>
    <r>
      <rPr>
        <sz val="10"/>
        <rFont val="Inherit"/>
        <family val="2"/>
      </rPr>
      <t> through C</t>
    </r>
    <r>
      <rPr>
        <vertAlign val="subscript"/>
        <sz val="7"/>
        <rFont val="Inherit"/>
        <family val="2"/>
      </rPr>
      <t>8</t>
    </r>
    <r>
      <rPr>
        <sz val="10"/>
        <rFont val="Inherit"/>
        <family val="2"/>
      </rPr>
      <t> and boiling in the range of approximately 80 °C to 135 °C (176 °F to 275 °F).]</t>
    </r>
  </si>
  <si>
    <r>
      <t>[A complex combination of hydrocarbons obtained by fractionation from hydrodesulfurised coker distillate. It consists predominantly of hydrocarbons having carbon numbers predominantly in the range of C</t>
    </r>
    <r>
      <rPr>
        <vertAlign val="subscript"/>
        <sz val="7"/>
        <rFont val="Inherit"/>
        <family val="2"/>
      </rPr>
      <t>5</t>
    </r>
    <r>
      <rPr>
        <sz val="10"/>
        <rFont val="Inherit"/>
        <family val="2"/>
      </rPr>
      <t> to C</t>
    </r>
    <r>
      <rPr>
        <vertAlign val="subscript"/>
        <sz val="7"/>
        <rFont val="Inherit"/>
        <family val="2"/>
      </rPr>
      <t>11</t>
    </r>
    <r>
      <rPr>
        <sz val="10"/>
        <rFont val="Inherit"/>
        <family val="2"/>
      </rPr>
      <t> and boiling in the range of approximately 23 °C to 196 °C (73 °F to 385 °F).]</t>
    </r>
  </si>
  <si>
    <r>
      <t>[A complex combination of hydrocarbons obtained by subjecting a petroleum naphtha to a sweetening process to convert mercaptans or to remove acidic impurities. It consists predominantly of hydrocarbons having carbon numbers predominantly in the range of C</t>
    </r>
    <r>
      <rPr>
        <vertAlign val="subscript"/>
        <sz val="7"/>
        <rFont val="Inherit"/>
        <family val="2"/>
      </rPr>
      <t>5</t>
    </r>
    <r>
      <rPr>
        <sz val="10"/>
        <rFont val="Inherit"/>
        <family val="2"/>
      </rPr>
      <t> through C</t>
    </r>
    <r>
      <rPr>
        <vertAlign val="subscript"/>
        <sz val="7"/>
        <rFont val="Inherit"/>
        <family val="2"/>
      </rPr>
      <t>8</t>
    </r>
    <r>
      <rPr>
        <sz val="10"/>
        <rFont val="Inherit"/>
        <family val="2"/>
      </rPr>
      <t> and boiling in the range of approximately 20 °C to 130 °C (68 °F to 266 °F).]</t>
    </r>
  </si>
  <si>
    <r>
      <t>Hydrocarbons, C</t>
    </r>
    <r>
      <rPr>
        <vertAlign val="subscript"/>
        <sz val="7"/>
        <rFont val="Inherit"/>
        <family val="2"/>
      </rPr>
      <t>3-6</t>
    </r>
    <r>
      <rPr>
        <sz val="10"/>
        <rFont val="Inherit"/>
        <family val="2"/>
      </rPr>
      <t>, C</t>
    </r>
    <r>
      <rPr>
        <vertAlign val="subscript"/>
        <sz val="7"/>
        <rFont val="Inherit"/>
        <family val="2"/>
      </rPr>
      <t>5</t>
    </r>
    <r>
      <rPr>
        <sz val="10"/>
        <rFont val="Inherit"/>
        <family val="2"/>
      </rPr>
      <t>-rich, steam-cracked naphtha;</t>
    </r>
  </si>
  <si>
    <r>
      <t>[A complex combination of hydrocarbons obtained by distillation of steam-cracked naphtha. It consists predominantly of hydrocarbons having carbon numbers in the range of C</t>
    </r>
    <r>
      <rPr>
        <vertAlign val="subscript"/>
        <sz val="7"/>
        <rFont val="Inherit"/>
        <family val="2"/>
      </rPr>
      <t>3</t>
    </r>
    <r>
      <rPr>
        <sz val="10"/>
        <rFont val="Inherit"/>
        <family val="2"/>
      </rPr>
      <t> through C</t>
    </r>
    <r>
      <rPr>
        <vertAlign val="subscript"/>
        <sz val="7"/>
        <rFont val="Inherit"/>
        <family val="2"/>
      </rPr>
      <t>6</t>
    </r>
    <r>
      <rPr>
        <sz val="10"/>
        <rFont val="Inherit"/>
        <family val="2"/>
      </rPr>
      <t>, predominantly C</t>
    </r>
    <r>
      <rPr>
        <vertAlign val="subscript"/>
        <sz val="7"/>
        <rFont val="Inherit"/>
        <family val="2"/>
      </rPr>
      <t>5</t>
    </r>
    <r>
      <rPr>
        <sz val="10"/>
        <rFont val="Inherit"/>
        <family val="2"/>
      </rPr>
      <t>.]</t>
    </r>
  </si>
  <si>
    <r>
      <t>Hydrocarbons, C</t>
    </r>
    <r>
      <rPr>
        <vertAlign val="subscript"/>
        <sz val="7"/>
        <rFont val="Inherit"/>
        <family val="2"/>
      </rPr>
      <t>5</t>
    </r>
    <r>
      <rPr>
        <sz val="10"/>
        <rFont val="Inherit"/>
        <family val="2"/>
      </rPr>
      <t>-rich, dicyclopentadiene-contg.;</t>
    </r>
  </si>
  <si>
    <r>
      <t>[A complex combination of hydrocarbons obtained by distillation of the products from a steam-cracking process. It consists predominantly of hydrocarbons having carbon numbers of C</t>
    </r>
    <r>
      <rPr>
        <vertAlign val="subscript"/>
        <sz val="7"/>
        <rFont val="Inherit"/>
        <family val="2"/>
      </rPr>
      <t>5</t>
    </r>
    <r>
      <rPr>
        <sz val="10"/>
        <rFont val="Inherit"/>
        <family val="2"/>
      </rPr>
      <t> and dicyclopentadiene and boiling in the range of approximately 30 °C to 170 °C (86 °F to 338 °F).]</t>
    </r>
  </si>
  <si>
    <r>
      <t>[A complex combination of hydrocarbons obtained by the distillation of the products of steam cracking or similar processes after taking off the very light products resulting in a residue starting with hydrocarbons having carbon numbers greater than C</t>
    </r>
    <r>
      <rPr>
        <vertAlign val="subscript"/>
        <sz val="7"/>
        <rFont val="Inherit"/>
        <family val="2"/>
      </rPr>
      <t>5</t>
    </r>
    <r>
      <rPr>
        <sz val="10"/>
        <rFont val="Inherit"/>
        <family val="2"/>
      </rPr>
      <t>. It consists predominantly of aromatic hydrocarbons having carbon numbers greater than C</t>
    </r>
    <r>
      <rPr>
        <vertAlign val="subscript"/>
        <sz val="7"/>
        <rFont val="Inherit"/>
        <family val="2"/>
      </rPr>
      <t>5</t>
    </r>
    <r>
      <rPr>
        <sz val="10"/>
        <rFont val="Inherit"/>
        <family val="2"/>
      </rPr>
      <t> and boiling above approximately 40 °C (104 °F).]</t>
    </r>
  </si>
  <si>
    <r>
      <t>Hydrocarbons, C</t>
    </r>
    <r>
      <rPr>
        <vertAlign val="subscript"/>
        <sz val="7"/>
        <rFont val="Inherit"/>
        <family val="2"/>
      </rPr>
      <t>≥5</t>
    </r>
    <r>
      <rPr>
        <sz val="10"/>
        <rFont val="Inherit"/>
        <family val="2"/>
      </rPr>
      <t>, C</t>
    </r>
    <r>
      <rPr>
        <vertAlign val="subscript"/>
        <sz val="7"/>
        <rFont val="Inherit"/>
        <family val="2"/>
      </rPr>
      <t>5-6</t>
    </r>
    <r>
      <rPr>
        <sz val="10"/>
        <rFont val="Inherit"/>
        <family val="2"/>
      </rPr>
      <t>-rich;</t>
    </r>
  </si>
  <si>
    <r>
      <t>Hydrocarbons, C</t>
    </r>
    <r>
      <rPr>
        <vertAlign val="subscript"/>
        <sz val="7"/>
        <rFont val="Inherit"/>
        <family val="2"/>
      </rPr>
      <t>5</t>
    </r>
    <r>
      <rPr>
        <sz val="10"/>
        <rFont val="Inherit"/>
        <family val="2"/>
      </rPr>
      <t>-rich;</t>
    </r>
  </si>
  <si>
    <r>
      <t>Aromatic hydrocarbons, C</t>
    </r>
    <r>
      <rPr>
        <vertAlign val="subscript"/>
        <sz val="7"/>
        <rFont val="Inherit"/>
        <family val="2"/>
      </rPr>
      <t>8-10</t>
    </r>
    <r>
      <rPr>
        <sz val="10"/>
        <rFont val="Inherit"/>
        <family val="2"/>
      </rPr>
      <t>;</t>
    </r>
  </si>
  <si>
    <r>
      <t>A </t>
    </r>
    <r>
      <rPr>
        <b/>
        <sz val="10"/>
        <rFont val="Inherit"/>
        <family val="2"/>
      </rPr>
      <t>►M5</t>
    </r>
    <r>
      <rPr>
        <sz val="10"/>
        <rFont val="Inherit"/>
        <family val="2"/>
      </rPr>
      <t>   —</t>
    </r>
    <r>
      <rPr>
        <b/>
        <sz val="10"/>
        <rFont val="Inherit"/>
        <family val="2"/>
      </rPr>
      <t> ◄</t>
    </r>
  </si>
  <si>
    <r>
      <t>Boric acid, crude natural, containing not more than 85 % of H</t>
    </r>
    <r>
      <rPr>
        <vertAlign val="subscript"/>
        <sz val="7"/>
        <rFont val="Inherit"/>
        <family val="2"/>
      </rPr>
      <t>3</t>
    </r>
    <r>
      <rPr>
        <sz val="10"/>
        <rFont val="Inherit"/>
        <family val="2"/>
      </rPr>
      <t>BO</t>
    </r>
    <r>
      <rPr>
        <vertAlign val="subscript"/>
        <sz val="7"/>
        <rFont val="Inherit"/>
        <family val="2"/>
      </rPr>
      <t>3</t>
    </r>
    <r>
      <rPr>
        <sz val="10"/>
        <rFont val="Inherit"/>
        <family val="2"/>
      </rPr>
      <t> calculated on the dry weight; [2]</t>
    </r>
  </si>
  <si>
    <r>
      <t>Perboric acid (H</t>
    </r>
    <r>
      <rPr>
        <vertAlign val="subscript"/>
        <sz val="7"/>
        <rFont val="Inherit"/>
        <family val="2"/>
      </rPr>
      <t>3</t>
    </r>
    <r>
      <rPr>
        <sz val="10"/>
        <rFont val="Inherit"/>
        <family val="2"/>
      </rPr>
      <t>BO</t>
    </r>
    <r>
      <rPr>
        <vertAlign val="subscript"/>
        <sz val="7"/>
        <rFont val="Inherit"/>
        <family val="2"/>
      </rPr>
      <t>2</t>
    </r>
    <r>
      <rPr>
        <sz val="10"/>
        <rFont val="Inherit"/>
        <family val="2"/>
      </rPr>
      <t>(O</t>
    </r>
    <r>
      <rPr>
        <vertAlign val="subscript"/>
        <sz val="7"/>
        <rFont val="Inherit"/>
        <family val="2"/>
      </rPr>
      <t>2</t>
    </r>
    <r>
      <rPr>
        <sz val="10"/>
        <rFont val="Inherit"/>
        <family val="2"/>
      </rPr>
      <t>)), monosodium salt trihydrate; [1]</t>
    </r>
  </si>
  <si>
    <r>
      <t>Perboric acid (HBO(O</t>
    </r>
    <r>
      <rPr>
        <vertAlign val="subscript"/>
        <sz val="7"/>
        <rFont val="Inherit"/>
        <family val="2"/>
      </rPr>
      <t>2</t>
    </r>
    <r>
      <rPr>
        <sz val="10"/>
        <rFont val="Inherit"/>
        <family val="2"/>
      </rPr>
      <t>)), sodium salt, tetrahydrate; [3]</t>
    </r>
  </si>
  <si>
    <r>
      <t>Perboric acid (H</t>
    </r>
    <r>
      <rPr>
        <vertAlign val="subscript"/>
        <sz val="7"/>
        <rFont val="Inherit"/>
        <family val="2"/>
      </rPr>
      <t>3</t>
    </r>
    <r>
      <rPr>
        <sz val="10"/>
        <rFont val="Inherit"/>
        <family val="2"/>
      </rPr>
      <t>BO</t>
    </r>
    <r>
      <rPr>
        <vertAlign val="subscript"/>
        <sz val="7"/>
        <rFont val="Inherit"/>
        <family val="2"/>
      </rPr>
      <t>2</t>
    </r>
    <r>
      <rPr>
        <sz val="10"/>
        <rFont val="Inherit"/>
        <family val="2"/>
      </rPr>
      <t>(O</t>
    </r>
    <r>
      <rPr>
        <vertAlign val="subscript"/>
        <sz val="7"/>
        <rFont val="Inherit"/>
        <family val="2"/>
      </rPr>
      <t>2</t>
    </r>
    <r>
      <rPr>
        <sz val="10"/>
        <rFont val="Inherit"/>
        <family val="2"/>
      </rPr>
      <t>)), monosodium salt, trihydrate; [1]</t>
    </r>
  </si>
  <si>
    <r>
      <t>Perboric acid (H</t>
    </r>
    <r>
      <rPr>
        <vertAlign val="subscript"/>
        <sz val="7"/>
        <rFont val="Inherit"/>
        <family val="2"/>
      </rPr>
      <t>3</t>
    </r>
    <r>
      <rPr>
        <sz val="10"/>
        <rFont val="Inherit"/>
        <family val="2"/>
      </rPr>
      <t>BO</t>
    </r>
    <r>
      <rPr>
        <vertAlign val="subscript"/>
        <sz val="7"/>
        <rFont val="Inherit"/>
        <family val="2"/>
      </rPr>
      <t>2</t>
    </r>
    <r>
      <rPr>
        <sz val="10"/>
        <rFont val="Inherit"/>
        <family val="2"/>
      </rPr>
      <t>(O</t>
    </r>
    <r>
      <rPr>
        <vertAlign val="subscript"/>
        <sz val="7"/>
        <rFont val="Inherit"/>
        <family val="2"/>
      </rPr>
      <t>2</t>
    </r>
    <r>
      <rPr>
        <sz val="10"/>
        <rFont val="Inherit"/>
        <family val="2"/>
      </rPr>
      <t>)), monosodium salt, monohydrate; [3]</t>
    </r>
  </si>
  <si>
    <r>
      <t>Bis(d-gluconato-O</t>
    </r>
    <r>
      <rPr>
        <vertAlign val="superscript"/>
        <sz val="7"/>
        <rFont val="Inherit"/>
        <family val="2"/>
      </rPr>
      <t>1</t>
    </r>
    <r>
      <rPr>
        <sz val="10"/>
        <rFont val="Inherit"/>
        <family val="2"/>
      </rPr>
      <t>,O</t>
    </r>
    <r>
      <rPr>
        <vertAlign val="superscript"/>
        <sz val="7"/>
        <rFont val="Inherit"/>
        <family val="2"/>
      </rPr>
      <t>2</t>
    </r>
    <r>
      <rPr>
        <sz val="10"/>
        <rFont val="Inherit"/>
        <family val="2"/>
      </rPr>
      <t>)nickel; [18]</t>
    </r>
  </si>
  <si>
    <r>
      <t>Di-C</t>
    </r>
    <r>
      <rPr>
        <vertAlign val="subscript"/>
        <sz val="7"/>
        <rFont val="Inherit"/>
        <family val="2"/>
      </rPr>
      <t>6-8</t>
    </r>
    <r>
      <rPr>
        <sz val="10"/>
        <rFont val="Inherit"/>
        <family val="2"/>
      </rPr>
      <t>-branched alkylesters, C7-rich</t>
    </r>
  </si>
  <si>
    <r>
      <t>4-</t>
    </r>
    <r>
      <rPr>
        <i/>
        <sz val="10"/>
        <rFont val="Inherit"/>
        <family val="2"/>
      </rPr>
      <t>tert</t>
    </r>
    <r>
      <rPr>
        <sz val="10"/>
        <rFont val="Inherit"/>
        <family val="2"/>
      </rPr>
      <t>-butylbenzoic acid</t>
    </r>
  </si>
  <si>
    <r>
      <t>Bromadiolone (ISO); 3-[3-(4′-bromobiphenyl-4-yl)-3-hydroxy-1-phenylpropyl]-4-hydroxy-2</t>
    </r>
    <r>
      <rPr>
        <i/>
        <sz val="10"/>
        <rFont val="Inherit"/>
        <family val="2"/>
      </rPr>
      <t>H</t>
    </r>
    <r>
      <rPr>
        <sz val="10"/>
        <rFont val="Inherit"/>
        <family val="2"/>
      </rPr>
      <t>-chromen-2-one</t>
    </r>
  </si>
  <si>
    <r>
      <t>3-[3-(4′-bromobiphenyl-4-yl)-1,2,3,4-tetrahydronaphthalen-1-yl]-4-hydroxy-2</t>
    </r>
    <r>
      <rPr>
        <i/>
        <sz val="10"/>
        <rFont val="Inherit"/>
        <family val="2"/>
      </rPr>
      <t>H</t>
    </r>
    <r>
      <rPr>
        <sz val="10"/>
        <rFont val="Inherit"/>
        <family val="2"/>
      </rPr>
      <t>-1-benzothiopyran-2-one</t>
    </r>
  </si>
  <si>
    <r>
      <t>(1</t>
    </r>
    <r>
      <rPr>
        <i/>
        <sz val="10"/>
        <rFont val="Inherit"/>
        <family val="2"/>
      </rPr>
      <t>E</t>
    </r>
    <r>
      <rPr>
        <sz val="10"/>
        <rFont val="Inherit"/>
        <family val="2"/>
      </rPr>
      <t>)-</t>
    </r>
    <r>
      <rPr>
        <i/>
        <sz val="10"/>
        <rFont val="Inherit"/>
        <family val="2"/>
      </rPr>
      <t>N</t>
    </r>
    <r>
      <rPr>
        <sz val="10"/>
        <rFont val="Inherit"/>
        <family val="2"/>
      </rPr>
      <t>-[4-chloro-2-(trifluoromethyl)phenyl]-1-(1</t>
    </r>
    <r>
      <rPr>
        <i/>
        <sz val="10"/>
        <rFont val="Inherit"/>
        <family val="2"/>
      </rPr>
      <t>H</t>
    </r>
    <r>
      <rPr>
        <sz val="10"/>
        <rFont val="Inherit"/>
        <family val="2"/>
      </rPr>
      <t>-imidazol-1-yl)-2-propoxyethanimine</t>
    </r>
  </si>
  <si>
    <r>
      <t>(2RS,3SR)-3-(2-chlorophenyl)-2-(4-fluorophenyl)-[(1</t>
    </r>
    <r>
      <rPr>
        <i/>
        <sz val="10"/>
        <rFont val="Inherit"/>
        <family val="2"/>
      </rPr>
      <t>H</t>
    </r>
    <r>
      <rPr>
        <sz val="10"/>
        <rFont val="Inherit"/>
        <family val="2"/>
      </rPr>
      <t>-1,2,4-triazol-1-yl)methyl]oxirane</t>
    </r>
  </si>
  <si>
    <r>
      <t>the top part (h</t>
    </r>
    <r>
      <rPr>
        <vertAlign val="subscript"/>
        <sz val="10"/>
        <rFont val="Inherit"/>
        <family val="2"/>
      </rPr>
      <t>1</t>
    </r>
    <r>
      <rPr>
        <sz val="10"/>
        <rFont val="Inherit"/>
        <family val="2"/>
      </rPr>
      <t> = 40 % H) shall include the letter ‘a’ in white, on a black background,</t>
    </r>
  </si>
  <si>
    <r>
      <t>the bottom part (h</t>
    </r>
    <r>
      <rPr>
        <vertAlign val="subscript"/>
        <sz val="10"/>
        <rFont val="Inherit"/>
        <family val="2"/>
      </rPr>
      <t>2</t>
    </r>
    <r>
      <rPr>
        <sz val="10"/>
        <rFont val="Inherit"/>
        <family val="2"/>
      </rPr>
      <t>= 60 % H) shall include the standard wording in white and/or black, on a red background, and shall be clearly legible;</t>
    </r>
  </si>
  <si>
    <r>
      <t>C</t>
    </r>
    <r>
      <rPr>
        <vertAlign val="subscript"/>
        <sz val="7"/>
        <rFont val="Inherit"/>
        <family val="2"/>
      </rPr>
      <t>39</t>
    </r>
    <r>
      <rPr>
        <sz val="10"/>
        <rFont val="Inherit"/>
        <family val="2"/>
      </rPr>
      <t>H</t>
    </r>
    <r>
      <rPr>
        <vertAlign val="subscript"/>
        <sz val="7"/>
        <rFont val="Inherit"/>
        <family val="2"/>
      </rPr>
      <t>23</t>
    </r>
    <r>
      <rPr>
        <sz val="10"/>
        <rFont val="Inherit"/>
        <family val="2"/>
      </rPr>
      <t>ClCrN</t>
    </r>
    <r>
      <rPr>
        <vertAlign val="subscript"/>
        <sz val="7"/>
        <rFont val="Inherit"/>
        <family val="2"/>
      </rPr>
      <t>7</t>
    </r>
    <r>
      <rPr>
        <sz val="10"/>
        <rFont val="Inherit"/>
        <family val="2"/>
      </rPr>
      <t>O</t>
    </r>
    <r>
      <rPr>
        <vertAlign val="subscript"/>
        <sz val="7"/>
        <rFont val="Inherit"/>
        <family val="2"/>
      </rPr>
      <t>12</t>
    </r>
    <r>
      <rPr>
        <sz val="10"/>
        <rFont val="Inherit"/>
        <family val="2"/>
      </rPr>
      <t>S.2Na</t>
    </r>
  </si>
  <si>
    <r>
      <t>C</t>
    </r>
    <r>
      <rPr>
        <vertAlign val="subscript"/>
        <sz val="7"/>
        <rFont val="Inherit"/>
        <family val="2"/>
      </rPr>
      <t>46</t>
    </r>
    <r>
      <rPr>
        <sz val="10"/>
        <rFont val="Inherit"/>
        <family val="2"/>
      </rPr>
      <t>H</t>
    </r>
    <r>
      <rPr>
        <vertAlign val="subscript"/>
        <sz val="7"/>
        <rFont val="Inherit"/>
        <family val="2"/>
      </rPr>
      <t>30</t>
    </r>
    <r>
      <rPr>
        <sz val="10"/>
        <rFont val="Inherit"/>
        <family val="2"/>
      </rPr>
      <t>CrN</t>
    </r>
    <r>
      <rPr>
        <vertAlign val="subscript"/>
        <sz val="7"/>
        <rFont val="Inherit"/>
        <family val="2"/>
      </rPr>
      <t>10</t>
    </r>
    <r>
      <rPr>
        <sz val="10"/>
        <rFont val="Inherit"/>
        <family val="2"/>
      </rPr>
      <t>O</t>
    </r>
    <r>
      <rPr>
        <vertAlign val="subscript"/>
        <sz val="7"/>
        <rFont val="Inherit"/>
        <family val="2"/>
      </rPr>
      <t>20</t>
    </r>
    <r>
      <rPr>
        <sz val="10"/>
        <rFont val="Inherit"/>
        <family val="2"/>
      </rPr>
      <t>S</t>
    </r>
    <r>
      <rPr>
        <vertAlign val="subscript"/>
        <sz val="7"/>
        <rFont val="Inherit"/>
        <family val="2"/>
      </rPr>
      <t>2</t>
    </r>
    <r>
      <rPr>
        <sz val="10"/>
        <rFont val="Inherit"/>
        <family val="2"/>
      </rPr>
      <t>.3Na</t>
    </r>
  </si>
  <si>
    <r>
      <t>Detergents as defined by Regulation (EC) No 648/2004 of the European Parliament and of the Council </t>
    </r>
    <r>
      <rPr>
        <sz val="11"/>
        <rFont val="ＭＳ Ｐゴシック"/>
        <family val="3"/>
        <charset val="128"/>
      </rPr>
      <t>(1). The derogation shall apply until 1 June 2013.</t>
    </r>
  </si>
  <si>
    <r>
      <t>(a)  Sodium perborate; perboric acid, sodium salt; perboric acid, sodium salt, monohydrate; sodium peroxometaborate; perboric acid (HBO(O</t>
    </r>
    <r>
      <rPr>
        <vertAlign val="subscript"/>
        <sz val="7"/>
        <rFont val="Inherit"/>
        <family val="2"/>
      </rPr>
      <t>2</t>
    </r>
    <r>
      <rPr>
        <sz val="10"/>
        <rFont val="Inherit"/>
        <family val="2"/>
      </rPr>
      <t>)), sodium salt, monohydrate; sodium peroxoborate</t>
    </r>
  </si>
  <si>
    <r>
      <t>(b)  Perboric acid (H</t>
    </r>
    <r>
      <rPr>
        <vertAlign val="subscript"/>
        <sz val="7"/>
        <rFont val="Inherit"/>
        <family val="2"/>
      </rPr>
      <t>3</t>
    </r>
    <r>
      <rPr>
        <sz val="10"/>
        <rFont val="Inherit"/>
        <family val="2"/>
      </rPr>
      <t>BO</t>
    </r>
    <r>
      <rPr>
        <vertAlign val="subscript"/>
        <sz val="7"/>
        <rFont val="Inherit"/>
        <family val="2"/>
      </rPr>
      <t>2</t>
    </r>
    <r>
      <rPr>
        <sz val="10"/>
        <rFont val="Inherit"/>
        <family val="2"/>
      </rPr>
      <t>(O</t>
    </r>
    <r>
      <rPr>
        <vertAlign val="subscript"/>
        <sz val="7"/>
        <rFont val="Inherit"/>
        <family val="2"/>
      </rPr>
      <t>2</t>
    </r>
    <r>
      <rPr>
        <sz val="10"/>
        <rFont val="Inherit"/>
        <family val="2"/>
      </rPr>
      <t>)), monosodium salt trihydrate; perboric acid, sodium salt, tetrahydrate; perboric acid (HBO(O</t>
    </r>
    <r>
      <rPr>
        <vertAlign val="subscript"/>
        <sz val="7"/>
        <rFont val="Inherit"/>
        <family val="2"/>
      </rPr>
      <t>2</t>
    </r>
    <r>
      <rPr>
        <sz val="10"/>
        <rFont val="Inherit"/>
        <family val="2"/>
      </rPr>
      <t>)), sodium salt, tetrahydrate; sodium peroxoborate hexahydrate</t>
    </r>
  </si>
  <si>
    <r>
      <t>(</t>
    </r>
    <r>
      <rPr>
        <vertAlign val="superscript"/>
        <sz val="7"/>
        <rFont val="Inherit"/>
        <family val="2"/>
      </rPr>
      <t>1</t>
    </r>
    <r>
      <rPr>
        <sz val="10"/>
        <rFont val="Inherit"/>
        <family val="2"/>
      </rPr>
      <t>)   </t>
    </r>
  </si>
  <si>
    <r>
      <t>Benz[</t>
    </r>
    <r>
      <rPr>
        <i/>
        <sz val="10"/>
        <rFont val="Inherit"/>
        <family val="2"/>
      </rPr>
      <t>a</t>
    </r>
    <r>
      <rPr>
        <sz val="10"/>
        <rFont val="Inherit"/>
        <family val="2"/>
      </rPr>
      <t>]anthracene</t>
    </r>
  </si>
  <si>
    <r>
      <t>Benz[</t>
    </r>
    <r>
      <rPr>
        <i/>
        <sz val="10"/>
        <rFont val="Inherit"/>
        <family val="2"/>
      </rPr>
      <t>e</t>
    </r>
    <r>
      <rPr>
        <sz val="10"/>
        <rFont val="Inherit"/>
        <family val="2"/>
      </rPr>
      <t>]acephenanthrylene</t>
    </r>
  </si>
  <si>
    <r>
      <t>benzo[</t>
    </r>
    <r>
      <rPr>
        <i/>
        <sz val="10"/>
        <rFont val="Inherit"/>
        <family val="2"/>
      </rPr>
      <t>a</t>
    </r>
    <r>
      <rPr>
        <sz val="10"/>
        <rFont val="Inherit"/>
        <family val="2"/>
      </rPr>
      <t>]pyrene; benzo[</t>
    </r>
    <r>
      <rPr>
        <i/>
        <sz val="10"/>
        <rFont val="Inherit"/>
        <family val="2"/>
      </rPr>
      <t>def</t>
    </r>
    <r>
      <rPr>
        <sz val="10"/>
        <rFont val="Inherit"/>
        <family val="2"/>
      </rPr>
      <t>]chrysene</t>
    </r>
  </si>
  <si>
    <r>
      <t>Benzo[</t>
    </r>
    <r>
      <rPr>
        <i/>
        <sz val="10"/>
        <rFont val="Inherit"/>
        <family val="2"/>
      </rPr>
      <t>e</t>
    </r>
    <r>
      <rPr>
        <sz val="10"/>
        <rFont val="Inherit"/>
        <family val="2"/>
      </rPr>
      <t>]pyrene</t>
    </r>
  </si>
  <si>
    <r>
      <t>Benzo[</t>
    </r>
    <r>
      <rPr>
        <i/>
        <sz val="10"/>
        <rFont val="Inherit"/>
        <family val="2"/>
      </rPr>
      <t>j</t>
    </r>
    <r>
      <rPr>
        <sz val="10"/>
        <rFont val="Inherit"/>
        <family val="2"/>
      </rPr>
      <t>]fluoranthene</t>
    </r>
  </si>
  <si>
    <r>
      <t>Benzo[</t>
    </r>
    <r>
      <rPr>
        <i/>
        <sz val="10"/>
        <rFont val="Inherit"/>
        <family val="2"/>
      </rPr>
      <t>k</t>
    </r>
    <r>
      <rPr>
        <sz val="10"/>
        <rFont val="Inherit"/>
        <family val="2"/>
      </rPr>
      <t>]fluoranthene</t>
    </r>
  </si>
  <si>
    <r>
      <t>Dibenz[</t>
    </r>
    <r>
      <rPr>
        <i/>
        <sz val="10"/>
        <rFont val="Inherit"/>
        <family val="2"/>
      </rPr>
      <t>a,h</t>
    </r>
    <r>
      <rPr>
        <sz val="10"/>
        <rFont val="Inherit"/>
        <family val="2"/>
      </rPr>
      <t>]anthracene</t>
    </r>
  </si>
  <si>
    <r>
      <t>α, α,α</t>
    </r>
    <r>
      <rPr>
        <sz val="10"/>
        <rFont val="Inherit"/>
        <family val="2"/>
      </rPr>
      <t>,4-tetrachlorotoluene; p-chlorobenzotrichloride</t>
    </r>
  </si>
  <si>
    <r>
      <t>α, α,α</t>
    </r>
    <r>
      <rPr>
        <sz val="10"/>
        <rFont val="Inherit"/>
        <family val="2"/>
      </rPr>
      <t>-trichlorotoluene; benzotrichloride</t>
    </r>
  </si>
  <si>
    <r>
      <t>α</t>
    </r>
    <r>
      <rPr>
        <sz val="10"/>
        <rFont val="Inherit"/>
        <family val="2"/>
      </rPr>
      <t>-chlorotoluene; benzyl chloride</t>
    </r>
  </si>
  <si>
    <r>
      <t>Di-</t>
    </r>
    <r>
      <rPr>
        <i/>
        <sz val="10"/>
        <rFont val="Inherit"/>
        <family val="2"/>
      </rPr>
      <t>n</t>
    </r>
    <r>
      <rPr>
        <sz val="10"/>
        <rFont val="Inherit"/>
        <family val="2"/>
      </rPr>
      <t>-pentyl phthalate (DPP)</t>
    </r>
  </si>
  <si>
    <r>
      <t>Di-</t>
    </r>
    <r>
      <rPr>
        <i/>
        <sz val="10"/>
        <rFont val="Inherit"/>
        <family val="2"/>
      </rPr>
      <t>n</t>
    </r>
    <r>
      <rPr>
        <sz val="10"/>
        <rFont val="Inherit"/>
        <family val="2"/>
      </rPr>
      <t>-hexyl phthalate (DnHP)</t>
    </r>
  </si>
  <si>
    <r>
      <t>N</t>
    </r>
    <r>
      <rPr>
        <sz val="10"/>
        <rFont val="Inherit"/>
        <family val="2"/>
      </rPr>
      <t>-methyl-2-pyrrolidone; 1-methyl-2-pyrrolidone (NMP)</t>
    </r>
  </si>
  <si>
    <r>
      <t>N,N</t>
    </r>
    <r>
      <rPr>
        <sz val="10"/>
        <rFont val="Inherit"/>
        <family val="2"/>
      </rPr>
      <t>-dimethylacetamide (DMAC)</t>
    </r>
  </si>
  <si>
    <r>
      <t>N,N</t>
    </r>
    <r>
      <rPr>
        <sz val="10"/>
        <rFont val="Inherit"/>
        <family val="2"/>
      </rPr>
      <t>-dimethylformamide; dimethyl formamide (DMF)</t>
    </r>
  </si>
  <si>
    <r>
      <t>[4-[4,4′-bis(dimethylamino)benzhydrylidene]cyclohex</t>
    </r>
    <r>
      <rPr>
        <i/>
        <sz val="10"/>
        <rFont val="Inherit"/>
        <family val="2"/>
      </rPr>
      <t>a</t>
    </r>
    <r>
      <rPr>
        <sz val="10"/>
        <rFont val="Inherit"/>
        <family val="2"/>
      </rPr>
      <t>-2,5-dien-1-ylidene]dimethylammonium chloride; C.I. Basic Violet 3 with ≥ 0,1 % of Michler's ketone (EC no. 202-027-5)</t>
    </r>
  </si>
  <si>
    <r>
      <t>4-chloro-</t>
    </r>
    <r>
      <rPr>
        <i/>
        <sz val="10"/>
        <rFont val="Inherit"/>
        <family val="2"/>
      </rPr>
      <t>o</t>
    </r>
    <r>
      <rPr>
        <sz val="10"/>
        <rFont val="Inherit"/>
        <family val="2"/>
      </rPr>
      <t>-toluidinium chloride</t>
    </r>
  </si>
  <si>
    <r>
      <t>4-methoxy-</t>
    </r>
    <r>
      <rPr>
        <i/>
        <sz val="10"/>
        <rFont val="Inherit"/>
        <family val="2"/>
      </rPr>
      <t>m</t>
    </r>
    <r>
      <rPr>
        <sz val="10"/>
        <rFont val="Inherit"/>
        <family val="2"/>
      </rPr>
      <t>-phenylene diammonium sulphate; 2,4-diaminoanisole sulphate</t>
    </r>
  </si>
  <si>
    <r>
      <t>(</t>
    </r>
    <r>
      <rPr>
        <sz val="11"/>
        <rFont val="ＭＳ Ｐゴシック"/>
        <family val="3"/>
        <charset val="128"/>
      </rPr>
      <t> 1 ) OJ L 159, 29.6.1996, p. 1.</t>
    </r>
  </si>
  <si>
    <r>
      <t>(</t>
    </r>
    <r>
      <rPr>
        <sz val="11"/>
        <rFont val="ＭＳ Ｐゴシック"/>
        <family val="3"/>
        <charset val="128"/>
      </rPr>
      <t> 2 ) OJ L 114, 27.4.2006, p. 9.</t>
    </r>
  </si>
  <si>
    <r>
      <t>(</t>
    </r>
    <r>
      <rPr>
        <sz val="11"/>
        <rFont val="ＭＳ Ｐゴシック"/>
        <family val="3"/>
        <charset val="128"/>
      </rPr>
      <t> 3 ) OJ L 183, 29.6.1989, p. 1. Directive as amended by Regulation (EC) No 1882/2003.</t>
    </r>
  </si>
  <si>
    <r>
      <t>(</t>
    </r>
    <r>
      <rPr>
        <sz val="11"/>
        <rFont val="ＭＳ Ｐゴシック"/>
        <family val="3"/>
        <charset val="128"/>
      </rPr>
      <t> 4 ) OJ L 257, 10.10.1996, p. 26. Directive as last amended by Regulation (EC) No 166/2006 of the European Parliament and of the Council (OJ L 33, 4.2.2006, p. 1).</t>
    </r>
  </si>
  <si>
    <r>
      <t>(</t>
    </r>
    <r>
      <rPr>
        <sz val="11"/>
        <rFont val="ＭＳ Ｐゴシック"/>
        <family val="3"/>
        <charset val="128"/>
      </rPr>
      <t> 5 ) OJ L 327, 22.12.2000, p. 1. Directive as amended by Decision No 2455/2001/EC (OJ L 331, 15.12.2001, p. 1).</t>
    </r>
  </si>
  <si>
    <r>
      <t>(</t>
    </r>
    <r>
      <rPr>
        <sz val="11"/>
        <rFont val="ＭＳ Ｐゴシック"/>
        <family val="3"/>
        <charset val="128"/>
      </rPr>
      <t> 6 ) OJ L 311, 28.11.2001, p. 1. Directive as last amended by Directive 2004/28/EC (OJ L 136, 30.4.2004, p. 58).</t>
    </r>
  </si>
  <si>
    <r>
      <t>(</t>
    </r>
    <r>
      <rPr>
        <sz val="11"/>
        <rFont val="ＭＳ Ｐゴシック"/>
        <family val="3"/>
        <charset val="128"/>
      </rPr>
      <t> 7 ) OJ L 311, 28.11.2001, p. 67. Directive as last amended by Regulation (EC) No 1901/2006.</t>
    </r>
  </si>
  <si>
    <r>
      <t>(</t>
    </r>
    <r>
      <rPr>
        <sz val="11"/>
        <rFont val="ＭＳ Ｐゴシック"/>
        <family val="3"/>
        <charset val="128"/>
      </rPr>
      <t> 8 ) OJ L 40, 11.2.1989, p. 27. Directive as last amended by Regulation (EC) No 1882/2003.</t>
    </r>
  </si>
  <si>
    <r>
      <t>(</t>
    </r>
    <r>
      <rPr>
        <sz val="11"/>
        <rFont val="ＭＳ Ｐゴシック"/>
        <family val="3"/>
        <charset val="128"/>
      </rPr>
      <t> 9 ) OJ L 184, 15.7.1988, p. 61. Directive as last amended by Regulation (EC) No 1882/2003.</t>
    </r>
  </si>
  <si>
    <r>
      <t>(</t>
    </r>
    <r>
      <rPr>
        <sz val="11"/>
        <rFont val="ＭＳ Ｐゴシック"/>
        <family val="3"/>
        <charset val="128"/>
      </rPr>
      <t> 10 ) OJ L 84, 27.3.1999, p. 1. Decision as last amended by Decision 2006/253/EC (OJ L 91, 29.3.2006, p. 48).</t>
    </r>
  </si>
  <si>
    <r>
      <t>(</t>
    </r>
    <r>
      <rPr>
        <sz val="11"/>
        <rFont val="ＭＳ Ｐゴシック"/>
        <family val="3"/>
        <charset val="128"/>
      </rPr>
      <t> 11 ) OJ L 268, 18.10.2003, p. 29. Regulation as amended by Commission Regulation (EC) No 378/2005 (OJ L 59, 5.3.2005, p. 8).</t>
    </r>
  </si>
  <si>
    <r>
      <t>(</t>
    </r>
    <r>
      <rPr>
        <sz val="11"/>
        <rFont val="ＭＳ Ｐゴシック"/>
        <family val="3"/>
        <charset val="128"/>
      </rPr>
      <t> 12 ) OJ L 213, 21.7.1982, p. 8. Directive as last amended by Commission Directive 2004/116/EC (OJ L 379, 24.12.2004, p. 81).</t>
    </r>
  </si>
  <si>
    <r>
      <t>(</t>
    </r>
    <r>
      <rPr>
        <sz val="11"/>
        <rFont val="ＭＳ Ｐゴシック"/>
        <family val="3"/>
        <charset val="128"/>
      </rPr>
      <t> 13 ) OJ L 124, 20.5.2003, p. 36.</t>
    </r>
  </si>
  <si>
    <r>
      <t>(</t>
    </r>
    <r>
      <rPr>
        <sz val="11"/>
        <rFont val="ＭＳ Ｐゴシック"/>
        <family val="3"/>
        <charset val="128"/>
      </rPr>
      <t> 14 ) OJ L 338, 13.11.2004, p. 4.</t>
    </r>
  </si>
  <si>
    <r>
      <t>(</t>
    </r>
    <r>
      <rPr>
        <sz val="11"/>
        <rFont val="ＭＳ Ｐゴシック"/>
        <family val="3"/>
        <charset val="128"/>
      </rPr>
      <t> 15 ) Council Directive 91/414/EEC of 15 July 1991 concerning the placing of plant protection products on the market (OJ L 230, 19.8.1991, p. 1). Directive as last amended by Commission Directive 2006/136/EC (OJ L 349, 12.12.2006, p. 42).</t>
    </r>
  </si>
  <si>
    <r>
      <t>(</t>
    </r>
    <r>
      <rPr>
        <sz val="11"/>
        <rFont val="ＭＳ Ｐゴシック"/>
        <family val="3"/>
        <charset val="128"/>
      </rPr>
      <t> 19 ) Commission Decision 2003/565/EC of 25 July 2003 extending the time period provided for in Article 8(2) of Council Directive 91/414/EEC (OJ L 192, 31.7.2003, p. 40).</t>
    </r>
  </si>
  <si>
    <r>
      <t>(</t>
    </r>
    <r>
      <rPr>
        <sz val="11"/>
        <rFont val="ＭＳ Ｐゴシック"/>
        <family val="3"/>
        <charset val="128"/>
      </rPr>
      <t> 20 ) OJ L 123, 24.4.1998, p. 1. Directive as last amended by Commission Directive 2006/140/EC (OJ L 414, 30.12.2006, p. 78).</t>
    </r>
  </si>
  <si>
    <r>
      <t>(</t>
    </r>
    <r>
      <rPr>
        <sz val="11"/>
        <rFont val="ＭＳ Ｐゴシック"/>
        <family val="3"/>
        <charset val="128"/>
      </rPr>
      <t> 21 ) OJ L 307, 24.11.2003, p. 1. Regulation as last amended by Regulation (EC) No 1849/2006 (OJ L 355, 15.12.2006, p. 63).</t>
    </r>
  </si>
  <si>
    <r>
      <t>(</t>
    </r>
    <r>
      <rPr>
        <sz val="11"/>
        <rFont val="ＭＳ Ｐゴシック"/>
        <family val="3"/>
        <charset val="128"/>
      </rPr>
      <t> 22 ) OJ L 350, 28.12.1998, p. 58. Directive as amended by Regulation (EC) No 1882/2003.</t>
    </r>
  </si>
  <si>
    <r>
      <t>(</t>
    </r>
    <r>
      <rPr>
        <sz val="11"/>
        <rFont val="ＭＳ Ｐゴシック"/>
        <family val="3"/>
        <charset val="128"/>
      </rPr>
      <t> 23 ) OJ L 189, 20.7.1990, p. 17. Directive as last amended by Regulation (EC) No 1882/2003.</t>
    </r>
  </si>
  <si>
    <r>
      <t>(</t>
    </r>
    <r>
      <rPr>
        <sz val="11"/>
        <rFont val="ＭＳ Ｐゴシック"/>
        <family val="3"/>
        <charset val="128"/>
      </rPr>
      <t> 24 ) OJ L 169, 12.7.1993, p. 1. Directive as last amended by Regulation (EC) No 1882/2003.</t>
    </r>
  </si>
  <si>
    <r>
      <t>(</t>
    </r>
    <r>
      <rPr>
        <sz val="11"/>
        <rFont val="ＭＳ Ｐゴシック"/>
        <family val="3"/>
        <charset val="128"/>
      </rPr>
      <t> 25 ) OJ L 331, 7.12.1998, p. 1. Directive as last amended by Regulation (EC) No 1882/2003.</t>
    </r>
  </si>
  <si>
    <r>
      <t>(</t>
    </r>
    <r>
      <rPr>
        <sz val="11"/>
        <rFont val="ＭＳ Ｐゴシック"/>
        <family val="3"/>
        <charset val="128"/>
      </rPr>
      <t> 26 ) OJ L 158, 30.4.2004, p. 7, corrected in OJ L 229, 29.6.2004, p. 5. Regulation as amended by Council Regulation (EC) No 1195/2006 (OJ L 217, 8.8.2006, p. 1).</t>
    </r>
  </si>
  <si>
    <r>
      <t>(</t>
    </r>
    <r>
      <rPr>
        <sz val="11"/>
        <rFont val="ＭＳ Ｐゴシック"/>
        <family val="3"/>
        <charset val="128"/>
      </rPr>
      <t> 27 ) OJ L 248, 16.9.2002, p. 1. Regulation as amended by Regulation (EC, Euratom) No 1995/2006 (OJ L 390, 30.12.2006, p. 1).</t>
    </r>
  </si>
  <si>
    <r>
      <t>(</t>
    </r>
    <r>
      <rPr>
        <sz val="11"/>
        <rFont val="ＭＳ Ｐゴシック"/>
        <family val="3"/>
        <charset val="128"/>
      </rPr>
      <t> 28 ) OJ L 136, 31.5.1999, p. 1.</t>
    </r>
  </si>
  <si>
    <r>
      <t>(</t>
    </r>
    <r>
      <rPr>
        <sz val="11"/>
        <rFont val="ＭＳ Ｐゴシック"/>
        <family val="3"/>
        <charset val="128"/>
      </rPr>
      <t> 29 ) OJ L 136, 31.5.1999, p. 15.</t>
    </r>
  </si>
  <si>
    <r>
      <t>(</t>
    </r>
    <r>
      <rPr>
        <sz val="11"/>
        <rFont val="ＭＳ Ｐゴシック"/>
        <family val="3"/>
        <charset val="128"/>
      </rPr>
      <t> 30 ) OJ 17, 6.10.1958, p. 385/58. Regulation as last amended by Council Regulation (EC) No 920/2005 (OJ L 156, 18.6.2005, p. 3).</t>
    </r>
  </si>
  <si>
    <r>
      <t>(</t>
    </r>
    <r>
      <rPr>
        <sz val="11"/>
        <rFont val="ＭＳ Ｐゴシック"/>
        <family val="3"/>
        <charset val="128"/>
      </rPr>
      <t> 31 ) OJ L 63, 6.3.2003, p. 1. Regulation as last amended by Commission Regulation (EC) No 777/2006 (OJ L 136, 24.5.2006, p. 9).</t>
    </r>
  </si>
  <si>
    <r>
      <t>(</t>
    </r>
    <r>
      <rPr>
        <sz val="11"/>
        <rFont val="ＭＳ Ｐゴシック"/>
        <family val="3"/>
        <charset val="128"/>
      </rPr>
      <t> 33 ) Marpol – Consolidated edition 2006, London, IMO 2007, ISBN 978-92-801-4216-7.</t>
    </r>
  </si>
  <si>
    <r>
      <t>(</t>
    </r>
    <r>
      <rPr>
        <sz val="11"/>
        <rFont val="ＭＳ Ｐゴシック"/>
        <family val="3"/>
        <charset val="128"/>
      </rPr>
      <t> 34 ) Council Directive 80/181/EEC of 20 December 1979 on the approximation of the laws of the Member States relating to units of measurement and on the repeal of Directive 71/354/EEC (OJ L 39, 15.2.1980, p. 40).</t>
    </r>
  </si>
  <si>
    <r>
      <t>(</t>
    </r>
    <r>
      <rPr>
        <sz val="11"/>
        <rFont val="ＭＳ Ｐゴシック"/>
        <family val="3"/>
        <charset val="128"/>
      </rPr>
      <t> 36 ) Commission Regulation (EU) 2018/605 of 19 April 2018 amending Annex II to Regulation (EC) No 1107/2009 by setting out scientific criteria for the determination of endocrine disrupting properties (OJ L 101, 20.4.2018, p. 33).</t>
    </r>
  </si>
  <si>
    <r>
      <t>(</t>
    </r>
    <r>
      <rPr>
        <sz val="11"/>
        <rFont val="ＭＳ Ｐゴシック"/>
        <family val="3"/>
        <charset val="128"/>
      </rPr>
      <t> 37 ) Commission Decision 2014/113/EU of 3 March 2014 on setting up a Scientific Committee on Occupational Exposure Limits for Chemical Agents and repealing Decision 95/320/EC (OJ L 62, 4.3.2014, p. 18).</t>
    </r>
  </si>
  <si>
    <r>
      <t>(</t>
    </r>
    <r>
      <rPr>
        <sz val="11"/>
        <rFont val="ＭＳ Ｐゴシック"/>
        <family val="3"/>
        <charset val="128"/>
      </rPr>
      <t> 38 ) Regulation (EU) 2016/425 of the European Parliament and of the Council of 9 March 2016 on personal protective equipment and repealing Council Directive 89/686/EEC (OJ L 81, 31.3.2016, p. 51).</t>
    </r>
  </si>
  <si>
    <r>
      <t>(</t>
    </r>
    <r>
      <rPr>
        <sz val="11"/>
        <rFont val="ＭＳ Ｐゴシック"/>
        <family val="3"/>
        <charset val="128"/>
      </rPr>
      <t> 39 ) Note: The term ‘explosion limit’ is synonymous to ‘flammability limit’, used outside the Union.</t>
    </r>
  </si>
  <si>
    <r>
      <t>(</t>
    </r>
    <r>
      <rPr>
        <sz val="11"/>
        <rFont val="ＭＳ Ｐゴシック"/>
        <family val="3"/>
        <charset val="128"/>
      </rPr>
      <t> 40 ) Directive 2008/98/EC of the European Parliament and of the Council of 19 November 2008 on waste and repealing certain Directives (OJ L 312, 22.11.2008, p. 3).</t>
    </r>
  </si>
  <si>
    <r>
      <t>(</t>
    </r>
    <r>
      <rPr>
        <sz val="11"/>
        <rFont val="ＭＳ Ｐゴシック"/>
        <family val="3"/>
        <charset val="128"/>
      </rPr>
      <t> 41 ) Directive 2008/68/EC of the European Parliament and of the Council of 24 September 2008 on the inland transport of dangerous goods (OJ L 260, 30.9.2008, p. 13).</t>
    </r>
  </si>
  <si>
    <r>
      <t>(</t>
    </r>
    <r>
      <rPr>
        <sz val="11"/>
        <rFont val="ＭＳ Ｐゴシック"/>
        <family val="3"/>
        <charset val="128"/>
      </rPr>
      <t> 42 ) Compliance with the IMDG Code is mandatory for the carriage of packaged dangerous goods by sea as provided for in Chapter VII/Reg. 3 of SOLAS and MARPOL Annex III Prevention of Pollution by Harmful Substances Carried by Sea in Packaged Form.</t>
    </r>
  </si>
  <si>
    <r>
      <t>(</t>
    </r>
    <r>
      <rPr>
        <sz val="11"/>
        <rFont val="ＭＳ Ｐゴシック"/>
        <family val="3"/>
        <charset val="128"/>
      </rPr>
      <t> 44 ) IATA, 2007-2008 edition.</t>
    </r>
  </si>
  <si>
    <r>
      <t>(</t>
    </r>
    <r>
      <rPr>
        <sz val="11"/>
        <rFont val="ＭＳ Ｐゴシック"/>
        <family val="3"/>
        <charset val="128"/>
      </rPr>
      <t> 45 ) SOLAS means the International Convention for the Safety of Life at Sea, 1974, as amended.</t>
    </r>
  </si>
  <si>
    <r>
      <t>(</t>
    </r>
    <r>
      <rPr>
        <sz val="11"/>
        <rFont val="ＭＳ Ｐゴシック"/>
        <family val="3"/>
        <charset val="128"/>
      </rPr>
      <t> 46 ) IBC Code means the International Code for the Construction and Equipment of Ships carrying dangerous Chemicals in Bulk, as amended.</t>
    </r>
  </si>
  <si>
    <r>
      <t>(</t>
    </r>
    <r>
      <rPr>
        <sz val="11"/>
        <rFont val="ＭＳ Ｐゴシック"/>
        <family val="3"/>
        <charset val="128"/>
      </rPr>
      <t> 47 ) IMSBC Code means the International Maritime Solid Bulk Cargoes Code, as amended.</t>
    </r>
  </si>
  <si>
    <r>
      <t>(</t>
    </r>
    <r>
      <rPr>
        <sz val="11"/>
        <rFont val="ＭＳ Ｐゴシック"/>
        <family val="3"/>
        <charset val="128"/>
      </rPr>
      <t> 48 ) IGC Code means the International Code for the Construction and Equipment of Ships Carrying Liquefied Gases in Bulk, including applicable amendments in accordance with which the vessel has been certified.</t>
    </r>
  </si>
  <si>
    <r>
      <t>(</t>
    </r>
    <r>
      <rPr>
        <sz val="11"/>
        <rFont val="ＭＳ Ｐゴシック"/>
        <family val="3"/>
        <charset val="128"/>
      </rPr>
      <t> 49 ) EGC Code means the Code for Existing Ships Carrying Liquefied Gases in Bulk, as amended.</t>
    </r>
  </si>
  <si>
    <r>
      <t>(</t>
    </r>
    <r>
      <rPr>
        <sz val="11"/>
        <rFont val="ＭＳ Ｐゴシック"/>
        <family val="3"/>
        <charset val="128"/>
      </rPr>
      <t> 50 ) GC Code means the Code for the Construction and Equipment of Ships Carrying Liquefied Gases in Bulk (Gas Carrier Code), as amended.</t>
    </r>
  </si>
  <si>
    <r>
      <t>(</t>
    </r>
    <r>
      <rPr>
        <sz val="11"/>
        <rFont val="ＭＳ Ｐゴシック"/>
        <family val="3"/>
        <charset val="128"/>
      </rPr>
      <t> 51 ) MEPC.2/Circular, Provisional categorisation of liquid substances, version 19, effective 17 December 2013.</t>
    </r>
  </si>
  <si>
    <r>
      <t>(</t>
    </r>
    <r>
      <rPr>
        <sz val="11"/>
        <rFont val="ＭＳ Ｐゴシック"/>
        <family val="3"/>
        <charset val="128"/>
      </rPr>
      <t> 52 ) Directive 2002/59/EC of the European Parliament and of the Council of 27 June 2002 establishing a Community vessel traffic monitoring and information system and repealing Council Directive 93/75/EEC (OJ L 208, 5.8.2002, p. 10).</t>
    </r>
  </si>
  <si>
    <r>
      <t>(</t>
    </r>
    <r>
      <rPr>
        <sz val="11"/>
        <rFont val="ＭＳ Ｐゴシック"/>
        <family val="3"/>
        <charset val="128"/>
      </rPr>
      <t> 53 ) Materials hazardous only in bulk (MHB) means materials which may possess chemical hazards when carried in bulk other than materials classified as dangerous goods in the IMDG Code.</t>
    </r>
  </si>
  <si>
    <r>
      <t>(</t>
    </r>
    <r>
      <rPr>
        <sz val="11"/>
        <rFont val="ＭＳ Ｐゴシック"/>
        <family val="3"/>
        <charset val="128"/>
      </rPr>
      <t> 54 ) OJ L 286, 31.10.2009, p. 1.</t>
    </r>
  </si>
  <si>
    <r>
      <t>(</t>
    </r>
    <r>
      <rPr>
        <sz val="11"/>
        <rFont val="ＭＳ Ｐゴシック"/>
        <family val="3"/>
        <charset val="128"/>
      </rPr>
      <t> 55 ) OJ L 158, 30.4.2004, p. 7.</t>
    </r>
  </si>
  <si>
    <r>
      <t>(</t>
    </r>
    <r>
      <rPr>
        <sz val="11"/>
        <rFont val="ＭＳ Ｐゴシック"/>
        <family val="3"/>
        <charset val="128"/>
      </rPr>
      <t> 56 ) OJ L 201, 27.7.2012, p. 60.</t>
    </r>
  </si>
  <si>
    <r>
      <t>(</t>
    </r>
    <r>
      <rPr>
        <sz val="11"/>
        <rFont val="ＭＳ Ｐゴシック"/>
        <family val="3"/>
        <charset val="128"/>
      </rPr>
      <t> 57 ) OJ L 10, 14.1.1997, p. 13.</t>
    </r>
  </si>
  <si>
    <r>
      <t>(</t>
    </r>
    <r>
      <rPr>
        <sz val="11"/>
        <rFont val="ＭＳ Ｐゴシック"/>
        <family val="3"/>
        <charset val="128"/>
      </rPr>
      <t> 58 ) OJ L 275, 20.10.2011, p. 38.</t>
    </r>
  </si>
  <si>
    <r>
      <t>(</t>
    </r>
    <r>
      <rPr>
        <sz val="11"/>
        <rFont val="ＭＳ Ｐゴシック"/>
        <family val="3"/>
        <charset val="128"/>
      </rPr>
      <t> 59 ) This Annex shall apply to producers of articles that are required to register in accordance with Article 7 and to other downstream users that are required to carry out tests under this Regulation adapted as necessary.</t>
    </r>
  </si>
  <si>
    <r>
      <t>(</t>
    </r>
    <r>
      <rPr>
        <sz val="11"/>
        <rFont val="ＭＳ Ｐゴシック"/>
        <family val="3"/>
        <charset val="128"/>
      </rPr>
      <t> 60 ) Note: conditions for not requiring a specific test that are set out in the appropriate test methods in the Commission Regulation on test methods as specified in Article 13(3) that are not repeated in column 2, also apply.</t>
    </r>
  </si>
  <si>
    <r>
      <t>(</t>
    </r>
    <r>
      <rPr>
        <sz val="11"/>
        <rFont val="ＭＳ Ｐゴシック"/>
        <family val="3"/>
        <charset val="128"/>
      </rPr>
      <t> 61 ) This Annex shall apply to producers of articles that are required to register in accordance with Article 7 and to other downstream users that are required to carry out tests under this Regulation adapted as necessary.</t>
    </r>
  </si>
  <si>
    <r>
      <t>(</t>
    </r>
    <r>
      <rPr>
        <sz val="11"/>
        <rFont val="ＭＳ Ｐゴシック"/>
        <family val="3"/>
        <charset val="128"/>
      </rPr>
      <t> 62 ) Note: conditions for not requiring a specific test that are set out in the appropriate test methods in the Commission Regulation on test methods as specified in Article 13(3) that are not repeated in column 2, also apply.</t>
    </r>
  </si>
  <si>
    <r>
      <t>(</t>
    </r>
    <r>
      <rPr>
        <sz val="11"/>
        <rFont val="ＭＳ Ｐゴシック"/>
        <family val="3"/>
        <charset val="128"/>
      </rPr>
      <t> 63 ) This Annex shall apply to producers of articles that are required to register in accordance with Article 7 and to other downstream users that are required to carry out tests under this Regulation adapted as necessary.</t>
    </r>
  </si>
  <si>
    <r>
      <t>(</t>
    </r>
    <r>
      <rPr>
        <sz val="11"/>
        <rFont val="ＭＳ Ｐゴシック"/>
        <family val="3"/>
        <charset val="128"/>
      </rPr>
      <t> 64 ) Note: conditions for not requiring a specific test that are set out in the appropriate test methods in the Commission Regulation on test methods as specified in Article 13(3) that are not repeated in column 2, also apply.</t>
    </r>
  </si>
  <si>
    <r>
      <t>(</t>
    </r>
    <r>
      <rPr>
        <sz val="11"/>
        <rFont val="ＭＳ Ｐゴシック"/>
        <family val="3"/>
        <charset val="128"/>
      </rPr>
      <t> 65 ) This Annex shall apply to producers of articles that are required to register in accordance with Article 7 and to other downstream users that are required to carry out tests under this Regulation adapted as necessary.</t>
    </r>
  </si>
  <si>
    <r>
      <t>(</t>
    </r>
    <r>
      <rPr>
        <sz val="11"/>
        <rFont val="ＭＳ Ｐゴシック"/>
        <family val="3"/>
        <charset val="128"/>
      </rPr>
      <t> 66 ) Note: conditions for not requiring a specific test that are set out in the appropriate test methods in the Commission Regulation on test methods as specified in Article 13(3) that are not repeated in column 2, also apply.</t>
    </r>
  </si>
  <si>
    <r>
      <t>This Regulation shall enter into force on the twentieth day following that of its publication in the </t>
    </r>
    <r>
      <rPr>
        <i/>
        <sz val="10"/>
        <rFont val="Inherit"/>
        <family val="2"/>
      </rPr>
      <t>Official Journal of the European Union.</t>
    </r>
  </si>
  <si>
    <r>
      <t>—rows concerning cobalt, benzo[</t>
    </r>
    <r>
      <rPr>
        <i/>
        <sz val="10"/>
        <rFont val="Inherit"/>
        <family val="2"/>
      </rPr>
      <t>rst</t>
    </r>
    <r>
      <rPr>
        <sz val="10"/>
        <rFont val="Inherit"/>
        <family val="2"/>
      </rPr>
      <t>]pentaphene and dibenzo[</t>
    </r>
    <r>
      <rPr>
        <i/>
        <sz val="10"/>
        <rFont val="Inherit"/>
        <family val="2"/>
      </rPr>
      <t>b,def</t>
    </r>
    <r>
      <rPr>
        <sz val="10"/>
        <rFont val="Inherit"/>
        <family val="2"/>
      </rPr>
      <t>]chrysene; dibenzo[</t>
    </r>
    <r>
      <rPr>
        <i/>
        <sz val="10"/>
        <rFont val="Inherit"/>
        <family val="2"/>
      </rPr>
      <t>a,h</t>
    </r>
    <r>
      <rPr>
        <sz val="10"/>
        <rFont val="Inherit"/>
        <family val="2"/>
      </rPr>
      <t>]pyrene shall apply from 1 October 2021,</t>
    </r>
    <phoneticPr fontId="78"/>
  </si>
  <si>
    <r>
      <t>—rows concerning cobalt, ethylene oxide; oxirane, ethanol, 2,2'-iminobis-, </t>
    </r>
    <r>
      <rPr>
        <i/>
        <sz val="10"/>
        <rFont val="Inherit"/>
        <family val="2"/>
      </rPr>
      <t>N</t>
    </r>
    <r>
      <rPr>
        <sz val="10"/>
        <rFont val="Inherit"/>
        <family val="2"/>
      </rPr>
      <t>-(C13-15 branched and linear alkyl) derivs., diisohexyl phthalate, halosulfuron-methyl (ISO); methyl 3-chloro-5-{[(4,6dimethoxypyrimidin-2yl)carbamoyl]sulfamoyl}-1-methyl1H-pyrazole-4-carboxylate, 2-methylimidazole and dibutylbis(pentane-2,4-dionato-O,O’)tin shall apply from 1 October 2021,</t>
    </r>
    <phoneticPr fontId="78"/>
  </si>
  <si>
    <r>
      <t>—rows concerning 2-benzyl-2-dimethylamino-4'-morpholinobutyrophenone, propiconazole (ISO); (</t>
    </r>
    <r>
      <rPr>
        <i/>
        <sz val="10"/>
        <rFont val="Inherit"/>
        <family val="2"/>
      </rPr>
      <t>2RS,4RS;2RS,4SR</t>
    </r>
    <r>
      <rPr>
        <sz val="10"/>
        <rFont val="Inherit"/>
        <family val="2"/>
      </rPr>
      <t>)-1-{[2-(2,4-dichlorophenyl)-4-propyl-1,3-dioxolan-2-yl]methyl}-1H-1,2,4-triazole and 1-vinylimidazole shall apply from 5 July 2021.</t>
    </r>
    <phoneticPr fontId="78"/>
  </si>
  <si>
    <r>
      <t>‘</t>
    </r>
    <r>
      <rPr>
        <b/>
        <sz val="10"/>
        <rFont val="Inherit"/>
        <family val="2"/>
      </rPr>
      <t>Entry 28 – Carcinogens: Category 1</t>
    </r>
    <r>
      <rPr>
        <sz val="10"/>
        <rFont val="Inherit"/>
        <family val="2"/>
      </rPr>
      <t> </t>
    </r>
    <r>
      <rPr>
        <b/>
        <sz val="10"/>
        <rFont val="Inherit"/>
        <family val="2"/>
      </rPr>
      <t>A</t>
    </r>
    <r>
      <rPr>
        <sz val="10"/>
        <rFont val="Inherit"/>
        <family val="2"/>
      </rPr>
      <t>’.</t>
    </r>
  </si>
  <si>
    <r>
      <t>‘</t>
    </r>
    <r>
      <rPr>
        <b/>
        <sz val="10"/>
        <rFont val="Inherit"/>
        <family val="2"/>
      </rPr>
      <t>Entry 28 – Carcinogens: Category 1 B</t>
    </r>
    <r>
      <rPr>
        <sz val="10"/>
        <rFont val="Inherit"/>
        <family val="2"/>
      </rPr>
      <t>’;</t>
    </r>
  </si>
  <si>
    <r>
      <t>‘benzo[</t>
    </r>
    <r>
      <rPr>
        <i/>
        <sz val="10"/>
        <rFont val="Inherit"/>
        <family val="2"/>
      </rPr>
      <t>rst</t>
    </r>
    <r>
      <rPr>
        <sz val="10"/>
        <rFont val="Inherit"/>
        <family val="2"/>
      </rPr>
      <t>]pentaphene</t>
    </r>
  </si>
  <si>
    <r>
      <t>‘dibenzo[</t>
    </r>
    <r>
      <rPr>
        <i/>
        <sz val="10"/>
        <rFont val="Inherit"/>
        <family val="2"/>
      </rPr>
      <t>b,def</t>
    </r>
    <r>
      <rPr>
        <sz val="10"/>
        <rFont val="Inherit"/>
        <family val="2"/>
      </rPr>
      <t>]chrysene; dibenzo[</t>
    </r>
    <r>
      <rPr>
        <i/>
        <sz val="10"/>
        <rFont val="Inherit"/>
        <family val="2"/>
      </rPr>
      <t>a,h</t>
    </r>
    <r>
      <rPr>
        <sz val="10"/>
        <rFont val="Inherit"/>
        <family val="2"/>
      </rPr>
      <t>]pyrene</t>
    </r>
  </si>
  <si>
    <r>
      <t>‘</t>
    </r>
    <r>
      <rPr>
        <b/>
        <sz val="10"/>
        <rFont val="Inherit"/>
        <family val="2"/>
      </rPr>
      <t>Entry 29 – Germ cell mutagens: Category 1 A</t>
    </r>
    <r>
      <rPr>
        <sz val="10"/>
        <rFont val="Inherit"/>
        <family val="2"/>
      </rPr>
      <t>’.</t>
    </r>
  </si>
  <si>
    <r>
      <t>‘</t>
    </r>
    <r>
      <rPr>
        <b/>
        <sz val="10"/>
        <rFont val="Inherit"/>
        <family val="2"/>
      </rPr>
      <t>Entry 29 – Germ cell mutagens: Category 1 B</t>
    </r>
    <r>
      <rPr>
        <sz val="10"/>
        <rFont val="Inherit"/>
        <family val="2"/>
      </rPr>
      <t>’.</t>
    </r>
  </si>
  <si>
    <r>
      <t>‘</t>
    </r>
    <r>
      <rPr>
        <b/>
        <sz val="10"/>
        <rFont val="Inherit"/>
        <family val="2"/>
      </rPr>
      <t>Entry 30 – Reproductive toxicants: Category 1 A</t>
    </r>
    <r>
      <rPr>
        <sz val="10"/>
        <rFont val="Inherit"/>
        <family val="2"/>
      </rPr>
      <t>’;</t>
    </r>
  </si>
  <si>
    <r>
      <t>‘</t>
    </r>
    <r>
      <rPr>
        <b/>
        <sz val="10"/>
        <rFont val="Inherit"/>
        <family val="2"/>
      </rPr>
      <t>Entry 30 – Reproductive toxicants: Category 1 B</t>
    </r>
    <r>
      <rPr>
        <sz val="10"/>
        <rFont val="Inherit"/>
        <family val="2"/>
      </rPr>
      <t>’,</t>
    </r>
  </si>
  <si>
    <r>
      <t>‘ethanol, 2,2'-iminobis-, </t>
    </r>
    <r>
      <rPr>
        <i/>
        <sz val="10"/>
        <rFont val="Inherit"/>
        <family val="2"/>
      </rPr>
      <t>N</t>
    </r>
    <r>
      <rPr>
        <sz val="10"/>
        <rFont val="Inherit"/>
        <family val="2"/>
      </rPr>
      <t>-(C13-15 branched and linear alkyl) derivs.</t>
    </r>
  </si>
  <si>
    <r>
      <t>‘propiconazole (ISO); (</t>
    </r>
    <r>
      <rPr>
        <i/>
        <sz val="10"/>
        <rFont val="Inherit"/>
        <family val="2"/>
      </rPr>
      <t>2RS,4RS;2RS,4SR</t>
    </r>
    <r>
      <rPr>
        <sz val="10"/>
        <rFont val="Inherit"/>
        <family val="2"/>
      </rPr>
      <t>)-1-{[2-(2,4-dichlorophenyl)-4-propyl-1,3-dioxolan-2-yl]methyl}-1H-1,2,4-triazole</t>
    </r>
  </si>
  <si>
    <r>
      <t xml:space="preserve">(a) </t>
    </r>
    <r>
      <rPr>
        <i/>
        <sz val="11"/>
        <rFont val="Meiryo UI"/>
        <family val="3"/>
        <charset val="128"/>
      </rPr>
      <t>Chemical substance subject to this section.</t>
    </r>
    <r>
      <rPr>
        <sz val="11"/>
        <rFont val="Meiryo UI"/>
        <family val="3"/>
        <charset val="128"/>
      </rPr>
      <t xml:space="preserve"> The following chemical substance, referred to by its premanufacture notice number and generic chemical name, is subject to this section: P-84-529, mixed mono and diamides of an organic acid.</t>
    </r>
  </si>
  <si>
    <r>
      <t xml:space="preserve">(c) </t>
    </r>
    <r>
      <rPr>
        <i/>
        <sz val="11"/>
        <rFont val="Meiryo UI"/>
        <family val="3"/>
        <charset val="128"/>
      </rPr>
      <t>Use limitations.</t>
    </r>
    <r>
      <rPr>
        <sz val="11"/>
        <rFont val="Meiryo UI"/>
        <family val="3"/>
        <charset val="128"/>
      </rPr>
      <t xml:space="preserve"> (1) Any person producing a metalworking fluid, or a product which could be used in or as a metalworking fluid, which includes as one of its components P-84-529, is prohibited from adding any nitrosating agent to the metalworking fluid or product.</t>
    </r>
  </si>
  <si>
    <r>
      <t xml:space="preserve">(a) </t>
    </r>
    <r>
      <rPr>
        <i/>
        <sz val="11"/>
        <rFont val="Meiryo UI"/>
        <family val="3"/>
        <charset val="128"/>
      </rPr>
      <t>Chemical substance subject to this section.</t>
    </r>
    <r>
      <rPr>
        <sz val="11"/>
        <rFont val="Meiryo UI"/>
        <family val="3"/>
        <charset val="128"/>
      </rPr>
      <t xml:space="preserve"> The following chemical substance, referred to by its premanufacture notice number and generic chemical name, is subject to this section: P-84-310, triethanolamine salt of a substituted organic acid.</t>
    </r>
  </si>
  <si>
    <r>
      <t xml:space="preserve">(c) </t>
    </r>
    <r>
      <rPr>
        <i/>
        <sz val="11"/>
        <rFont val="Meiryo UI"/>
        <family val="3"/>
        <charset val="128"/>
      </rPr>
      <t>Use limitations.</t>
    </r>
    <r>
      <rPr>
        <sz val="11"/>
        <rFont val="Meiryo UI"/>
        <family val="3"/>
        <charset val="128"/>
      </rPr>
      <t xml:space="preserve"> (1) Any person producing a metalworking fluid, or a product which could be used in or as a metalworking fluid, which includes as one of its components P-84-310, is prohibited from adding any nitrosating agent to the metalworking fluid or product.</t>
    </r>
  </si>
  <si>
    <r>
      <t xml:space="preserve">(a) </t>
    </r>
    <r>
      <rPr>
        <i/>
        <sz val="11"/>
        <rFont val="Meiryo UI"/>
        <family val="3"/>
        <charset val="128"/>
      </rPr>
      <t>Chemical substances subject to this section.</t>
    </r>
    <r>
      <rPr>
        <sz val="11"/>
        <rFont val="Meiryo UI"/>
        <family val="3"/>
        <charset val="128"/>
      </rPr>
      <t xml:space="preserve"> The following chemical substances, referred to by their premanufacture notice numbers and generic chemical names, are subject to this section:</t>
    </r>
  </si>
  <si>
    <r>
      <t xml:space="preserve">(c) </t>
    </r>
    <r>
      <rPr>
        <i/>
        <sz val="11"/>
        <rFont val="Meiryo UI"/>
        <family val="3"/>
        <charset val="128"/>
      </rPr>
      <t>Use limitations.</t>
    </r>
    <r>
      <rPr>
        <sz val="11"/>
        <rFont val="Meiryo UI"/>
        <family val="3"/>
        <charset val="128"/>
      </rPr>
      <t xml:space="preserve"> (1) Any person producing a metalworking fluid, or a product which could be used in or as a metalworking fluid, which includes as one of its components P-83-1005 is prohibited from adding any nitrosating agent to the metalworking fluid or product.</t>
    </r>
  </si>
  <si>
    <r>
      <t xml:space="preserve">(a) </t>
    </r>
    <r>
      <rPr>
        <i/>
        <sz val="11"/>
        <rFont val="Meiryo UI"/>
        <family val="3"/>
        <charset val="128"/>
      </rPr>
      <t>Chemicals subject to this section.</t>
    </r>
    <r>
      <rPr>
        <sz val="11"/>
        <rFont val="Meiryo UI"/>
        <family val="3"/>
        <charset val="128"/>
      </rPr>
      <t xml:space="preserve"> Hexavalent chromium-based water treatment chemicals that contain hexavalent chromium, usually in the form of sodium dichromate (CAS No. 10588-01-9), are subject to this section. Other examples of hexavalent chromium compounds that can be used to treat water are: Chromic acid (CAS No. 7738-94-5), chromium trioxide (CAS No. 1333-83-0), dichromic acid (CAS No.13530-68-2), potassium chromate (CAS No. 7789-00-6), potassium dichromate (CAS No. 7778-50-9), sodium chromate (CAS No. 7775-11-3), zinc chromate (CAS No. 13530-65-9), zinc chromate hydroxide (CAS No. 153936-94-6), zinc dichromate (CAS No. 14018-95-2), and zinc potassium chromate (CAS No. 11103-86-9).</t>
    </r>
  </si>
  <si>
    <r>
      <t xml:space="preserve">(c) </t>
    </r>
    <r>
      <rPr>
        <i/>
        <sz val="11"/>
        <rFont val="Meiryo UI"/>
        <family val="3"/>
        <charset val="128"/>
      </rPr>
      <t>Applicability.</t>
    </r>
    <r>
      <rPr>
        <sz val="11"/>
        <rFont val="Meiryo UI"/>
        <family val="3"/>
        <charset val="128"/>
      </rPr>
      <t xml:space="preserve"> This section is applicable to use of hexavalent chromium-based water treatment chemicals in comfort cooling towers and to distribution in commerce of hexavalent chromium-based water treatment chemicals for use in cooling systems.</t>
    </r>
  </si>
  <si>
    <r>
      <t xml:space="preserve">(e) </t>
    </r>
    <r>
      <rPr>
        <i/>
        <sz val="11"/>
        <rFont val="Meiryo UI"/>
        <family val="3"/>
        <charset val="128"/>
      </rPr>
      <t>Prohibition of distribution in commerce and commercial use.</t>
    </r>
    <r>
      <rPr>
        <sz val="11"/>
        <rFont val="Meiryo UI"/>
        <family val="3"/>
        <charset val="128"/>
      </rPr>
      <t xml:space="preserve"> (1) All persons are prohibited from distributing in commerce hexavalent chromium-based water treatment chemicals for use in comfort cooling towers.</t>
    </r>
  </si>
  <si>
    <r>
      <t xml:space="preserve">(1) </t>
    </r>
    <r>
      <rPr>
        <i/>
        <sz val="11"/>
        <rFont val="Meiryo UI"/>
        <family val="3"/>
        <charset val="128"/>
      </rPr>
      <t>Restrictions on marketing.</t>
    </r>
    <r>
      <rPr>
        <sz val="11"/>
        <rFont val="Meiryo UI"/>
        <family val="3"/>
        <charset val="128"/>
      </rPr>
      <t xml:space="preserve"> Used oil containing any quantifiable level of PCBs (2 ppm) may be marketed only to:</t>
    </r>
  </si>
  <si>
    <r>
      <t xml:space="preserve">(2) </t>
    </r>
    <r>
      <rPr>
        <i/>
        <sz val="11"/>
        <rFont val="Meiryo UI"/>
        <family val="3"/>
        <charset val="128"/>
      </rPr>
      <t>Testing of used oil fuel.</t>
    </r>
    <r>
      <rPr>
        <sz val="11"/>
        <rFont val="Meiryo UI"/>
        <family val="3"/>
        <charset val="128"/>
      </rPr>
      <t xml:space="preserve"> Used oil to be burned for energy recovery is presumed to contain quantifiable levels (2 ppm) of PCB unless the marketer obtains analyses (testing) or other information that the used oil fuel does not contain quantifiable levels of PCBs.</t>
    </r>
  </si>
  <si>
    <r>
      <t xml:space="preserve">(3) </t>
    </r>
    <r>
      <rPr>
        <i/>
        <sz val="11"/>
        <rFont val="Meiryo UI"/>
        <family val="3"/>
        <charset val="128"/>
      </rPr>
      <t>Restrictions on burning.</t>
    </r>
    <r>
      <rPr>
        <sz val="11"/>
        <rFont val="Meiryo UI"/>
        <family val="3"/>
        <charset val="128"/>
      </rPr>
      <t xml:space="preserve"> (i) Used oil containing any quantifiable levels of PCB may be burned for energy recovery only in the combustion facilities identified in paragraph (e)(1) of this section when such facilities are operating at normal operating temperatures (this prohibits feeding these fuels during either startup or shutdown operations). Owners and operators of such facilities are “burners” of used oil fuels.</t>
    </r>
  </si>
  <si>
    <r>
      <t xml:space="preserve">(4) </t>
    </r>
    <r>
      <rPr>
        <i/>
        <sz val="11"/>
        <rFont val="Meiryo UI"/>
        <family val="3"/>
        <charset val="128"/>
      </rPr>
      <t>Recordkeeping requirements.</t>
    </r>
    <r>
      <rPr>
        <sz val="11"/>
        <rFont val="Meiryo UI"/>
        <family val="3"/>
        <charset val="128"/>
      </rPr>
      <t xml:space="preserve"> The following recordkeeping requirements are in addition to the recordkeeping requirements for marketers found in 40 CFR 279.72(b), 279.74(a), (b) and (c), and 279.75, and for burners found in 40 CFR 279.65 and 279.66.</t>
    </r>
  </si>
  <si>
    <r>
      <t xml:space="preserve">(i) </t>
    </r>
    <r>
      <rPr>
        <i/>
        <sz val="11"/>
        <rFont val="Meiryo UI"/>
        <family val="3"/>
        <charset val="128"/>
      </rPr>
      <t>Marketers.</t>
    </r>
    <r>
      <rPr>
        <sz val="11"/>
        <rFont val="Meiryo UI"/>
        <family val="3"/>
        <charset val="128"/>
      </rPr>
      <t xml:space="preserve"> Marketers who first claim that the used oil fuel contains no detectable PCBs must include among the records required by 40 CFR 279.72(b) and 279.74(b) and (c), copies of the analysis or other information documenting his claim, and he must include among the records required by 40 CFR 279.74(a) and (c) and 279.75, a copy of each certification notice received or prepared relating to transactions involving PCB-containing used oil.</t>
    </r>
  </si>
  <si>
    <r>
      <t xml:space="preserve">(ii) </t>
    </r>
    <r>
      <rPr>
        <i/>
        <sz val="11"/>
        <rFont val="Meiryo UI"/>
        <family val="3"/>
        <charset val="128"/>
      </rPr>
      <t>Burners.</t>
    </r>
    <r>
      <rPr>
        <sz val="11"/>
        <rFont val="Meiryo UI"/>
        <family val="3"/>
        <charset val="128"/>
      </rPr>
      <t xml:space="preserve"> Burners must include among the records required by 40 CFR 279.65 and 279.66, a copy of each certification notice required by paragraph (e)(3)(ii) of this section that he sends to a marketer.</t>
    </r>
  </si>
  <si>
    <r>
      <t>Asbestos</t>
    </r>
    <r>
      <rPr>
        <sz val="11"/>
        <rFont val="Meiryo UI"/>
        <family val="3"/>
        <charset val="128"/>
      </rPr>
      <t xml:space="preserve"> means the asbestiform varieties of: chrysotile (serpentine); crocidolite (riebeckite); amosite (cummingtonite-grunerite); tremolite; anthophyllite; and actinolite.</t>
    </r>
  </si>
  <si>
    <r>
      <t>Consumer paint and coating removal</t>
    </r>
    <r>
      <rPr>
        <sz val="11"/>
        <color rgb="FF000000"/>
        <rFont val="Meiryo UI"/>
        <family val="3"/>
        <charset val="128"/>
      </rPr>
      <t> means paint and coating removal performed by any natural person who uses a paint and coating removal product for any personal use without receiving remuneration or other form of payment.</t>
    </r>
  </si>
  <si>
    <r>
      <t>Distribute in commerce</t>
    </r>
    <r>
      <rPr>
        <sz val="11"/>
        <color rgb="FF000000"/>
        <rFont val="Meiryo UI"/>
        <family val="3"/>
        <charset val="128"/>
      </rPr>
      <t> has the same meaning as in section 3 of the Act, except that the term does not include retailers for purposes of §§751.107 and 751.109.</t>
    </r>
  </si>
  <si>
    <r>
      <t>Paint and coating removal</t>
    </r>
    <r>
      <rPr>
        <sz val="11"/>
        <color rgb="FF000000"/>
        <rFont val="Meiryo UI"/>
        <family val="3"/>
        <charset val="128"/>
      </rPr>
      <t> means application of a chemical or use of another method to remove, loosen, or deteriorate any paint, varnish, lacquer, graffiti, surface protectants, or other coating from a substrate, including objects, vehicles, architectural features, or structures.</t>
    </r>
  </si>
  <si>
    <r>
      <t>Retailer</t>
    </r>
    <r>
      <rPr>
        <sz val="11"/>
        <color rgb="FF000000"/>
        <rFont val="Meiryo UI"/>
        <family val="3"/>
        <charset val="128"/>
      </rPr>
      <t> means a person who distributes in commerce or makes available a chemical substance or mixture to consumer end users, including e-commerce internet sales or distribution. Any distributor with at least one consumer end user customer is considered a retailer. A person who distributes in commerce or makes available a chemical substance or mixture solely to commercial or industrial end users or solely to commercial or industrial businesses is not considered a retailer.</t>
    </r>
  </si>
  <si>
    <r>
      <t xml:space="preserve">Asbestos-containing product </t>
    </r>
    <r>
      <rPr>
        <sz val="11"/>
        <rFont val="Meiryo UI"/>
        <family val="3"/>
        <charset val="128"/>
      </rPr>
      <t>means any product to which asbestos is deliberately added in any concentration or which contains more than 1.0 percent asbestos by weight or area.</t>
    </r>
    <phoneticPr fontId="4"/>
  </si>
  <si>
    <t>Subpart E—Persistent, Bioaccumulative, and Toxic Chemicals</t>
  </si>
  <si>
    <t>Source: 86 FR 879, Jan. 6, 2021, unless otherwise noted.</t>
  </si>
  <si>
    <t>(a) This subpart establishes prohibitions and restrictions on the manufacturing, processing, and distribution in commerce of persistent, bioaccumulative, and toxic chemicals in accordance with TSCA section 6(h), 15 U.S.C 2605(h).</t>
  </si>
  <si>
    <t>(b) Unless otherwise specified in this subpart, prohibitions and restrictions of this subpart do not apply to the following activities:</t>
  </si>
  <si>
    <t>(1) Distribution in commerce of any chemical substance, or any product or article that contains the chemical substance, that has previously been sold or supplied to an end user, i.e., any person that purchased or acquired the finished good for purposes other than resale. An example of an end user is a consumer who resells a product they no longer intend to use or who donates an article to charity.</t>
  </si>
  <si>
    <t>(2) Disposal of any chemical substance, or any product or article that contains the chemical substance, as well as importation, processing and distribution in commerce of any chemical substance or any product or article that contains the chemical substance for purposes of disposal.</t>
  </si>
  <si>
    <t>(3) Manufacturing, processing, distribution in commerce, and use of any chemical substance, or any product or article that contains the chemical substance, for research and development, as defined in §751.403.</t>
  </si>
  <si>
    <t>§751.403   Definitions.</t>
  </si>
  <si>
    <t>The definitions in subpart A of this part apply to this subpart unless otherwise specified in this section.</t>
  </si>
  <si>
    <r>
      <t>2,4,6-TTBP</t>
    </r>
    <r>
      <rPr>
        <sz val="11"/>
        <color rgb="FF000000"/>
        <rFont val="Meiryo UI"/>
        <family val="3"/>
        <charset val="128"/>
      </rPr>
      <t> means the chemical substance 2,4,6-tris(tert-butyl)phenol (CASRN 732-26-3).</t>
    </r>
  </si>
  <si>
    <r>
      <t>2,4,6-TTBP oil and lubricant additives</t>
    </r>
    <r>
      <rPr>
        <sz val="11"/>
        <color rgb="FF000000"/>
        <rFont val="Meiryo UI"/>
        <family val="3"/>
        <charset val="128"/>
      </rPr>
      <t> means any 2,4,6-TTBP-containing additive to a product of any viscosity intended to reduce friction between moving parts, whether mineral oil or synthetic base, including engine crankcase and gear oils and bearing greases. 2,4,6-TTBP oil and lubricant additive does not include hydraulic fluid and other oils whose primary purpose is not friction reduction.</t>
    </r>
  </si>
  <si>
    <r>
      <t>Article</t>
    </r>
    <r>
      <rPr>
        <sz val="11"/>
        <color rgb="FF000000"/>
        <rFont val="Meiryo UI"/>
        <family val="3"/>
        <charset val="128"/>
      </rPr>
      <t> means a manufactured item:</t>
    </r>
  </si>
  <si>
    <t>(1) Which is formed to a specific shape or design during manufacture,</t>
  </si>
  <si>
    <t>(2) Which has end use function(s) dependent in whole or in part upon its shape or design during end use, and</t>
  </si>
  <si>
    <t>(3) Which has either no change of chemical composition during its end use or only those changes of composition which have no commercial purpose separate from that of the article, and that result from a chemical reaction that occurs upon end use of other chemical substances, mixtures, or articles; except that fluids and particles are not considered articles regardless of shape or design.</t>
  </si>
  <si>
    <r>
      <t>DecaBDE</t>
    </r>
    <r>
      <rPr>
        <sz val="11"/>
        <color rgb="FF000000"/>
        <rFont val="Meiryo UI"/>
        <family val="3"/>
        <charset val="128"/>
      </rPr>
      <t> means the chemical substance decabromodiphenyl ether (CASRN 1163-19-5).</t>
    </r>
  </si>
  <si>
    <r>
      <t>HCBD</t>
    </r>
    <r>
      <rPr>
        <sz val="11"/>
        <color rgb="FF000000"/>
        <rFont val="Meiryo UI"/>
        <family val="3"/>
        <charset val="128"/>
      </rPr>
      <t> means the chemical substance hexachlorobutadiene (CASRN 87-68-3).</t>
    </r>
  </si>
  <si>
    <r>
      <t>Lubricants and grease</t>
    </r>
    <r>
      <rPr>
        <sz val="11"/>
        <color rgb="FF000000"/>
        <rFont val="Meiryo UI"/>
        <family val="3"/>
        <charset val="128"/>
      </rPr>
      <t> mean any product used to reduce friction, heat, or wear between moving or adjacent solid surfaces, or that enhance the lubricity of other substances.</t>
    </r>
  </si>
  <si>
    <r>
      <t>PCTP</t>
    </r>
    <r>
      <rPr>
        <sz val="11"/>
        <color rgb="FF000000"/>
        <rFont val="Meiryo UI"/>
        <family val="3"/>
        <charset val="128"/>
      </rPr>
      <t> means the chemical substance pentachlorothiophenol (CASRN 133-49-3).</t>
    </r>
  </si>
  <si>
    <r>
      <t>PIP (3:1)</t>
    </r>
    <r>
      <rPr>
        <sz val="11"/>
        <color rgb="FF000000"/>
        <rFont val="Meiryo UI"/>
        <family val="3"/>
        <charset val="128"/>
      </rPr>
      <t> means the chemical substance phenol, isopropylated phosphate (3:1) (CASRN 68937-41-7).</t>
    </r>
  </si>
  <si>
    <r>
      <t>Product</t>
    </r>
    <r>
      <rPr>
        <sz val="11"/>
        <color rgb="FF000000"/>
        <rFont val="Meiryo UI"/>
        <family val="3"/>
        <charset val="128"/>
      </rPr>
      <t> means the chemical substance, a mixture containing the chemical substance, or any object that contains the chemical substance or mixture containing the chemical substance that is not an article.</t>
    </r>
  </si>
  <si>
    <r>
      <t>Research and Development</t>
    </r>
    <r>
      <rPr>
        <sz val="11"/>
        <color rgb="FF000000"/>
        <rFont val="Meiryo UI"/>
        <family val="3"/>
        <charset val="128"/>
      </rPr>
      <t> means laboratory and research use only for purposes of scientific experimentation or analysis, or chemical research on, or analysis of, the chemical substance, including methods for disposal, but not for research or analysis for the development of a new product, or refinement of an existing product that contains the chemical substance.</t>
    </r>
  </si>
  <si>
    <t>[86 FR 879, Jan. 6, 2021, as amended at 86 FR 894, 909, 922, 932, Jan. 6, 2021]</t>
  </si>
  <si>
    <t>§751.405   DecaBDE.</t>
  </si>
  <si>
    <r>
      <t>(a) </t>
    </r>
    <r>
      <rPr>
        <i/>
        <sz val="11"/>
        <color rgb="FF000000"/>
        <rFont val="Meiryo UI"/>
        <family val="3"/>
        <charset val="128"/>
      </rPr>
      <t>Prohibition</t>
    </r>
    <r>
      <rPr>
        <sz val="11"/>
        <color rgb="FF000000"/>
        <rFont val="Meiryo UI"/>
        <family val="3"/>
        <charset val="128"/>
      </rPr>
      <t>—(1) </t>
    </r>
    <r>
      <rPr>
        <i/>
        <sz val="11"/>
        <color rgb="FF000000"/>
        <rFont val="Meiryo UI"/>
        <family val="3"/>
        <charset val="128"/>
      </rPr>
      <t>General.</t>
    </r>
    <r>
      <rPr>
        <sz val="11"/>
        <color rgb="FF000000"/>
        <rFont val="Meiryo UI"/>
        <family val="3"/>
        <charset val="128"/>
      </rPr>
      <t> Except as provided in paragraphs (a)(2) and (b) of this section, all persons are prohibited from all manufacturing and processing of decaBDE or decaBDE-containing products or articles after March 8, 2021, and all persons are prohibited from all distribution in commerce of decaBDE or decaBDE-containing products or articles after January 6, 2022.</t>
    </r>
  </si>
  <si>
    <r>
      <t>(2) </t>
    </r>
    <r>
      <rPr>
        <i/>
        <sz val="11"/>
        <color rgb="FF000000"/>
        <rFont val="Meiryo UI"/>
        <family val="3"/>
        <charset val="128"/>
      </rPr>
      <t>Phase-in of Prohibitions for Specific Uses of decaBDE and decaBDE-containing Products or Articles.</t>
    </r>
    <r>
      <rPr>
        <sz val="11"/>
        <color rgb="FF000000"/>
        <rFont val="Meiryo UI"/>
        <family val="3"/>
        <charset val="128"/>
      </rPr>
      <t> (i) After July 6, 2022, all persons are prohibited from all manufacturing, processing, and distribution in commerce decaBDE for use in curtains in the hospitality industry, and the curtains to which decaBDE has been added.</t>
    </r>
    <phoneticPr fontId="78"/>
  </si>
  <si>
    <t>(ii) After January 6, 2023, all persons are prohibited from all processing and distribution in commerce of decaBDE for use in wire and cable insulation in nuclear power generation facilities, and decaBDE-containing wire and cable insulation.</t>
  </si>
  <si>
    <t>(iii) After January 8, 2024, all persons are prohibited from all manufacturing, processing, and distribution in commerce of decaBDE for use in parts installed in and distributed as part of new aerospace vehicles, and the parts to which decaBDE has been added for such vehicles. After the end of the aerospace vehicles service lives, all persons are prohibited from all importing, processing, and distribution in commerce of aerospace vehicles manufactured before January 8, 2024 that contain decaBDE in any part. After the end of the aerospace vehicles service lives, all persons are prohibited from all manufacture, processing and distribution in commerce of decaBDE for use in replacement parts for aerospace vehicles, and the replacement parts to which decaBDE has been added for such vehicles.</t>
  </si>
  <si>
    <t>(iv) After the end of the vehicles service lives or 2036, whichever is earlier, all persons are prohibited from all manufacture, processing and distribution in commerce of decaBDE for use in replacement parts for motor vehicles, and the replacement parts to which decaBDE has been added for such vehicles.</t>
  </si>
  <si>
    <t>(v) After the end of the pallets' service life, all persons are prohibited from all distribution in commerce of plastic shipping pallets that contain decaBDE and were manufactured prior March 8, 2021.</t>
  </si>
  <si>
    <r>
      <t>(b) </t>
    </r>
    <r>
      <rPr>
        <i/>
        <sz val="11"/>
        <color rgb="FF000000"/>
        <rFont val="Meiryo UI"/>
        <family val="3"/>
        <charset val="128"/>
      </rPr>
      <t>Exclusions to the Prohibition.</t>
    </r>
    <r>
      <rPr>
        <sz val="11"/>
        <color rgb="FF000000"/>
        <rFont val="Meiryo UI"/>
        <family val="3"/>
        <charset val="128"/>
      </rPr>
      <t> Processing and distribution in commerce for recycling of decaBDE-containing plastic from products or articles and decaBDE-containing products or articles made from such recycled plastic, where no new decaBDE is added during the recycling or production processes is not subject to the prohibition in paragraph (a) of this section.</t>
    </r>
  </si>
  <si>
    <r>
      <t>(c) </t>
    </r>
    <r>
      <rPr>
        <i/>
        <sz val="11"/>
        <color rgb="FF000000"/>
        <rFont val="Meiryo UI"/>
        <family val="3"/>
        <charset val="128"/>
      </rPr>
      <t>Recordkeeping.</t>
    </r>
    <r>
      <rPr>
        <sz val="11"/>
        <color rgb="FF000000"/>
        <rFont val="Meiryo UI"/>
        <family val="3"/>
        <charset val="128"/>
      </rPr>
      <t> (1) After March 8, 2021, all persons who manufacture, process, or distribute in commerce decaBDE or decaBDE-containing products or articles must maintain ordinary business records, such as invoices and bills-of-lading related to compliance with the prohibitions, restrictions, and other provisions of this section.</t>
    </r>
  </si>
  <si>
    <t>(i) These records must be maintained for a period of three years from the date the record is generated.</t>
  </si>
  <si>
    <t>(ii) These records must include a statement that the decaBDE or the decaBDE-containing products or articles are in compliance with 40 CFR 751.405(a).</t>
  </si>
  <si>
    <t>(iii) These records must be made available to EPA within 30 calendar days upon request.</t>
  </si>
  <si>
    <t>(2) The recordkeeping requirements in paragraph (c)(1) do not apply to the activities described in paragraphs (a)(2)(v) and (b) of this section.</t>
  </si>
  <si>
    <t>[86 FR 894, Jan. 6, 2021]</t>
  </si>
  <si>
    <t>§751.407   PIP (3:1).</t>
  </si>
  <si>
    <r>
      <t>(a) </t>
    </r>
    <r>
      <rPr>
        <i/>
        <sz val="11"/>
        <color rgb="FF000000"/>
        <rFont val="Meiryo UI"/>
        <family val="3"/>
        <charset val="128"/>
      </rPr>
      <t>Prohibitions</t>
    </r>
    <r>
      <rPr>
        <sz val="11"/>
        <color rgb="FF000000"/>
        <rFont val="Meiryo UI"/>
        <family val="3"/>
        <charset val="128"/>
      </rPr>
      <t>—(1) </t>
    </r>
    <r>
      <rPr>
        <i/>
        <sz val="11"/>
        <color rgb="FF000000"/>
        <rFont val="Meiryo UI"/>
        <family val="3"/>
        <charset val="128"/>
      </rPr>
      <t>General.</t>
    </r>
    <r>
      <rPr>
        <sz val="11"/>
        <color rgb="FF000000"/>
        <rFont val="Meiryo UI"/>
        <family val="3"/>
        <charset val="128"/>
      </rPr>
      <t> Except as provided in paragraphs (a)(2) and (b) of this section, all persons are prohibited from all processing and distributing in commerce of PIP (3:1), including in PIP (3:1)-containing products or articles after March 8, 2021.</t>
    </r>
  </si>
  <si>
    <r>
      <t>(2) </t>
    </r>
    <r>
      <rPr>
        <i/>
        <sz val="11"/>
        <color rgb="FF000000"/>
        <rFont val="Meiryo UI"/>
        <family val="3"/>
        <charset val="128"/>
      </rPr>
      <t>Phase-in Prohibitions for Specific uses of PIP (3:1) and PIP (3:1)-containing products and articles.</t>
    </r>
    <r>
      <rPr>
        <sz val="11"/>
        <color rgb="FF000000"/>
        <rFont val="Meiryo UI"/>
        <family val="3"/>
        <charset val="128"/>
      </rPr>
      <t> (i) After January 6, 2025, all persons are prohibited from all processing and distributing in commerce of PIP (3:1) for use in adhesives and sealants, PIP (3:1)-containing products for use in adhesives and sealants, and PIP (3:1)-containing adhesives and sealants.</t>
    </r>
  </si>
  <si>
    <t>(ii) After January 1, 2022, all persons are prohibited from all processing and distributing in commerce of PIP (3:1) for use in photographic printing articles and PIP (3:1)-containing photographic printing articles.</t>
  </si>
  <si>
    <r>
      <t>(b) </t>
    </r>
    <r>
      <rPr>
        <i/>
        <sz val="11"/>
        <color rgb="FF000000"/>
        <rFont val="Meiryo UI"/>
        <family val="3"/>
        <charset val="128"/>
      </rPr>
      <t>Exclusions.</t>
    </r>
    <r>
      <rPr>
        <sz val="11"/>
        <color rgb="FF000000"/>
        <rFont val="Meiryo UI"/>
        <family val="3"/>
        <charset val="128"/>
      </rPr>
      <t> The following activities are not subject to the prohibitions in paragraph (a) of this section.</t>
    </r>
  </si>
  <si>
    <t>(1) Processing and distribution in commerce of:</t>
  </si>
  <si>
    <t>(i) PIP (3:1) for use in hydraulic fluids either for the aviation industry or to meet military specifications for safety and performance where no alternative chemical is available that meets U.S. Department of Defense specification requirements, PIP (3:1)-containing products for use in such hydraulic fluids, and PIP (3:1)-containing hydraulic fluids either for the aviation industry or to meet military specifications for safety and performance where no alternative chemical is available that meets U.S. Department of Defense specification requirements.</t>
  </si>
  <si>
    <t>(ii) PIP (3:1) for use in lubricants and greases, PIP (3:1) containing products for use in lubricants and greases, and PIP (3:1)-containing lubricants and greases.</t>
  </si>
  <si>
    <t>(iii) PIP (3:1) and PIP (3:1)-containing products for use in new and replacement parts for motor and aerospace vehicles, the new and replacement parts to which PIP (3:1) has been added for such vehicles, and the motor and aerospace vehicles that contain new and replacement parts to which PIP (3:1) has been added;</t>
  </si>
  <si>
    <t>(iv) PIP (3:1) and PIP (3:1)-containing products for use as an intermediate in a closed system to produce cyanoacrylate adhesives;</t>
  </si>
  <si>
    <t>(v) PIP (3:1) for use in specialized engine air filters for locomotive and marine applications, PIP (3:1) containing products for use in specialized engine air filters for locomotive and marine applications, and PIP (3:1)-containing specialized engine air filters for locomotive and marine applications;</t>
  </si>
  <si>
    <t>(vi) Plastic for recycling from products or articles containing PIP (3:1), where no new PIP (3:1) is added during the recycling process; and</t>
  </si>
  <si>
    <t>(vii) Finished products or articles made of plastic recycled from products or articles containing PIP (3:1), where no new PIP (3:1) was added during the production of the products or articles made of recycled plastic.</t>
  </si>
  <si>
    <t>(2) [Reserved]</t>
  </si>
  <si>
    <r>
      <t>(c) </t>
    </r>
    <r>
      <rPr>
        <i/>
        <sz val="11"/>
        <color rgb="FF000000"/>
        <rFont val="Meiryo UI"/>
        <family val="3"/>
        <charset val="128"/>
      </rPr>
      <t>Prohibition on releases to water.</t>
    </r>
    <r>
      <rPr>
        <sz val="11"/>
        <color rgb="FF000000"/>
        <rFont val="Meiryo UI"/>
        <family val="3"/>
        <charset val="128"/>
      </rPr>
      <t> After March 8, 2021, all persons are prohibited from releasing PIP (3:1) to water during manufacturing, processing and distribution in commerce of PIP (3:1) and PIP (3:1) containing products, and all persons are required to follow all applicable regulations and best management practices for preventing the release of PIP (3:1) and PIP (3:1)-containing products to water during commercial use.</t>
    </r>
  </si>
  <si>
    <r>
      <t>(d) </t>
    </r>
    <r>
      <rPr>
        <i/>
        <sz val="11"/>
        <color rgb="FF000000"/>
        <rFont val="Meiryo UI"/>
        <family val="3"/>
        <charset val="128"/>
      </rPr>
      <t>Recordkeeping.</t>
    </r>
    <r>
      <rPr>
        <sz val="11"/>
        <color rgb="FF000000"/>
        <rFont val="Meiryo UI"/>
        <family val="3"/>
        <charset val="128"/>
      </rPr>
      <t> (1) After March 8, 2021, persons who manufacture, process, or distribute in commerce PIP (3:1) or PIP (3:1)-containing products or articles must maintain ordinary business records, such as invoices and bills-of-lading, related to compliance with the prohibitions, restrictions, and other provisions of this section. These records must be maintained for a period of three years from the date the record is generated.</t>
    </r>
  </si>
  <si>
    <t>(2) These records must include a statement that the PIP (3:1), or the PIP (3:1)-containing products or articles, are in compliance with 40 CFR 751.407(a).</t>
  </si>
  <si>
    <t>(3) These records must be made available to EPA within 30 calendar days upon request.</t>
  </si>
  <si>
    <t>(4) The recordkeeping requirements in this paragraph (d)(1) do not apply to the activities described in paragraphs (b)(1)(vi) and (vii) of this section.</t>
  </si>
  <si>
    <r>
      <t>(e) </t>
    </r>
    <r>
      <rPr>
        <i/>
        <sz val="11"/>
        <color rgb="FF000000"/>
        <rFont val="Meiryo UI"/>
        <family val="3"/>
        <charset val="128"/>
      </rPr>
      <t>Downstream notification.</t>
    </r>
    <r>
      <rPr>
        <sz val="11"/>
        <color rgb="FF000000"/>
        <rFont val="Meiryo UI"/>
        <family val="3"/>
        <charset val="128"/>
      </rPr>
      <t> (1) Each person who manufactures PIP (3:1) for any use after March 8, 2021 must, prior to or concurrent with the shipment, notify persons to whom PIP (3:1) is shipped, in writing, of the restrictions described in this subpart.</t>
    </r>
  </si>
  <si>
    <t>(2) Each person who processes or distributes in commerce PIP (3:1) or PIP (3:1)-containing products for any use after July 6, 2021 must, prior to or concurrent with the shipment, notify persons to whom PIP (3:1) is shipped, in writing, of the restrictions described in this subpart.</t>
  </si>
  <si>
    <t>(3) Notification must occur by inserting the text in paragraphs (e)(3)(i) and (e)(3)(ii) in the Safety Data Sheet (SDS) or by including on the label of any PIP (3:1) or PIP (3:1)-containing product the label language in paragraph (e)(3)(iii):</t>
  </si>
  <si>
    <t>(i) SDS Section 1.(c): “The Environmental Protection Agency prohibits processing and distribution of this chemical/product for any use other than: (1) In hydraulic fluids either for the aviation industry or to meet military specifications for safety and performance where no alternative chemical is available that meets U.S. Department of Defense specification requirements, (2) lubricants and greases, (3) new or replacement parts for motor and aerospace vehicles, (4) as an intermediate in the manufacture of cyanoacrylate glue, (5) in specialized engine air filters for locomotive and marine applications, and (6) in adhesives and sealants before January 6, 2025, after which use in adhesives and sealants is prohibited. In addition, all persons are prohibited from releasing PIP (3:1) to water during manufacturing, processing and distribution in commerce, and must follow all existing regulations and best practices to prevent the release of PIP (3:1) to water during the commercial use of PIP (3:1).”; and</t>
  </si>
  <si>
    <t>(ii) SDS Section 15: “The Environmental Protection Agency prohibits processing and distribution of this chemical/product for any use other than: (1) In hydraulic fluids either for the aviation industry or to meet military specifications for safety and performance where no alternative chemical is available that meets U.S. Department of Defense specification requirements, (2) lubricants and greases, (3) new or replacement parts for motor and aerospace vehicles, (4) as an intermediate in the manufacture of cyanoacrylate glue, (5) in specialized engine air filters for locomotive and marine applications, and (6) in adhesives and sealants before January 6, 2025, after which use in adhesives and sealants is prohibited. In addition, all persons are prohibited from releasing PIP (3:1) to water during manufacturing, processing and distribution in commerce, and must follow all existing regulations and best practices to prevent the release of PIP (3:1) to water during the commercial use of PIP (3:1).”; or</t>
  </si>
  <si>
    <t>(iii) Labeling: “The Environmental Protection Agency prohibits processing and distribution of this chemical/product for any use other than: (1) In hydraulic fluids either for the aviation industry or to meet military specifications for safety and performance where no alternative chemical is available that meets U.S. Department of Defense specification requirements, (2) lubricants and greases, (3) new or replacement parts for motor and aerospace vehicles, (4) as an intermediate in the manufacture of cyanoacrylate glue, (5) in specialized engine air filters for locomotive and marine applications, and (6) in adhesives and sealants before January 6, 2025, after which use in adhesives and sealants is prohibited. In addition, all persons are prohibited from releasing PIP (3:1) to water during manufacturing, processing and distribution in commerce, and must follow all existing regulations and best practices to prevent the release of PIP (3:1) to water during the commercial use of PIP (3:1).”</t>
  </si>
  <si>
    <t>(4) The downstream notification requirements in this paragraph (e) do not apply to the activities described in paragraphs (b)(1)(vi) and (vii) of this section.</t>
  </si>
  <si>
    <t>[86 FR 909, Jan. 6, 2021]</t>
  </si>
  <si>
    <t>§751.409   2,4,6-TTBP.</t>
  </si>
  <si>
    <r>
      <t>(a) </t>
    </r>
    <r>
      <rPr>
        <i/>
        <sz val="11"/>
        <color rgb="FF000000"/>
        <rFont val="Meiryo UI"/>
        <family val="3"/>
        <charset val="128"/>
      </rPr>
      <t>Prohibitions.</t>
    </r>
    <r>
      <rPr>
        <sz val="11"/>
        <color rgb="FF000000"/>
        <rFont val="Meiryo UI"/>
        <family val="3"/>
        <charset val="128"/>
      </rPr>
      <t> (1) After January 6, 2026, all persons are prohibited from all distribution in commerce of 2,4,6-TTBP, at any concentration above 0.3 percent by weight, in containers with a volume less than 35 gallons.</t>
    </r>
  </si>
  <si>
    <t>(2) After January 6, 2026, all persons are prohibited from all processing and distribution in commerce of 2,4,6-TTBP oil and lubricant additives at any concentration above 0.3 percent by weight.</t>
  </si>
  <si>
    <r>
      <t>(b) </t>
    </r>
    <r>
      <rPr>
        <i/>
        <sz val="11"/>
        <color rgb="FF000000"/>
        <rFont val="Meiryo UI"/>
        <family val="3"/>
        <charset val="128"/>
      </rPr>
      <t>Recordkeeping.</t>
    </r>
    <r>
      <rPr>
        <sz val="11"/>
        <color rgb="FF000000"/>
        <rFont val="Meiryo UI"/>
        <family val="3"/>
        <charset val="128"/>
      </rPr>
      <t> After January 6, 2026, distributors of 2,4,6-TTBP must maintain ordinary business records, such as invoices and bills-of-lading, related to compliance with the prohibitions, restrictions, and other provisions of this section. These records must be maintained for a period of three years from the date the record is generated.</t>
    </r>
  </si>
  <si>
    <t>§751.411   PCTP.</t>
  </si>
  <si>
    <r>
      <t>(a) </t>
    </r>
    <r>
      <rPr>
        <i/>
        <sz val="11"/>
        <color rgb="FF000000"/>
        <rFont val="Meiryo UI"/>
        <family val="3"/>
        <charset val="128"/>
      </rPr>
      <t>Prohibition.</t>
    </r>
    <r>
      <rPr>
        <sz val="11"/>
        <color rgb="FF000000"/>
        <rFont val="Meiryo UI"/>
        <family val="3"/>
        <charset val="128"/>
      </rPr>
      <t> After March 8, 2021, all persons are prohibited from all manufacturing and processing of PCTP or PCTP-containing products or articles, unless PCTP concentrations are at or below 1% by weight. After January 6, 2022, all persons are prohibited from all distribution in commerce of PCTP or PCTP-containing products or articles, unless PCTP concentrations are at or below 1% by weight.</t>
    </r>
  </si>
  <si>
    <r>
      <t>(b) </t>
    </r>
    <r>
      <rPr>
        <i/>
        <sz val="11"/>
        <color rgb="FF000000"/>
        <rFont val="Meiryo UI"/>
        <family val="3"/>
        <charset val="128"/>
      </rPr>
      <t>Recordkeeping.</t>
    </r>
    <r>
      <rPr>
        <sz val="11"/>
        <color rgb="FF000000"/>
        <rFont val="Meiryo UI"/>
        <family val="3"/>
        <charset val="128"/>
      </rPr>
      <t> After March 8, 2021, manufacturers, processors and distributors of PCTP or PCTP-containing products or articles must maintain ordinary business records related to compliance with the prohibitions, restrictions and other provisions of this section, such as invoices and bills-of-lading. These records must be maintained for a period of three years from the date the record is generated.</t>
    </r>
  </si>
  <si>
    <t>[86 FR 922, Jan. 6, 2021]</t>
  </si>
  <si>
    <t>§751.413   HCBD.</t>
  </si>
  <si>
    <r>
      <t>(a) </t>
    </r>
    <r>
      <rPr>
        <i/>
        <sz val="11"/>
        <color rgb="FF000000"/>
        <rFont val="Meiryo UI"/>
        <family val="3"/>
        <charset val="128"/>
      </rPr>
      <t>Prohibition.</t>
    </r>
    <r>
      <rPr>
        <sz val="11"/>
        <color rgb="FF000000"/>
        <rFont val="Meiryo UI"/>
        <family val="3"/>
        <charset val="128"/>
      </rPr>
      <t> After March 8, 2021, all persons are prohibited from all manufacturing, processing and distribution in commerce of HCBD and HCBD-containing products or articles, except for the following:</t>
    </r>
  </si>
  <si>
    <t>(1) Unintentional production of HCBD as a byproduct in the production of chlorinated solvents; and</t>
  </si>
  <si>
    <t>(2) Processing and distribution in commerce of HCBD for burning as a waste fuel.</t>
  </si>
  <si>
    <t>(b) Recordkeeping. After March 8, 2021, manufacturers, processors and distributors of HCBD or HCBD-containing products or articles must maintain ordinary business records related to compliance with the prohibitions, restrictions and other provisions of this section, such as invoices and bills-of-lading. These records must be maintained for a period of three years from the date the record is generated.</t>
  </si>
  <si>
    <t>[86 FR 932, Jan. 6, 2021]</t>
  </si>
  <si>
    <t>https://www.ecfr.gov/cgi-bin/text-idx?SID=30ae327a3102f79b579f2bde520189fd&amp;mc=true&amp;node=pt40.34.751&amp;rgn=div5</t>
    <phoneticPr fontId="4"/>
  </si>
  <si>
    <t>https://www.ecfr.gov/cgi-bin/text-idx?SID=30ae327a3102f79b579f2bde520189fd&amp;mc=true&amp;node=pt40.34.751&amp;rgn=div5#sp40.34.751.b</t>
    <phoneticPr fontId="4"/>
  </si>
  <si>
    <t>https://www.ecfr.gov/cgi-bin/text-idx?SID=30ae327a3102f79b579f2bde520189fd&amp;mc=true&amp;node=pt40.34.751&amp;rgn=div5#sp40.34.751.e</t>
    <phoneticPr fontId="4"/>
  </si>
  <si>
    <t>Title 40: Protection of Environment</t>
    <phoneticPr fontId="4"/>
  </si>
  <si>
    <t>https://www.ecfr.gov/cgi-bin/text-idx?SID=40f7c34fc55fcc0a3bd3fbdb1b60aede&amp;mc=true&amp;tpl=/ecfrbrowse/Title40/40tab_02.tpl</t>
    <phoneticPr fontId="4"/>
  </si>
  <si>
    <t>EU の使用済み車両（End-of-life vehicles)からの廃棄物の低減、適正処理を規定しているELV指令（正式名称は、“Directive 2000/53/EC OF THE EUROPEAN PARLIAMENT AND OF THE COUNCIL of 18 September 2000 on end-of line vehicles”）の第4条で2003年7月1日以降に市場に出る自動車部品や自動車製造用の材料に含まれることが禁止（ただし、Annex IIに適用除外用途あり）されている物質。</t>
    <phoneticPr fontId="4"/>
  </si>
  <si>
    <t>Materials and components</t>
  </si>
  <si>
    <t>Scope and expiry date of the exemption</t>
  </si>
  <si>
    <t>To be labelled or made identifiable in accordance with Article 4(2)(b)(iv)</t>
  </si>
  <si>
    <t>Lead as an alloying element</t>
  </si>
  <si>
    <t>1(a).  Steel for machining purposes and batch hot dip galvanised steel components containing up to 0,35 % lead by weight</t>
  </si>
  <si>
    <t>1(b).  Continuously galvanised steel sheet containing up to 0,35 % lead by weight</t>
  </si>
  <si>
    <t>Vehicles type-approved before 1 January 2016 and spare parts for these vehicles</t>
  </si>
  <si>
    <t>2(a).  Aluminium for machining purposes with a lead content up to 2 % by weight</t>
  </si>
  <si>
    <t>As spare parts for vehicles put on the market before 1 July 2005</t>
  </si>
  <si>
    <t>2(b).  Aluminium with a lead content up to 1,5 % by weight</t>
  </si>
  <si>
    <t>As spare parts for vehicles put on the market before 1 July 2008</t>
  </si>
  <si>
    <t>2(c)(i).  Aluminium alloys for machining purposes with a lead content up to 0,4 % by weight</t>
  </si>
  <si>
    <t>3.  Copper alloys containing up to 4 % lead by weight</t>
  </si>
  <si>
    <t>4(a).  Bearing shells and bushes</t>
  </si>
  <si>
    <t>4(b).  Bearing shells and bushes in engines, transmissions and air conditioning compressors</t>
  </si>
  <si>
    <t>As spare parts for vehicles put on the market before 1 July 2011</t>
  </si>
  <si>
    <t>Lead and lead compounds in components</t>
  </si>
  <si>
    <t>Vehicles type-approved before 1 January 2019 and spare parts for these vehicles</t>
  </si>
  <si>
    <t>X</t>
  </si>
  <si>
    <t>5(b).  Lead in batteries for battery applications not included in entry 5(a)</t>
  </si>
  <si>
    <t>6.  Vibration dampers</t>
  </si>
  <si>
    <t>7(a).  Vulcanising agents and stabilisers for elastomers in brake hoses, fuel hoses, air ventilation hoses, elastomer/metal parts in the chassis applications, and engine mountings</t>
  </si>
  <si>
    <t>7(b).  Vulcanising agents and stabilisers for elastomers in brake hoses, fuel hoses, air ventilation hoses, elastomer/metal parts in the chassis applications, and engine mountings containing up to 0,5 % lead by weight</t>
  </si>
  <si>
    <t>As spare parts for vehicles put on the market before 1 July 2006</t>
  </si>
  <si>
    <t>7(c).  Bonding agents for elastomers in powertrain applications containing up to 0,5 % lead by weight</t>
  </si>
  <si>
    <t>As spare parts for vehicles put on the market before 1 July 2009</t>
  </si>
  <si>
    <t>8(a).  Lead in solders to attach electrical and electronic components to electronic circuit boards and lead in finishes on terminations of components other than electrolyte aluminium capacitors, on component pins and on electronic circuit boards</t>
  </si>
  <si>
    <t>8(b).  Lead in solders in electrical applications other than soldering on electronic circuit boards or on glass</t>
  </si>
  <si>
    <t>Vehicles type-approved before 1 January 2011 and spare parts for these vehicles</t>
  </si>
  <si>
    <t>8(c).  Lead in finishes on terminals of electrolyte aluminium capacitors</t>
  </si>
  <si>
    <t>Vehicles type-approved before 1 January 2013 and spare parts for these vehicles</t>
  </si>
  <si>
    <t>8(d).  Lead used in soldering on glass in mass airflow sensors</t>
  </si>
  <si>
    <t>Vehicles type-approved before 1 January 2015 and spare parts of such vehicles</t>
  </si>
  <si>
    <t>8(e).  Lead in high melting temperature type solders (i.e. lead-based alloys containing 85 % by weight or more lead)</t>
  </si>
  <si>
    <t>8(f)(a).  Lead in compliant pin connector systems</t>
  </si>
  <si>
    <t>Vehicles type-approved before 1 January 2017 and spare parts for these vehicles</t>
  </si>
  <si>
    <t>8(f)(b).  Lead in compliant pin connector systems other than the mating area of vehicle harness connectors</t>
  </si>
  <si>
    <t>Vehicles type-approved before 1 January 2024 and spare parts for these vehicles</t>
  </si>
  <si>
    <t>8(g)(i).  Lead in solders to complete a viable electrical connection between semiconductor die and carrier within integrated circuit flip chip packages</t>
  </si>
  <si>
    <t>Vehicles type approved before 1 October 2022 and spare parts for these vehicles</t>
  </si>
  <si>
    <t>8(g)(ii).  Lead in solders to complete a viable electrical connection between the semiconductor die and the carrier within integrated circuit flip chip packages where that electrical connection consists of any of the following:</t>
  </si>
  <si>
    <t>(i)  a semiconductor technology node of 90 nm or larger;</t>
  </si>
  <si>
    <t>Valid for vehicles type-approved from 1 October 2022 and spare parts for these vehicles</t>
  </si>
  <si>
    <r>
      <t>(ii)  a single die of 300 mm</t>
    </r>
    <r>
      <rPr>
        <vertAlign val="superscript"/>
        <sz val="7"/>
        <color theme="1"/>
        <rFont val="Inherit"/>
        <family val="2"/>
      </rPr>
      <t>2</t>
    </r>
    <r>
      <rPr>
        <sz val="10"/>
        <color theme="1"/>
        <rFont val="Inherit"/>
        <family val="2"/>
      </rPr>
      <t> or larger in any semiconductor technology node;</t>
    </r>
  </si>
  <si>
    <r>
      <t>(iii)  stacked die packages with dies of 300 mm</t>
    </r>
    <r>
      <rPr>
        <vertAlign val="superscript"/>
        <sz val="7"/>
        <color theme="1"/>
        <rFont val="Inherit"/>
        <family val="2"/>
      </rPr>
      <t>2</t>
    </r>
    <r>
      <rPr>
        <sz val="10"/>
        <color theme="1"/>
        <rFont val="Inherit"/>
        <family val="2"/>
      </rPr>
      <t> or larger, or silicon interposers of 300 mm</t>
    </r>
    <r>
      <rPr>
        <vertAlign val="superscript"/>
        <sz val="7"/>
        <color theme="1"/>
        <rFont val="Inherit"/>
        <family val="2"/>
      </rPr>
      <t>2</t>
    </r>
    <r>
      <rPr>
        <sz val="10"/>
        <color theme="1"/>
        <rFont val="Inherit"/>
        <family val="2"/>
      </rPr>
      <t> or larger.</t>
    </r>
  </si>
  <si>
    <r>
      <t>8(h).  Lead in solder to attach heat spreaders to the heat sink in power semiconductor assemblies with a chip size of at least 1 cm</t>
    </r>
    <r>
      <rPr>
        <vertAlign val="superscript"/>
        <sz val="7"/>
        <color theme="1"/>
        <rFont val="Inherit"/>
        <family val="2"/>
      </rPr>
      <t>2</t>
    </r>
    <r>
      <rPr>
        <sz val="10"/>
        <color theme="1"/>
        <rFont val="Inherit"/>
        <family val="2"/>
      </rPr>
      <t> of projection area and a nominal current density of at least 1 A/mm</t>
    </r>
    <r>
      <rPr>
        <vertAlign val="superscript"/>
        <sz val="7"/>
        <color theme="1"/>
        <rFont val="Inherit"/>
        <family val="2"/>
      </rPr>
      <t>2</t>
    </r>
    <r>
      <rPr>
        <sz val="10"/>
        <color theme="1"/>
        <rFont val="Inherit"/>
        <family val="2"/>
      </rPr>
      <t> of silicon chip area</t>
    </r>
  </si>
  <si>
    <t>Vehicles type-approved before 1 January 2016 and after that date as spare parts for these vehicles</t>
  </si>
  <si>
    <t>8(i).  Lead in solders in electrical glazing applications on glass except for soldering in laminated glazing</t>
  </si>
  <si>
    <t>8(j).  Lead in solders for soldering of laminated glazing</t>
  </si>
  <si>
    <t>Vehicles type-approved before 1 January 2020 and after that date as spare parts for these vehicles</t>
  </si>
  <si>
    <t>8(k).  Soldering of heating applications with 0,5 A or more of heat current per related solder joint to single panes of laminated glazings not exceeding wall thickness of 2,1 mm. This exemption does not cover soldering to contacts embedded in the intermediate polymer</t>
  </si>
  <si>
    <t>Vehicles type approved before 1 January 2024 and spare parts for these vehicles</t>
  </si>
  <si>
    <t>9.  Valve seats</t>
  </si>
  <si>
    <t>As spare parts for engine types developed before 1 July 2003</t>
  </si>
  <si>
    <t>10(a).  Electrical and electronic components which contain lead in a glass or ceramic, in a glass or ceramic matrix compound, in a glass-ceramic material, or in a glass-ceramic matrix compound.</t>
  </si>
  <si>
    <t>— glass in bulbs and glaze of spark plugs,</t>
  </si>
  <si>
    <t>— dielectric ceramic materials of components listed under 10(b), 10(c) and 10(d).</t>
  </si>
  <si>
    <t>10(b).  Lead in PZT-based dielectric ceramic materials of capacitors being part of integrated circuits or discrete semiconductors</t>
  </si>
  <si>
    <t>10(c).  Lead in dielectric ceramic materials of capacitors with a rated voltage of less than 125 V AC or 250 V DC</t>
  </si>
  <si>
    <t>10(d).  Lead in the dielectric ceramic materials of capacitors compensating the temperature-related deviations of sensors in ultrasonic sonar systems</t>
  </si>
  <si>
    <t>Vehicles type-approved before 1 January 2017 and after that date as spare parts for these vehicles</t>
  </si>
  <si>
    <t>11.  Pyrotechnic initiators</t>
  </si>
  <si>
    <t>Vehicles type-approved before 1 July 2006 and spare parts for these vehicles</t>
  </si>
  <si>
    <r>
      <t>12.  Lead-containing thermoelectric materials in automotive electrical applications to reduce CO</t>
    </r>
    <r>
      <rPr>
        <vertAlign val="subscript"/>
        <sz val="7"/>
        <color theme="1"/>
        <rFont val="Inherit"/>
        <family val="2"/>
      </rPr>
      <t>2</t>
    </r>
    <r>
      <rPr>
        <sz val="10"/>
        <color theme="1"/>
        <rFont val="Inherit"/>
        <family val="2"/>
      </rPr>
      <t> emissions by recuperation of exhaust heat</t>
    </r>
  </si>
  <si>
    <t>Hexavalent chromium</t>
  </si>
  <si>
    <t>13(a).  Corrosion preventive coatings</t>
  </si>
  <si>
    <t>As spare parts for vehicles put on the market before 1 July 2007</t>
  </si>
  <si>
    <t>13(b).  Corrosion preventive coatings related to bolt and nut assemblies for chassis applications</t>
  </si>
  <si>
    <t>14.  Hexavalent chromium as an anti-corrosion agent of the carbon steel cooling system in absorption refrigerators up to 0,75 % by weight in the cooling solution:</t>
  </si>
  <si>
    <t>(i)  designed to operate fully or partly with electrical heater, having an average utilised electrical power input &lt; 75W at constant running conditions;</t>
  </si>
  <si>
    <t>Vehicles type approved before 1 January 2020 and spare parts for these vehicles</t>
  </si>
  <si>
    <t>(ii)  designed to operate fully or partly with electrical heater, having an average utilised electrical power input ≥ 75W at constant running conditions;</t>
  </si>
  <si>
    <t>Vehicles type approved before 1 January 2026 and spare parts for these vehicles</t>
  </si>
  <si>
    <t>(iii)  designed to fully operate with non-electrical heater.</t>
  </si>
  <si>
    <t>15(a).  Discharge lamps for headlight application</t>
  </si>
  <si>
    <t>Vehicles type-approved before 1 July 2012 and spare parts for these vehicles</t>
  </si>
  <si>
    <t>15(b).  Fluorescent tubes used in instrument panel displays</t>
  </si>
  <si>
    <t>16.  Batteries for electrical vehicles</t>
  </si>
  <si>
    <t>As spare parts for vehicles put on the market before 31 December 2008</t>
  </si>
  <si>
    <r>
      <t>(</t>
    </r>
    <r>
      <rPr>
        <vertAlign val="superscript"/>
        <sz val="7"/>
        <color rgb="FF3366CC"/>
        <rFont val="Inherit"/>
        <family val="2"/>
      </rPr>
      <t>1</t>
    </r>
    <r>
      <rPr>
        <sz val="10"/>
        <color rgb="FF3366CC"/>
        <rFont val="Inherit"/>
        <family val="2"/>
      </rPr>
      <t>)   </t>
    </r>
    <r>
      <rPr>
        <sz val="10"/>
        <color theme="1"/>
        <rFont val="Inherit"/>
        <family val="2"/>
      </rPr>
      <t>This exemption shall be reviewed in 2021.</t>
    </r>
  </si>
  <si>
    <r>
      <t>(</t>
    </r>
    <r>
      <rPr>
        <vertAlign val="superscript"/>
        <sz val="7"/>
        <color theme="1"/>
        <rFont val="Inherit"/>
        <family val="2"/>
      </rPr>
      <t>1a</t>
    </r>
    <r>
      <rPr>
        <sz val="10"/>
        <color theme="1"/>
        <rFont val="Inherit"/>
        <family val="2"/>
      </rPr>
      <t>)  Applies to aluminium alloys where lead is not intentionally introduced but is present due to the use of recycled aluminium.</t>
    </r>
  </si>
  <si>
    <r>
      <t>(</t>
    </r>
    <r>
      <rPr>
        <vertAlign val="superscript"/>
        <sz val="7"/>
        <color rgb="FF3366CC"/>
        <rFont val="Inherit"/>
        <family val="2"/>
      </rPr>
      <t>3</t>
    </r>
    <r>
      <rPr>
        <sz val="10"/>
        <color rgb="FF3366CC"/>
        <rFont val="Inherit"/>
        <family val="2"/>
      </rPr>
      <t>)   </t>
    </r>
    <r>
      <rPr>
        <sz val="10"/>
        <color theme="1"/>
        <rFont val="Inherit"/>
        <family val="2"/>
      </rPr>
      <t>This exemption shall be reviewed in 2024.</t>
    </r>
  </si>
  <si>
    <r>
      <t>(</t>
    </r>
    <r>
      <rPr>
        <vertAlign val="superscript"/>
        <sz val="7"/>
        <color theme="1"/>
        <rFont val="Inherit"/>
        <family val="2"/>
      </rPr>
      <t>2a</t>
    </r>
    <r>
      <rPr>
        <sz val="10"/>
        <color theme="1"/>
        <rFont val="Inherit"/>
        <family val="2"/>
      </rPr>
      <t>)  Systems that have a voltage of &gt; 75 V DC as defined in Directive 2006/95/EC of the European Parliament and of the Council of 12 December 2006 on the harmonisation of the laws of Member States relating to electrical equipment designed for use within certain voltage limits (OJ L 374, 27.12.2006, p. 10).</t>
    </r>
  </si>
  <si>
    <r>
      <t>(</t>
    </r>
    <r>
      <rPr>
        <vertAlign val="superscript"/>
        <sz val="7"/>
        <color rgb="FF3366CC"/>
        <rFont val="Inherit"/>
        <family val="2"/>
      </rPr>
      <t>5</t>
    </r>
    <r>
      <rPr>
        <sz val="10"/>
        <color rgb="FF3366CC"/>
        <rFont val="Inherit"/>
        <family val="2"/>
      </rPr>
      <t>)   </t>
    </r>
    <r>
      <rPr>
        <sz val="10"/>
        <color theme="1"/>
        <rFont val="Inherit"/>
        <family val="2"/>
      </rPr>
      <t>This exemption shall be reviewed in 2019.</t>
    </r>
  </si>
  <si>
    <r>
      <t>(</t>
    </r>
    <r>
      <rPr>
        <vertAlign val="superscript"/>
        <sz val="7"/>
        <color rgb="FF3366CC"/>
        <rFont val="Inherit"/>
        <family val="2"/>
      </rPr>
      <t>6</t>
    </r>
    <r>
      <rPr>
        <sz val="10"/>
        <color rgb="FF3366CC"/>
        <rFont val="Inherit"/>
        <family val="2"/>
      </rPr>
      <t>)   </t>
    </r>
    <r>
      <rPr>
        <sz val="10"/>
        <color theme="1"/>
        <rFont val="Inherit"/>
        <family val="2"/>
      </rPr>
      <t>Dismantling if, in correlation with entry 10(a), an average threshold of 60 grams per vehicle is exceeded. For the application of this clause electronic devices not installed by the manufacturer on the production line shall not be taken into account.</t>
    </r>
  </si>
  <si>
    <r>
      <t>(</t>
    </r>
    <r>
      <rPr>
        <vertAlign val="superscript"/>
        <sz val="7"/>
        <color rgb="FF3366CC"/>
        <rFont val="Inherit"/>
        <family val="2"/>
      </rPr>
      <t>7</t>
    </r>
    <r>
      <rPr>
        <sz val="10"/>
        <color rgb="FF3366CC"/>
        <rFont val="Inherit"/>
        <family val="2"/>
      </rPr>
      <t>)   </t>
    </r>
    <r>
      <rPr>
        <sz val="10"/>
        <color theme="1"/>
        <rFont val="Inherit"/>
        <family val="2"/>
      </rPr>
      <t>Dismantling if, in correlation with entries 8(a) to 8(j), an average threshold of 60 grams per vehicle is exceeded. For the application of this clause electronic devices not installed by the manufacturer on the production line shall not be taken into account.</t>
    </r>
  </si>
  <si>
    <r>
      <t> </t>
    </r>
    <r>
      <rPr>
        <sz val="10"/>
        <rFont val="Meiryo UI"/>
        <family val="3"/>
        <charset val="128"/>
      </rPr>
      <t>(1)</t>
    </r>
  </si>
  <si>
    <r>
      <t> </t>
    </r>
    <r>
      <rPr>
        <sz val="10"/>
        <rFont val="Meiryo UI"/>
        <family val="3"/>
        <charset val="128"/>
      </rPr>
      <t>(3)</t>
    </r>
  </si>
  <si>
    <r>
      <t>X </t>
    </r>
    <r>
      <rPr>
        <sz val="10"/>
        <rFont val="Meiryo UI"/>
        <family val="3"/>
        <charset val="128"/>
      </rPr>
      <t>(6)</t>
    </r>
  </si>
  <si>
    <r>
      <t>X </t>
    </r>
    <r>
      <rPr>
        <sz val="10"/>
        <rFont val="Meiryo UI"/>
        <family val="3"/>
        <charset val="128"/>
      </rPr>
      <t>(7) (for components other than piezo in engines)</t>
    </r>
  </si>
  <si>
    <t>This exemption does not cover the use of lead in:</t>
    <phoneticPr fontId="4"/>
  </si>
  <si>
    <t>https://eur-lex.europa.eu/legal-content/EN/TXT/?uri=CELEX%3A02000L0053-20200306</t>
    <phoneticPr fontId="4"/>
  </si>
  <si>
    <t>DIRECTIVE 2011/65/EU OF THE EUROPEAN PARLIAMENT AND OF THE COUNCIL</t>
    <phoneticPr fontId="4"/>
  </si>
  <si>
    <t>EU官報［01/04/2021統合版］</t>
    <phoneticPr fontId="11"/>
  </si>
  <si>
    <t>https://eur-lex.europa.eu/legal-content/EN/TXT/?uri=CELEX%3A02011L0065-20210401&amp;qid=1623292824866</t>
    <phoneticPr fontId="4"/>
  </si>
  <si>
    <t>Applications exempted from the restriction in Article 4(1)</t>
  </si>
  <si>
    <t>Exemption</t>
  </si>
  <si>
    <t>Scope and dates of applicability</t>
  </si>
  <si>
    <t>Mercury in single capped (compact) fluorescent lamps not exceeding (per burner):</t>
  </si>
  <si>
    <t>1(a)</t>
  </si>
  <si>
    <t>For general lighting purposes &lt; 30 W: 5 mg</t>
  </si>
  <si>
    <t>Expires on 31 December 2011; 3,5 mg may be used per burner after 31 December 2011 until 31 December 2012; 2,5 mg shall be used per burner after 31 December 2012</t>
  </si>
  <si>
    <t>1(b)</t>
  </si>
  <si>
    <t>For general lighting purposes ≥ 30 W and &lt; 50 W: 5 mg</t>
  </si>
  <si>
    <t>Expires on 31 December 2011; 3,5 mg may be used per burner after 31 December 2011</t>
  </si>
  <si>
    <t>1(c)</t>
  </si>
  <si>
    <t>For general lighting purposes ≥ 50 W and &lt; 150 W: 5 mg</t>
  </si>
  <si>
    <t>1(d)</t>
  </si>
  <si>
    <t>For general lighting purposes ≥ 150 W: 15 mg</t>
  </si>
  <si>
    <t>1(e)</t>
  </si>
  <si>
    <t>For general lighting purposes with circular or square structural shape and tube diameter ≤ 17 mm</t>
  </si>
  <si>
    <t>No limitation of use until 31 December 2011; 7 mg may be used per burner after 31 December 2011</t>
  </si>
  <si>
    <t>1(f)</t>
  </si>
  <si>
    <t>For special purposes: 5 mg</t>
  </si>
  <si>
    <t>1(g)</t>
  </si>
  <si>
    <t>For general lighting purposes &lt; 30 W with a lifetime equal or above 20 000 h: 3,5 mg</t>
  </si>
  <si>
    <t>Expires on 31 December 2017</t>
  </si>
  <si>
    <t>2(a)</t>
  </si>
  <si>
    <t>Mercury in double-capped linear fluorescent lamps for general lighting purposes not exceeding (per lamp):</t>
  </si>
  <si>
    <t>2(a)(1)</t>
  </si>
  <si>
    <t>Tri-band phosphor with normal lifetime and a tube diameter &lt; 9 mm (e.g. T2): 5 mg</t>
  </si>
  <si>
    <t>Expires on 31 December 2011; 4 mg may be used per lamp after 31 December 2011</t>
  </si>
  <si>
    <t>2(a)(2)</t>
  </si>
  <si>
    <t>Tri-band phosphor with normal lifetime and a tube diameter ≥ 9 mm and ≤ 17 mm (e.g. T5): 5 mg</t>
  </si>
  <si>
    <t>Expires on 31 December 2011; 3 mg may be used per lamp after 31 December 2011</t>
  </si>
  <si>
    <t>2(a)(3)</t>
  </si>
  <si>
    <t>Tri-band phosphor with normal lifetime and a tube diameter &gt; 17 mm and ≤ 28 mm (e.g. T8): 5 mg</t>
  </si>
  <si>
    <t>Expires on 31 December 2011; 3,5 mg may be used per lamp after 31 December 2011</t>
  </si>
  <si>
    <t>2(a)(4)</t>
  </si>
  <si>
    <t>Tri-band phosphor with normal lifetime and a tube diameter &gt; 28 mm (e.g. T12): 5 mg</t>
  </si>
  <si>
    <t>Expires on 31 December 2012; 3,5 mg may be used per lamp after 31 December 2012</t>
  </si>
  <si>
    <t>2(a)(5)</t>
  </si>
  <si>
    <t>Tri-band phosphor with long lifetime (≥ 25 000 h): 8 mg</t>
  </si>
  <si>
    <t>Expires on 31 December 2011; 5 mg may be used per lamp after 31 December 2011</t>
  </si>
  <si>
    <t>2(b)</t>
  </si>
  <si>
    <t>Mercury in other fluorescent lamps not exceeding (per lamp):</t>
  </si>
  <si>
    <t>2(b)(1)</t>
  </si>
  <si>
    <t>Linear halophosphate lamps with tube &gt; 28 mm (e.g. T10 and T12): 10 mg</t>
  </si>
  <si>
    <t>Expires on 13 April 2012</t>
  </si>
  <si>
    <t>2(b)(2)</t>
  </si>
  <si>
    <t>Non-linear halophosphate lamps (all diameters): 15 mg</t>
  </si>
  <si>
    <t>Expires on 13 April 2016</t>
  </si>
  <si>
    <t>2(b)(3)</t>
  </si>
  <si>
    <t>Non-linear tri-band phosphor lamps with tube diameter &gt; 17 mm (e.g. T9)</t>
  </si>
  <si>
    <t>No limitation of use until 31 December 2011; 15 mg may be used per lamp after 31 December 2011</t>
  </si>
  <si>
    <t>2(b)(4)</t>
  </si>
  <si>
    <t>Lamps for other general lighting and special purposes (e.g. induction lamps)</t>
  </si>
  <si>
    <t>Mercury in cold cathode fluorescent lamps and external electrode fluorescent lamps (CCFL and EEFL) for special purposes not exceeding (per lamp):</t>
  </si>
  <si>
    <t>3(a)</t>
  </si>
  <si>
    <t>Short length (≤ 500 mm)</t>
  </si>
  <si>
    <t>No limitation of use until 31 December 2011; 3,5 mg may be used per lamp after 31 December 2011</t>
  </si>
  <si>
    <t>3(b)</t>
  </si>
  <si>
    <t>Medium length (&gt; 500 mm and ≤ 1 500 mm)</t>
  </si>
  <si>
    <t>No limitation of use until 31 December 2011; 5 mg may be used per lamp after 31 December 2011</t>
  </si>
  <si>
    <t>3(c)</t>
  </si>
  <si>
    <t>Long length (&gt; 1 500 mm)</t>
  </si>
  <si>
    <t>No limitation of use until 31 December 2011; 13 mg may be used per lamp after 31 December 2011</t>
  </si>
  <si>
    <t>4(a)</t>
  </si>
  <si>
    <t>Mercury in other low pressure discharge lamps (per lamp)</t>
  </si>
  <si>
    <t>4(b)</t>
  </si>
  <si>
    <t>Mercury in High Pressure Sodium (vapour) lamps for general lighting purposes not exceeding (per burner) in lamps with improved colour rendering index Ra &gt; 60:</t>
  </si>
  <si>
    <t>4(b)-I</t>
  </si>
  <si>
    <t>P ≤ 155 W</t>
  </si>
  <si>
    <t>No limitation of use until 31 December 2011; 30 mg may be used per burner after 31 December 2011</t>
  </si>
  <si>
    <t>4(b)-II</t>
  </si>
  <si>
    <t>155 W &lt; P ≤ 405 W</t>
  </si>
  <si>
    <t>No limitation of use until 31 December 2011; 40 mg may be used per burner after 31 December 2011</t>
  </si>
  <si>
    <t>4(b)-III</t>
  </si>
  <si>
    <t>P &gt; 405 W</t>
  </si>
  <si>
    <t>4(c)</t>
  </si>
  <si>
    <t>Mercury in other High Pressure Sodium (vapour) lamps for general lighting purposes not exceeding (per burner):</t>
  </si>
  <si>
    <t>4(c)-I</t>
  </si>
  <si>
    <t>No limitation of use until 31 December 2011; 25 mg may be used per burner after 31 December 2011</t>
  </si>
  <si>
    <t>4(c)-II</t>
  </si>
  <si>
    <t>4(c)-III</t>
  </si>
  <si>
    <t>4(d)</t>
  </si>
  <si>
    <t>Mercury in High Pressure Mercury (vapour) lamps (HPMV)</t>
  </si>
  <si>
    <t>Expires on 13 April 2015</t>
  </si>
  <si>
    <t>4(e)</t>
  </si>
  <si>
    <t>Mercury in metal halide lamps (MH)</t>
  </si>
  <si>
    <t>4(f)</t>
  </si>
  <si>
    <t>Mercury in other discharge lamps for special purposes not specifically mentioned in this Annex</t>
  </si>
  <si>
    <t>4(g)</t>
  </si>
  <si>
    <t>Mercury in hand crafted luminous discharge tubes used for signs, decorative or architectural and specialist lighting and light-artwork, where the mercury content shall be limited as follows:</t>
  </si>
  <si>
    <t>Expires on 31 December 2018</t>
  </si>
  <si>
    <t>(a)  20 mg per electrode pair + 0,3 mg per tube length in cm, but not more than 80 mg, for outdoor applications and indoor applications exposed to temperatures below 20 °C;</t>
  </si>
  <si>
    <t>(b)  15 mg per electrode pair + 0,24 mg per tube length in cm, but not more than 80 mg, for all other indoor applications.</t>
  </si>
  <si>
    <t>5(a)</t>
  </si>
  <si>
    <t>Lead in glass of cathode ray tubes</t>
  </si>
  <si>
    <t>5(b)</t>
  </si>
  <si>
    <t>Lead in glass of fluorescent tubes not exceeding 0,2 % by weight</t>
  </si>
  <si>
    <t>▼M41</t>
  </si>
  <si>
    <t>6(a)</t>
  </si>
  <si>
    <t>Lead as an alloying element in steel for machining purposes and in galvanised steel containing up to 0,35 % lead by weight</t>
  </si>
  <si>
    <t>Expires on:</t>
  </si>
  <si>
    <t>— 21 July 2021 for categories 8 and 9 other than in vitro diagnostic medical devices and industrial monitoring and control instruments;</t>
  </si>
  <si>
    <t>— 21 July 2023 for category 8 in vitro diagnostic medical devices;</t>
  </si>
  <si>
    <t>— 21 July 2024 for category 9 industrial monitoring and control instruments, and for category 11.</t>
  </si>
  <si>
    <t>6(a)-I</t>
  </si>
  <si>
    <t>Lead as an alloying element in steel for machining purposes containing up to 0,35 % lead by weight and in batch hot dip galvanised steel components containing up to 0,2 % lead by weight</t>
  </si>
  <si>
    <t>Expires on 21 July 2021 for categories 1-7 and 10.</t>
  </si>
  <si>
    <t>▼M42</t>
  </si>
  <si>
    <t>6(b)</t>
  </si>
  <si>
    <t>Lead as an alloying element in aluminium containing up to 0,4 % lead by weight</t>
  </si>
  <si>
    <r>
      <t>— 21 July 2021 for categories 8 and 9 other than </t>
    </r>
    <r>
      <rPr>
        <i/>
        <sz val="10"/>
        <color theme="1"/>
        <rFont val="Meiryo UI"/>
        <family val="3"/>
        <charset val="128"/>
      </rPr>
      <t>in vitro</t>
    </r>
    <r>
      <rPr>
        <sz val="10"/>
        <color theme="1"/>
        <rFont val="Meiryo UI"/>
        <family val="3"/>
        <charset val="128"/>
      </rPr>
      <t> diagnostic medical devices and industrial monitoring and control instruments,</t>
    </r>
  </si>
  <si>
    <r>
      <t>— 21 July 2023 for category 8 </t>
    </r>
    <r>
      <rPr>
        <i/>
        <sz val="10"/>
        <color theme="1"/>
        <rFont val="Meiryo UI"/>
        <family val="3"/>
        <charset val="128"/>
      </rPr>
      <t>in vitro</t>
    </r>
    <r>
      <rPr>
        <sz val="10"/>
        <color theme="1"/>
        <rFont val="Meiryo UI"/>
        <family val="3"/>
        <charset val="128"/>
      </rPr>
      <t> diagnostic medical devices,</t>
    </r>
  </si>
  <si>
    <t>— 21 July 2024 for category 9 industrial monitoring and control instruments, and for category 11.</t>
  </si>
  <si>
    <t>6(b)-I</t>
  </si>
  <si>
    <t>Lead as an alloying element in aluminium containing up to 0,4 % lead by weight, provided it stems from lead-bearing aluminium scrap recycling</t>
  </si>
  <si>
    <t>Expires on 21 July 2021 for categories 1-7 and 10.</t>
  </si>
  <si>
    <t>6(b)-II</t>
  </si>
  <si>
    <t>Lead as an alloying element in aluminium for machining purposes with a lead content up to 0,4 % by weight</t>
  </si>
  <si>
    <t>Expires on 18 May 2021 for categories 1-7 and 10.</t>
  </si>
  <si>
    <t>6(c)</t>
  </si>
  <si>
    <t>Copper alloy containing up to 4 % lead by weight</t>
  </si>
  <si>
    <t>— 21 July 2021 for categories 1-7 and 10,</t>
  </si>
  <si>
    <r>
      <t>— 21 July 2021 for categories 8 and 9 other than </t>
    </r>
    <r>
      <rPr>
        <i/>
        <sz val="10"/>
        <color theme="1"/>
        <rFont val="Meiryo UI"/>
        <family val="3"/>
        <charset val="128"/>
      </rPr>
      <t>in vitro</t>
    </r>
    <r>
      <rPr>
        <sz val="10"/>
        <color theme="1"/>
        <rFont val="Meiryo UI"/>
        <family val="3"/>
        <charset val="128"/>
      </rPr>
      <t> diagnostic medical devices and industrial monitoring and control instruments,</t>
    </r>
  </si>
  <si>
    <r>
      <t>— 21 July 2023 for category 8 </t>
    </r>
    <r>
      <rPr>
        <i/>
        <sz val="10"/>
        <color theme="1"/>
        <rFont val="Meiryo UI"/>
        <family val="3"/>
        <charset val="128"/>
      </rPr>
      <t>in vitro</t>
    </r>
    <r>
      <rPr>
        <sz val="10"/>
        <color theme="1"/>
        <rFont val="Meiryo UI"/>
        <family val="3"/>
        <charset val="128"/>
      </rPr>
      <t> diagnostic medical devices,</t>
    </r>
  </si>
  <si>
    <t>7(a)</t>
  </si>
  <si>
    <t>Lead in high melting temperature type solders (i.e. lead-based alloys containing 85 % by weight or more lead)</t>
  </si>
  <si>
    <t>Applies to categories 1-7 and 10 (except applications covered by point 24 of this Annex) and expires on 21 July 2021.</t>
  </si>
  <si>
    <t>For categories 8 and 9 other than in vitro diagnostic medical devices and industrial monitoring and control instruments expires on 21 July 2021.</t>
  </si>
  <si>
    <t>For category 8 in vitro diagnostic medical devices expires on 21 July 2023.</t>
  </si>
  <si>
    <t>For category 9 industrial monitoring and control instruments, and for category 11 expires on 21 July 2024.</t>
  </si>
  <si>
    <t>7(b)</t>
  </si>
  <si>
    <t>Lead in solders for servers, storage and storage array systems, network infrastructure equipment for switching, signalling, transmission, and network management for telecommunications</t>
  </si>
  <si>
    <t>7(c)-I</t>
  </si>
  <si>
    <t>Electrical and electronic components containing lead in a glass or ceramic other than dielectric ceramic in capacitors, e.g. piezoelectronic devices, or in a glass or ceramic matrix compound</t>
  </si>
  <si>
    <t>Applies to categories 1-7 and 10 (except applications covered under point 34) and expires on 21 July 2021.</t>
  </si>
  <si>
    <r>
      <t>For categories 8 and 9 other than </t>
    </r>
    <r>
      <rPr>
        <i/>
        <sz val="10"/>
        <color theme="1"/>
        <rFont val="Meiryo UI"/>
        <family val="3"/>
        <charset val="128"/>
      </rPr>
      <t>in vitro</t>
    </r>
    <r>
      <rPr>
        <sz val="10"/>
        <color theme="1"/>
        <rFont val="Meiryo UI"/>
        <family val="3"/>
        <charset val="128"/>
      </rPr>
      <t> diagnostic medical devices and industrial monitoring and control instruments expires on 21 July 2021.</t>
    </r>
  </si>
  <si>
    <r>
      <t>For category 8 </t>
    </r>
    <r>
      <rPr>
        <i/>
        <sz val="10"/>
        <color theme="1"/>
        <rFont val="Meiryo UI"/>
        <family val="3"/>
        <charset val="128"/>
      </rPr>
      <t>in vitro</t>
    </r>
    <r>
      <rPr>
        <sz val="10"/>
        <color theme="1"/>
        <rFont val="Meiryo UI"/>
        <family val="3"/>
        <charset val="128"/>
      </rPr>
      <t> diagnostic medical devices expires on 21 July 2023.</t>
    </r>
  </si>
  <si>
    <t>For category 9 industrial monitoring and control instruments, and for category 11 expires on 21 July 2024.</t>
  </si>
  <si>
    <t>7(c)-II</t>
  </si>
  <si>
    <t>Lead in dielectric ceramic in capacitors for a rated voltage of 125 V AC or 250 V DC or higher</t>
  </si>
  <si>
    <t>Does not apply to applications covered by point 7(c)-I and 7(c)-IV of this Annex.</t>
  </si>
  <si>
    <t>— 21 July 2021 for categories 1-7 and 10;</t>
  </si>
  <si>
    <t>7(c)-III</t>
  </si>
  <si>
    <t>Lead in dielectric ceramic in capacitors for a rated voltage of less than 125 V AC or 250 V DC</t>
  </si>
  <si>
    <t>Expires on 1 January 2013 and after that date may be used in spare parts for EEE placed on the market before 1 January 2013</t>
  </si>
  <si>
    <t>7(c)-IV</t>
  </si>
  <si>
    <t>Lead in PZT based dielectric ceramic materials for capacitors which are part of integrated circuits or discrete semiconductors</t>
  </si>
  <si>
    <t>8(a)</t>
  </si>
  <si>
    <t>Cadmium and its compounds in one shot pellet type thermal cut-offs</t>
  </si>
  <si>
    <t>Expires on 1 January 2012 and after that date may be used in spare parts for EEE placed on the market before 1 January 2012</t>
  </si>
  <si>
    <t>8(b)</t>
  </si>
  <si>
    <t>Cadmium and its compounds in electrical contacts</t>
  </si>
  <si>
    <t>Applies to categories 8, 9 and 11 and expires on:</t>
  </si>
  <si>
    <r>
      <t>— 21 July 2021 for categories 8 and 9 other than </t>
    </r>
    <r>
      <rPr>
        <i/>
        <sz val="10"/>
        <color theme="1"/>
        <rFont val="Meiryo UI"/>
        <family val="3"/>
        <charset val="128"/>
      </rPr>
      <t>in vitro</t>
    </r>
    <r>
      <rPr>
        <sz val="10"/>
        <color theme="1"/>
        <rFont val="Meiryo UI"/>
        <family val="3"/>
        <charset val="128"/>
      </rPr>
      <t> diagnostic medical devices and industrial monitoring and control instruments;</t>
    </r>
  </si>
  <si>
    <r>
      <t>— 21 July 2023 for category 8 </t>
    </r>
    <r>
      <rPr>
        <i/>
        <sz val="10"/>
        <color theme="1"/>
        <rFont val="Meiryo UI"/>
        <family val="3"/>
        <charset val="128"/>
      </rPr>
      <t>in vitro</t>
    </r>
    <r>
      <rPr>
        <sz val="10"/>
        <color theme="1"/>
        <rFont val="Meiryo UI"/>
        <family val="3"/>
        <charset val="128"/>
      </rPr>
      <t> diagnostic medical devices;</t>
    </r>
  </si>
  <si>
    <t>8(b)-I</t>
  </si>
  <si>
    <t>Cadmium and its compounds in electrical contacts used in:</t>
  </si>
  <si>
    <t>Applies to categories 1 to 7 and 10 and expires on 21 July 2021.</t>
  </si>
  <si>
    <t>— circuit breakers,</t>
  </si>
  <si>
    <t>— thermal sensing controls,</t>
  </si>
  <si>
    <t>— thermal motor protectors (excluding hermetic thermal motor protectors),</t>
  </si>
  <si>
    <t>— AC switches rated at:</t>
  </si>
  <si>
    <t>— 6 A and more at 250 V AC and more, or</t>
  </si>
  <si>
    <t>— 12 A and more at 125 V AC and more,</t>
  </si>
  <si>
    <t>— DC switches rated at 20 A and more at 18 V DC and more, and</t>
  </si>
  <si>
    <t>— switches for use at voltage supply frequency ≥ 200 Hz.</t>
  </si>
  <si>
    <t>▼M58</t>
  </si>
  <si>
    <t>Hexavalent chromium as an anticorrosion agent of the carbon steel cooling system in absorption refrigerators up to 0,75 % by weight in the cooling solution</t>
  </si>
  <si>
    <t>— 21 July 2021 for categories 8 and 9 other than in vitro diagnostic medical devices and industrial monitoring and control instruments,</t>
  </si>
  <si>
    <t>— 21 July 2023 for category 8 in vitro diagnostic medical devices,</t>
  </si>
  <si>
    <t>9(a)-I</t>
  </si>
  <si>
    <t>Up to 0,75 % hexavalent chromium by weight, used as an anticorrosion agent in the cooling solution of carbon steel cooling systems of absorption refrigerators (including minibars) designed to operate fully or partly with electrical heater, having an average utilised power input &lt; 75 W at constant running conditions</t>
  </si>
  <si>
    <t>Applies to categories 1-7 and 10 and expires on 5 March 2021.</t>
  </si>
  <si>
    <t>9(a)-II</t>
  </si>
  <si>
    <t>Up to 0,75 % hexavalent chromium by weight, used as an anticorrosion agent in the cooling solution of carbon steel cooling systems of absorption refrigerators:</t>
  </si>
  <si>
    <t>Applies to categories 1-7 and 10 and expires on 21 July 2021.</t>
  </si>
  <si>
    <t>— designed to operate fully or partly with electrical heater, having an average utilised power input ≥ 75 W at constant running conditions,</t>
  </si>
  <si>
    <t>— designed to fully operate with non-electrical heater.</t>
  </si>
  <si>
    <t>9(b)</t>
  </si>
  <si>
    <t>Lead in bearing shells and bushes for refrigerant-containing compressors for heating, ventilation, air conditioning and refrigeration (HVACR) applications</t>
  </si>
  <si>
    <t>Applies to categories 8, 9 and 11; expires on:</t>
  </si>
  <si>
    <t>— 21 July 2024 for category 9 industrial monitoring and control instruments and for category 11,</t>
  </si>
  <si>
    <t>— 21 July 2021 for other subcategories of categories 8 and 9.</t>
  </si>
  <si>
    <t>9(b)-(I)</t>
  </si>
  <si>
    <t>Lead in bearing shells and bushes for refrigerant-containing hermetic scroll compressors with a stated electrical power input equal or below 9 kW for heating, ventilation, air conditioning and refrigeration (HVACR) applications</t>
  </si>
  <si>
    <t>Applies to category 1; expires on 21 July 2019.</t>
  </si>
  <si>
    <t>11(a)</t>
  </si>
  <si>
    <t>Lead used in C-press compliant pin connector systems</t>
  </si>
  <si>
    <t>May be used in spare parts for EEE placed on the market before 24 September 2010</t>
  </si>
  <si>
    <t>11(b)</t>
  </si>
  <si>
    <t>Lead used in other than C-press compliant pin connector systems</t>
  </si>
  <si>
    <t>Lead as a coating material for the thermal conduction module C-ring</t>
  </si>
  <si>
    <t>▼M35</t>
  </si>
  <si>
    <t>13(a)</t>
  </si>
  <si>
    <t>Lead in white glasses used for optical applications</t>
  </si>
  <si>
    <t>Applies to all categories; expires on:</t>
  </si>
  <si>
    <t>— 21 July 2024 for category 9 industrial monitoring and control instruments and for category 11;</t>
  </si>
  <si>
    <t>— 21 July 2021 for all other categories and subcategories</t>
  </si>
  <si>
    <t>▼M33</t>
  </si>
  <si>
    <t>13(b)</t>
  </si>
  <si>
    <t>Cadmium and lead in filter glasses and glasses used for reflectance standards</t>
  </si>
  <si>
    <t>— 21 July 2021 for other subcategories of categories 8 and 9</t>
  </si>
  <si>
    <t>13(b)-(I)</t>
  </si>
  <si>
    <t>Lead in ion coloured optical filter glass types</t>
  </si>
  <si>
    <t>Applies to categories 1 to 7 and 10; expires on 21 July 2021 for categories 1 to 7 and 10</t>
  </si>
  <si>
    <t>13(b)-(II)</t>
  </si>
  <si>
    <t>Cadmium in striking optical filter glass types; excluding applications falling under point 39 of this Annex</t>
  </si>
  <si>
    <t>13(b)-(III)</t>
  </si>
  <si>
    <t>Cadmium and lead in glazes used for reflectance standards</t>
  </si>
  <si>
    <t>Lead in solders consisting of more than two elements for the connection between the pins and the package of microprocessors with a lead content of more than 80 % and less than 85 % by weight</t>
  </si>
  <si>
    <t>Expired on 1 January 2011 and after that date may be used in spare parts for EEE placed on the market before 1 January 2011</t>
  </si>
  <si>
    <t>▼M48</t>
  </si>
  <si>
    <t>Lead in solders to complete a viable electrical connection between semiconductor die and carrier within integrated circuit flip chip packages</t>
  </si>
  <si>
    <t>15(a)</t>
  </si>
  <si>
    <t>Lead in solders to complete a viable electrical connection between the semiconductor die and carrier within integrated circuit flip chip packages where at least one of the following criteria applies:</t>
  </si>
  <si>
    <t>— a semiconductor technology node of 90 nm or larger;</t>
  </si>
  <si>
    <r>
      <t>— a single die of 300 mm</t>
    </r>
    <r>
      <rPr>
        <vertAlign val="superscript"/>
        <sz val="7"/>
        <color theme="1"/>
        <rFont val="Meiryo UI"/>
        <family val="3"/>
        <charset val="128"/>
      </rPr>
      <t>2</t>
    </r>
    <r>
      <rPr>
        <sz val="10"/>
        <color theme="1"/>
        <rFont val="Meiryo UI"/>
        <family val="3"/>
        <charset val="128"/>
      </rPr>
      <t> or larger in any semiconductor technology node;</t>
    </r>
  </si>
  <si>
    <r>
      <t>— stacked die packages with die of 300 mm</t>
    </r>
    <r>
      <rPr>
        <vertAlign val="superscript"/>
        <sz val="7"/>
        <color theme="1"/>
        <rFont val="Meiryo UI"/>
        <family val="3"/>
        <charset val="128"/>
      </rPr>
      <t>2</t>
    </r>
    <r>
      <rPr>
        <sz val="10"/>
        <color theme="1"/>
        <rFont val="Meiryo UI"/>
        <family val="3"/>
        <charset val="128"/>
      </rPr>
      <t> or larger, or silicon interposers of 300 mm</t>
    </r>
    <r>
      <rPr>
        <vertAlign val="superscript"/>
        <sz val="7"/>
        <color theme="1"/>
        <rFont val="Meiryo UI"/>
        <family val="3"/>
        <charset val="128"/>
      </rPr>
      <t>2</t>
    </r>
    <r>
      <rPr>
        <sz val="10"/>
        <color theme="1"/>
        <rFont val="Meiryo UI"/>
        <family val="3"/>
        <charset val="128"/>
      </rPr>
      <t> or larger.</t>
    </r>
  </si>
  <si>
    <t>Lead in linear incandescent lamps with silicate coated tubes</t>
  </si>
  <si>
    <t>Expires on 1 September 2013</t>
  </si>
  <si>
    <t>Lead halide as radiant agent in high intensity discharge (HID) lamps used for professional reprography applications</t>
  </si>
  <si>
    <t>18(a)</t>
  </si>
  <si>
    <r>
      <t>Lead as activator in the fluorescent powder (1 % lead by weight or less) of discharge lamps when used as speciality lamps for diazoprinting reprography, lithography, insect traps, photochemical and curing processes containing phosphors such as SMS ((Sr,Ba)</t>
    </r>
    <r>
      <rPr>
        <vertAlign val="subscript"/>
        <sz val="7"/>
        <color theme="1"/>
        <rFont val="Meiryo UI"/>
        <family val="3"/>
        <charset val="128"/>
      </rPr>
      <t>2</t>
    </r>
    <r>
      <rPr>
        <sz val="10"/>
        <color theme="1"/>
        <rFont val="Meiryo UI"/>
        <family val="3"/>
        <charset val="128"/>
      </rPr>
      <t>MgSi</t>
    </r>
    <r>
      <rPr>
        <vertAlign val="subscript"/>
        <sz val="7"/>
        <color theme="1"/>
        <rFont val="Meiryo UI"/>
        <family val="3"/>
        <charset val="128"/>
      </rPr>
      <t>2</t>
    </r>
    <r>
      <rPr>
        <sz val="10"/>
        <color theme="1"/>
        <rFont val="Meiryo UI"/>
        <family val="3"/>
        <charset val="128"/>
      </rPr>
      <t>O</t>
    </r>
    <r>
      <rPr>
        <vertAlign val="subscript"/>
        <sz val="7"/>
        <color theme="1"/>
        <rFont val="Meiryo UI"/>
        <family val="3"/>
        <charset val="128"/>
      </rPr>
      <t>7</t>
    </r>
    <r>
      <rPr>
        <sz val="10"/>
        <color theme="1"/>
        <rFont val="Meiryo UI"/>
        <family val="3"/>
        <charset val="128"/>
      </rPr>
      <t>:Pb)</t>
    </r>
  </si>
  <si>
    <t>Expired on 1 January 2011</t>
  </si>
  <si>
    <t>18(b)</t>
  </si>
  <si>
    <t>Lead as activator in the fluorescent powder (1 % lead by weight or less) of discharge lamps when used as sun tanning lamps containing phosphors such as BSP (BaSi2O5:Pb)</t>
  </si>
  <si>
    <t>18(b)-I</t>
  </si>
  <si>
    <t>Lead as activator in the fluorescent powder (1 % lead by weight or less) of discharge lamps containing phosphors such as BSP (BaSi2O5:Pb) when used in medical phototherapy equipment</t>
  </si>
  <si>
    <t>Applies to categories 5 and 8, excluding applications covered by entry 34 of Annex IV, and expires on 21 July 2021.</t>
  </si>
  <si>
    <t>Lead with PbBiSn-Hg and PbInSn-Hg in specific compositions as main amalgam and with PbSn-Hg as auxiliary amalgam in very compact energy saving lamps (ESL)</t>
  </si>
  <si>
    <t>Expires on 1 June 2011</t>
  </si>
  <si>
    <t>Lead oxide in glass used for bonding front and rear substrates of flat fluorescent lamps used for Liquid Crystal Displays (LCDs)</t>
  </si>
  <si>
    <t>Lead and cadmium in printing inks for the application of enamels on glasses, such as borosilicate and soda lime glasses</t>
  </si>
  <si>
    <t>21(a)</t>
  </si>
  <si>
    <t>Cadmium when used in colour printed glass to provide filtering functions, used as a component in lighting applications installed in displays and control panels of EEE</t>
  </si>
  <si>
    <t>Applies to categories 1 to 7 and 10 except applications covered by entry 21(b) or entry 39 and expires on 21 July 2021.</t>
  </si>
  <si>
    <t>21(b)</t>
  </si>
  <si>
    <t>Cadmium in printing inks for the application of enamels on glasses, such as borosilicate and soda lime glasses</t>
  </si>
  <si>
    <t>Applies to categories 1 to 7 and 10 except applications covered by entry 21(a) or 39 and expires on 21 July 2021.</t>
  </si>
  <si>
    <t>21(c)</t>
  </si>
  <si>
    <t>Lead in printing inks for the application of enamels on other than borosilicate glasses</t>
  </si>
  <si>
    <t>Lead in finishes of fine pitch components other than connectors with a pitch of 0,65 mm and less</t>
  </si>
  <si>
    <t>▼M39</t>
  </si>
  <si>
    <t>Lead in solders for the soldering to machined through hole discoidal and planar array ceramic multilayer capacitors</t>
  </si>
  <si>
    <t>Lead oxide in surface conduction electron emitter displays (SED) used in structural elements, notably in the seal frit and frit ring</t>
  </si>
  <si>
    <t>Lead oxide in the glass envelope of black light blue lamps</t>
  </si>
  <si>
    <t>Lead alloys as solder for transducers used in high-powered (designated to operate for several hours at acoustic power levels of 125 dB SPL and above) loudspeakers</t>
  </si>
  <si>
    <t>Expired on 24 September 2010</t>
  </si>
  <si>
    <t>Lead bound in crystal glass as defined in Annex I (Categories 1, 2, 3 and 4) of Council Directive 69/493/EEC ()</t>
  </si>
  <si>
    <t>— 21 July 2021 for categories 8 and 9 other than in vitro diagnostic medical devices and industrial monitoring and ontrol instruments;</t>
  </si>
  <si>
    <t>Cadmium alloys as electrical/mechanical solder joints to electrical conductors located directly on the voice coil in transducers used in high-powered loudspeakers with sound pressure levels of 100 dB (A) and more</t>
  </si>
  <si>
    <t>Lead in soldering materials in mercury free flat fluorescent lamps (which, e.g. are used for liquid crystal displays, design or industrial lighting)</t>
  </si>
  <si>
    <t>▼M51</t>
  </si>
  <si>
    <t>Lead oxide in seal frit used for making window assemblies for Argon and Krypton laser tubes</t>
  </si>
  <si>
    <t>Lead in solders for the soldering of thin copper wires of 100 μm diameter and less in power transformers</t>
  </si>
  <si>
    <t>Lead in cermet-based trimmer potentiometer elements</t>
  </si>
  <si>
    <t>Mercury used as a cathode sputtering inhibitor in DC plasma displays with a content up to 30 mg per display</t>
  </si>
  <si>
    <t>Expired on 1 July 2010</t>
  </si>
  <si>
    <t>Lead in the plating layer of high voltage diodes on the basis of a zinc borate glass body</t>
  </si>
  <si>
    <t>Cadmium and cadmium oxide in thick film pastes used on aluminium bonded beryllium oxide</t>
  </si>
  <si>
    <t>▼M36</t>
  </si>
  <si>
    <t>39(a)</t>
  </si>
  <si>
    <r>
      <t>Cadmium selenide in downshifting cadmium-based semiconductor nanocrystal quantum dots for use in display lighting applications (&lt; 0,2 μg Cd per mm</t>
    </r>
    <r>
      <rPr>
        <vertAlign val="superscript"/>
        <sz val="7"/>
        <color theme="1"/>
        <rFont val="Meiryo UI"/>
        <family val="3"/>
        <charset val="128"/>
      </rPr>
      <t>2</t>
    </r>
    <r>
      <rPr>
        <sz val="10"/>
        <color theme="1"/>
        <rFont val="Meiryo UI"/>
        <family val="3"/>
        <charset val="128"/>
      </rPr>
      <t> of display screen area)</t>
    </r>
  </si>
  <si>
    <r>
      <t>►C2</t>
    </r>
    <r>
      <rPr>
        <sz val="10"/>
        <color rgb="FF3366CC"/>
        <rFont val="Meiryo UI"/>
        <family val="3"/>
        <charset val="128"/>
      </rPr>
      <t> </t>
    </r>
    <r>
      <rPr>
        <sz val="10"/>
        <color theme="1"/>
        <rFont val="Meiryo UI"/>
        <family val="3"/>
        <charset val="128"/>
      </rPr>
      <t>  Expires for all categories on 31 October 2019</t>
    </r>
    <r>
      <rPr>
        <b/>
        <sz val="10"/>
        <color theme="1"/>
        <rFont val="Meiryo UI"/>
        <family val="3"/>
        <charset val="128"/>
      </rPr>
      <t> ◄</t>
    </r>
  </si>
  <si>
    <t>▼M2</t>
  </si>
  <si>
    <t>Cadmium in photoresistors for analogue optocouplers applied in professional audio equipment</t>
  </si>
  <si>
    <t>Expires on 31 December 2013</t>
  </si>
  <si>
    <t>Lead in solders and termination finishes of electrical and electronic components and finishes of printed circuit boards used in ignition modules and other electrical and electronic engine control systems, which for technical reasons must be mounted directly on or in the crankcase or cylinder of hand-held combustion engines (classes SH:1, SH:2, SH:3 of Directive 97/68/EC of the European Parliament and of the Council (2))</t>
  </si>
  <si>
    <t>Applies to all categories and expires on:</t>
  </si>
  <si>
    <t>— 31 March 2022 for categories 1 to 7, 10 and 11;</t>
  </si>
  <si>
    <t>— 21 July 2024 for category 9 industrial monitoring and control instruments.</t>
  </si>
  <si>
    <t>▼M54</t>
  </si>
  <si>
    <t>Lead in bearings and bushes of diesel or gaseous fuel powered internal combustion engines applied in non-road professional use equipment:</t>
  </si>
  <si>
    <t>Applies to category 11, excluding applications covered by entry 6(c) of this Annex.</t>
  </si>
  <si>
    <t>— with engine total displacement ≥ 15 litres;</t>
  </si>
  <si>
    <t>Expires on 21 July 2024.</t>
  </si>
  <si>
    <t>— or</t>
  </si>
  <si>
    <t>— with engine total displacement &lt; 15 litres and the engine is designed to operate in applications where the time between signal to start and full load is required to be less than 10 seconds; or regular maintenance is typically performed in a harsh and dirty outdoor environment, such as mining, construction, and agriculture applications.</t>
  </si>
  <si>
    <t>▼M55</t>
  </si>
  <si>
    <t>Bis(2-ethylhexyl) phthalate in rubber components in engine systems, designed for use in equipment that is not intended solely for consumer use and provided that no plasticised material comes into contact with human mucous membranes or into prolonged contact with human skin and the concentration value of bis(2-ethylhexyl) phthalate does not exceed:</t>
  </si>
  <si>
    <t>Applies to category 11 and expires on 21 July 2024.</t>
  </si>
  <si>
    <t>(a)  30 % by weight of the rubber for</t>
  </si>
  <si>
    <t>(i)  gasket coatings;</t>
  </si>
  <si>
    <t>(ii)  solid-rubber gaskets; or</t>
  </si>
  <si>
    <t>(iii)  rubber components included in assemblies of at least three components using electrical, mechanical or hydraulic energy to do work, and attached to the engine.</t>
  </si>
  <si>
    <t>(b)  10 % by weight of the rubber for rubber-containing components not referred to in point (a).</t>
  </si>
  <si>
    <t>For the purposes of this entry, ‘prolonged contact with human skin’ means continuous contact of more than 10 minutes duration or intermittent contact over a period of 30 minutes, per day.</t>
  </si>
  <si>
    <t>▼M56</t>
  </si>
  <si>
    <t>Lead in solder of sensors, actuators, and engine control units of combustion engines within the scope of Regulation (EU) 2016/1628 of the European Parliament and of the Council (4), installed in equipment used at fixed positions while in operation which is designed for professionals, but also used by non-professional users</t>
  </si>
  <si>
    <r>
      <t>(</t>
    </r>
    <r>
      <rPr>
        <vertAlign val="superscript"/>
        <sz val="7"/>
        <color rgb="FF3366CC"/>
        <rFont val="Meiryo UI"/>
        <family val="3"/>
        <charset val="128"/>
      </rPr>
      <t>1</t>
    </r>
    <r>
      <rPr>
        <sz val="10"/>
        <color rgb="FF3366CC"/>
        <rFont val="Meiryo UI"/>
        <family val="3"/>
        <charset val="128"/>
      </rPr>
      <t>)   </t>
    </r>
  </si>
  <si>
    <r>
      <t>►M22</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   </t>
    </r>
  </si>
  <si>
    <t>Directive 97/68/EC of the European Parliament and of the Council of 16 December 1997 on the approximation of the laws of the Member States relating to measures against the emission of gaseous and particulate pollutants from internal combustion engines to be installed in non-road mobile machinery (OJ L 59, 27.2.1998, p. 1).</t>
  </si>
  <si>
    <r>
      <t>►M50</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3</t>
    </r>
    <r>
      <rPr>
        <sz val="10"/>
        <color rgb="FF3366CC"/>
        <rFont val="Meiryo UI"/>
        <family val="3"/>
        <charset val="128"/>
      </rPr>
      <t>)   </t>
    </r>
  </si>
  <si>
    <t>Council Directive 69/493/EEC of 15 December 1969 on the approximation of the laws of the Member States relating to crystal glass (OJ L 326, 29.12.1969, p. 36).</t>
  </si>
  <si>
    <r>
      <t>►M56</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4</t>
    </r>
    <r>
      <rPr>
        <sz val="10"/>
        <color rgb="FF3366CC"/>
        <rFont val="Meiryo UI"/>
        <family val="3"/>
        <charset val="128"/>
      </rPr>
      <t>)   </t>
    </r>
  </si>
  <si>
    <t>Regulation (EU) 2016/1628 of the European Parliament and of the Council of 14 September 2016 on requirements relating to gaseous and particulate pollutant emission limits and type-approval for internal combustion engines for non-road mobile machinery, amending Regulations (EU) No 1024/2012 and (EU) No 167/2013, and amending and repealing Directive 97/68/EC (OJ L 252, 16.9.2016, p. 53).</t>
  </si>
  <si>
    <t>Equipment utilising or detecting ionising radiation</t>
  </si>
  <si>
    <t>1. Lead, cadmium and mercury in detectors for ionising radiation.</t>
  </si>
  <si>
    <t>2. Lead bearings in X-ray tubes.</t>
  </si>
  <si>
    <t>3. Lead in electromagnetic radiation amplification devices: micro-channel plate and capillary plate.</t>
  </si>
  <si>
    <t>4. Lead in glass frit of X-ray tubes and image intensifiers and lead in glass frit binder for assembly of gas lasers and for vacuum tubes that convert electromagnetic radiation into electrons.</t>
  </si>
  <si>
    <t>5. Lead in shielding for ionising radiation.</t>
  </si>
  <si>
    <t>6. Lead in X-ray test objects.</t>
  </si>
  <si>
    <t>7. Lead stearate X-ray diffraction crystals.</t>
  </si>
  <si>
    <t>8. Radioactive cadmium isotope source for portable X-ray fluorescence spectrometers.</t>
  </si>
  <si>
    <t>Sensors, detectors and electrodes</t>
  </si>
  <si>
    <t>1a. Lead and cadmium in ion selective electrodes including glass of pH electrodes.</t>
  </si>
  <si>
    <t>1b. Lead anodes in electrochemical oxygen sensors.</t>
  </si>
  <si>
    <t>1c. Lead, cadmium and mercury in infra-red light detectors.</t>
  </si>
  <si>
    <t>1d. Mercury in reference electrodes: low chloride mercury chloride, mercury sulphate and mercury oxide.</t>
  </si>
  <si>
    <t>Others</t>
  </si>
  <si>
    <t>9. Cadmium in helium-cadmium lasers.</t>
  </si>
  <si>
    <t>10. Lead and cadmium in atomic absorption spectroscopy lamps.</t>
  </si>
  <si>
    <t>11. Lead in alloys as a superconductor and thermal conductor in MRI.</t>
  </si>
  <si>
    <t>12. Lead and cadmium in metallic bonds creating superconducting magnetic circuits in MRI, SQUID, NMR (Nuclear Magnetic Resonance) or FTMS (Fourier Transform Mass Spectrometer) detectors. Expires on 30 June 2021.</t>
  </si>
  <si>
    <t>13. Lead in counterweights.</t>
  </si>
  <si>
    <t>14. Lead in single crystal piezoelectric materials for ultrasonic transducers.</t>
  </si>
  <si>
    <t>15. Lead in solders for bonding to ultrasonic transducers.</t>
  </si>
  <si>
    <t>16. Mercury in very high accuracy capacitance and loss measurement bridges and in high frequency RF switches and relays in monitoring and control instruments not exceeding 20 mg of mercury per switch or relay.</t>
  </si>
  <si>
    <t>17. Lead in solders in portable emergency defibrillators.</t>
  </si>
  <si>
    <t>18. Lead in solders of high performance infrared imaging modules to detect in the range 8-14 μm.</t>
  </si>
  <si>
    <t>19. Lead in Liquid crystal on silicon (LCoS) displays.</t>
  </si>
  <si>
    <t>20. Cadmium in X-ray measurement filters.</t>
  </si>
  <si>
    <t>▼M4</t>
  </si>
  <si>
    <t>21. Cadmium in phosphor coatings in image intensifiers for X-ray images until 31 December 2019 and in spare parts for X-ray systems placed on the EU market before 1 January 2020.</t>
  </si>
  <si>
    <t>22. Lead acetate marker for use in stereotactic head frames for use with CT and MRI and in positioning systems for gamma beam and particle therapy equipment. Expires on 30 June 2021.</t>
  </si>
  <si>
    <t>23. Lead as an alloying element for bearings and wear surfaces in medical equipment exposed to ionising radiation. Expires on 30 June 2021.</t>
  </si>
  <si>
    <t>24. Lead enabling vacuum tight connections between aluminium and steel in X-ray image intensifiers. Expires on 31 December 2019.</t>
  </si>
  <si>
    <t>▼M8</t>
  </si>
  <si>
    <t>25. Lead in the surface coatings of pin connector systems requiring nonmagnetic connectors which are used durably at a temperature below – 20 °C under normal operating and storage conditions. Expires on 30 June 2021.</t>
  </si>
  <si>
    <t>▼M31</t>
  </si>
  <si>
    <t>26. Lead in the following applications that are used durably at a temperature below – 20 °C under normal operating and storage conditions:</t>
  </si>
  <si>
    <t>solders on printed circuit boards;</t>
  </si>
  <si>
    <t>termination coatings of electrical and electronic components and coatings of printed circuit boards;</t>
  </si>
  <si>
    <t>solders for connecting wires and cables;</t>
  </si>
  <si>
    <t>solders connecting transducers and sensors.</t>
  </si>
  <si>
    <t>Lead in solders of electrical connections to temperature measurement sensors in devices which are designed to be used periodically at temperatures below – 150 °C.</t>
  </si>
  <si>
    <t>These exemptions expire on 30 June 2021.</t>
  </si>
  <si>
    <t>▼M9</t>
  </si>
  <si>
    <t>27. Lead in</t>
  </si>
  <si>
    <t>—solders,</t>
    <phoneticPr fontId="78"/>
  </si>
  <si>
    <t>—termination coatings of electrical and electronic components and printed circuit boards,</t>
    <phoneticPr fontId="78"/>
  </si>
  <si>
    <t>—connections of electrical wires, shields and enclosed connectors,</t>
    <phoneticPr fontId="78"/>
  </si>
  <si>
    <t>which are used in</t>
  </si>
  <si>
    <t>magnetic fields within the sphere of 1 m radius around the isocentre of the magnet in medical magnetic resonance imaging equipment, including patient monitors designed to be used within this sphere, or</t>
  </si>
  <si>
    <t>magnetic fields within 1 m distance from the external surfaces of cyclotron magnets, magnets for beam transport and beam direction control applied for particle therapy.</t>
  </si>
  <si>
    <t>Expires on 30 June 2020.</t>
  </si>
  <si>
    <t>▼M10</t>
  </si>
  <si>
    <t>28. Lead in solders for mounting cadmium telluride and cadmium zinc telluride digital array detectors to printed circuit boards. Expires on 31 December 2017.</t>
  </si>
  <si>
    <t>29. Lead in alloys, as a superconductor or thermal conductor, used in cryo-cooler cold heads and/or in cryo-cooled cold probes and/or in cryo-cooled equipotential bonding systems, in medical devices (category 8) and/or in industrial monitoring and control instruments. Expires on 30 June 2021.</t>
  </si>
  <si>
    <t>30. Hexavalent chromium in alkali dispensers used to create photocathodes in X-ray image intensifiers until 31 December 2019 and in spare parts for X-ray systems placed on the EU market before 1 January 2020.</t>
  </si>
  <si>
    <t>▼M30</t>
  </si>
  <si>
    <t>21 July 2024 for the use in electron microscopes and their accessories.</t>
  </si>
  <si>
    <t>32. Lead in solders on printed circuit boards of detectors and data acquisition units for Positron Emission Tomographs which are integrated into Magnetic Resonance Imaging equipment. Expires on 31 December 2019.</t>
  </si>
  <si>
    <t>33. Lead in solders on populated printed circuit boards used in Directive 93/42/EEC class IIa and IIb mobile medical devices other than portable emergency defibrillators. Expires on 30 June 2016 for class IIa and on 31 December 2020 for class IIb.</t>
  </si>
  <si>
    <t>▼M25</t>
  </si>
  <si>
    <t>35. Mercury in cold cathode fluorescent lamps for back-lighting liquid crystal displays, not exceeding 5 mg per lamp, used in industrial monitoring and control instruments placed on the market before 22 July 2017</t>
  </si>
  <si>
    <t>▼M24</t>
  </si>
  <si>
    <t>36. Lead used in other than C-press compliant pin connector systems for industrial monitoring and control instruments.</t>
  </si>
  <si>
    <t>Expires on 31 December 2020. May be used after that date in spare parts for industrial monitoring and control instruments placed on the market before 1 January 2021.</t>
  </si>
  <si>
    <t>37. Lead in platinized platinum electrodes used for conductivity measurements where at least one of the following conditions applies:</t>
  </si>
  <si>
    <t>wide-range measurements with a conductivity range covering more than 1 order of magnitude (e.g. range between 0,1 mS/m and 5 mS/m) in laboratory applications for unknown concentrations;</t>
  </si>
  <si>
    <t>measurements of solutions where an accuracy of +/– 1 % of the sample range and where high corrosion resistance of the electrode are required for any of the following:</t>
  </si>
  <si>
    <t>(i) </t>
  </si>
  <si>
    <t>solutions with an acidity &lt; pH 1;</t>
  </si>
  <si>
    <t>(ii) </t>
  </si>
  <si>
    <t>solutions with an alkalinity &gt; pH 13;</t>
  </si>
  <si>
    <t>(iii) </t>
  </si>
  <si>
    <t>corrosive solutions containing halogen gas;</t>
  </si>
  <si>
    <t>measurements of conductivities above 100 mS/m that must be performed with portable instruments.</t>
  </si>
  <si>
    <t>Expires on 31 December 2025.</t>
  </si>
  <si>
    <t>38. Lead in solder in one interface of large area stacked die elements with more than 500 interconnects per interface which are used in X-ray detectors of computed tomography and X-ray systems.</t>
  </si>
  <si>
    <t>Expires on 31 December 2019. May be used after that date in spare parts for CT and X-ray systems placed on the market before 1 January 2020.</t>
  </si>
  <si>
    <t>39. Lead in micro-channel plates (MCPs) used in equipment where at least one of the following properties is present:</t>
  </si>
  <si>
    <t>a compact size of the detector for electrons or ions, where the space for the detector is limited to a maximum of 3 mm/MCP (detector thickness + space for installation of the MCP), a maximum of 6 mm in total, and an alternative design yielding more space for the detector is scientifically and technically impracticable;</t>
  </si>
  <si>
    <t>a two-dimensional spatial resolution for detecting electrons or ions, where at least one of the following applies:</t>
  </si>
  <si>
    <t>a response time shorter than 25 ns;</t>
  </si>
  <si>
    <t>a response time shorter than 5 ns for detecting electrons or ions;</t>
  </si>
  <si>
    <t>(e) </t>
  </si>
  <si>
    <t>The exemption expires on the following dates:</t>
  </si>
  <si>
    <t>21 July 2021 for medical devices and monitoring and control instruments;</t>
  </si>
  <si>
    <t>21 July 2023 for in-vitro diagnostic medical devices;</t>
  </si>
  <si>
    <t>21 July 2024 for industrial monitoring and control instruments.</t>
  </si>
  <si>
    <t>▼M19</t>
  </si>
  <si>
    <t>40. Lead in dielectric ceramic in capacitors for a rated voltage of less than 125 V AC or 250 V DC for industrial monitoring and control instruments.</t>
  </si>
  <si>
    <t>41. Lead as a thermal stabiliser in polyvinyl chloride (PVC) used as base material in amperometric, potentiometric and conductometric electrochemical sensors which are used in in-vitro diagnostic medical devices for the analysis of blood and other body fluids and body gases.</t>
  </si>
  <si>
    <t>Expires on 31 March 2022.</t>
  </si>
  <si>
    <t>42. Mercury in electric rotating connectors used in intravascular ultrasound imaging systems capable of high operating frequency (&gt; 50 MHz) modes of operation.</t>
  </si>
  <si>
    <t>Expires on 30 June 2019.</t>
  </si>
  <si>
    <t>▼M32</t>
  </si>
  <si>
    <t>43. Cadmium anodes in Hersch cells for oxygen sensors used in industrial monitoring and control instruments, where sensitivity below 10 ppm is required.</t>
  </si>
  <si>
    <t>Expires on 15 July 2023.</t>
  </si>
  <si>
    <t>44. Cadmium in radiation tolerant video camera tubes designed for cameras with a centre resolution greater than 450 TV lines which are used in environments with ionising radiation exposure exceeding 100 Gy/hour and a total dose in excess of 100kGy.</t>
  </si>
  <si>
    <t>Applies to category 9. Expires on 31 March 2027.</t>
  </si>
  <si>
    <t>Applications exempted from the restriction in Article 4(1) specific to medical devices and monitoring and control instruments</t>
    <phoneticPr fontId="4"/>
  </si>
  <si>
    <r>
      <t>▼M30</t>
    </r>
    <r>
      <rPr>
        <b/>
        <sz val="10"/>
        <color rgb="FF444444"/>
        <rFont val="Meiryo UI"/>
        <family val="3"/>
        <charset val="128"/>
      </rPr>
      <t> —————</t>
    </r>
  </si>
  <si>
    <r>
      <t>31a. Lead, cadmium, hexavalent chromium, and polybrominated diphenyl ethers (PBDE) in spare parts recovered from and used for the repair or refurbishment of medical devices, including </t>
    </r>
    <r>
      <rPr>
        <i/>
        <sz val="10"/>
        <color rgb="FF444444"/>
        <rFont val="Meiryo UI"/>
        <family val="3"/>
        <charset val="128"/>
      </rPr>
      <t>in vitro</t>
    </r>
    <r>
      <rPr>
        <sz val="10"/>
        <color rgb="FF444444"/>
        <rFont val="Meiryo UI"/>
        <family val="3"/>
        <charset val="128"/>
      </rPr>
      <t> diagnostic medical devices, or electron microscopes and their accessories, provided that the reuse takes place in auditable closed-loop business-to-business return systems and that each reuse of parts is notified to the customer.</t>
    </r>
  </si>
  <si>
    <r>
      <t>21 July 2021 for the use in medical devices other than </t>
    </r>
    <r>
      <rPr>
        <i/>
        <sz val="10"/>
        <color rgb="FF444444"/>
        <rFont val="Meiryo UI"/>
        <family val="3"/>
        <charset val="128"/>
      </rPr>
      <t>in vitro</t>
    </r>
    <r>
      <rPr>
        <sz val="10"/>
        <color rgb="FF444444"/>
        <rFont val="Meiryo UI"/>
        <family val="3"/>
        <charset val="128"/>
      </rPr>
      <t> diagnostic medical devices;</t>
    </r>
  </si>
  <si>
    <r>
      <t>21 July 2023 for the use in </t>
    </r>
    <r>
      <rPr>
        <i/>
        <sz val="10"/>
        <color rgb="FF444444"/>
        <rFont val="Meiryo UI"/>
        <family val="3"/>
        <charset val="128"/>
      </rPr>
      <t>in vitro</t>
    </r>
    <r>
      <rPr>
        <sz val="10"/>
        <color rgb="FF444444"/>
        <rFont val="Meiryo UI"/>
        <family val="3"/>
        <charset val="128"/>
      </rPr>
      <t> diagnostic medical devices;</t>
    </r>
  </si>
  <si>
    <r>
      <t>34. Lead as an activator in the fluorescent powder of discharge lamps when used for extracorporeal photopheresis lamps containing BSP (BaSi</t>
    </r>
    <r>
      <rPr>
        <vertAlign val="subscript"/>
        <sz val="10"/>
        <color rgb="FF444444"/>
        <rFont val="Meiryo UI"/>
        <family val="3"/>
        <charset val="128"/>
      </rPr>
      <t>2</t>
    </r>
    <r>
      <rPr>
        <sz val="10"/>
        <color rgb="FF444444"/>
        <rFont val="Meiryo UI"/>
        <family val="3"/>
        <charset val="128"/>
      </rPr>
      <t>O</t>
    </r>
    <r>
      <rPr>
        <vertAlign val="subscript"/>
        <sz val="10"/>
        <color rgb="FF444444"/>
        <rFont val="Meiryo UI"/>
        <family val="3"/>
        <charset val="128"/>
      </rPr>
      <t>5</t>
    </r>
    <r>
      <rPr>
        <sz val="10"/>
        <color rgb="FF444444"/>
        <rFont val="Meiryo UI"/>
        <family val="3"/>
        <charset val="128"/>
      </rPr>
      <t>:Pb) phosphors. Expires on 22 July 2021.</t>
    </r>
  </si>
  <si>
    <r>
      <t>a sample detection area larger than 149 mm</t>
    </r>
    <r>
      <rPr>
        <vertAlign val="superscript"/>
        <sz val="10"/>
        <color rgb="FF444444"/>
        <rFont val="Meiryo UI"/>
        <family val="3"/>
        <charset val="128"/>
      </rPr>
      <t>2</t>
    </r>
    <r>
      <rPr>
        <sz val="10"/>
        <color rgb="FF444444"/>
        <rFont val="Meiryo UI"/>
        <family val="3"/>
        <charset val="128"/>
      </rPr>
      <t>;</t>
    </r>
  </si>
  <si>
    <r>
      <t>a multiplication factor larger than 1,3 × 10</t>
    </r>
    <r>
      <rPr>
        <vertAlign val="superscript"/>
        <sz val="10"/>
        <color rgb="FF444444"/>
        <rFont val="Meiryo UI"/>
        <family val="3"/>
        <charset val="128"/>
      </rPr>
      <t>3</t>
    </r>
    <r>
      <rPr>
        <sz val="10"/>
        <color rgb="FF444444"/>
        <rFont val="Meiryo UI"/>
        <family val="3"/>
        <charset val="128"/>
      </rPr>
      <t>.</t>
    </r>
  </si>
  <si>
    <r>
      <t>a sample detection area larger than 314 mm</t>
    </r>
    <r>
      <rPr>
        <vertAlign val="superscript"/>
        <sz val="10"/>
        <color rgb="FF444444"/>
        <rFont val="Meiryo UI"/>
        <family val="3"/>
        <charset val="128"/>
      </rPr>
      <t>2</t>
    </r>
    <r>
      <rPr>
        <sz val="10"/>
        <color rgb="FF444444"/>
        <rFont val="Meiryo UI"/>
        <family val="3"/>
        <charset val="128"/>
      </rPr>
      <t> for detecting electrons or ions;</t>
    </r>
  </si>
  <si>
    <r>
      <t>a multiplication factor larger than 4,0 × 10</t>
    </r>
    <r>
      <rPr>
        <vertAlign val="superscript"/>
        <sz val="10"/>
        <color rgb="FF444444"/>
        <rFont val="Meiryo UI"/>
        <family val="3"/>
        <charset val="128"/>
      </rPr>
      <t>7</t>
    </r>
    <r>
      <rPr>
        <sz val="10"/>
        <color rgb="FF444444"/>
        <rFont val="Meiryo UI"/>
        <family val="3"/>
        <charset val="128"/>
      </rPr>
      <t>.</t>
    </r>
  </si>
  <si>
    <t>Substances listed in the Convention and in the Protocol as well as substances listed only in the Convention</t>
  </si>
  <si>
    <r>
      <t>►C1</t>
    </r>
    <r>
      <rPr>
        <sz val="10"/>
        <color rgb="FF3366CC"/>
        <rFont val="Inherit"/>
        <family val="2"/>
      </rPr>
      <t> </t>
    </r>
    <r>
      <rPr>
        <sz val="10"/>
        <color theme="1"/>
        <rFont val="Inherit"/>
        <family val="2"/>
      </rPr>
      <t>  </t>
    </r>
  </si>
  <si>
    <r>
      <t>C</t>
    </r>
    <r>
      <rPr>
        <vertAlign val="subscript"/>
        <sz val="7"/>
        <color theme="1"/>
        <rFont val="Inherit"/>
        <family val="2"/>
      </rPr>
      <t>12</t>
    </r>
    <r>
      <rPr>
        <sz val="10"/>
        <color theme="1"/>
        <rFont val="Inherit"/>
        <family val="2"/>
      </rPr>
      <t>H</t>
    </r>
    <r>
      <rPr>
        <vertAlign val="subscript"/>
        <sz val="7"/>
        <color theme="1"/>
        <rFont val="Inherit"/>
        <family val="2"/>
      </rPr>
      <t>6</t>
    </r>
    <r>
      <rPr>
        <sz val="10"/>
        <color theme="1"/>
        <rFont val="Inherit"/>
        <family val="2"/>
      </rPr>
      <t>Br</t>
    </r>
    <r>
      <rPr>
        <vertAlign val="subscript"/>
        <sz val="7"/>
        <color theme="1"/>
        <rFont val="Inherit"/>
        <family val="2"/>
      </rPr>
      <t>4</t>
    </r>
    <r>
      <rPr>
        <sz val="10"/>
        <color theme="1"/>
        <rFont val="Inherit"/>
        <family val="2"/>
      </rPr>
      <t>O</t>
    </r>
  </si>
  <si>
    <r>
      <t>electrical and electronic equipment within the scope of Directive 2011/65/EU of the European Parliament and of the Council </t>
    </r>
    <r>
      <rPr>
        <sz val="11"/>
        <rFont val="ＭＳ Ｐゴシック"/>
        <family val="3"/>
        <charset val="128"/>
      </rPr>
      <t>(1).</t>
    </r>
  </si>
  <si>
    <r>
      <t>4.  Use of articles already in use in the Union before 25 August 2010 containing tetrabromodiphenyl ether shall be allowed. Article 4(2), third and fourth subparagraphs shall apply in relation to such articles. </t>
    </r>
    <r>
      <rPr>
        <b/>
        <sz val="10"/>
        <color theme="1"/>
        <rFont val="Inherit"/>
        <family val="2"/>
      </rPr>
      <t> ◄</t>
    </r>
  </si>
  <si>
    <r>
      <t>C</t>
    </r>
    <r>
      <rPr>
        <vertAlign val="subscript"/>
        <sz val="7"/>
        <color theme="1"/>
        <rFont val="Inherit"/>
        <family val="2"/>
      </rPr>
      <t>12</t>
    </r>
    <r>
      <rPr>
        <sz val="10"/>
        <color theme="1"/>
        <rFont val="Inherit"/>
        <family val="2"/>
      </rPr>
      <t>H</t>
    </r>
    <r>
      <rPr>
        <vertAlign val="subscript"/>
        <sz val="7"/>
        <color theme="1"/>
        <rFont val="Inherit"/>
        <family val="2"/>
      </rPr>
      <t>5</t>
    </r>
    <r>
      <rPr>
        <sz val="10"/>
        <color theme="1"/>
        <rFont val="Inherit"/>
        <family val="2"/>
      </rPr>
      <t>Br</t>
    </r>
    <r>
      <rPr>
        <vertAlign val="subscript"/>
        <sz val="7"/>
        <color theme="1"/>
        <rFont val="Inherit"/>
        <family val="2"/>
      </rPr>
      <t>5</t>
    </r>
    <r>
      <rPr>
        <sz val="10"/>
        <color theme="1"/>
        <rFont val="Inherit"/>
        <family val="2"/>
      </rPr>
      <t>O</t>
    </r>
  </si>
  <si>
    <r>
      <t>2.  For the purposes of the entries on tetra-, penta-, hexa-, hepta- and decaBDE, point (b) of Article 4(1) shall apply to the sum of the concentration of those substances up to 500 mg/kg where they are present in mixtures or articles, subject to review and assessment by the Commission by 16 July 2021. This review shall assess, inter alia, all relevant impacts with regard to health and the environment. </t>
    </r>
    <r>
      <rPr>
        <b/>
        <sz val="10"/>
        <color rgb="FF3366CC"/>
        <rFont val="Inherit"/>
        <family val="2"/>
      </rPr>
      <t>►C1</t>
    </r>
    <r>
      <rPr>
        <sz val="10"/>
        <color rgb="FF3366CC"/>
        <rFont val="Inherit"/>
        <family val="2"/>
      </rPr>
      <t> </t>
    </r>
    <r>
      <rPr>
        <sz val="10"/>
        <color theme="1"/>
        <rFont val="Inherit"/>
        <family val="2"/>
      </rPr>
      <t>  </t>
    </r>
  </si>
  <si>
    <r>
      <t>4.  Use of articles already in use in the Union before 25 August 2010 containing pentabromodiphenyl ether shall be allowed. Article 4(2), third and fourth subparagraphs shall apply in relation to such articles. </t>
    </r>
    <r>
      <rPr>
        <b/>
        <sz val="10"/>
        <color theme="1"/>
        <rFont val="Inherit"/>
        <family val="2"/>
      </rPr>
      <t> ◄</t>
    </r>
  </si>
  <si>
    <r>
      <t>C</t>
    </r>
    <r>
      <rPr>
        <vertAlign val="subscript"/>
        <sz val="7"/>
        <color theme="1"/>
        <rFont val="Inherit"/>
        <family val="2"/>
      </rPr>
      <t>12</t>
    </r>
    <r>
      <rPr>
        <sz val="10"/>
        <color theme="1"/>
        <rFont val="Inherit"/>
        <family val="2"/>
      </rPr>
      <t>H</t>
    </r>
    <r>
      <rPr>
        <vertAlign val="subscript"/>
        <sz val="7"/>
        <color theme="1"/>
        <rFont val="Inherit"/>
        <family val="2"/>
      </rPr>
      <t>4</t>
    </r>
    <r>
      <rPr>
        <sz val="10"/>
        <color theme="1"/>
        <rFont val="Inherit"/>
        <family val="2"/>
      </rPr>
      <t>Br</t>
    </r>
    <r>
      <rPr>
        <vertAlign val="subscript"/>
        <sz val="7"/>
        <color theme="1"/>
        <rFont val="Inherit"/>
        <family val="2"/>
      </rPr>
      <t>6</t>
    </r>
    <r>
      <rPr>
        <sz val="10"/>
        <color theme="1"/>
        <rFont val="Inherit"/>
        <family val="2"/>
      </rPr>
      <t>O</t>
    </r>
  </si>
  <si>
    <r>
      <t>4.  Use of articles already in use in the Union before 25 August 2010 containing hexabromodiphenyl ether shall be allowed. Article 4(2), third and fourth subparagraphs shall apply in relation to such articles. </t>
    </r>
    <r>
      <rPr>
        <b/>
        <sz val="10"/>
        <color theme="1"/>
        <rFont val="Inherit"/>
        <family val="2"/>
      </rPr>
      <t> ◄</t>
    </r>
  </si>
  <si>
    <r>
      <t>C</t>
    </r>
    <r>
      <rPr>
        <vertAlign val="subscript"/>
        <sz val="7"/>
        <color theme="1"/>
        <rFont val="Inherit"/>
        <family val="2"/>
      </rPr>
      <t>12</t>
    </r>
    <r>
      <rPr>
        <sz val="10"/>
        <color theme="1"/>
        <rFont val="Inherit"/>
        <family val="2"/>
      </rPr>
      <t>H</t>
    </r>
    <r>
      <rPr>
        <vertAlign val="subscript"/>
        <sz val="7"/>
        <color theme="1"/>
        <rFont val="Inherit"/>
        <family val="2"/>
      </rPr>
      <t>3</t>
    </r>
    <r>
      <rPr>
        <sz val="10"/>
        <color theme="1"/>
        <rFont val="Inherit"/>
        <family val="2"/>
      </rPr>
      <t>Br</t>
    </r>
    <r>
      <rPr>
        <vertAlign val="subscript"/>
        <sz val="7"/>
        <color theme="1"/>
        <rFont val="Inherit"/>
        <family val="2"/>
      </rPr>
      <t>7</t>
    </r>
    <r>
      <rPr>
        <sz val="10"/>
        <color theme="1"/>
        <rFont val="Inherit"/>
        <family val="2"/>
      </rPr>
      <t>O</t>
    </r>
  </si>
  <si>
    <r>
      <t>4.  Use of articles already in use in the Union before 25 August 2010 containing heptabromodiphenyl ether shall be allowed. Article 4(2), third and fourth subparagraphs shall apply in relation to such articles. </t>
    </r>
    <r>
      <rPr>
        <b/>
        <sz val="10"/>
        <color theme="1"/>
        <rFont val="Inherit"/>
        <family val="2"/>
      </rPr>
      <t> ◄</t>
    </r>
  </si>
  <si>
    <r>
      <t>(ii)  motor vehicles within the scope of Directive 2007/46/EC of the European Parliament and of the Council </t>
    </r>
    <r>
      <rPr>
        <sz val="10"/>
        <color rgb="FF3366CC"/>
        <rFont val="Inherit"/>
        <family val="2"/>
      </rPr>
      <t>(</t>
    </r>
    <r>
      <rPr>
        <vertAlign val="superscript"/>
        <sz val="7"/>
        <color rgb="FF3366CC"/>
        <rFont val="Inherit"/>
        <family val="2"/>
      </rPr>
      <t>2</t>
    </r>
    <r>
      <rPr>
        <sz val="10"/>
        <color rgb="FF3366CC"/>
        <rFont val="Inherit"/>
        <family val="2"/>
      </rPr>
      <t>)</t>
    </r>
    <r>
      <rPr>
        <sz val="10"/>
        <color theme="1"/>
        <rFont val="Inherit"/>
        <family val="2"/>
      </rPr>
      <t>, produced before 15 July 2019, either until 2036 or the end of service life of those motor vehicles, whichever date comes earlier; </t>
    </r>
    <r>
      <rPr>
        <b/>
        <sz val="10"/>
        <color rgb="FF3366CC"/>
        <rFont val="Inherit"/>
        <family val="2"/>
      </rPr>
      <t>►C1</t>
    </r>
    <r>
      <rPr>
        <sz val="10"/>
        <color rgb="FF3366CC"/>
        <rFont val="Inherit"/>
        <family val="2"/>
      </rPr>
      <t> </t>
    </r>
    <r>
      <rPr>
        <sz val="10"/>
        <color theme="1"/>
        <rFont val="Inherit"/>
        <family val="2"/>
      </rPr>
      <t>  </t>
    </r>
  </si>
  <si>
    <r>
      <t>(c)  electric and electronic equipment within the scope of Directive 2011/65/EU. </t>
    </r>
    <r>
      <rPr>
        <b/>
        <sz val="10"/>
        <color theme="1"/>
        <rFont val="Inherit"/>
        <family val="2"/>
      </rPr>
      <t> ◄ </t>
    </r>
    <r>
      <rPr>
        <b/>
        <sz val="10"/>
        <color rgb="FF3366CC"/>
        <rFont val="Inherit"/>
        <family val="2"/>
      </rPr>
      <t>►C1</t>
    </r>
    <r>
      <rPr>
        <sz val="10"/>
        <color rgb="FF3366CC"/>
        <rFont val="Inherit"/>
        <family val="2"/>
      </rPr>
      <t> </t>
    </r>
    <r>
      <rPr>
        <sz val="10"/>
        <color theme="1"/>
        <rFont val="Inherit"/>
        <family val="2"/>
      </rPr>
      <t>  </t>
    </r>
  </si>
  <si>
    <r>
      <t>(c)  pyrotechnical devices and applications affected by pyrotechnical devices such as airbag ignition cables, seat covers/fabrics (only if airbag relevant) and airbags (front and side). </t>
    </r>
    <r>
      <rPr>
        <b/>
        <sz val="10"/>
        <color theme="1"/>
        <rFont val="Inherit"/>
        <family val="2"/>
      </rPr>
      <t> ◄</t>
    </r>
  </si>
  <si>
    <r>
      <t>6.  Without prejudice to the application of other Union provisions on the classification, packaging and labelling of substances and mixtures, articles in which decaBDE is used shall be identifiable by labelling or other means throughout its life cycle. </t>
    </r>
    <r>
      <rPr>
        <b/>
        <sz val="10"/>
        <color rgb="FF3366CC"/>
        <rFont val="Inherit"/>
        <family val="2"/>
      </rPr>
      <t>►C1</t>
    </r>
    <r>
      <rPr>
        <sz val="10"/>
        <color rgb="FF3366CC"/>
        <rFont val="Inherit"/>
        <family val="2"/>
      </rPr>
      <t> </t>
    </r>
    <r>
      <rPr>
        <sz val="10"/>
        <color theme="1"/>
        <rFont val="Inherit"/>
        <family val="2"/>
      </rPr>
      <t>  </t>
    </r>
  </si>
  <si>
    <r>
      <t>7.  The placing on the market and use of articles containing decaBDE imported for the purposes of the specific exemptions in point 3 shall be allowed until the expiry of those exemptions. Point 6 shall apply as if such articles were produced pursuant to the exemption in point 3. Such articles already in use by the date of expiry of the relevant exemption may continue to be used. </t>
    </r>
    <r>
      <rPr>
        <b/>
        <sz val="10"/>
        <color theme="1"/>
        <rFont val="Inherit"/>
        <family val="2"/>
      </rPr>
      <t> ◄</t>
    </r>
  </si>
  <si>
    <r>
      <t>C</t>
    </r>
    <r>
      <rPr>
        <vertAlign val="subscript"/>
        <sz val="7"/>
        <color theme="1"/>
        <rFont val="Inherit"/>
        <family val="2"/>
      </rPr>
      <t>8</t>
    </r>
    <r>
      <rPr>
        <sz val="10"/>
        <color theme="1"/>
        <rFont val="Inherit"/>
        <family val="2"/>
      </rPr>
      <t>F</t>
    </r>
    <r>
      <rPr>
        <vertAlign val="subscript"/>
        <sz val="7"/>
        <color theme="1"/>
        <rFont val="Inherit"/>
        <family val="2"/>
      </rPr>
      <t>17</t>
    </r>
    <r>
      <rPr>
        <sz val="10"/>
        <color theme="1"/>
        <rFont val="Inherit"/>
        <family val="2"/>
      </rPr>
      <t>SO</t>
    </r>
    <r>
      <rPr>
        <vertAlign val="subscript"/>
        <sz val="7"/>
        <color theme="1"/>
        <rFont val="Inherit"/>
        <family val="2"/>
      </rPr>
      <t>2</t>
    </r>
    <r>
      <rPr>
        <sz val="10"/>
        <color theme="1"/>
        <rFont val="Inherit"/>
        <family val="2"/>
      </rPr>
      <t>X</t>
    </r>
  </si>
  <si>
    <r>
      <t>2.  For the purposes of this entry, point (b) of Article 4(1) shall apply to concentrations of PFOS in semi-finished products or articles, or parts thereof, if the concentration of PFOS is lower than 0,1 % by weight calculated with reference to the mass of structurally or micro-structurally distinct parts that contain PFOS or, for textiles or other coated materials, if the amount of PFOS is lower than 1 μg/m</t>
    </r>
    <r>
      <rPr>
        <vertAlign val="superscript"/>
        <sz val="7"/>
        <color theme="1"/>
        <rFont val="Inherit"/>
        <family val="2"/>
      </rPr>
      <t>2</t>
    </r>
    <r>
      <rPr>
        <sz val="10"/>
        <color theme="1"/>
        <rFont val="Inherit"/>
        <family val="2"/>
      </rPr>
      <t> of the coated material.</t>
    </r>
  </si>
  <si>
    <r>
      <t>►M2</t>
    </r>
    <r>
      <rPr>
        <sz val="10"/>
        <color rgb="FF3366CC"/>
        <rFont val="Inherit"/>
        <family val="2"/>
      </rPr>
      <t> </t>
    </r>
    <r>
      <rPr>
        <sz val="10"/>
        <color theme="1"/>
        <rFont val="Inherit"/>
        <family val="2"/>
      </rPr>
      <t>  As soon as new information on details of uses and safer alternative substances or technologies becomes available, the Commission shall review the derogation in the second subparagraph so that:</t>
    </r>
  </si>
  <si>
    <r>
      <t>(c)  releases of PFOS into the environment have been minimised by applying best available techniques. </t>
    </r>
    <r>
      <rPr>
        <b/>
        <sz val="10"/>
        <color theme="1"/>
        <rFont val="Inherit"/>
        <family val="2"/>
      </rPr>
      <t> ◄</t>
    </r>
  </si>
  <si>
    <r>
      <t>Member States shall identify and remove from use equipment (e.g. transformers, capacitors or other receptacles containing liquid stocks) containing more than 0,005 % PCBs and volumes greater than 0,05 dm</t>
    </r>
    <r>
      <rPr>
        <vertAlign val="superscript"/>
        <sz val="7"/>
        <color theme="1"/>
        <rFont val="Inherit"/>
        <family val="2"/>
      </rPr>
      <t>3</t>
    </r>
    <r>
      <rPr>
        <sz val="10"/>
        <color theme="1"/>
        <rFont val="Inherit"/>
        <family val="2"/>
      </rPr>
      <t>, as soon as possible but no later than 31 December 2025.</t>
    </r>
  </si>
  <si>
    <r>
      <t>►C1</t>
    </r>
    <r>
      <rPr>
        <sz val="10"/>
        <color rgb="FF3366CC"/>
        <rFont val="Inherit"/>
        <family val="2"/>
      </rPr>
      <t> </t>
    </r>
    <r>
      <rPr>
        <sz val="10"/>
        <color theme="1"/>
        <rFont val="Inherit"/>
        <family val="2"/>
      </rPr>
      <t>  Hexabromocyclododecane</t>
    </r>
    <r>
      <rPr>
        <b/>
        <sz val="10"/>
        <color theme="1"/>
        <rFont val="Inherit"/>
        <family val="2"/>
      </rPr>
      <t> ◄</t>
    </r>
  </si>
  <si>
    <r>
      <t>2.  Expanded polystyrene articles containing hexabromocyclododecane already in use in buildings before 21 February 2018 in accordance with Commission Regulation (EU) 2016/293 </t>
    </r>
    <r>
      <rPr>
        <sz val="10"/>
        <color rgb="FF3366CC"/>
        <rFont val="Inherit"/>
        <family val="2"/>
      </rPr>
      <t>(</t>
    </r>
    <r>
      <rPr>
        <vertAlign val="superscript"/>
        <sz val="7"/>
        <color rgb="FF3366CC"/>
        <rFont val="Inherit"/>
        <family val="2"/>
      </rPr>
      <t>5</t>
    </r>
    <r>
      <rPr>
        <sz val="10"/>
        <color rgb="FF3366CC"/>
        <rFont val="Inherit"/>
        <family val="2"/>
      </rPr>
      <t>)</t>
    </r>
    <r>
      <rPr>
        <sz val="10"/>
        <color theme="1"/>
        <rFont val="Inherit"/>
        <family val="2"/>
      </rPr>
      <t> and Commission Implementing Decision No 2016/C 12/06 </t>
    </r>
    <r>
      <rPr>
        <sz val="10"/>
        <color rgb="FF3366CC"/>
        <rFont val="Inherit"/>
        <family val="2"/>
      </rPr>
      <t>(</t>
    </r>
    <r>
      <rPr>
        <vertAlign val="superscript"/>
        <sz val="7"/>
        <color rgb="FF3366CC"/>
        <rFont val="Inherit"/>
        <family val="2"/>
      </rPr>
      <t>6</t>
    </r>
    <r>
      <rPr>
        <sz val="10"/>
        <color rgb="FF3366CC"/>
        <rFont val="Inherit"/>
        <family val="2"/>
      </rPr>
      <t>)</t>
    </r>
    <r>
      <rPr>
        <sz val="10"/>
        <color theme="1"/>
        <rFont val="Inherit"/>
        <family val="2"/>
      </rPr>
      <t>, and extruded polystyrene articles containing hexabromocyclododecane already in use in buildings before 23 June 2016 may continue to be used. Article 4(2), third and fourth subparagraphs shall apply to such articles.</t>
    </r>
  </si>
  <si>
    <r>
      <t>►M5</t>
    </r>
    <r>
      <rPr>
        <sz val="10"/>
        <color rgb="FF3366CC"/>
        <rFont val="Inherit"/>
        <family val="2"/>
      </rPr>
      <t> </t>
    </r>
    <r>
      <rPr>
        <sz val="10"/>
        <color theme="1"/>
        <rFont val="Inherit"/>
        <family val="2"/>
      </rPr>
      <t>  For the purposes of this entry, point (b) of Article 4(1) shall apply to concentrations of pentachlorophenol and its salts and esters equal to or below 5 mg/kg (0,0005 % by weight) where they are present in substances, mixtures or articles.</t>
    </r>
    <r>
      <rPr>
        <b/>
        <sz val="10"/>
        <color theme="1"/>
        <rFont val="Inherit"/>
        <family val="2"/>
      </rPr>
      <t> ◄</t>
    </r>
  </si>
  <si>
    <r>
      <t>Polychlorinated naphthalenes </t>
    </r>
    <r>
      <rPr>
        <sz val="11"/>
        <rFont val="ＭＳ Ｐゴシック"/>
        <family val="3"/>
        <charset val="128"/>
      </rPr>
      <t>(7)</t>
    </r>
  </si>
  <si>
    <r>
      <t>Alkanes C</t>
    </r>
    <r>
      <rPr>
        <vertAlign val="subscript"/>
        <sz val="7"/>
        <color theme="1"/>
        <rFont val="Inherit"/>
        <family val="2"/>
      </rPr>
      <t>10</t>
    </r>
    <r>
      <rPr>
        <sz val="10"/>
        <color theme="1"/>
        <rFont val="Inherit"/>
        <family val="2"/>
      </rPr>
      <t>-C</t>
    </r>
    <r>
      <rPr>
        <vertAlign val="subscript"/>
        <sz val="7"/>
        <color theme="1"/>
        <rFont val="Inherit"/>
        <family val="2"/>
      </rPr>
      <t>13</t>
    </r>
    <r>
      <rPr>
        <sz val="10"/>
        <color theme="1"/>
        <rFont val="Inherit"/>
        <family val="2"/>
      </rPr>
      <t>, chloro (short-chain chlorinated paraffins) (SCCPs)</t>
    </r>
  </si>
  <si>
    <r>
      <t>►M4</t>
    </r>
    <r>
      <rPr>
        <sz val="10"/>
        <color rgb="FF3366CC"/>
        <rFont val="Inherit"/>
        <family val="2"/>
      </rPr>
      <t> </t>
    </r>
    <r>
      <rPr>
        <sz val="10"/>
        <color theme="1"/>
        <rFont val="Inherit"/>
        <family val="2"/>
      </rPr>
      <t>  3.  For the purposes of this entry, point (b) of Article 4(1) shall apply to concentrations of PFOA-related compounds equal to or below 20 mg/kg (0,002 % by weight) where they are present in a substance to be used as a transported isolated intermediate within the meaning of Article 3 point 15(c) of Regulation (EC) No 1907/2006 and fulfilling the strictly controlled conditions set out in Article 18(4)(a) to (f) of that Regulation for the production of fluorochemicals with a perfluoro carbon chain equal to or shorter than 6 atoms.</t>
    </r>
    <r>
      <rPr>
        <b/>
        <sz val="10"/>
        <color theme="1"/>
        <rFont val="Inherit"/>
        <family val="2"/>
      </rPr>
      <t> ◄ </t>
    </r>
    <r>
      <rPr>
        <sz val="10"/>
        <color theme="1"/>
        <rFont val="Inherit"/>
        <family val="2"/>
      </rPr>
      <t>This exemption shall be reviewed and assessed by the Commission no later than 5.7.2022.</t>
    </r>
  </si>
  <si>
    <r>
      <t>►M4</t>
    </r>
    <r>
      <rPr>
        <sz val="10"/>
        <color rgb="FF3366CC"/>
        <rFont val="Inherit"/>
        <family val="2"/>
      </rPr>
      <t> </t>
    </r>
    <r>
      <rPr>
        <sz val="10"/>
        <color theme="1"/>
        <rFont val="Inherit"/>
        <family val="2"/>
      </rPr>
      <t>  4.  For the purposes of this entry, point (b) of Article 4(1) shall apply to concentrations of PFOA and its salts equal to or below 1 mg/kg (0,0001 % by weight) where they are present in polytetrafluoroethylene (PTFE) micropowders produced by ionising irradiation or by thermal degradation as well as in mixtures and articles for industrial and professional uses containing PTFE micropowders.</t>
    </r>
    <r>
      <rPr>
        <b/>
        <sz val="10"/>
        <color theme="1"/>
        <rFont val="Inherit"/>
        <family val="2"/>
      </rPr>
      <t> ◄ </t>
    </r>
    <r>
      <rPr>
        <sz val="10"/>
        <color theme="1"/>
        <rFont val="Inherit"/>
        <family val="2"/>
      </rPr>
      <t>All emissions of PFOA during the manufacture and use of PTFE micropowders shall be avoided and, if not possible, reduced as far as possible. This exemption shall be reviewed and assessed by the Commission no later than 5.7.2022.</t>
    </r>
  </si>
  <si>
    <r>
      <t>(iii)  PFOA-related compounds which, for the purposes of the Convention, are any substances that degrade to PFOA, including any substances (including salts and polymers) having a linear or branched perfluoroheptyl group with the moiety (C</t>
    </r>
    <r>
      <rPr>
        <vertAlign val="subscript"/>
        <sz val="7"/>
        <color theme="1"/>
        <rFont val="Inherit"/>
        <family val="2"/>
      </rPr>
      <t>7</t>
    </r>
    <r>
      <rPr>
        <sz val="10"/>
        <color theme="1"/>
        <rFont val="Inherit"/>
        <family val="2"/>
      </rPr>
      <t>F</t>
    </r>
    <r>
      <rPr>
        <vertAlign val="subscript"/>
        <sz val="7"/>
        <color theme="1"/>
        <rFont val="Inherit"/>
        <family val="2"/>
      </rPr>
      <t>15</t>
    </r>
    <r>
      <rPr>
        <sz val="10"/>
        <color theme="1"/>
        <rFont val="Inherit"/>
        <family val="2"/>
      </rPr>
      <t>)C as one of the structural elements.</t>
    </r>
  </si>
  <si>
    <r>
      <t>(i)  C</t>
    </r>
    <r>
      <rPr>
        <vertAlign val="subscript"/>
        <sz val="7"/>
        <color theme="1"/>
        <rFont val="Inherit"/>
        <family val="2"/>
      </rPr>
      <t>8</t>
    </r>
    <r>
      <rPr>
        <sz val="10"/>
        <color theme="1"/>
        <rFont val="Inherit"/>
        <family val="2"/>
      </rPr>
      <t>F</t>
    </r>
    <r>
      <rPr>
        <vertAlign val="subscript"/>
        <sz val="7"/>
        <color theme="1"/>
        <rFont val="Inherit"/>
        <family val="2"/>
      </rPr>
      <t>17</t>
    </r>
    <r>
      <rPr>
        <sz val="10"/>
        <color theme="1"/>
        <rFont val="Inherit"/>
        <family val="2"/>
      </rPr>
      <t>-X, where X = F, Cl, Br;</t>
    </r>
  </si>
  <si>
    <r>
      <t>(ii)  fluoropolymers that are covered by CF</t>
    </r>
    <r>
      <rPr>
        <vertAlign val="subscript"/>
        <sz val="7"/>
        <color theme="1"/>
        <rFont val="Inherit"/>
        <family val="2"/>
      </rPr>
      <t>3</t>
    </r>
    <r>
      <rPr>
        <sz val="10"/>
        <color theme="1"/>
        <rFont val="Inherit"/>
        <family val="2"/>
      </rPr>
      <t>[CF</t>
    </r>
    <r>
      <rPr>
        <vertAlign val="subscript"/>
        <sz val="7"/>
        <color theme="1"/>
        <rFont val="Inherit"/>
        <family val="2"/>
      </rPr>
      <t>2</t>
    </r>
    <r>
      <rPr>
        <sz val="10"/>
        <color theme="1"/>
        <rFont val="Inherit"/>
        <family val="2"/>
      </rPr>
      <t>]</t>
    </r>
    <r>
      <rPr>
        <vertAlign val="subscript"/>
        <sz val="7"/>
        <color theme="1"/>
        <rFont val="Inherit"/>
        <family val="2"/>
      </rPr>
      <t>n</t>
    </r>
    <r>
      <rPr>
        <sz val="10"/>
        <color theme="1"/>
        <rFont val="Inherit"/>
        <family val="2"/>
      </rPr>
      <t>-R’, where R’=any group, n&gt; 16;</t>
    </r>
  </si>
  <si>
    <r>
      <t>9.   </t>
    </r>
    <r>
      <rPr>
        <b/>
        <sz val="10"/>
        <color rgb="FF3366CC"/>
        <rFont val="Inherit"/>
        <family val="2"/>
      </rPr>
      <t>►C2</t>
    </r>
    <r>
      <rPr>
        <sz val="10"/>
        <color rgb="FF3366CC"/>
        <rFont val="Inherit"/>
        <family val="2"/>
      </rPr>
      <t> </t>
    </r>
    <r>
      <rPr>
        <sz val="10"/>
        <color theme="1"/>
        <rFont val="Inherit"/>
        <family val="2"/>
      </rPr>
      <t>  By way of derogation, the manufacturing, placing on the market and use of PFOA, its salts and PFOA-related compounds shall be allowed until 3 December 2020 for the following purposes:</t>
    </r>
    <r>
      <rPr>
        <b/>
        <sz val="10"/>
        <color theme="1"/>
        <rFont val="Inherit"/>
        <family val="2"/>
      </rPr>
      <t> ◄</t>
    </r>
  </si>
  <si>
    <r>
      <t>(a)  medical devices other than implantable ones, within the scope of Regulation (EU) 2017/745 </t>
    </r>
    <r>
      <rPr>
        <sz val="11"/>
        <rFont val="ＭＳ Ｐゴシック"/>
        <family val="3"/>
        <charset val="128"/>
      </rPr>
      <t>(8);</t>
    </r>
  </si>
  <si>
    <r>
      <t>(c)  plasma nano-coatings. </t>
    </r>
    <r>
      <rPr>
        <b/>
        <sz val="10"/>
        <color rgb="FF3366CC"/>
        <rFont val="Inherit"/>
        <family val="2"/>
      </rPr>
      <t>►M4</t>
    </r>
    <r>
      <rPr>
        <sz val="10"/>
        <color rgb="FF3366CC"/>
        <rFont val="Inherit"/>
        <family val="2"/>
      </rPr>
      <t> </t>
    </r>
    <r>
      <rPr>
        <sz val="10"/>
        <color theme="1"/>
        <rFont val="Inherit"/>
        <family val="2"/>
      </rPr>
      <t>  </t>
    </r>
  </si>
  <si>
    <r>
      <t>10.  For the purposes of this entry, point (b) of Article 4(1) shall apply to concentrations of PFOA and its salts and/or PFOA-related compounds equal to or below 2 mg/kg (0,0002 % by weight) where they are present in medical devices other than invasive devices and implantable devices. This exemption shall be reviewed and assessed by the Commission no later than 22 February 2023. </t>
    </r>
    <r>
      <rPr>
        <b/>
        <sz val="10"/>
        <color theme="1"/>
        <rFont val="Inherit"/>
        <family val="2"/>
      </rPr>
      <t> ◄</t>
    </r>
  </si>
  <si>
    <r>
      <t>(</t>
    </r>
    <r>
      <rPr>
        <vertAlign val="superscript"/>
        <sz val="7"/>
        <color rgb="FF3366CC"/>
        <rFont val="Inherit"/>
        <family val="2"/>
      </rPr>
      <t>2</t>
    </r>
    <r>
      <rPr>
        <sz val="10"/>
        <color rgb="FF3366CC"/>
        <rFont val="Inherit"/>
        <family val="2"/>
      </rPr>
      <t>)   </t>
    </r>
  </si>
  <si>
    <t>Directive 2007/46/EC of the European Parliament and of the Council of 5 September 2007 establishing a framework for the approval of motor vehicles and their trailers, and of systems, components and separate technical units intended for such vehicles (Framework Directive) (OJ L 263, 9.10.2007, p.1).</t>
  </si>
  <si>
    <r>
      <t>(</t>
    </r>
    <r>
      <rPr>
        <vertAlign val="superscript"/>
        <sz val="7"/>
        <color rgb="FF3366CC"/>
        <rFont val="Inherit"/>
        <family val="2"/>
      </rPr>
      <t>3</t>
    </r>
    <r>
      <rPr>
        <sz val="10"/>
        <color rgb="FF3366CC"/>
        <rFont val="Inherit"/>
        <family val="2"/>
      </rPr>
      <t>)   </t>
    </r>
  </si>
  <si>
    <t>Regulation (EC) No 216/2008 of the European Parliament and of the Council of 20 February 2008 on common rules in the field of civil aviation and establishing a European Aviation Safety Agency, and repealing Council Directive 91/670/EEC, Regulation (EC) No 1592/2002 and Directive 2004/36/EC (OJ L 79, 19.3.2008, p. 1).</t>
  </si>
  <si>
    <r>
      <t>(</t>
    </r>
    <r>
      <rPr>
        <vertAlign val="superscript"/>
        <sz val="7"/>
        <color rgb="FF3366CC"/>
        <rFont val="Inherit"/>
        <family val="2"/>
      </rPr>
      <t>4</t>
    </r>
    <r>
      <rPr>
        <sz val="10"/>
        <color rgb="FF3366CC"/>
        <rFont val="Inherit"/>
        <family val="2"/>
      </rPr>
      <t>)   </t>
    </r>
  </si>
  <si>
    <t>Directive 2008/1/EC of the European Parliament and of the Council of 15 January 2008 concerning integrated pollution prevention and control (OJ L 24, 29.1.2008, p. 8).</t>
  </si>
  <si>
    <r>
      <t>(</t>
    </r>
    <r>
      <rPr>
        <vertAlign val="superscript"/>
        <sz val="7"/>
        <color rgb="FF3366CC"/>
        <rFont val="Inherit"/>
        <family val="2"/>
      </rPr>
      <t>5</t>
    </r>
    <r>
      <rPr>
        <sz val="10"/>
        <color rgb="FF3366CC"/>
        <rFont val="Inherit"/>
        <family val="2"/>
      </rPr>
      <t>)   </t>
    </r>
  </si>
  <si>
    <t>Commission Regulation (EU) 2016/293 of 1 March 2016 amending Regulation (EC) No 850/2004 of the European Parliament and of the Council on persistent organic pollutants as regards Annex I (OJ L 55, 2.3.2016, p. 4).</t>
  </si>
  <si>
    <r>
      <t>(</t>
    </r>
    <r>
      <rPr>
        <vertAlign val="superscript"/>
        <sz val="7"/>
        <color rgb="FF3366CC"/>
        <rFont val="Inherit"/>
        <family val="2"/>
      </rPr>
      <t>6</t>
    </r>
    <r>
      <rPr>
        <sz val="10"/>
        <color rgb="FF3366CC"/>
        <rFont val="Inherit"/>
        <family val="2"/>
      </rPr>
      <t>)   </t>
    </r>
  </si>
  <si>
    <t>OJ C 10, 13.1.2016, p. 3.</t>
  </si>
  <si>
    <r>
      <t>(</t>
    </r>
    <r>
      <rPr>
        <vertAlign val="superscript"/>
        <sz val="7"/>
        <color rgb="FF3366CC"/>
        <rFont val="Inherit"/>
        <family val="2"/>
      </rPr>
      <t>7</t>
    </r>
    <r>
      <rPr>
        <sz val="10"/>
        <color rgb="FF3366CC"/>
        <rFont val="Inherit"/>
        <family val="2"/>
      </rPr>
      <t>)   </t>
    </r>
  </si>
  <si>
    <t>Polychlorinated naphthalenes means chemical compounds based on the naphthalene ring system, where one or more hydrogen atoms have been replaced by chlorine atoms.</t>
  </si>
  <si>
    <r>
      <t>►M1</t>
    </r>
    <r>
      <rPr>
        <sz val="10"/>
        <color rgb="FF3366CC"/>
        <rFont val="Inherit"/>
        <family val="2"/>
      </rPr>
      <t> </t>
    </r>
    <r>
      <rPr>
        <sz val="10"/>
        <color theme="1"/>
        <rFont val="Inherit"/>
        <family val="2"/>
      </rPr>
      <t>  </t>
    </r>
    <r>
      <rPr>
        <sz val="10"/>
        <color rgb="FF3366CC"/>
        <rFont val="Inherit"/>
        <family val="2"/>
      </rPr>
      <t>(</t>
    </r>
    <r>
      <rPr>
        <vertAlign val="superscript"/>
        <sz val="7"/>
        <color rgb="FF3366CC"/>
        <rFont val="Inherit"/>
        <family val="2"/>
      </rPr>
      <t>8</t>
    </r>
    <r>
      <rPr>
        <sz val="10"/>
        <color rgb="FF3366CC"/>
        <rFont val="Inherit"/>
        <family val="2"/>
      </rPr>
      <t>)   </t>
    </r>
  </si>
  <si>
    <t>Regulation (EU) 2017/745 of the European Parliament and of the Council of 5 April 2017 on medical devices, amending Directive 2001/83/EC, Regulation (EC) No 178/2002 and Regulation (EC) No 1223/2009 and repealing Council Directives 90/385/EEC and 93/42/EEC.</t>
  </si>
  <si>
    <t>LIST OF SUBSTANCES SUBJECT TO RESTRICTIONS</t>
  </si>
  <si>
    <t>Substances listed in the Convention and in the Protocol</t>
  </si>
  <si>
    <t>REGULATION (EU) 2019/1021 OF THE EUROPEAN PARLIAMENT AND OF THE COUNCIL</t>
  </si>
  <si>
    <t>The manufacturing, placing on the market and use of substances listed in Annex I, whether on their own, in mixtures or in articles, shall be prohibited, subject to Article 4.</t>
  </si>
  <si>
    <t>The manufacturing, placing on the market and use of substances listed in Annex II, whether on their own, in mixtures or in articles, shall be restricted, subject to Article 4.</t>
  </si>
  <si>
    <t>Article 4</t>
  </si>
  <si>
    <t>Exemptions from control measures</t>
  </si>
  <si>
    <t>Article 3 shall not apply in the case of:</t>
  </si>
  <si>
    <t>a substance used for laboratory-scale research or as a reference standard;</t>
  </si>
  <si>
    <t>a substance present as an unintentional trace contaminant, as specified in the relevant entries of Annex I or II, in substances, mixtures or articles.</t>
  </si>
  <si>
    <t>https://eur-lex.europa.eu/legal-content/EN/TXT/?uri=CELEX%3A02019R1021-20210315&amp;qid=1623303198841</t>
    <phoneticPr fontId="4"/>
  </si>
  <si>
    <t>EU官報［2021/03/15統合版］</t>
    <rPh sb="15" eb="17">
      <t>トウゴウ</t>
    </rPh>
    <rPh sb="17" eb="18">
      <t>バン</t>
    </rPh>
    <phoneticPr fontId="11"/>
  </si>
  <si>
    <t>▼C4</t>
  </si>
  <si>
    <r>
      <t>(</t>
    </r>
    <r>
      <rPr>
        <b/>
        <sz val="10"/>
        <color theme="1"/>
        <rFont val="Meiryo UI"/>
        <family val="3"/>
        <charset val="128"/>
      </rPr>
      <t>Musk xylene</t>
    </r>
    <r>
      <rPr>
        <sz val="10"/>
        <color theme="1"/>
        <rFont val="Meiryo UI"/>
        <family val="3"/>
        <charset val="128"/>
      </rPr>
      <t>)</t>
    </r>
  </si>
  <si>
    <r>
      <t>(</t>
    </r>
    <r>
      <rPr>
        <b/>
        <sz val="10"/>
        <color theme="1"/>
        <rFont val="Meiryo UI"/>
        <family val="3"/>
        <charset val="128"/>
      </rPr>
      <t>HBCDD</t>
    </r>
    <r>
      <rPr>
        <sz val="10"/>
        <color theme="1"/>
        <rFont val="Meiryo UI"/>
        <family val="3"/>
        <charset val="128"/>
      </rPr>
      <t>)</t>
    </r>
  </si>
  <si>
    <r>
      <t>21 August 2013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21 February 2015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t>
    </r>
    <r>
      <rPr>
        <b/>
        <sz val="10"/>
        <color theme="1"/>
        <rFont val="Meiryo UI"/>
        <family val="3"/>
        <charset val="128"/>
      </rPr>
      <t>DEHP</t>
    </r>
    <r>
      <rPr>
        <sz val="10"/>
        <color theme="1"/>
        <rFont val="Meiryo UI"/>
        <family val="3"/>
        <charset val="128"/>
      </rPr>
      <t>)</t>
    </r>
  </si>
  <si>
    <r>
      <t>(</t>
    </r>
    <r>
      <rPr>
        <b/>
        <sz val="10"/>
        <color theme="1"/>
        <rFont val="Meiryo UI"/>
        <family val="3"/>
        <charset val="128"/>
      </rPr>
      <t>BBP</t>
    </r>
    <r>
      <rPr>
        <sz val="10"/>
        <color theme="1"/>
        <rFont val="Meiryo UI"/>
        <family val="3"/>
        <charset val="128"/>
      </rPr>
      <t>)</t>
    </r>
  </si>
  <si>
    <r>
      <t>(</t>
    </r>
    <r>
      <rPr>
        <b/>
        <sz val="10"/>
        <color theme="1"/>
        <rFont val="Meiryo UI"/>
        <family val="3"/>
        <charset val="128"/>
      </rPr>
      <t>DBP</t>
    </r>
    <r>
      <rPr>
        <sz val="10"/>
        <color theme="1"/>
        <rFont val="Meiryo UI"/>
        <family val="3"/>
        <charset val="128"/>
      </rPr>
      <t>)</t>
    </r>
  </si>
  <si>
    <r>
      <t>21 November 2013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21 May 2015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21 February 2014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21 August 2015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21 October 2014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21 April 2016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21 March 2016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21 September 2017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22 February 2016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22 August 2017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22 May 2016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22 November 2017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22 July 2017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22 January 2019 </t>
    </r>
    <r>
      <rPr>
        <b/>
        <sz val="10"/>
        <color rgb="FF3366CC"/>
        <rFont val="Meiryo UI"/>
        <family val="3"/>
        <charset val="128"/>
      </rPr>
      <t>►M43</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4 January 2019 </t>
    </r>
    <r>
      <rPr>
        <b/>
        <sz val="10"/>
        <color rgb="FF3366CC"/>
        <rFont val="Meiryo UI"/>
        <family val="3"/>
        <charset val="128"/>
      </rPr>
      <t>►M56</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4 July 2020 </t>
    </r>
    <r>
      <rPr>
        <b/>
        <sz val="10"/>
        <color rgb="FF3366CC"/>
        <rFont val="Meiryo UI"/>
        <family val="3"/>
        <charset val="128"/>
      </rPr>
      <t>►M56</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4 April 2019 </t>
    </r>
    <r>
      <rPr>
        <b/>
        <sz val="10"/>
        <color rgb="FF3366CC"/>
        <rFont val="Meiryo UI"/>
        <family val="3"/>
        <charset val="128"/>
      </rPr>
      <t>►M56</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4 October 2020 </t>
    </r>
    <r>
      <rPr>
        <b/>
        <sz val="10"/>
        <color rgb="FF3366CC"/>
        <rFont val="Meiryo UI"/>
        <family val="3"/>
        <charset val="128"/>
      </rPr>
      <t>►M56</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r>
      <t>►M62</t>
    </r>
    <r>
      <rPr>
        <sz val="10"/>
        <color rgb="FF3366CC"/>
        <rFont val="Meiryo UI"/>
        <family val="3"/>
        <charset val="128"/>
      </rPr>
      <t> </t>
    </r>
    <r>
      <rPr>
        <sz val="10"/>
        <color theme="1"/>
        <rFont val="Meiryo UI"/>
        <family val="3"/>
        <charset val="128"/>
      </rPr>
      <t>  </t>
    </r>
  </si>
  <si>
    <t>(a)  4 July 2019 (*1);</t>
  </si>
  <si>
    <t>(a)  4 January 2021 (*2);</t>
  </si>
  <si>
    <r>
      <t>4 July 2019 </t>
    </r>
    <r>
      <rPr>
        <b/>
        <sz val="10"/>
        <color rgb="FF3366CC"/>
        <rFont val="Meiryo UI"/>
        <family val="3"/>
        <charset val="128"/>
      </rPr>
      <t>►M56</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1</t>
    </r>
    <r>
      <rPr>
        <sz val="10"/>
        <color rgb="FF3366CC"/>
        <rFont val="Meiryo UI"/>
        <family val="3"/>
        <charset val="128"/>
      </rPr>
      <t>)</t>
    </r>
    <r>
      <rPr>
        <sz val="10"/>
        <color theme="1"/>
        <rFont val="Meiryo UI"/>
        <family val="3"/>
        <charset val="128"/>
      </rPr>
      <t> </t>
    </r>
    <r>
      <rPr>
        <b/>
        <sz val="10"/>
        <color theme="1"/>
        <rFont val="Meiryo UI"/>
        <family val="3"/>
        <charset val="128"/>
      </rPr>
      <t> ◄</t>
    </r>
  </si>
  <si>
    <r>
      <t>4 January 2021 </t>
    </r>
    <r>
      <rPr>
        <b/>
        <sz val="10"/>
        <color rgb="FF3366CC"/>
        <rFont val="Meiryo UI"/>
        <family val="3"/>
        <charset val="128"/>
      </rPr>
      <t>►M56</t>
    </r>
    <r>
      <rPr>
        <sz val="10"/>
        <color rgb="FF3366CC"/>
        <rFont val="Meiryo UI"/>
        <family val="3"/>
        <charset val="128"/>
      </rPr>
      <t> </t>
    </r>
    <r>
      <rPr>
        <sz val="10"/>
        <color theme="1"/>
        <rFont val="Meiryo UI"/>
        <family val="3"/>
        <charset val="128"/>
      </rPr>
      <t>   </t>
    </r>
    <r>
      <rPr>
        <sz val="10"/>
        <color rgb="FF3366CC"/>
        <rFont val="Meiryo UI"/>
        <family val="3"/>
        <charset val="128"/>
      </rPr>
      <t>(</t>
    </r>
    <r>
      <rPr>
        <vertAlign val="superscript"/>
        <sz val="7"/>
        <color rgb="FF3366CC"/>
        <rFont val="Meiryo UI"/>
        <family val="3"/>
        <charset val="128"/>
      </rPr>
      <t>*2</t>
    </r>
    <r>
      <rPr>
        <sz val="10"/>
        <color rgb="FF3366CC"/>
        <rFont val="Meiryo UI"/>
        <family val="3"/>
        <charset val="128"/>
      </rPr>
      <t>)</t>
    </r>
    <r>
      <rPr>
        <sz val="10"/>
        <color theme="1"/>
        <rFont val="Meiryo UI"/>
        <family val="3"/>
        <charset val="128"/>
      </rPr>
      <t> </t>
    </r>
    <r>
      <rPr>
        <b/>
        <sz val="10"/>
        <color theme="1"/>
        <rFont val="Meiryo UI"/>
        <family val="3"/>
        <charset val="128"/>
      </rPr>
      <t> ◄</t>
    </r>
  </si>
  <si>
    <t>Date referred to in Article 58(1)(c)(ii) of Regulation (EC) No 1907/2006.</t>
  </si>
  <si>
    <r>
      <t>(</t>
    </r>
    <r>
      <rPr>
        <vertAlign val="superscript"/>
        <sz val="7"/>
        <color rgb="FF3366CC"/>
        <rFont val="Meiryo UI"/>
        <family val="3"/>
        <charset val="128"/>
      </rPr>
      <t>2</t>
    </r>
    <r>
      <rPr>
        <sz val="10"/>
        <color rgb="FF3366CC"/>
        <rFont val="Meiryo UI"/>
        <family val="3"/>
        <charset val="128"/>
      </rPr>
      <t>)   </t>
    </r>
  </si>
  <si>
    <t>Date referred to in Article 58(1)(c)(i) of Regulation (EC) No 1907/2006.</t>
  </si>
  <si>
    <r>
      <t>(</t>
    </r>
    <r>
      <rPr>
        <vertAlign val="superscript"/>
        <sz val="7"/>
        <color rgb="FF3366CC"/>
        <rFont val="Meiryo UI"/>
        <family val="3"/>
        <charset val="128"/>
      </rPr>
      <t>*1</t>
    </r>
    <r>
      <rPr>
        <sz val="10"/>
        <color rgb="FF3366CC"/>
        <rFont val="Meiryo UI"/>
        <family val="3"/>
        <charset val="128"/>
      </rPr>
      <t>)   </t>
    </r>
  </si>
  <si>
    <r>
      <t>(</t>
    </r>
    <r>
      <rPr>
        <vertAlign val="superscript"/>
        <sz val="7"/>
        <color rgb="FF3366CC"/>
        <rFont val="Meiryo UI"/>
        <family val="3"/>
        <charset val="128"/>
      </rPr>
      <t>*2</t>
    </r>
    <r>
      <rPr>
        <sz val="10"/>
        <color rgb="FF3366CC"/>
        <rFont val="Meiryo UI"/>
        <family val="3"/>
        <charset val="128"/>
      </rPr>
      <t>)   </t>
    </r>
  </si>
  <si>
    <r>
      <t>(</t>
    </r>
    <r>
      <rPr>
        <vertAlign val="superscript"/>
        <sz val="7"/>
        <color rgb="FF3366CC"/>
        <rFont val="Meiryo UI"/>
        <family val="3"/>
        <charset val="128"/>
      </rPr>
      <t>*3</t>
    </r>
    <r>
      <rPr>
        <sz val="10"/>
        <color rgb="FF3366CC"/>
        <rFont val="Meiryo UI"/>
        <family val="3"/>
        <charset val="128"/>
      </rPr>
      <t>)   </t>
    </r>
  </si>
  <si>
    <r>
      <t>(</t>
    </r>
    <r>
      <rPr>
        <vertAlign val="superscript"/>
        <sz val="7"/>
        <color rgb="FF3366CC"/>
        <rFont val="Meiryo UI"/>
        <family val="3"/>
        <charset val="128"/>
      </rPr>
      <t>*4</t>
    </r>
    <r>
      <rPr>
        <sz val="10"/>
        <color rgb="FF3366CC"/>
        <rFont val="Meiryo UI"/>
        <family val="3"/>
        <charset val="128"/>
      </rPr>
      <t>)   </t>
    </r>
  </si>
  <si>
    <r>
      <rPr>
        <b/>
        <i/>
        <sz val="11"/>
        <rFont val="Meiryo UI"/>
        <family val="3"/>
        <charset val="128"/>
      </rPr>
      <t>Numerical identifiers</t>
    </r>
    <r>
      <rPr>
        <b/>
        <sz val="11"/>
        <rFont val="Meiryo UI"/>
        <family val="3"/>
        <charset val="128"/>
      </rPr>
      <t xml:space="preserve">: </t>
    </r>
    <r>
      <rPr>
        <sz val="11"/>
        <rFont val="Meiryo UI"/>
        <family val="3"/>
        <charset val="128"/>
      </rPr>
      <t>Each candidate list entry covers both anhydrous and hydrated forms of a substance. The CAS number shown in an entry is typically for the anhydrous form. Hydrated forms of the substance identified by other CAS numbers are still within the scope of the entry.</t>
    </r>
    <phoneticPr fontId="4"/>
  </si>
  <si>
    <t>EU官報［15/02/2021] 統合版]、(EU) 2020/2096附属書XVII 改定 *</t>
    <rPh sb="44" eb="46">
      <t>カイテイ</t>
    </rPh>
    <phoneticPr fontId="11"/>
  </si>
  <si>
    <t>* 本規則による改定の一部は未適用であり、統合版には未反映である。</t>
    <rPh sb="2" eb="3">
      <t>ホン</t>
    </rPh>
    <rPh sb="3" eb="5">
      <t>キソク</t>
    </rPh>
    <phoneticPr fontId="4"/>
  </si>
  <si>
    <t>REGULATION (EC) No 1272/2008 OF THE EUROPEAN PARLIAMENT AND OF THE COUNCIL</t>
    <phoneticPr fontId="4"/>
  </si>
  <si>
    <t>of 16 December 2008</t>
    <phoneticPr fontId="4"/>
  </si>
  <si>
    <t>on classification, labelling and packaging of substances and mixtures, amending and repealing Directives 67/548/EEC and 1999/45/EC, and amending Regulation (EC) No 1907/2006</t>
    <phoneticPr fontId="4"/>
  </si>
  <si>
    <t>(Text with EEA relevance)</t>
    <phoneticPr fontId="4"/>
  </si>
  <si>
    <t>Hazard Class and Category Code(s)</t>
    <phoneticPr fontId="78"/>
  </si>
  <si>
    <t>►M4  — ◄</t>
  </si>
  <si>
    <t>ATEs for oral and dermal exposure routes are expressed in mg/kg bw, which stands for milligram per kilogram bodyweight.</t>
  </si>
  <si>
    <t>Entry into force and application</t>
  </si>
  <si>
    <t>It shall apply from 1 March 2022.</t>
  </si>
  <si>
    <t>By way of derogation from the second paragraph of this Article, substances and mixtures may, before 1 March 2022 be classified, labelled and packaged in accordance with Regulation (EC) No 1272/2008 as amended by this Regulation.</t>
  </si>
  <si>
    <t>This Regulation shall enter into force on the twentieth day following that of its publication in the Official Journal of the European Union.</t>
  </si>
  <si>
    <t>COMMISSION DELEGATED REGULATION (EU) 2020/217</t>
    <phoneticPr fontId="31"/>
  </si>
  <si>
    <t>of 4 October 2019</t>
    <phoneticPr fontId="31"/>
  </si>
  <si>
    <t>amending, for the purposes of its adaptation to technical and scientific progress, Regulation (EC) No 1272/2008 of the European Parliament and of the Council on classification, labelling and packaging of substances and mixtures and correcting that Regulation</t>
    <phoneticPr fontId="31"/>
  </si>
  <si>
    <t>COMMISSION DELEGATED REGULATION (EU) 2021/849</t>
  </si>
  <si>
    <t>of 11 March 2021</t>
  </si>
  <si>
    <t>amending, for the purposes of its adaptation to technical and scientific progress, Part 3 of Annex VI to Regulation (EC) No 1272/2008 of the European Parliament and of the Council on classification, labelling and packaging of substances and mixtures</t>
  </si>
  <si>
    <t>Article 1</t>
  </si>
  <si>
    <t>Amendments to Regulation (EC) No 1272/2008</t>
  </si>
  <si>
    <t>Table 3 of Part 3 of Annex VI to Regulation (EC) No 1272/2008 is amended as set out in the Annex to this Regulation.</t>
  </si>
  <si>
    <t>Article 2</t>
  </si>
  <si>
    <t>It shall apply from 17 December 2022.</t>
  </si>
  <si>
    <t>By way of derogation from the second paragraph of this Article, substances and mixtures may be classified, labelled and packaged in accordance with this Regulation from its date of entry into force.</t>
  </si>
  <si>
    <t>In Annex VI to Regulation (EC) No 1272/2008, Table 3 of Part 3 is amended as follows:</t>
  </si>
  <si>
    <t>(1) the following entries are inserted:</t>
    <phoneticPr fontId="78"/>
  </si>
  <si>
    <t>Specific Conc. Limits, M- factors and ATE</t>
  </si>
  <si>
    <t>‘601-093-00-6</t>
  </si>
  <si>
    <t>1,4-dimethylnaphthalene</t>
  </si>
  <si>
    <t>209-335-9</t>
  </si>
  <si>
    <t>571-58-4</t>
  </si>
  <si>
    <t>oral: ATE = 1 300 mg/kg bw</t>
  </si>
  <si>
    <t>M = 1’</t>
  </si>
  <si>
    <t>‘601-094-00-1</t>
  </si>
  <si>
    <t>1-isopropyl-4-methylbenzene;</t>
  </si>
  <si>
    <t>202-796-7</t>
  </si>
  <si>
    <t>99-87-6</t>
  </si>
  <si>
    <t>inhalation: ATE = 3 mg/l (vapours)’</t>
  </si>
  <si>
    <r>
      <t>p</t>
    </r>
    <r>
      <rPr>
        <sz val="10"/>
        <color theme="1"/>
        <rFont val="Meiryo UI"/>
        <family val="3"/>
        <charset val="128"/>
      </rPr>
      <t>-cymene</t>
    </r>
  </si>
  <si>
    <t>‘601-095-00-7</t>
  </si>
  <si>
    <r>
      <t>p</t>
    </r>
    <r>
      <rPr>
        <sz val="10"/>
        <color theme="1"/>
        <rFont val="Meiryo UI"/>
        <family val="3"/>
        <charset val="128"/>
      </rPr>
      <t>-mentha-1,3-diene; 1-isopropyl-4-methylcyclohexa-1,3-diene;</t>
    </r>
  </si>
  <si>
    <t>202-795-1</t>
  </si>
  <si>
    <t>99-86-5</t>
  </si>
  <si>
    <t>oral: ATE = 1 680 mg/kg bw’</t>
  </si>
  <si>
    <t>alpha-terpinene</t>
  </si>
  <si>
    <t>‘602-110-00-X</t>
  </si>
  <si>
    <t>tetrafluoroethylene</t>
  </si>
  <si>
    <t>204-126-9</t>
  </si>
  <si>
    <t>116-14-3</t>
  </si>
  <si>
    <t>H350’</t>
  </si>
  <si>
    <t>‘604-095-00-5</t>
  </si>
  <si>
    <r>
      <t>6,6'-di-</t>
    </r>
    <r>
      <rPr>
        <i/>
        <sz val="10"/>
        <color theme="1"/>
        <rFont val="Meiryo UI"/>
        <family val="3"/>
        <charset val="128"/>
      </rPr>
      <t>tert</t>
    </r>
    <r>
      <rPr>
        <sz val="10"/>
        <color theme="1"/>
        <rFont val="Meiryo UI"/>
        <family val="3"/>
        <charset val="128"/>
      </rPr>
      <t>-butyl-2,2'-methylenedi-</t>
    </r>
    <r>
      <rPr>
        <i/>
        <sz val="10"/>
        <color theme="1"/>
        <rFont val="Meiryo UI"/>
        <family val="3"/>
        <charset val="128"/>
      </rPr>
      <t>p</t>
    </r>
    <r>
      <rPr>
        <sz val="10"/>
        <color theme="1"/>
        <rFont val="Meiryo UI"/>
        <family val="3"/>
        <charset val="128"/>
      </rPr>
      <t>-cresol;</t>
    </r>
  </si>
  <si>
    <t>204-327-1</t>
  </si>
  <si>
    <t>119-47-1</t>
  </si>
  <si>
    <t>H360F’</t>
  </si>
  <si>
    <t>[DBMC]</t>
  </si>
  <si>
    <t>‘606-152-00-X</t>
  </si>
  <si>
    <r>
      <t>(5-chloro-2-methoxy-4-methyl-3-pyridyl)(4,5,6-trimethoxy-</t>
    </r>
    <r>
      <rPr>
        <i/>
        <sz val="10"/>
        <color theme="1"/>
        <rFont val="Meiryo UI"/>
        <family val="3"/>
        <charset val="128"/>
      </rPr>
      <t>o</t>
    </r>
    <r>
      <rPr>
        <sz val="10"/>
        <color theme="1"/>
        <rFont val="Meiryo UI"/>
        <family val="3"/>
        <charset val="128"/>
      </rPr>
      <t>-tolyl)methanone; pyriofenone</t>
    </r>
  </si>
  <si>
    <t>688046-61-9</t>
  </si>
  <si>
    <t>‘607-747-00-7</t>
  </si>
  <si>
    <t>2,2-dibromo-2-cyanoacetamide; [DBNPA]</t>
  </si>
  <si>
    <t>233-539-7</t>
  </si>
  <si>
    <t>inhalation: ATE = 0,24 mg/l (dusts or mists)</t>
  </si>
  <si>
    <t>oral: ATE = 118 mg/kg bw</t>
  </si>
  <si>
    <t>‘607-748-00-2</t>
  </si>
  <si>
    <r>
      <t>[</t>
    </r>
    <r>
      <rPr>
        <i/>
        <sz val="10"/>
        <color theme="1"/>
        <rFont val="Meiryo UI"/>
        <family val="3"/>
        <charset val="128"/>
      </rPr>
      <t>S</t>
    </r>
    <r>
      <rPr>
        <sz val="10"/>
        <color theme="1"/>
        <rFont val="Meiryo UI"/>
        <family val="3"/>
        <charset val="128"/>
      </rPr>
      <t>-(</t>
    </r>
    <r>
      <rPr>
        <i/>
        <sz val="10"/>
        <color theme="1"/>
        <rFont val="Meiryo UI"/>
        <family val="3"/>
        <charset val="128"/>
      </rPr>
      <t>Z</t>
    </r>
    <r>
      <rPr>
        <sz val="10"/>
        <color theme="1"/>
        <rFont val="Meiryo UI"/>
        <family val="3"/>
        <charset val="128"/>
      </rPr>
      <t>,</t>
    </r>
    <r>
      <rPr>
        <i/>
        <sz val="10"/>
        <color theme="1"/>
        <rFont val="Meiryo UI"/>
        <family val="3"/>
        <charset val="128"/>
      </rPr>
      <t>E</t>
    </r>
    <r>
      <rPr>
        <sz val="10"/>
        <color theme="1"/>
        <rFont val="Meiryo UI"/>
        <family val="3"/>
        <charset val="128"/>
      </rPr>
      <t>)]-5-(1-hydroxy-2,6,6-trimethyl-4-oxocyclohex-2-en-1-yl)-3-methylpenta-2,4-dienoic acid;</t>
    </r>
  </si>
  <si>
    <t>244-319-5</t>
  </si>
  <si>
    <t>21293-29-8</t>
  </si>
  <si>
    <r>
      <t>S</t>
    </r>
    <r>
      <rPr>
        <sz val="10"/>
        <color theme="1"/>
        <rFont val="Meiryo UI"/>
        <family val="3"/>
        <charset val="128"/>
      </rPr>
      <t>-abscisic acid</t>
    </r>
  </si>
  <si>
    <t>‘607-749-00-8</t>
  </si>
  <si>
    <t>methyl salicylate</t>
  </si>
  <si>
    <t>204-317-7</t>
  </si>
  <si>
    <t>119-36-8</t>
  </si>
  <si>
    <t>oral: ATE = 890 mg/kg bw’</t>
  </si>
  <si>
    <t>‘607-750-00-3</t>
  </si>
  <si>
    <t>citric acid</t>
  </si>
  <si>
    <t>201-069-1</t>
  </si>
  <si>
    <t>77-92-9</t>
  </si>
  <si>
    <t>H335’</t>
  </si>
  <si>
    <t>‘607-751-00-9</t>
  </si>
  <si>
    <t>ethametsulfuron-methyl (ISO);</t>
  </si>
  <si>
    <t>97780-06-8</t>
  </si>
  <si>
    <t>methyl 2-({[4-ethoxy-6-(methylamino)-1,3,5-triazin-2-yl]carbamoyl}sulfamoyl)benzoate</t>
  </si>
  <si>
    <t>M = 100’</t>
  </si>
  <si>
    <t>‘607-752-00-4</t>
  </si>
  <si>
    <t>trinexapac-ethyl (ISO);</t>
  </si>
  <si>
    <t>95266-40-3</t>
  </si>
  <si>
    <t>H373 (gastrointestinal tract)</t>
  </si>
  <si>
    <t>ethyl 4-[cyclopropyl(hydroxy)methylene]-3,5-dioxocyclohexanecarboxylate</t>
  </si>
  <si>
    <t>‘607-753-00-X</t>
  </si>
  <si>
    <r>
      <t>(3a</t>
    </r>
    <r>
      <rPr>
        <i/>
        <sz val="10"/>
        <color theme="1"/>
        <rFont val="Meiryo UI"/>
        <family val="3"/>
        <charset val="128"/>
      </rPr>
      <t>S</t>
    </r>
    <r>
      <rPr>
        <sz val="10"/>
        <color theme="1"/>
        <rFont val="Meiryo UI"/>
        <family val="3"/>
        <charset val="128"/>
      </rPr>
      <t>,5</t>
    </r>
    <r>
      <rPr>
        <i/>
        <sz val="10"/>
        <color theme="1"/>
        <rFont val="Meiryo UI"/>
        <family val="3"/>
        <charset val="128"/>
      </rPr>
      <t>S</t>
    </r>
    <r>
      <rPr>
        <sz val="10"/>
        <color theme="1"/>
        <rFont val="Meiryo UI"/>
        <family val="3"/>
        <charset val="128"/>
      </rPr>
      <t>,6</t>
    </r>
    <r>
      <rPr>
        <i/>
        <sz val="10"/>
        <color theme="1"/>
        <rFont val="Meiryo UI"/>
        <family val="3"/>
        <charset val="128"/>
      </rPr>
      <t>R</t>
    </r>
    <r>
      <rPr>
        <sz val="10"/>
        <color theme="1"/>
        <rFont val="Meiryo UI"/>
        <family val="3"/>
        <charset val="128"/>
      </rPr>
      <t>,7a</t>
    </r>
    <r>
      <rPr>
        <i/>
        <sz val="10"/>
        <color theme="1"/>
        <rFont val="Meiryo UI"/>
        <family val="3"/>
        <charset val="128"/>
      </rPr>
      <t>R</t>
    </r>
    <r>
      <rPr>
        <sz val="10"/>
        <color theme="1"/>
        <rFont val="Meiryo UI"/>
        <family val="3"/>
        <charset val="128"/>
      </rPr>
      <t>,7b</t>
    </r>
    <r>
      <rPr>
        <i/>
        <sz val="10"/>
        <color theme="1"/>
        <rFont val="Meiryo UI"/>
        <family val="3"/>
        <charset val="128"/>
      </rPr>
      <t>S</t>
    </r>
    <r>
      <rPr>
        <sz val="10"/>
        <color theme="1"/>
        <rFont val="Meiryo UI"/>
        <family val="3"/>
        <charset val="128"/>
      </rPr>
      <t>,9a</t>
    </r>
    <r>
      <rPr>
        <i/>
        <sz val="10"/>
        <color theme="1"/>
        <rFont val="Meiryo UI"/>
        <family val="3"/>
        <charset val="128"/>
      </rPr>
      <t>S</t>
    </r>
    <r>
      <rPr>
        <sz val="10"/>
        <color theme="1"/>
        <rFont val="Meiryo UI"/>
        <family val="3"/>
        <charset val="128"/>
      </rPr>
      <t>,10</t>
    </r>
    <r>
      <rPr>
        <i/>
        <sz val="10"/>
        <color theme="1"/>
        <rFont val="Meiryo UI"/>
        <family val="3"/>
        <charset val="128"/>
      </rPr>
      <t>R</t>
    </r>
    <r>
      <rPr>
        <sz val="10"/>
        <color theme="1"/>
        <rFont val="Meiryo UI"/>
        <family val="3"/>
        <charset val="128"/>
      </rPr>
      <t>,12a</t>
    </r>
    <r>
      <rPr>
        <i/>
        <sz val="10"/>
        <color theme="1"/>
        <rFont val="Meiryo UI"/>
        <family val="3"/>
        <charset val="128"/>
      </rPr>
      <t>S</t>
    </r>
    <r>
      <rPr>
        <sz val="10"/>
        <color theme="1"/>
        <rFont val="Meiryo UI"/>
        <family val="3"/>
        <charset val="128"/>
      </rPr>
      <t>,12b</t>
    </r>
    <r>
      <rPr>
        <i/>
        <sz val="10"/>
        <color theme="1"/>
        <rFont val="Meiryo UI"/>
        <family val="3"/>
        <charset val="128"/>
      </rPr>
      <t>S</t>
    </r>
    <r>
      <rPr>
        <sz val="10"/>
        <color theme="1"/>
        <rFont val="Meiryo UI"/>
        <family val="3"/>
        <charset val="128"/>
      </rPr>
      <t>)-10-[(2</t>
    </r>
    <r>
      <rPr>
        <i/>
        <sz val="10"/>
        <color theme="1"/>
        <rFont val="Meiryo UI"/>
        <family val="3"/>
        <charset val="128"/>
      </rPr>
      <t>S</t>
    </r>
    <r>
      <rPr>
        <sz val="10"/>
        <color theme="1"/>
        <rFont val="Meiryo UI"/>
        <family val="3"/>
        <charset val="128"/>
      </rPr>
      <t>,3</t>
    </r>
    <r>
      <rPr>
        <i/>
        <sz val="10"/>
        <color theme="1"/>
        <rFont val="Meiryo UI"/>
        <family val="3"/>
        <charset val="128"/>
      </rPr>
      <t>R</t>
    </r>
    <r>
      <rPr>
        <sz val="10"/>
        <color theme="1"/>
        <rFont val="Meiryo UI"/>
        <family val="3"/>
        <charset val="128"/>
      </rPr>
      <t>,4</t>
    </r>
    <r>
      <rPr>
        <i/>
        <sz val="10"/>
        <color theme="1"/>
        <rFont val="Meiryo UI"/>
        <family val="3"/>
        <charset val="128"/>
      </rPr>
      <t>R</t>
    </r>
    <r>
      <rPr>
        <sz val="10"/>
        <color theme="1"/>
        <rFont val="Meiryo UI"/>
        <family val="3"/>
        <charset val="128"/>
      </rPr>
      <t>,5</t>
    </r>
    <r>
      <rPr>
        <i/>
        <sz val="10"/>
        <color theme="1"/>
        <rFont val="Meiryo UI"/>
        <family val="3"/>
        <charset val="128"/>
      </rPr>
      <t>R</t>
    </r>
    <r>
      <rPr>
        <sz val="10"/>
        <color theme="1"/>
        <rFont val="Meiryo UI"/>
        <family val="3"/>
        <charset val="128"/>
      </rPr>
      <t>)-3,4-dihydroxy-5,6-dimethylheptan-2-yl]-5,6-dihydroxy-7a,9a-dimethylhexadecahydro-3</t>
    </r>
    <r>
      <rPr>
        <i/>
        <sz val="10"/>
        <color theme="1"/>
        <rFont val="Meiryo UI"/>
        <family val="3"/>
        <charset val="128"/>
      </rPr>
      <t>H</t>
    </r>
    <r>
      <rPr>
        <sz val="10"/>
        <color theme="1"/>
        <rFont val="Meiryo UI"/>
        <family val="3"/>
        <charset val="128"/>
      </rPr>
      <t>-benzo[</t>
    </r>
    <r>
      <rPr>
        <i/>
        <sz val="10"/>
        <color theme="1"/>
        <rFont val="Meiryo UI"/>
        <family val="3"/>
        <charset val="128"/>
      </rPr>
      <t>c</t>
    </r>
    <r>
      <rPr>
        <sz val="10"/>
        <color theme="1"/>
        <rFont val="Meiryo UI"/>
        <family val="3"/>
        <charset val="128"/>
      </rPr>
      <t>]indeno[5,4-</t>
    </r>
    <r>
      <rPr>
        <i/>
        <sz val="10"/>
        <color theme="1"/>
        <rFont val="Meiryo UI"/>
        <family val="3"/>
        <charset val="128"/>
      </rPr>
      <t>e</t>
    </r>
    <r>
      <rPr>
        <sz val="10"/>
        <color theme="1"/>
        <rFont val="Meiryo UI"/>
        <family val="3"/>
        <charset val="128"/>
      </rPr>
      <t>]oxepin-3-one; 24-epibrassinolide</t>
    </r>
  </si>
  <si>
    <t>78821-43-9</t>
  </si>
  <si>
    <t>‘607-754-00-5</t>
  </si>
  <si>
    <t>benzyl salicylate</t>
  </si>
  <si>
    <t>204-262-9</t>
  </si>
  <si>
    <t>118-58-1</t>
  </si>
  <si>
    <t>‘607-755-00-0</t>
  </si>
  <si>
    <r>
      <t>(</t>
    </r>
    <r>
      <rPr>
        <i/>
        <sz val="10"/>
        <color theme="1"/>
        <rFont val="Meiryo UI"/>
        <family val="3"/>
        <charset val="128"/>
      </rPr>
      <t>RS</t>
    </r>
    <r>
      <rPr>
        <sz val="10"/>
        <color theme="1"/>
        <rFont val="Meiryo UI"/>
        <family val="3"/>
        <charset val="128"/>
      </rPr>
      <t>)-1-{1-ethyl-4-[4-mesyl-3-(2-methoxyethoxy)-</t>
    </r>
    <r>
      <rPr>
        <i/>
        <sz val="10"/>
        <color theme="1"/>
        <rFont val="Meiryo UI"/>
        <family val="3"/>
        <charset val="128"/>
      </rPr>
      <t>o</t>
    </r>
    <r>
      <rPr>
        <sz val="10"/>
        <color theme="1"/>
        <rFont val="Meiryo UI"/>
        <family val="3"/>
        <charset val="128"/>
      </rPr>
      <t>-toluoyl]pyrazol-5-yloxy}ethyl methyl carbonate;</t>
    </r>
  </si>
  <si>
    <t>1101132-67-5</t>
  </si>
  <si>
    <t>tolpyralate</t>
  </si>
  <si>
    <t>‘613-337-00-9</t>
  </si>
  <si>
    <t>prothioconazole (ISO);</t>
  </si>
  <si>
    <t>178928-70-6</t>
  </si>
  <si>
    <r>
      <t>2-[2-(1-chlorocyclopropyl)-3-(2-chlorophenyl)-2-hydroxypropyl]-2,4-dihydro-3</t>
    </r>
    <r>
      <rPr>
        <i/>
        <sz val="10"/>
        <color theme="1"/>
        <rFont val="Meiryo UI"/>
        <family val="3"/>
        <charset val="128"/>
      </rPr>
      <t>H</t>
    </r>
    <r>
      <rPr>
        <sz val="10"/>
        <color theme="1"/>
        <rFont val="Meiryo UI"/>
        <family val="3"/>
        <charset val="128"/>
      </rPr>
      <t>-1,2,4-triazole-3-thione</t>
    </r>
  </si>
  <si>
    <t>‘613-338-00-4</t>
  </si>
  <si>
    <r>
      <t>azamethiphos (ISO); </t>
    </r>
    <r>
      <rPr>
        <i/>
        <sz val="10"/>
        <color theme="1"/>
        <rFont val="Meiryo UI"/>
        <family val="3"/>
        <charset val="128"/>
      </rPr>
      <t>S</t>
    </r>
    <r>
      <rPr>
        <sz val="10"/>
        <color theme="1"/>
        <rFont val="Meiryo UI"/>
        <family val="3"/>
        <charset val="128"/>
      </rPr>
      <t>-[(6-chloro-2-oxooxazolo[4,5-</t>
    </r>
    <r>
      <rPr>
        <i/>
        <sz val="10"/>
        <color theme="1"/>
        <rFont val="Meiryo UI"/>
        <family val="3"/>
        <charset val="128"/>
      </rPr>
      <t>b</t>
    </r>
    <r>
      <rPr>
        <sz val="10"/>
        <color theme="1"/>
        <rFont val="Meiryo UI"/>
        <family val="3"/>
        <charset val="128"/>
      </rPr>
      <t>]pyridin-3(2</t>
    </r>
    <r>
      <rPr>
        <i/>
        <sz val="10"/>
        <color theme="1"/>
        <rFont val="Meiryo UI"/>
        <family val="3"/>
        <charset val="128"/>
      </rPr>
      <t>H</t>
    </r>
    <r>
      <rPr>
        <sz val="10"/>
        <color theme="1"/>
        <rFont val="Meiryo UI"/>
        <family val="3"/>
        <charset val="128"/>
      </rPr>
      <t>)-yl)methyl] </t>
    </r>
    <r>
      <rPr>
        <i/>
        <sz val="10"/>
        <color theme="1"/>
        <rFont val="Meiryo UI"/>
        <family val="3"/>
        <charset val="128"/>
      </rPr>
      <t>O</t>
    </r>
    <r>
      <rPr>
        <sz val="10"/>
        <color theme="1"/>
        <rFont val="Meiryo UI"/>
        <family val="3"/>
        <charset val="128"/>
      </rPr>
      <t>,</t>
    </r>
    <r>
      <rPr>
        <i/>
        <sz val="10"/>
        <color theme="1"/>
        <rFont val="Meiryo UI"/>
        <family val="3"/>
        <charset val="128"/>
      </rPr>
      <t>O</t>
    </r>
    <r>
      <rPr>
        <sz val="10"/>
        <color theme="1"/>
        <rFont val="Meiryo UI"/>
        <family val="3"/>
        <charset val="128"/>
      </rPr>
      <t>-dimethyl thiophosphate</t>
    </r>
  </si>
  <si>
    <t>252-626-0</t>
  </si>
  <si>
    <t>35575-96-3</t>
  </si>
  <si>
    <t>inhalation: ATE = 0,5 mg/l (dusts or mists)</t>
  </si>
  <si>
    <t>oral: ATE = 500 mg/kg bw</t>
  </si>
  <si>
    <t>M = 1 000 ’</t>
  </si>
  <si>
    <t>‘613-339-00-X</t>
  </si>
  <si>
    <t>3-methylpyrazole</t>
  </si>
  <si>
    <t>215-925-7</t>
  </si>
  <si>
    <t>1453-58-3</t>
  </si>
  <si>
    <t>oral: ATE = 500 mg/kg bw’</t>
  </si>
  <si>
    <t>H373 (lung)</t>
  </si>
  <si>
    <t>‘613-340-00-5</t>
  </si>
  <si>
    <t>clomazone (ISO); 2-(2-chlorobenzyl)-4,4-dimethyl-1,2-oxazolidin-3-one</t>
  </si>
  <si>
    <t>81777-89-1</t>
  </si>
  <si>
    <t>inhalation: ATE = 4,85 mg/l (dusts or mists)</t>
  </si>
  <si>
    <t>oral: ATE = 768 mg/kg bw</t>
  </si>
  <si>
    <t>‘614-030-00-2</t>
  </si>
  <si>
    <r>
      <t>emamectin benzoate (ISO); (4"</t>
    </r>
    <r>
      <rPr>
        <i/>
        <sz val="10"/>
        <color theme="1"/>
        <rFont val="Meiryo UI"/>
        <family val="3"/>
        <charset val="128"/>
      </rPr>
      <t>R</t>
    </r>
    <r>
      <rPr>
        <sz val="10"/>
        <color theme="1"/>
        <rFont val="Meiryo UI"/>
        <family val="3"/>
        <charset val="128"/>
      </rPr>
      <t>)-4"-deoxy-4"-(methylamino) avermectin B1 benzoate</t>
    </r>
  </si>
  <si>
    <t>155569-91-8</t>
  </si>
  <si>
    <t>ATE = 0,663</t>
  </si>
  <si>
    <t>mg/l (dusts or mists)</t>
  </si>
  <si>
    <t>ATE = 300</t>
  </si>
  <si>
    <t>mg/kg bw</t>
  </si>
  <si>
    <t>oral: ATE =</t>
  </si>
  <si>
    <t>60 mg/kg bw</t>
  </si>
  <si>
    <t>STOT RE 1; H372: C ≥ 5 %; STOT RE 2; H373: 0,5 % ≤ C &lt; 5 %</t>
  </si>
  <si>
    <t>M = 10 000 ’</t>
  </si>
  <si>
    <t>‘616-234-00-7</t>
  </si>
  <si>
    <r>
      <t>N</t>
    </r>
    <r>
      <rPr>
        <sz val="10"/>
        <color theme="1"/>
        <rFont val="Meiryo UI"/>
        <family val="3"/>
        <charset val="128"/>
      </rPr>
      <t>-methoxy-</t>
    </r>
    <r>
      <rPr>
        <i/>
        <sz val="10"/>
        <color theme="1"/>
        <rFont val="Meiryo UI"/>
        <family val="3"/>
        <charset val="128"/>
      </rPr>
      <t>N</t>
    </r>
    <r>
      <rPr>
        <sz val="10"/>
        <color theme="1"/>
        <rFont val="Meiryo UI"/>
        <family val="3"/>
        <charset val="128"/>
      </rPr>
      <t>-[1-methyl-2-(2,4,6-trichlorophenyl)-ethyl]-3-(difluoromethyl)-1-methylpyrazole-4-carboxamide; pydiflumetofen</t>
    </r>
  </si>
  <si>
    <t>1228284-64-7</t>
  </si>
  <si>
    <t>‘616-235-00-2</t>
  </si>
  <si>
    <r>
      <t>N</t>
    </r>
    <r>
      <rPr>
        <sz val="10"/>
        <color theme="1"/>
        <rFont val="Meiryo UI"/>
        <family val="3"/>
        <charset val="128"/>
      </rPr>
      <t>-{2-[[1,1'-bi(cyclopropyl)]-2-yl]phenyl}-3-(difluoromethyl)-1-methyl-1</t>
    </r>
    <r>
      <rPr>
        <i/>
        <sz val="10"/>
        <color theme="1"/>
        <rFont val="Meiryo UI"/>
        <family val="3"/>
        <charset val="128"/>
      </rPr>
      <t>H</t>
    </r>
    <r>
      <rPr>
        <sz val="10"/>
        <color theme="1"/>
        <rFont val="Meiryo UI"/>
        <family val="3"/>
        <charset val="128"/>
      </rPr>
      <t>-pyrazole-4-carboxamide; sedaxane</t>
    </r>
  </si>
  <si>
    <t>874967-67-6</t>
  </si>
  <si>
    <t>(2) the entries corresponding to index numbers 005-007-00-2; 005-008-00-8; 005-011-00-4; 005-011-01-1; 005-011-02-9; 006-069-00-3; 006-076-00-1; 015-113-00-0; 028-007-00-4; 029-002-00-X; 029-015-00-0; 029-016-00-6; 029-017-00-1; 029-018-00-7; 029-019-01-X; 029-020-00-8; 029-021-00-3; 029-022-00-9; 029-023-00-4; 601-029-00-7; 601-096-00-2; 603-024-00-5; 603-066-00-4; 603-098-00-9; 606-004-00-4; 607-421-00-4; 607-424-00-0; 607-434-00-5; 608-058-00-4; 612-067-00-9; 612-252-00-4; 613-048-00-8; 613-102-00-0; 613-111-00-X; 613-166-00-X; 613-208-00-7; 613-267-00-9; 613-282-00-0; 616-032-00-9; 616-106-00-0 and 616-113-00-9 are replaced by the following entries respectively:</t>
    <phoneticPr fontId="78"/>
  </si>
  <si>
    <t>Specific Conc. Limits, M- factors and ATE</t>
  </si>
  <si>
    <t>‘005-007-00-2</t>
  </si>
  <si>
    <t>boric acid [1]</t>
  </si>
  <si>
    <t>boric acid [2]</t>
  </si>
  <si>
    <t>‘005-008-00-8</t>
  </si>
  <si>
    <t>diboron trioxide</t>
  </si>
  <si>
    <t>‘005-011-00-4</t>
  </si>
  <si>
    <t>tetraboron disodium heptaoxide, hydrate; [1]</t>
  </si>
  <si>
    <t>235-541-3 [1]</t>
  </si>
  <si>
    <t>12267-73-1 [1]</t>
  </si>
  <si>
    <t>disodium tetraborate, anhydrous; [2]</t>
  </si>
  <si>
    <t>215-540-4 [2]</t>
  </si>
  <si>
    <t>1330-43-4 [2]</t>
  </si>
  <si>
    <t>disodium tetraborate decahydrate [4]</t>
  </si>
  <si>
    <t>215-540-4 [4]</t>
  </si>
  <si>
    <t>1303-96-4 [4]</t>
  </si>
  <si>
    <t>disodium tetraborate pentahydrate [5]</t>
  </si>
  <si>
    <t>215-540-4 [5]</t>
  </si>
  <si>
    <t>12179-04-3 [5]</t>
  </si>
  <si>
    <t>‘006-069-00-3</t>
  </si>
  <si>
    <t>inhalation: ATE = 1,7 mg/l</t>
  </si>
  <si>
    <t>dimethyl (1,2-phenylenedicarbamothioyl)biscarbamate;</t>
  </si>
  <si>
    <t>(dusts and mists)</t>
  </si>
  <si>
    <r>
      <t>dimethyl 4,4′-(</t>
    </r>
    <r>
      <rPr>
        <i/>
        <sz val="10"/>
        <color theme="1"/>
        <rFont val="Meiryo UI"/>
        <family val="3"/>
        <charset val="128"/>
      </rPr>
      <t>o</t>
    </r>
    <r>
      <rPr>
        <sz val="10"/>
        <color theme="1"/>
        <rFont val="Meiryo UI"/>
        <family val="3"/>
        <charset val="128"/>
      </rPr>
      <t>-phenylene)bis(3-thioallophanate)</t>
    </r>
  </si>
  <si>
    <t>M = 10’</t>
  </si>
  <si>
    <t>‘006-076-00-1</t>
  </si>
  <si>
    <t>mancozeb (ISO); manganese ethylenebis(dithiocarbamate) (polymeric) complex with zinc salt</t>
  </si>
  <si>
    <t>H373 (thyroid, nervous system)</t>
  </si>
  <si>
    <t>‘015-113-00-0</t>
  </si>
  <si>
    <r>
      <t>O</t>
    </r>
    <r>
      <rPr>
        <sz val="10"/>
        <color theme="1"/>
        <rFont val="Meiryo UI"/>
        <family val="3"/>
        <charset val="128"/>
      </rPr>
      <t>-(2,6-dichloro-</t>
    </r>
    <r>
      <rPr>
        <i/>
        <sz val="10"/>
        <color theme="1"/>
        <rFont val="Meiryo UI"/>
        <family val="3"/>
        <charset val="128"/>
      </rPr>
      <t>p</t>
    </r>
    <r>
      <rPr>
        <sz val="10"/>
        <color theme="1"/>
        <rFont val="Meiryo UI"/>
        <family val="3"/>
        <charset val="128"/>
      </rPr>
      <t>-tolyl) </t>
    </r>
    <r>
      <rPr>
        <i/>
        <sz val="10"/>
        <color theme="1"/>
        <rFont val="Meiryo UI"/>
        <family val="3"/>
        <charset val="128"/>
      </rPr>
      <t>O</t>
    </r>
    <r>
      <rPr>
        <sz val="10"/>
        <color theme="1"/>
        <rFont val="Meiryo UI"/>
        <family val="3"/>
        <charset val="128"/>
      </rPr>
      <t>,</t>
    </r>
    <r>
      <rPr>
        <i/>
        <sz val="10"/>
        <color theme="1"/>
        <rFont val="Meiryo UI"/>
        <family val="3"/>
        <charset val="128"/>
      </rPr>
      <t>O</t>
    </r>
    <r>
      <rPr>
        <sz val="10"/>
        <color theme="1"/>
        <rFont val="Meiryo UI"/>
        <family val="3"/>
        <charset val="128"/>
      </rPr>
      <t>-dimethyl thiophosphate</t>
    </r>
  </si>
  <si>
    <t>‘028-007-00-4</t>
  </si>
  <si>
    <t>ATE = 0,92 mg/l</t>
  </si>
  <si>
    <t>(dusts or mists)’</t>
  </si>
  <si>
    <t>‘029-002-00-X</t>
  </si>
  <si>
    <t>inhalation: ATE = 3,34 mg/l (dusts or mists)</t>
  </si>
  <si>
    <t>‘029-015-00-0</t>
  </si>
  <si>
    <t>‘029-016-00-6</t>
  </si>
  <si>
    <t>‘029-017-00-1</t>
  </si>
  <si>
    <t>inhalation: ATE = 2,83 mg/l (dusts or mists)</t>
  </si>
  <si>
    <t>oral: ATE = 299 mg/kg bw</t>
  </si>
  <si>
    <t>‘029-018-00-7</t>
  </si>
  <si>
    <t>‘029-019-01-X</t>
  </si>
  <si>
    <t>inhalation: ATE = 0,733 mg/l (dusts or mists)</t>
  </si>
  <si>
    <t>‘029-020-00-8</t>
  </si>
  <si>
    <t>copper(II) carbonate—copper(II) hydroxide (1:1)</t>
  </si>
  <si>
    <t>inhalation: ATE = 1,2 mg/l (dusts or mists)</t>
  </si>
  <si>
    <t>‘029-021-00-3</t>
  </si>
  <si>
    <t>inhalation: ATE = 0,47 mg/l (dusts or mists)</t>
  </si>
  <si>
    <t>‘029-022-00-9</t>
  </si>
  <si>
    <t>inhalation: ATE = 1,97 mg/l (dusts or mists)</t>
  </si>
  <si>
    <t>‘029-023-00-4</t>
  </si>
  <si>
    <t>oral: ATE = 481 mg/kg bw</t>
  </si>
  <si>
    <t>‘601-029-00-7</t>
  </si>
  <si>
    <t>dipentene;</t>
  </si>
  <si>
    <t>C’</t>
  </si>
  <si>
    <t>limonene [1]</t>
  </si>
  <si>
    <t>227-815-6 [2]</t>
  </si>
  <si>
    <t>5989-54-8 [2]</t>
  </si>
  <si>
    <r>
      <t>(</t>
    </r>
    <r>
      <rPr>
        <i/>
        <sz val="10"/>
        <color theme="1"/>
        <rFont val="Meiryo UI"/>
        <family val="3"/>
        <charset val="128"/>
      </rPr>
      <t>S</t>
    </r>
    <r>
      <rPr>
        <sz val="10"/>
        <color theme="1"/>
        <rFont val="Meiryo UI"/>
        <family val="3"/>
        <charset val="128"/>
      </rPr>
      <t>)-</t>
    </r>
    <r>
      <rPr>
        <i/>
        <sz val="10"/>
        <color theme="1"/>
        <rFont val="Meiryo UI"/>
        <family val="3"/>
        <charset val="128"/>
      </rPr>
      <t>p</t>
    </r>
    <r>
      <rPr>
        <sz val="10"/>
        <color theme="1"/>
        <rFont val="Meiryo UI"/>
        <family val="3"/>
        <charset val="128"/>
      </rPr>
      <t>-mentha-1,8-diene; l-limonene [2]</t>
    </r>
  </si>
  <si>
    <t>229-977-3 [3]</t>
  </si>
  <si>
    <t>6876-12-6 [3]</t>
  </si>
  <si>
    <r>
      <t>trans</t>
    </r>
    <r>
      <rPr>
        <sz val="10"/>
        <color theme="1"/>
        <rFont val="Meiryo UI"/>
        <family val="3"/>
        <charset val="128"/>
      </rPr>
      <t>-1-methyl-4-(1-methylvinyl)cyclohexene; [3]</t>
    </r>
  </si>
  <si>
    <t>231-732-0 [4]</t>
  </si>
  <si>
    <t>7705-14-8 [4]</t>
  </si>
  <si>
    <t>(±)-1-methyl-4-(1-methylvinyl)cyclohexene [4]</t>
  </si>
  <si>
    <t>‘601-096-00-2</t>
  </si>
  <si>
    <r>
      <t>(</t>
    </r>
    <r>
      <rPr>
        <i/>
        <sz val="10"/>
        <color theme="1"/>
        <rFont val="Meiryo UI"/>
        <family val="3"/>
        <charset val="128"/>
      </rPr>
      <t>R</t>
    </r>
    <r>
      <rPr>
        <sz val="10"/>
        <color theme="1"/>
        <rFont val="Meiryo UI"/>
        <family val="3"/>
        <charset val="128"/>
      </rPr>
      <t>)-</t>
    </r>
    <r>
      <rPr>
        <i/>
        <sz val="10"/>
        <color theme="1"/>
        <rFont val="Meiryo UI"/>
        <family val="3"/>
        <charset val="128"/>
      </rPr>
      <t>p</t>
    </r>
    <r>
      <rPr>
        <sz val="10"/>
        <color theme="1"/>
        <rFont val="Meiryo UI"/>
        <family val="3"/>
        <charset val="128"/>
      </rPr>
      <t>-mentha-1,8-diene;</t>
    </r>
  </si>
  <si>
    <t>227-813-5</t>
  </si>
  <si>
    <t>5989-27-5</t>
  </si>
  <si>
    <t>d-limonene</t>
  </si>
  <si>
    <t>‘603-024-00-5</t>
  </si>
  <si>
    <t>D’</t>
  </si>
  <si>
    <t>‘603-066-00-4</t>
  </si>
  <si>
    <t>7-oxa-3-oxiranylbicyclo[4.1.0]heptane; 1,2-epoxy-4-epoxyethylcyclohexane; 4-vinylcyclohexene diepoxide</t>
  </si>
  <si>
    <t>oral: ATE = 1 847 mg/kg bw’</t>
  </si>
  <si>
    <t>‘603-098-00-9</t>
  </si>
  <si>
    <t>ATE = 1 394 mg/kg bw’</t>
  </si>
  <si>
    <t>‘606-004-00-4</t>
  </si>
  <si>
    <t>inhalation: ATE = 11 mg/l (vapours)’</t>
  </si>
  <si>
    <t>‘607-421-00-4</t>
  </si>
  <si>
    <t>cypermethrin (ISO);</t>
  </si>
  <si>
    <t>oral; ATE = 500 mg/kg bw</t>
  </si>
  <si>
    <t>α-cyano-3-phenoxybenzyl 3-(2,2-dichlorovinyl)-2,2-dimethylcyclopropanecarboxylate; cypermethrin cis/trans +/- 40/60</t>
  </si>
  <si>
    <t>inhalation; ATE = 3,3 mg/l (dusts or mists)</t>
  </si>
  <si>
    <t>M = 100000</t>
  </si>
  <si>
    <t>H373 (nervous system)</t>
  </si>
  <si>
    <t>M = 100000’</t>
  </si>
  <si>
    <t>‘607-424-00-0</t>
  </si>
  <si>
    <r>
      <t>trifloxystrobin (ISO); methyl (</t>
    </r>
    <r>
      <rPr>
        <i/>
        <sz val="10"/>
        <color theme="1"/>
        <rFont val="Meiryo UI"/>
        <family val="3"/>
        <charset val="128"/>
      </rPr>
      <t>E</t>
    </r>
    <r>
      <rPr>
        <sz val="10"/>
        <color theme="1"/>
        <rFont val="Meiryo UI"/>
        <family val="3"/>
        <charset val="128"/>
      </rPr>
      <t>)-methoxyimino-{(</t>
    </r>
    <r>
      <rPr>
        <i/>
        <sz val="10"/>
        <color theme="1"/>
        <rFont val="Meiryo UI"/>
        <family val="3"/>
        <charset val="128"/>
      </rPr>
      <t>E</t>
    </r>
    <r>
      <rPr>
        <sz val="10"/>
        <color theme="1"/>
        <rFont val="Meiryo UI"/>
        <family val="3"/>
        <charset val="128"/>
      </rPr>
      <t>)-α-[1-(α,α,α-trifluoro-</t>
    </r>
    <r>
      <rPr>
        <i/>
        <sz val="10"/>
        <color theme="1"/>
        <rFont val="Meiryo UI"/>
        <family val="3"/>
        <charset val="128"/>
      </rPr>
      <t>m</t>
    </r>
    <r>
      <rPr>
        <sz val="10"/>
        <color theme="1"/>
        <rFont val="Meiryo UI"/>
        <family val="3"/>
        <charset val="128"/>
      </rPr>
      <t>-tolyl)ethylideneaminooxy]-</t>
    </r>
    <r>
      <rPr>
        <i/>
        <sz val="10"/>
        <color theme="1"/>
        <rFont val="Meiryo UI"/>
        <family val="3"/>
        <charset val="128"/>
      </rPr>
      <t>o</t>
    </r>
    <r>
      <rPr>
        <sz val="10"/>
        <color theme="1"/>
        <rFont val="Meiryo UI"/>
        <family val="3"/>
        <charset val="128"/>
      </rPr>
      <t>-tolyl}acetate</t>
    </r>
  </si>
  <si>
    <t>‘607-434-00-5</t>
  </si>
  <si>
    <t>mecoprop-P (ISO) [1] and its salts;</t>
  </si>
  <si>
    <t>240-539-0 [1]</t>
  </si>
  <si>
    <t>16484-77-8 [1]</t>
  </si>
  <si>
    <t>oral: ATE = 431 mg/kg bw</t>
  </si>
  <si>
    <r>
      <t>(</t>
    </r>
    <r>
      <rPr>
        <i/>
        <sz val="10"/>
        <color theme="1"/>
        <rFont val="Meiryo UI"/>
        <family val="3"/>
        <charset val="128"/>
      </rPr>
      <t>R</t>
    </r>
    <r>
      <rPr>
        <sz val="10"/>
        <color theme="1"/>
        <rFont val="Meiryo UI"/>
        <family val="3"/>
        <charset val="128"/>
      </rPr>
      <t>)-2-(4-chloro-2-methylphenoxy)propionic acid [1] and its salts</t>
    </r>
  </si>
  <si>
    <t>‘608-058-00-4</t>
  </si>
  <si>
    <t>oral; ATE = 88,5 mg/kg bw</t>
  </si>
  <si>
    <r>
      <t>(S)-α-cyano-3-phenoxybenzyl-(</t>
    </r>
    <r>
      <rPr>
        <i/>
        <sz val="10"/>
        <color theme="1"/>
        <rFont val="Meiryo UI"/>
        <family val="3"/>
        <charset val="128"/>
      </rPr>
      <t>S</t>
    </r>
    <r>
      <rPr>
        <sz val="10"/>
        <color theme="1"/>
        <rFont val="Meiryo UI"/>
        <family val="3"/>
        <charset val="128"/>
      </rPr>
      <t>)-2-(4-chlorophenyl)-3-methylbutyrate</t>
    </r>
  </si>
  <si>
    <t>inhalation; ATE = 0,53 mg/l (dusts or mists)</t>
  </si>
  <si>
    <t>‘612-067-00-9</t>
  </si>
  <si>
    <t>oral: ATE = 1 030 mg/kg bw</t>
  </si>
  <si>
    <t>Skin Sens. 1A; H317: C ≥ 0,001 %’</t>
  </si>
  <si>
    <t>‘612-252-00-4</t>
  </si>
  <si>
    <t>oral: ATE = 131 mg/kg bw</t>
  </si>
  <si>
    <r>
      <t>(</t>
    </r>
    <r>
      <rPr>
        <i/>
        <sz val="10"/>
        <color theme="1"/>
        <rFont val="Meiryo UI"/>
        <family val="3"/>
        <charset val="128"/>
      </rPr>
      <t>E</t>
    </r>
    <r>
      <rPr>
        <sz val="10"/>
        <color theme="1"/>
        <rFont val="Meiryo UI"/>
        <family val="3"/>
        <charset val="128"/>
      </rPr>
      <t>)-1-(6-chloro-3-pyridylmethyl)-</t>
    </r>
    <r>
      <rPr>
        <i/>
        <sz val="10"/>
        <color theme="1"/>
        <rFont val="Meiryo UI"/>
        <family val="3"/>
        <charset val="128"/>
      </rPr>
      <t>N</t>
    </r>
    <r>
      <rPr>
        <sz val="10"/>
        <color theme="1"/>
        <rFont val="Meiryo UI"/>
        <family val="3"/>
        <charset val="128"/>
      </rPr>
      <t>-nitroimidazolidin-2-ylideneamine;</t>
    </r>
  </si>
  <si>
    <r>
      <t>(2</t>
    </r>
    <r>
      <rPr>
        <i/>
        <sz val="10"/>
        <color theme="1"/>
        <rFont val="Meiryo UI"/>
        <family val="3"/>
        <charset val="128"/>
      </rPr>
      <t>E</t>
    </r>
    <r>
      <rPr>
        <sz val="10"/>
        <color theme="1"/>
        <rFont val="Meiryo UI"/>
        <family val="3"/>
        <charset val="128"/>
      </rPr>
      <t>)-1-[(6-chloropyridin-3-yl) methyl]-</t>
    </r>
    <r>
      <rPr>
        <i/>
        <sz val="10"/>
        <color theme="1"/>
        <rFont val="Meiryo UI"/>
        <family val="3"/>
        <charset val="128"/>
      </rPr>
      <t>N</t>
    </r>
    <r>
      <rPr>
        <sz val="10"/>
        <color theme="1"/>
        <rFont val="Meiryo UI"/>
        <family val="3"/>
        <charset val="128"/>
      </rPr>
      <t>-nitroimidazolidin-2-imine</t>
    </r>
  </si>
  <si>
    <t>‘613-048-00-8</t>
  </si>
  <si>
    <t>carbendazim (ISO); methyl benzimidazol-2-ylcarbamate</t>
  </si>
  <si>
    <t>‘613-102-00-0</t>
  </si>
  <si>
    <r>
      <t>dimethomorph (ISO); (</t>
    </r>
    <r>
      <rPr>
        <i/>
        <sz val="10"/>
        <color theme="1"/>
        <rFont val="Meiryo UI"/>
        <family val="3"/>
        <charset val="128"/>
      </rPr>
      <t>E</t>
    </r>
    <r>
      <rPr>
        <sz val="10"/>
        <color theme="1"/>
        <rFont val="Meiryo UI"/>
        <family val="3"/>
        <charset val="128"/>
      </rPr>
      <t>,</t>
    </r>
    <r>
      <rPr>
        <i/>
        <sz val="10"/>
        <color theme="1"/>
        <rFont val="Meiryo UI"/>
        <family val="3"/>
        <charset val="128"/>
      </rPr>
      <t>Z</t>
    </r>
    <r>
      <rPr>
        <sz val="10"/>
        <color theme="1"/>
        <rFont val="Meiryo UI"/>
        <family val="3"/>
        <charset val="128"/>
      </rPr>
      <t>)-4-(3-(4-chlorophenyl)-3-(3,4-dimethoxyphenyl)acryloyl)morpholine</t>
    </r>
  </si>
  <si>
    <t>‘613-111-00-X</t>
  </si>
  <si>
    <t>oral: ATE = 1 320 mg/kg bw’</t>
  </si>
  <si>
    <t>‘613-166-00-X</t>
  </si>
  <si>
    <r>
      <t>N</t>
    </r>
    <r>
      <rPr>
        <sz val="10"/>
        <color theme="1"/>
        <rFont val="Meiryo UI"/>
        <family val="3"/>
        <charset val="128"/>
      </rPr>
      <t>-(7-fluoro-3,4-dihydro-3-oxo-4-prop-2-ynyl-2</t>
    </r>
    <r>
      <rPr>
        <i/>
        <sz val="10"/>
        <color theme="1"/>
        <rFont val="Meiryo UI"/>
        <family val="3"/>
        <charset val="128"/>
      </rPr>
      <t>H</t>
    </r>
    <r>
      <rPr>
        <sz val="10"/>
        <color theme="1"/>
        <rFont val="Meiryo UI"/>
        <family val="3"/>
        <charset val="128"/>
      </rPr>
      <t>-1,4-benzoxazin-6-yl)cyclohex-1-ene-1,2-dicarboximide</t>
    </r>
  </si>
  <si>
    <t>‘613-208-00-7</t>
  </si>
  <si>
    <r>
      <t>(</t>
    </r>
    <r>
      <rPr>
        <i/>
        <sz val="10"/>
        <color theme="1"/>
        <rFont val="Meiryo UI"/>
        <family val="3"/>
        <charset val="128"/>
      </rPr>
      <t>RS</t>
    </r>
    <r>
      <rPr>
        <sz val="10"/>
        <color theme="1"/>
        <rFont val="Meiryo UI"/>
        <family val="3"/>
        <charset val="128"/>
      </rPr>
      <t>)-2-(4-isopropyl-4-methyl-5-oxo-2-imidazolin-2-yl)-5-methoxymethylnicotinic acid</t>
    </r>
  </si>
  <si>
    <t>‘613-267-00-9</t>
  </si>
  <si>
    <t>oral: ATE = 780 mg/kg bw</t>
  </si>
  <si>
    <r>
      <t>3-(2-chloro-thiazol-5-ylmethyl)-5-methyl[1,3,5]oxadiazinan-4-ylidene-</t>
    </r>
    <r>
      <rPr>
        <i/>
        <sz val="10"/>
        <color theme="1"/>
        <rFont val="Meiryo UI"/>
        <family val="3"/>
        <charset val="128"/>
      </rPr>
      <t>N</t>
    </r>
    <r>
      <rPr>
        <sz val="10"/>
        <color theme="1"/>
        <rFont val="Meiryo UI"/>
        <family val="3"/>
        <charset val="128"/>
      </rPr>
      <t>-nitroamine</t>
    </r>
  </si>
  <si>
    <t>‘613-282-00-0</t>
  </si>
  <si>
    <t>138182-18-0</t>
  </si>
  <si>
    <r>
      <t>(</t>
    </r>
    <r>
      <rPr>
        <i/>
        <sz val="10"/>
        <color theme="1"/>
        <rFont val="Meiryo UI"/>
        <family val="3"/>
        <charset val="128"/>
      </rPr>
      <t>RS</t>
    </r>
    <r>
      <rPr>
        <sz val="10"/>
        <color theme="1"/>
        <rFont val="Meiryo UI"/>
        <family val="3"/>
        <charset val="128"/>
      </rPr>
      <t>)-(</t>
    </r>
    <r>
      <rPr>
        <i/>
        <sz val="10"/>
        <color theme="1"/>
        <rFont val="Meiryo UI"/>
        <family val="3"/>
        <charset val="128"/>
      </rPr>
      <t>E</t>
    </r>
    <r>
      <rPr>
        <sz val="10"/>
        <color theme="1"/>
        <rFont val="Meiryo UI"/>
        <family val="3"/>
        <charset val="128"/>
      </rPr>
      <t>)-5-(4-chlorobenzylidene)-2,2-dimethyl-1-(1</t>
    </r>
    <r>
      <rPr>
        <i/>
        <sz val="10"/>
        <color theme="1"/>
        <rFont val="Meiryo UI"/>
        <family val="3"/>
        <charset val="128"/>
      </rPr>
      <t>H</t>
    </r>
    <r>
      <rPr>
        <sz val="10"/>
        <color theme="1"/>
        <rFont val="Meiryo UI"/>
        <family val="3"/>
        <charset val="128"/>
      </rPr>
      <t>-1,2,4-triazol-1-methyl)cyclopentanol</t>
    </r>
  </si>
  <si>
    <t>‘616-032-00-9</t>
  </si>
  <si>
    <r>
      <t>N</t>
    </r>
    <r>
      <rPr>
        <sz val="10"/>
        <color theme="1"/>
        <rFont val="Meiryo UI"/>
        <family val="3"/>
        <charset val="128"/>
      </rPr>
      <t>-(2,4-difluorophenyl)-2-[3-(trifluoromethyl)phenoxy]-3-pyridinecarboxamide; 2′,4′-difluoro-2-(α,α,α-trifluoro-</t>
    </r>
    <r>
      <rPr>
        <i/>
        <sz val="10"/>
        <color theme="1"/>
        <rFont val="Meiryo UI"/>
        <family val="3"/>
        <charset val="128"/>
      </rPr>
      <t>m</t>
    </r>
    <r>
      <rPr>
        <sz val="10"/>
        <color theme="1"/>
        <rFont val="Meiryo UI"/>
        <family val="3"/>
        <charset val="128"/>
      </rPr>
      <t>-tolyloxy) nicotinanilide</t>
    </r>
  </si>
  <si>
    <t>‘616-106-00-0</t>
  </si>
  <si>
    <t>phenmedipham (ISO); methyl 3-(3-methylcarbaniloyloxy)carbanilate</t>
  </si>
  <si>
    <t>(3) the entry corresponding to index number 015-192-00-1 is deleted.</t>
    <phoneticPr fontId="78"/>
  </si>
  <si>
    <t>MDR：(EU) 2017/745 (統合版: 24/04/2020)
SVHC：LR06_SVHC参照
CLP規則：(EU) 1272/2008 (統合版：10/05/2021）ならびに (EU) 2020/217、(EU) 2020/1182 および (EU) 2021/849</t>
    <rPh sb="19" eb="21">
      <t>トウゴウ</t>
    </rPh>
    <rPh sb="21" eb="22">
      <t>バン</t>
    </rPh>
    <rPh sb="50" eb="52">
      <t>サンショウ</t>
    </rPh>
    <rPh sb="56" eb="58">
      <t>キソク</t>
    </rPh>
    <phoneticPr fontId="4"/>
  </si>
  <si>
    <t>SVHC：LR06_SVHC参照</t>
    <phoneticPr fontId="4"/>
  </si>
  <si>
    <r>
      <rPr>
        <sz val="11"/>
        <rFont val="Meiryo UI"/>
        <family val="3"/>
        <charset val="128"/>
      </rPr>
      <t xml:space="preserve">MDR: </t>
    </r>
    <r>
      <rPr>
        <u/>
        <sz val="11"/>
        <color theme="10"/>
        <rFont val="Meiryo UI"/>
        <family val="3"/>
        <charset val="128"/>
      </rPr>
      <t>https://eur-lex.europa.eu/legal-content/EN/ALL/?uri=CELEX:32017R0745</t>
    </r>
    <phoneticPr fontId="4"/>
  </si>
  <si>
    <r>
      <rPr>
        <sz val="11"/>
        <rFont val="Meiryo UI"/>
        <family val="3"/>
        <charset val="128"/>
      </rPr>
      <t xml:space="preserve">CLP: </t>
    </r>
    <r>
      <rPr>
        <u/>
        <sz val="11"/>
        <color theme="10"/>
        <rFont val="Meiryo UI"/>
        <family val="3"/>
        <charset val="128"/>
      </rPr>
      <t>https://eur-lex.europa.eu/legal-content/EN/TXT/?uri=CELEX%3A02008R1272-20210510</t>
    </r>
    <phoneticPr fontId="4"/>
  </si>
  <si>
    <r>
      <rPr>
        <sz val="11"/>
        <rFont val="Meiryo UI"/>
        <family val="3"/>
        <charset val="128"/>
      </rPr>
      <t xml:space="preserve">BPR: </t>
    </r>
    <r>
      <rPr>
        <u/>
        <sz val="11"/>
        <color theme="10"/>
        <rFont val="Meiryo UI"/>
        <family val="3"/>
        <charset val="128"/>
      </rPr>
      <t>https://eur-lex.europa.eu/legal-content/EN/TXT/?uri=CELEX%3A32012R0528</t>
    </r>
    <phoneticPr fontId="4"/>
  </si>
  <si>
    <t>D11.00: The reporting threshold has been updated to align with the European Court of Justice ruling "JUDGMENT OF THE COURT (Third Chamber) 10 September 2015", and set ReportingLevel to Article. _x000D_
Updated typical EEE applications</t>
  </si>
  <si>
    <t>D11.00: ReportingLevel added._x000D_
D2.00: Updated typical EEE applications; removed reference in Informative Description of Basis to Japanese Industrial Safety and Health Law</t>
  </si>
  <si>
    <t>Notes: 1. The European Community's ban applies to azocolorants and azodyes that by reductive cleavage of azo groups may release one of the aromatic amines listed as references. The threshold level given applies to these amines, not to the azocolorants and azodyes; _x000D_
2. This declarable substance group has a complete list of substances that is specified in the reference substance list</t>
  </si>
  <si>
    <t>D11.00: ReportingLevel added._x000D_
D4.00: A new line character was removed from the end of the substance group name.</t>
  </si>
  <si>
    <t>D15.00: Added substance clarification_x000D_
D11.00: The reporting threshold has been updated to align with the European Court of Justice ruling "JUDGMENT OF THE COURT (Third Chamber) 10 September 2015", and set ReportingLevel to Article. _x000D_
D8.00 - correction made to CAS# entries (CR00140)</t>
  </si>
  <si>
    <t>D11.00: ReportingLevel added._x000D_
2013-06-10: Modified in version D4.00 to better describe the declarable substance group and to match with naming used in JIG-101 Ed. 4.1. _x000D_
A printed wiring board laminate refers to the layered board materials excluding surface finishes and components whereas a printed wiring board assembly refers to an assembly that uses a printed wiring board laminate for component mounting and interconnecting  purposes</t>
  </si>
  <si>
    <t>D11.00: ReportingLevel added._x000D_
D7.00: clarified reporting threshold to specify material _x000D_
2013-06-10: Modified in version D4.00 to better describe the declarable substance group and to match with naming used in JIG-101 Ed. 4.1. _x000D_
Modified in Version D3.00 (CR00011) to combine two previous Brominated Flame Retardants (BFR) - other entries _x000D_
A printed wiring board laminate refers to the layered board materials excluding surface finishing and components</t>
  </si>
  <si>
    <t>D20.00: Editorial update of basis description to remove California RoHS. Note: a new DSL entry has been added to address special reporting requirements of California RoHS._x000D_
D11.00: ReportingLevel added._x000D_
D10.00: Editorial update of basis description to recast RoHS Directive 2011/65/EU_x000D_
D6.00: Updated typical EEE applications</t>
  </si>
  <si>
    <t>D11.00: ReportingLevel added._x000D_
Version D6.00: Updated typical applications_x000D_
Updated reporting threshold in Version D3.00 (C00003)_x000D_
The battery reporting threshold level is based on the strictest known legal requirement. However, for simplification, the same reporting threshold level is set for all kind of batteries, even if the underlying legal requirement is only applicable for only one specific battery type.</t>
  </si>
  <si>
    <t>D20.00: Substance Added to address additional MassInfoRequirements for reportable application of Video display devices, with a screen size of greater than four inches. _x000D_
Exempted display devices are determined by Section 42463.</t>
  </si>
  <si>
    <t>D20.00: Editorial update of basis description to remove California RoHS. Note: a new DSL entry has been added to address special reporting requirements of California RoHS._x000D_
D11.00: ReportingLevel added._x000D_
D10.00: Editorial update of basis description to recast RoHS Directive 2011/65/EU_x000D_
Updated typical EEE applications and description of basis</t>
  </si>
  <si>
    <t>D11.00: The reporting threshold has been updated to align with the European Court of Justice ruling "JUDGMENT OF THE COURT (Third Chamber) 10 September 2015", and set ReportingLevel to Article. _x000D_
D8.00: Substance name modified to match with Candidate list for European REACH Regulation No. 1907/2006/EC.</t>
  </si>
  <si>
    <t>D11.00: ReportingLevel added._x000D_
Reporting threshold modified in version D5.00</t>
  </si>
  <si>
    <t>D18.00: The Substance name has been updated to align with regulation_x000D_
D11.00: ReportingLevel added._x000D_
Corrected spelling of dimethyl fumarate; updated typical EEE applications.</t>
  </si>
  <si>
    <t>D11.00: ReportingLevel added._x000D_
Updated typical EEE applications.</t>
  </si>
  <si>
    <t>Additional substance description: and all major diastereoisomers identified_x000D_
Notes: This declarable substance group has a complete list of substances that is specified in the reference substance list</t>
  </si>
  <si>
    <t>D15.00: Added substance clarification; Updated substance name to align with the name in SVHC Candidate List _x000D_
D11.00: The reporting threshold has been updated to align with the European Court of Justice ruling "JUDGMENT OF THE COURT (Third Chamber) 10 September 2015" and set ReportingLevel to Article._x000D_
D7.00: reporting threshold is updated; _x000D_
D4.00: A new line character was removed from the end of the substance group name.</t>
  </si>
  <si>
    <t>D20.00: Update of ReportableApplications to All, except batteries. Note: this DSL entry overlaps with other DSL entries that have a lower reporting threshold or other reporting requirements for specific applications._x000D_
D20.00: Editorial update of basis description to remove California RoHS. Note: a new DSL entry has been added to address special reporting requirements of California RoHS._x000D_
D13.00: Updated the Reportable Application to align the exclusions with the reportable applications specified in other Lead/lead Compounds entries (with IDs: 00023, 00024, 00025)_x000D_
D11.00: ReportingLevel added._x000D_
D10.00: Editorial update of basis description to recast RoHS Directive 2011/65/EU_x000D_
Updated typical EEE applications and description of basis.  Editorial clarification for reportable application_x000D_
Some lead compounds are also considered Substances of Very High Concern (SVHC) under EU REACH Regulation.  See notes in reference substances tab for more information.</t>
  </si>
  <si>
    <t>D11.00: ReportingLevel added._x000D_
2013-06-10 Updated reporting threshold (CR00047)</t>
  </si>
  <si>
    <t>D11.00: ReportingLevel added._x000D_
Updated typical EEE applications and description of basis.  Editorial clarification for reportable application.</t>
  </si>
  <si>
    <t>D11.00: ReportingLevel added._x000D_
Updated typical EEE applications and description of basis.  Editorial clarification for reportable application._x000D_
The battery reporting threshold level is based on the strictest known legal requirement. However, for simplification, the same reporting threshold level is set for all kind of batteries, even if the underlying legal requirement is only applicable for only one specific battery type.</t>
  </si>
  <si>
    <t>D11.00: The reporting threshold has been updated to align with the European Court of Justice ruling "JUDGMENT OF THE COURT (Third Chamber) 10 September 2015" and set ReportingLevel to Article._x000D_
D8.00: Substance name modified to match with Candidate list for European REACH Regulation No. 1907/2006/EC.</t>
  </si>
  <si>
    <t>D11.00: The reporting threshold has been updated to align with the European Court of Justice ruling "JUDGMENT OF THE COURT (Third Chamber) 10 September 2015" and set ReportingLevel to Article._x000D_
D8.00: Substance name modified to match with Candidate list for European REACH Regulation No. 1907/2006/EC._x000D_
Updated typical EEE applications._x000D_
This substance contains lead and chromium which is also subject to "RoHS" regulation which may have a more stringent reporting threshold.  Manufactuers should evaluate this substance against both reporting thresholds.</t>
  </si>
  <si>
    <t>D11.00: The reporting threshold has been updated to align with the European Court of Justice ruling "JUDGMENT OF THE COURT (Third Chamber) 10 September 2015", and set ReportingLevel to Article. _x000D_
D8.00: Substance name modified to match with Candidate list for European REACH Regulation No. 1907/2006/EC._x000D_
Updated typical EEE applications._x000D_
This substance contains lead and chromium which is also subject to "RoHS" regulation which may have a more stringent reporting threshold.  Manufactuers should evaluate this substance against both reporting thresholds.</t>
  </si>
  <si>
    <t>D20.00: Editorial update of basis description to remove California RoHS. Note: a new DSL entry has been added to address special reporting requirements of California RoHS._x000D_
D11.00: ReportingLevel added._x000D_
D10.00: Editorial update of basis description to recast RoHS Directive 2011/65/EU_x000D_
D9.00: added Canadian regulation to Basis Description</t>
  </si>
  <si>
    <t>D11.00: ReportingLevel added._x000D_
2013-06-10: Modified to dual reporting threshold with inclusion of "intentionally added" in reporting threshold. (CR00048)_x000D_
The battery reporting threshold level is based on the strictest known legal requirement. However, for simplification, the same reporting threshold level is set for all kind of batteries, even if the underlying legal requirement is only applicable for only one specific battery type.</t>
  </si>
  <si>
    <t>D11.00: ReportingLevel added._x000D_
D9.00: new entry for Canadian regulation with reporting threshold of 0.0005 mass% of total Hg in homogenous material of batteries as specified in the regulation</t>
  </si>
  <si>
    <t>D14.00: changed from Declarable Substance   (nickel metal) to Declarable Substance Group_x000D_
D11.00: ReportingLevel added._x000D_
Updated typical EEE applications._x000D_
1) Nickel must be reported in certain regulated applications where it is likely to result in prolonged skin exposure (e.g., an outer enclosure for a portable electronic product designed to be carried). Use of nickel or nickel contained in components and parts designed to be located inside the outer enclosure of a product need not be reported.  _x000D_
2)The regulatory limit for Nickel in applications of prolonged skin contact - 0.5 micrograms/sq cm/week per DIN EN 1811._x000D_
3) Because exposure levels cannot be derived from actual concentrations, a threshold level of “intentionally added” is indicated for reporting. Suppliers may choose to report a default concentration of 0.1% by weight in the product for these substances, in lieu of determining the exact concentrations in their products, to indicate that the substance is known to be present in their product, as the actual concentration in the product is not informative for regulatory compliance assessment.</t>
  </si>
  <si>
    <t>D11.00: ReportingLevel added._x000D_
Updated description of basis.</t>
  </si>
  <si>
    <t>D11.00: ReportingLevel added._x000D_
D9.00: Corrected spelling of word Assembly in Basis Description _x000D_
The only known application in use today in electronic industry is coin cell batteries._x000D_
2013-06-10: updated reporting threshold to specifically highlight batteries as a product part for threshold calculation purposes (CR00042)</t>
  </si>
  <si>
    <t>D11.00: The reporting threshold has been updated to align with the European Court of Justice ruling "JUDGMENT OF THE COURT (Third Chamber) 10 September 2015" and set ReportingLevel to Article._x000D_
D8.00: The reporting threshold was updated to include 0.1 mass%. This substance was originally listed in the IEC 62474 data base as Phenol, 2-(2H-benzotriazol-2-yl)-4,6-bis(1,1-dimethlethyl)- based on the Japanese Law Concerning the Examination and Regulation of Manufacture with reporting threshold of intentionally added.</t>
  </si>
  <si>
    <t>D18.00: The SubstanceGroup has been updated to align with the COMMISSION REGULATION (EU) 2018/2005 of 17 December 2018. _x000D_
D11.00: ReportingLevel added.</t>
  </si>
  <si>
    <t>D11.00: ReportingLevel added._x000D_
D10.00: Changed Threshold as this substance will be restricted by EU RoHS_x000D_
D8.00: Substance name modified to match with Candidate list for European REACH Regulation No. 1907/2006/EC.</t>
  </si>
  <si>
    <t>D11.00: Reporting threshold modified to specify that “0.1 mass%” is relative to the mass of the “article”  as per the European Court of Justice ruling of 10 September 2015. ReportingLevel added._x000D_
D8.00: Substance name modified to match with Candidate list for European REACH Regulation No. 1907/2006/EC.</t>
  </si>
  <si>
    <t>D18.00: The SubstanceGroup name has been updated to align with regulation_x000D_
D11.00: ReportingLevel added._x000D_
D10.00: Editorial update of basis description to recast RoHS Directive 2011/65/EU_x000D_
Updated description of basis</t>
  </si>
  <si>
    <t>D19.00: Editorial update of SubstanceClarification field to clarify that some of the reference substance are included on EU REACH Annex XVII_x000D_
D15.01: corrected the basis regulation from Annex XVII of REACH to Regulation (EC) No 850/2004_x000D_
D11.00: ReportingLevel added._x000D_
Updated typical EEE applications and description of basis</t>
  </si>
  <si>
    <t>D11.00: ReportingLevel added._x000D_
Updated description of basis and reporting threshold level</t>
  </si>
  <si>
    <t>D18.00: The SubstanceGroup has been updated to align with regulation_x000D_
D11.00: Polychlorinated Napthalenes with 1(one) or more chlorine atoms. Scope of substance group has been expanded from previous "Polychlorinated Napthalenes with more than 3 chlorine atoms" to 1 or more chlorine atoms based on additional requirements of EU POP regulation.</t>
  </si>
  <si>
    <t>D11.00: ReportingLevel added._x000D_
Updated description of basis.  Inserted following comment:_x000D_
Regulatory thresholds for substances in these applications are based on exposure limits rather than on the concentration in the product. Examples of regulatory limits for radioactive substances -a dose rate exceeding 1 μSv h–1 at a distance of 0,1 m._x000D_
Because exposure levels cannot be derived from actual concentrations, a threshold level of “intentionally added” is indicated for reporting. Suppliers may choose to report a default concentration of 0.1% by weight in the product for these substances, in lieu of determining the exact concentrations in their products, to indicate that the substance is known to be present in their product, as the actual concentration in the product is not informative for regulatory compliance assessment.</t>
  </si>
  <si>
    <t>D15.00: Changed Note to substance clarification; Updated substance clarification to match the content in SVHC Candidate List _x000D_
D11.00: Reporting threshold modified to specify that “0.1 mass%” is relative to the mass of the “article”  as per the European Court of Justice ruling of 10 September 2015. ReportingLevel added._x000D_
_x000D_
D8.00: Substance name modified to match with Candidate list for European REACH Regulation No. 1907/2006/EC.</t>
  </si>
  <si>
    <t>D11.00: Reporting threshold modified to specify that “0.1 mass%” is relative to the mass of the “article”  as per the European Court of Justice ruling of 10 September 2015. ReportingLevel added._x000D_
D8.00: Substance group name modified to match with Candidate list for European REACH Regulation No. 1907/2006/EC._x000D_
Only short-chain chlorinated paraffins with carbon length of 10-13 atoms are covered_x000D_
D7.00: updated reporting threshold</t>
  </si>
  <si>
    <t>D11.00: Reporting threshold modified to specify that “0.1 mass%” is relative to the mass of the “article”  as per the European Court of Justice ruling of 10 September 2015. ReportingLevel added._x000D_
D6.00: Updated the basis as this substance is now listed in the candidate list. _x000D_
This substance contains hexavalent chromium which is also subject to "RoHS" regulation which may have a more stringent reporting threshold.  Manufactuers should evaluate this substance against both reporting thresholds.</t>
  </si>
  <si>
    <t>D11.00: The reporting threshold has been updated to align with the European Court of Justice ruling "JUDGMENT OF THE COURT (Third Chamber) 10 September 2015", and set ReportingLevel to Article. _x000D_
D8.00: Substance name modified to match with Candidate list for European REACH Regulation No. 1907/2006/EC._x000D_
When two reporting thresholds are listed, the manufacturer needs to evaluate their products against both thresholds.  Reporting is required if one or both thresholds are exceeded.</t>
  </si>
  <si>
    <t>D18.00: The Substance name has been updated to align with regulation_x000D_
D11.00: Reporting threshold modified to specify that “0.1 mass%” is relative to the mass of the “article”  as per the European Court of Justice ruling of 10 September 2015. ReportingLevel added._x000D_
D8.00: Substance name modified to match with Candidate list for European REACH Regulation No. 1907/2006/EC.</t>
  </si>
  <si>
    <t>D11.00: Reporting threshold modified to specify that “0.1 mass%” is relative to the mass of the “article”  as per the European Court of Justice ruling of 10 September 2015. ReportingLevel added._x000D_
D8.00: Substance name modified to match with Candidate list for European REACH Regulation No. 1907/2006/EC._x000D_
Added Substance in Version D3.00 (CR00005)</t>
  </si>
  <si>
    <t>D11.00: Reporting threshold modified to specify that “0.1 mass%” is relative to the mass of the “article”  as per the European Court of Justice ruling of 10 September 2015. ReportingLevel added._x000D_
Added Substance in Version D3.00 (CR00006)</t>
  </si>
  <si>
    <t>D11.00: Reporting threshold modified to specify that “0.1 mass%” is relative to the mass of the “article”  as per the European Court of Justice ruling of 10 September 2015. ReportingLevel added._x000D_
Added Substance in Version D3.00 (CR00007)</t>
  </si>
  <si>
    <t>D11.00: Reporting threshold modified to specify that “0.1 mass%” is relative to the mass of the “article”  as per the European Court of Justice ruling of 10 September 2015. ReportingLevel added._x000D_
Added Substance in Version D3.00 (CR00009)</t>
  </si>
  <si>
    <t>D11.00: Reporting threshold modified to specify that “0.1 mass%” is relative to the mass of the “article”  as per the European Court of Justice ruling of 10 September 2015. ReportingLevel added._x000D_
D8.00: Substance name modified to match with Candidate list for European REACH Regulation No. 1907/2006/EC._x000D_
Added Substance in Version D3.00 (CR00010).</t>
  </si>
  <si>
    <t>D11.00: ReportingLevel added._x000D_
D7.00: clarified reporting threshold to specify material_x000D_
Added Substance in Version D3.00 (CR00012)_x000D_
A printed wiring board laminate refers to the layered board materials excluding surface finishing and components</t>
  </si>
  <si>
    <t>D11.00: ReportingLevel added._x000D_
Added Substance in Version D3.00 (CR00013)_x000D_
A printed wiring board laminate refers to the layered board materials excluding surface finishing and components</t>
  </si>
  <si>
    <t>[EU] REACH Regulation (EC) No.1907/2006 Candidate List for Authorisation; [USA] Toxic Substances Control Act (TSCA)</t>
  </si>
  <si>
    <t>2021-04-28</t>
  </si>
  <si>
    <t>D22.00: Added "[USA] Toxic Substances Control Act (TSCA)" in BasisDescription and "Intentionally added" in ReportingTreshold_x000D_
D11.00: The reporting threshold has been updated to align with the European Court of Justice ruling "JUDGMENT OF THE COURT (Third Chamber) 10 September 2015", and set ReportingLevel to Article. _x000D_
D8.00: Substance name modified to match with Candidate list for European REACH Regulation No. 1907/2006/EC._x000D_
Added substance in version D4.00 (CR00014)</t>
  </si>
  <si>
    <t>D11.00: The reporting threshold has been updated to align with the European Court of Justice ruling "JUDGMENT OF THE COURT (Third Chamber) 10 September 2015", and set ReportingLevel to Article. _x000D_
Added substance in version D4.00 (CR00015)</t>
  </si>
  <si>
    <t>D11.00: The reporting threshold has been updated to align with the European Court of Justice ruling "JUDGMENT OF THE COURT (Third Chamber) 10 September 2015", and set ReportingLevel to Article. _x000D_
Added substance in version D4.00 (CR00016)</t>
  </si>
  <si>
    <t>D11.00: The reporting threshold has been updated to align with the European Court of Justice ruling "JUDGMENT OF THE COURT (Third Chamber) 10 September 2015", and set ReportingLevel to Article. _x000D_
Added substance in version D4.00 (CR00017)</t>
  </si>
  <si>
    <t>D11.00: The reporting threshold has been updated to align with the European Court of Justice ruling "JUDGMENT OF THE COURT (Third Chamber) 10 September 2015", and set ReportingLevel to Article. _x000D_
Added substance in version D4.00 (CR00018)</t>
  </si>
  <si>
    <t>D11.00: The reporting threshold has been updated to align with the European Court of Justice ruling "JUDGMENT OF THE COURT (Third Chamber) 10 September 2015", and set ReportingLevel to Article. _x000D_
Added substance in version D4.00 (CR00019</t>
  </si>
  <si>
    <t>D11.00: The reporting threshold has been updated to align with the European Court of Justice ruling "JUDGMENT OF THE COURT (Third Chamber) 10 September 2015", and set ReportingLevel to Article. _x000D_
D8.00: Substance name modified to match with Candidate list for European REACH Regulation No. 1907/2006/EC._x000D_
Added substance in version D4.00 (CR00020)</t>
  </si>
  <si>
    <t>D11.00: The reporting threshold has been updated to align with the European Court of Justice ruling "JUDGMENT OF THE COURT (Third Chamber) 10 September 2015", and set ReportingLevel to Article. _x000D_
Added substance in version D4.00 (CR00021)</t>
  </si>
  <si>
    <t>D11.00: The reporting threshold has been updated to align with the European Court of Justice ruling "JUDGMENT OF THE COURT (Third Chamber) 10 September 2015", and set ReportingLevel to Article. _x000D_
Added substance in version D4.00 (CR00022)</t>
  </si>
  <si>
    <t>D11.00: The reporting threshold has been updated to align with the European Court of Justice ruling "JUDGMENT OF THE COURT (Third Chamber) 10 September 2015", and set ReportingLevel to Article. _x000D_
Added substance in version D4.00 (CR00023)</t>
  </si>
  <si>
    <t>D11.00: The reporting threshold has been updated to align with the European Court of Justice ruling "JUDGMENT OF THE COURT (Third Chamber) 10 September 2015", and set ReportingLevel to Article. _x000D_
Added substance in version D4.00 (CR00024)</t>
  </si>
  <si>
    <t>D11.00: The reporting threshold has been updated to align with the European Court of Justice ruling "JUDGMENT OF THE COURT (Third Chamber) 10 September 2015", and set ReportingLevel to Article. _x000D_
Added substance in version D4.00 (CR00025)</t>
  </si>
  <si>
    <t>D11.00: The reporting threshold has been updated to align with the European Court of Justice ruling "JUDGMENT OF THE COURT (Third Chamber) 10 September 2015", and set ReportingLevel to Article. _x000D_
D8.00: Removed Dibutyltin (DBT) compounds Substance Group; _x000D_
D5.00: trailing space and semicolon removed from substance name_x000D_
D4.00: Added substance  (CR00026)</t>
  </si>
  <si>
    <t>D11.00: The reporting threshold has been updated to align with the European Court of Justice ruling "JUDGMENT OF THE COURT (Third Chamber) 10 September 2015", and set ReportingLevel to Article. _x000D_
D8.00 - correction made to the spelling of the substance name._x000D_
Added substance in version D4.00 (CR00027)</t>
  </si>
  <si>
    <t>D11.00: The reporting threshold has been updated to align with the European Court of Justice ruling "JUDGMENT OF THE COURT (Third Chamber) 10 September 2015", and set ReportingLevel to Article. _x000D_
Added substance in version D4.00 (CR00028)</t>
  </si>
  <si>
    <t>D15.00: Added substance clarification; Deleted D8.00 comment. _x000D_
D11.00: The reporting threshold has been updated to align with the European Court of Justice ruling "JUDGMENT OF THE COURT (Third Chamber) 10 September 2015", and set ReportingLevel to Article. _x000D_
D5.00 - trailing space removed from substance name_x000D_
Added substance in version D4.00 (CR00029);</t>
  </si>
  <si>
    <t>D18.00: The Substance name has been updated to align with regulation_x000D_
D11.00: The reporting threshold has been updated to align with the European Court of Justice ruling "JUDGMENT OF THE COURT (Third Chamber) 10 September 2015", and set ReportingLevel to Article. _x000D_
Added substance in version D4.00 (CR00030)</t>
  </si>
  <si>
    <t>D18.00: The Substance name has been updated to align with regulation_x000D_
D11.00: The reporting threshold has been updated to align with the European Court of Justice ruling "JUDGMENT OF THE COURT (Third Chamber) 10 September 2015", and set ReportingLevel to Article. _x000D_
D8.00: Substance name modified to match with Candidate list for European REACH Regulation No. 1907/2006/EC._x000D_
Added substance in version D4.00 (CR00031)</t>
  </si>
  <si>
    <t>D11.00: The reporting threshold has been updated to align with the European Court of Justice ruling "JUDGMENT OF THE COURT (Third Chamber) 10 September 2015", and set ReportingLevel to Article. _x000D_
Added substance in version D4.00 (CR00032)</t>
  </si>
  <si>
    <t>D11.00: The reporting threshold has been updated to align with the European Court of Justice ruling "JUDGMENT OF THE COURT (Third Chamber) 10 September 2015", and set ReportingLevel to Article. _x000D_
Added substance in version D4.00 (CR00033)</t>
  </si>
  <si>
    <t>D11.00: The reporting threshold has been updated to align with the European Court of Justice ruling "JUDGMENT OF THE COURT (Third Chamber) 10 September 2015", and set ReportingLevel to Article. _x000D_
Added substance in version D4.00 (CR00034)</t>
  </si>
  <si>
    <t>D11.00: The reporting threshold has been updated to align with the European Court of Justice ruling "JUDGMENT OF THE COURT (Third Chamber) 10 September 2015", and set ReportingLevel to Article. _x000D_
Added substance in version D4.00 (CR00035)</t>
  </si>
  <si>
    <t>D11.00: The reporting threshold has been updated to align with the European Court of Justice ruling "JUDGMENT OF THE COURT (Third Chamber) 10 September 2015", and set ReportingLevel to Article. _x000D_
Added substance in version D4.00 (CR00036)</t>
  </si>
  <si>
    <t>D11.00: The reporting threshold has been updated to align with the European Court of Justice ruling "JUDGMENT OF THE COURT (Third Chamber) 10 September 2015", and set ReportingLevel to Article. _x000D_
Added substance in version D4.00 (CR00037)</t>
  </si>
  <si>
    <t>D11.00: The reporting threshold has been updated to align with the European Court of Justice ruling "JUDGMENT OF THE COURT (Third Chamber) 10 September 2015", and set ReportingLevel to Article. _x000D_
Added substance in version D4.00 (CR00038)</t>
  </si>
  <si>
    <t>D11.00: The reporting threshold has been updated to align with the European Court of Justice ruling "JUDGMENT OF THE COURT (Third Chamber) 10 September 2015", and set ReportingLevel to Article. _x000D_
Added substance in version D4.00 (CR00039)</t>
  </si>
  <si>
    <t>D11.00: ReportingLevel added._x000D_
D8.00 - replaced the word "and" with a comma to separate the CAS#'s._x000D_
Added substance in version D4.00 (CR00040)</t>
  </si>
  <si>
    <t>D11.00: The reporting threshold has been updated to align with the European Court of Justice ruling "JUDGMENT OF THE COURT (Third Chamber) 10 September 2015", and set ReportingLevel to Article. _x000D_
D8.00: Added synonym Dihexyl phthalate corresponding to REACH Candidate List;_x000D_
D6.00: Changed reporting threshold and basis description to reflect  addition of substance to Candidate list for European REACH Regulation No.1907/2006/EC (C00089);_x000D_
D4.00: Added substance  (C00041)</t>
  </si>
  <si>
    <t>Additional substance description: including cis- and trans- stereo isomeric forms and all possible combinations of the isomers_x000D_
Notes: This declarable substance group has a complete list of substances that is specified in the reference substance list</t>
  </si>
  <si>
    <t>D15.00: Changed Note to substance clarification; Updated decription to match the content in SVHC Candidate List _x000D_
D11.00: The reporting threshold has been updated to align with the European Court of Justice ruling "JUDGMENT OF THE COURT (Third Chamber) 10 September 2015", and set ReportingLevel to Article. _x000D_
D9.00: Corrected the misspelling of "hardener" in the TypicalApplications  _x000D_
D8.00: changed information in Specific Substance field to point to reference substance list (RSL). _x000D_
D5.00: Added entry</t>
  </si>
  <si>
    <t>D11.00: The reporting threshold has been updated to align with the European Court of Justice ruling "JUDGMENT OF THE COURT (Third Chamber) 10 September 2015", and set ReportingLevel to Article. _x000D_
Added in version D5.00</t>
  </si>
  <si>
    <t>D11.00: The reporting threshold has been updated to align with the European Court of Justice ruling "JUDGMENT OF THE COURT (Third Chamber) 10 September 2015", and set ReportingLevel to Article. _x000D_
D8.00: Substance name modified to match with Candidate list for European REACH Regulation No. 1907/2006/EC._x000D_
Added in version D5.00</t>
  </si>
  <si>
    <t>D11.00: The reporting threshold has been updated to align with the European Court of Justice ruling "JUDGMENT OF THE COURT (Third Chamber) 10 September 2015" and set ReportingLevel to Article._x000D_
Added version D5.00</t>
  </si>
  <si>
    <t>D15.00: Changed Note to substance clarification; Updated substance clarification to match the content in SVHC Candidate List _x000D_
D11.00: Substance clarification was removed from the substance name. The reporting threshold has been updated to align with the European Court of Justice ruling "JUDGMENT OF THE COURT (Third Chamber) 10 September 2015", and set ReportingLevel to Article. _x000D_
D9.00: The substance name was simplified to remove the portion in square brackets and the full Candidate List name is included in the comment field above.   _x000D_
D5.00: Added in version D5.00</t>
  </si>
  <si>
    <t>D11.00: The reporting threshold has been updated to align with the European Court of Justice ruling "JUDGMENT OF THE COURT (Third Chamber) 10 September 2015", and set ReportingLevel to Article. _x000D_
D8.00: Removed Cadmium/Cadmium Compounds Substance Group; _x000D_
D6.00: added substance entry</t>
  </si>
  <si>
    <t>D11.00: The reporting threshold has been updated to align with the European Court of Justice ruling "JUDGMENT OF THE COURT (Third Chamber) 10 September 2015", and set ReportingLevel to Article. _x000D_
D6.00: added substance entry</t>
  </si>
  <si>
    <t>D11.00: ReportingLevel added._x000D_
D6.00: added substance group entry;</t>
  </si>
  <si>
    <t>D18.00: The Substance name has been updated to align with regulation_x000D_
D11.00: The reporting threshold has been updated to align with the European Court of Justice ruling "JUDGMENT OF THE COURT (Third Chamber) 10 September 2015", and set ReportingLevel to Article. _x000D_
D6.00: added substance entry</t>
  </si>
  <si>
    <t>D11.00: The reporting threshold has been updated to align with the European Court of Justice ruling "JUDGMENT OF THE COURT (Third Chamber) 10 September 2015", and set ReportingLevel to Article. _x000D_
D7.00: Added Substance</t>
  </si>
  <si>
    <t>D11.00: ReportingLevel added._x000D_
D7.00: Added Substance</t>
  </si>
  <si>
    <t>D18.00: The Substance name has been updated to align with regulation_x000D_
D11.00: ReportingLevel added._x000D_
D7.00: Added Substance</t>
  </si>
  <si>
    <t>D18.00: The Substance name has been updated to align with regulation_x000D_
D15.00: added synonym to align with related DSL entry_x000D_
D11.00: ReportingLevel added._x000D_
D7.00: Added Substance</t>
  </si>
  <si>
    <t>D11.00: ReportingLevel added._x000D_
D7.00: This entry and entry with ID 00125 replace 00034</t>
  </si>
  <si>
    <t>D11.00: ReportingLevel added._x000D_
D7.00: This entry and entry with ID 00124 replace 00034</t>
  </si>
  <si>
    <t>D11.00: The reporting threshold has been updated to align with the European Court of Justice ruling "JUDGMENT OF THE COURT (Third Chamber) 10 September 2015" and set ReportingLevel to Article._x000D_
D7.00: Added Substance</t>
  </si>
  <si>
    <t>D11.00: The reporting threshold has been updated to align with the European Court of Justice ruling "JUDGMENT OF THE COURT (Third Chamber) 10 September 2015" and set ReportingLevel to Article._x000D_
D8.00: Substance added</t>
  </si>
  <si>
    <t>D15.00: Added substance clarification; Updated substance name to align with the name in SVHC Candidate List _x000D_
D11.00: The reporting threshold has been updated to align with the European Court of Justice ruling "JUDGMENT OF THE COURT (Third Chamber) 10 September 2015" and set ReportingLevel to Article._x000D_
D9.00: Substance added</t>
  </si>
  <si>
    <t>D11.00: The reporting threshold has been updated to align with the European Court of Justice ruling "JUDGMENT OF THE COURT (Third Chamber) 10 September 2015" and set ReportingLevel to Article._x000D_
D10.00: Substance added</t>
  </si>
  <si>
    <t>D12.00: Moved entry from declarable substance to declarable substance group (ID has been updated from 00137 to 00140)_x000D_
D11.00: add agreed wording_x000D_
D10.00: Substance added</t>
  </si>
  <si>
    <t>D19.00: Note added that declarable substance is a polycyclic aromatic hydrocarbon (PAH)_x000D_
D18.00: The Substance name has been updated to align with regulation_x000D_
D12.00: Substance Added</t>
  </si>
  <si>
    <t>D15.00 substance name was changed to use the correct type of apostrophe in the substance name_x000D_
D13.00: Substance Added</t>
  </si>
  <si>
    <t>D19.00: Note added that declarable substance is a polycyclic aromatic hydrocarbon (PAH); extra CAS number deleted to align with REACH Candidate List_x000D_
D15.00: Substance Added</t>
  </si>
  <si>
    <t>Additional substance description: Covering any of its individual anti- and syn-isomers or any combination thereof; _x000D_
Notes: 1. This declarable substance group has a complete list of substances that is specified in the reference substance list covering any of its individual anti- and syn-isomers or any combination thereof; 2. Dechlorane Plus is a trademarked name that is used here because this trademarked name has been directly referenced by a Government Authority in a substance restriction regulation.  IEC is not endorsing the use or restriction of this trade-named product.</t>
  </si>
  <si>
    <t>D15.01: substance name was updated to match the REACH Candidate List_x000D_
D15.00: Substance Group Added</t>
  </si>
  <si>
    <t>D19.00: Note added that declarable substance is a polycyclic aromatic hydrocarbon (PAH)_x000D_
D16.00: Substance Added</t>
  </si>
  <si>
    <t>D19.00: extra CAS number deleted to align with REACH Candidate List_x000D_
D17.00: Substance Added</t>
  </si>
  <si>
    <t>Additional substance description: SVHC only with ≥ 0.1% w/w of 4-nonylphenol, branched and linear (4-NP); _x000D_
Notes: This reference substance list provides examples and may not be a complete list as specified in the regulation or standard indicated in the BasisDescription field of the DSL entry.</t>
  </si>
  <si>
    <t>D21.00: Declarable Substance Group added_x000D_
The reference substance list is not exhaustive; the regulation only applies to halogenated substances if they meet the definition of flame retardant_x000D_
The European Commission is preparing an amendment to the regulation that will change the reporting threshold to 0.1 mass% of halogen content in homogeneous material. The IEC 62474 DSL will be updated once the regulatory amendment is published</t>
  </si>
  <si>
    <t>00174</t>
  </si>
  <si>
    <t>Phenol, Isopropylated Phosphate (3:1) (PIP (3:1))</t>
  </si>
  <si>
    <t>PIP (3:1)</t>
  </si>
  <si>
    <t>Flame retardant and/or plasticizer in polymers such as flexible polyurethane foam and PVC, lubricant, hydraulic fluid, adhesives and sealants. Examples: gasket, wire sleeve, tape.</t>
  </si>
  <si>
    <t>[USA] Toxic Substances Control Act (TSCA)</t>
  </si>
  <si>
    <t>D22.00: Substance added</t>
  </si>
  <si>
    <t>IEC62474 Declarable Substances</t>
    <phoneticPr fontId="4"/>
  </si>
  <si>
    <t>IEC62474 Reference Substances</t>
    <phoneticPr fontId="4"/>
  </si>
  <si>
    <t>1) The European Community’s ban applies to azocolourants and azodyes that by reductive cleavage of azo groups may release this aromatic amine.  _x000D_
2) This reference substance is part of a complete list as specified in the regulation or standard indicated in the BasisDescription field of the DSL entry_x000D_
D18.00:  Substance Group name updated (capital A in Azodyes)</t>
  </si>
  <si>
    <t>This substance is in the disodium tetraborate, anhydrous group because, according to ECHA  SVHC support document (https://echa.europa.eu/documents/10162/04e29ef1-f56d-4926-96f6-c2865c5e10a7), "in aqueous solution, the hydrates form the same substances as disodium tetraborate anhydrous and are therefore comparable in their toxicological properties". Despite the scientific inconsistancy with the "anhydrous" designation of the group, but the REACH Candidate List designation is used for consistancy with official publication_x000D_
D19.00: The substance group name was modified to align with the EU REACH Candidate List</t>
  </si>
  <si>
    <t>This reference substance is part of a complete list as specified in the regulation or standard indicated in the BasisDescription field of the DSL entry_x000D_
D16.00: Incorrect CAS Registry Number deleted_x000D_
D15.00: Updated substance group name to align with the name in  the EU REACH Candidate List of SVHCs for Authorisation_x000D_
D8.00: Substance group name modified to match with Candidate list for European REACH Regulation No. 1907/2006/EC.</t>
  </si>
  <si>
    <t>This reference substance is part of a complete list as specified in the regulation or standard indicated in the BasisDescription field of the DSL entry_x000D_
D15.00: Updated substance group name to align with the name in  the EU REACH Candidate List of SVHCs for Authorisation_x000D_
D15.00: corrected the CAS number_x000D_
D8.00: Substance group name modified to match with Candidate list for European REACH Regulation No. 1907/2006/EC.</t>
  </si>
  <si>
    <t>This reference substance is part of a complete list as specified in the regulation or standard indicated in the BasisDescription field of the DSL entry_x000D_
D15.00: Updated substance group name to align with the name in  the EU REACH Candidate List of SVHCs for Authorisation_x000D_
D8.00: Substance group name modified to match with Candidate list for European REACH Regulation No. 1907/2006/EC.</t>
  </si>
  <si>
    <t>This reference substance is part of a complete list as specified in the regulation or standard indicated in the BasisDescription field of the DSL entry_x000D_
D15.00: Add reference substance</t>
  </si>
  <si>
    <t>2013-06-10:  incorrect CAS # was corrected_x000D_
These substances may contain further isomers that are not listed here. Isomers with CAS_x000D_
numbers have been included when available.</t>
  </si>
  <si>
    <t>134237-38-0_x000D_
, 422-54-8_x000D_
, 422-53-7, 422-51-5</t>
  </si>
  <si>
    <t>D9.00: Corrected CAS# of HCFC-224cc_x000D_
These substances may contain further isomers that are not listed here. Isomers with CAS_x000D_
numbers have been included when available.</t>
  </si>
  <si>
    <t>Chlorodifluoropropane _x000D_
1-Chloro-2,2-difluoropropane _x000D_
2-Chloro-1,3-difluoropropane _x000D_
1-Chloro-1,1-difluoropropane</t>
  </si>
  <si>
    <t>134190-53-7_x000D_
420-99-5_x000D_
102738-79-4_x000D_
421-02-3</t>
  </si>
  <si>
    <t>(HCFC-262)_x000D_
(HCFC-262ca)_x000D_
(HCFC-262da)_x000D_
(HCFC-262fc)</t>
  </si>
  <si>
    <t>2013-06-10: CAS Number for (HCFC-262fc) corrected_x000D_
These substances may contain further isomers that are not listed here. Isomers with CAS_x000D_
numbers have been included when available.</t>
  </si>
  <si>
    <t>This reference substance is part of a complete list as specified in the regulation or standard indicated in the BasisDescription field of the DSL entry.  _x000D_
Reporting is based on the sum of the phthalates in the selected group._x000D_
D18.00: Added DIBP to substance group name</t>
  </si>
  <si>
    <t>This reference substance is part of a complete list as specified in the regulation or standard indicated in the BasisDescription field of the DSL entry.  _x000D_
Reporting is based on the sum of the phthalates in the selected group.</t>
  </si>
  <si>
    <t>D18.00: DSG name updated; _x000D_
Substance group name modified in D4.00 to exactly match with naming of declarable substance group</t>
  </si>
  <si>
    <t>D18.00:Declarable Substance Group name updated_x000D_
D11.00: Polychlorinated Napthalenes with 1.-8 chlorine atoms.  This reference substance is part of a complete list as specified in the regulation or standard indicated in the BasisDescription field of the DSL entry</t>
  </si>
  <si>
    <t>When two reporting thresholds are listed, the manufacturer needs to evaluate their products against both thresholds.  Reporting is required if one or both thresholds are exceeded._x000D_
D18.00: reference substance name corrected</t>
  </si>
  <si>
    <t>D11.00: Updated name of the Substance Group_x000D_
Added in version D5.00</t>
  </si>
  <si>
    <t>This substance is also listed as a SVHC for declarable substance._x000D_
This reference substance is part of a complete list as specified in the regulation or standard indicated in the BasisDescription field of the DSL entry</t>
  </si>
  <si>
    <t>D18.00: DSG name updated_x000D_
D11.00: Added reference substance  1. Polychlorinated Napthalenes with 1(one) chlorine atom.  2. This reference substance is part of a complete list as specified in the regulation or standard indicated in the BasisDescription field of the DSL entry</t>
  </si>
  <si>
    <t>D18.00: DSG name updated_x000D_
D11.00: Added reference substance.  1.Polychlorinated Napthalenes with 1(one) chlorine atom.  2.This reference substance is part of a complete list as specified in the regulation or standard indicated in the BasisDescription field of the DSL entry</t>
  </si>
  <si>
    <t>D18.00: DSG name updated_x000D_
D11.00: Added reference substance.  1.Polychlorinated Napthalenes with 2(two) chlorine atoms.  2.This reference substance is part of a complete list as specified in the regulation or standard indicated in the BasisDescription field of the DSL entry</t>
  </si>
  <si>
    <t>D18.00: DSG name updated_x000D_
D11.00: Added reference substance.  1.Polychlorinated Napthalenes with 1(one) chlorine atoms.  2.This reference substance is part of a complete list as specified in the regulation or standard indicated in the BasisDescription field of the DSL entry</t>
  </si>
  <si>
    <t>This reference substance is part of a complete list as specified in the regulation or standard indicated in the BasisDescription field of the DSL entry_x000D_
D13.00: Added reference substance</t>
  </si>
  <si>
    <t>Cobalt titanate green spinel may contain nickel_x000D_
D13.00: Reference substance added</t>
  </si>
  <si>
    <t>D15.01: Updated declarable substance group_x000D_
D15.00: Added new reference substance</t>
  </si>
  <si>
    <t>This reference substance list provides examples and may not be a complete list as specified in the regulation or standard indicated in the BasisDescription field of the DSL entry_x000D_
D18.00: Added new reference substance</t>
  </si>
  <si>
    <t>This reference substance list provides examples and may not be a complete list as specified in the regulation or standard indicated in the BasisDescription field of the DSL entry_x000D_
D19.00: Added new reference substance</t>
  </si>
  <si>
    <t>Bis(lauroyloxy)dioctylstannane; Di-n-octyl-zinn dilaurat; Di-n-octyltin dilaurate; Stannane, bis(dodecanoyloxy)dioctyl-; Stannane, bis(lauroyloxy)dioctyl-; Stannane, didodecanoyloxydioctyl-; Stannane, dioctylbis((1-oxododecyl)oxy)-; Stannane, dioctylbis(lauroyloxy)-; Stannane, dioctyldi(lauroyloxy)-; Stannane, dioctyldidodecanoyloxy-_x000D_
Tin, dioctyl-, dilaurate; dioctylstannanebis(ylium) didodecanoate; Dioctyltin laurate; diottil dilaurato_x000D_
; Stannane, dioctylbis[(1-oxododecyl) oxy] -; Stannane, dioctylbis[(1-oxododecyl)oxy]; DOTL; Dioctyltin dilaurate; [dodecanoyloxy(dioctyl)stannyl] dodecanoate</t>
  </si>
  <si>
    <t>Critical Raw Materials</t>
  </si>
  <si>
    <t>Reg. (EC) No 1272/2008                                                                         Reg. (EC) No 1907/2006 (REACH)
Reg.(EU) No 2018/1513 (REACH)</t>
  </si>
  <si>
    <t>Reg. (EC) No 1272/2008, may cause cancer (class 2), possible risks of irreversible effects (class 3), very toxic to aquatic organisms (R50)
Reg. (EC) No 552/2009
Reg.(EU) No 2018/1513 (REACH)</t>
  </si>
  <si>
    <t>Shall not be placed on the market textiles other than clothing which, under normal or reasonably foreseeable conditions of use, come into contact with human skin to an extent similar to clothing.（Concentration limit by weight 0.003%）</t>
  </si>
  <si>
    <t>Reg. (EC) No 1272/2008, may cause cancer (class 2), possible risks of irreversible effects (class 3), toxic to aquatic organisms (R51)
Reg. (EC) No 552/2009
Reg.(EU) No 2018/1513 (REACH)</t>
  </si>
  <si>
    <t>Reg. (EC) No 1907/2006
(REACH Candidate List)</t>
  </si>
  <si>
    <t>Shall not be placed on the market textiles other than clothing which, under normal or reasonably foreseeable conditions of use, come into contact with human skin to an extent similar to clothing.（Concentration limit by weight 0.005%）</t>
  </si>
  <si>
    <t>Reg. (EC) No 552/2009
Reg.(EU) No 2018/1513 (REACH)</t>
  </si>
  <si>
    <t>0.1% for physical solid state parts
Shall not be placed on the market textiles other than clothing which, under normal or reasonably foreseeable conditions of use, come into contact with human skin to an extent similar to clothing.（Concentration limit by weight 0.0005%）</t>
  </si>
  <si>
    <t>Benzene-1,2,4-tricarboxylic acid 1,2-anhydride</t>
  </si>
  <si>
    <t>P: Forbidden use as biocide in product-type : 7
Authorisation as biocide needed for product-type 8
D: Allowed use as biocide in product-type 9</t>
  </si>
  <si>
    <t xml:space="preserve">
</t>
  </si>
  <si>
    <t xml:space="preserve">
31-Oct-2021
</t>
  </si>
  <si>
    <t xml:space="preserve">
31-Oct-2022
 </t>
  </si>
  <si>
    <t>P: Forbidden use as biocide in product-type 7
P: Forbidden use as biocide in product-type : 8
P: Forbidden use as biocide in product-type 9</t>
  </si>
  <si>
    <t xml:space="preserve">          27-Nov-2019</t>
  </si>
  <si>
    <t>P: Forbidden use as biocide in product-type 7
Authorisation as biocide needed for product-type 8
P: Forbidden use as biocide in product-type : 9</t>
  </si>
  <si>
    <t>1,2,3,4,7,8,9-Heptachlorodibenzofuran</t>
  </si>
  <si>
    <t>These materials are considered by the European Commission to be critical to the EU economy.
To help facilitate the proposals in the EU Circular Economy Strategy, and manage end of life recovery opportunities responsibly, parts containing these substances should be reported in IMDS.
For more information see - https://ec.europa.eu/growth/sectors/raw-materials/specific-interest/critical_en”.  [see https://public.mdsystem.com/web/imds-public-pages/gadsl-crm for guidance].
It is expected that IMDS data containing these Critical Raw Materials starts to be populated in 2021, with mandatory reporting commencing in 2022</t>
  </si>
  <si>
    <t>Materials made with rare earth metals, aluminium, berylium etc.
See IMDS Critical Raw Material substance list for complete listing.</t>
  </si>
  <si>
    <t>Reg. (EU) 2019/1021</t>
  </si>
  <si>
    <t>Any level above 0.01% or any intentionally-added content if below 0.01%</t>
  </si>
  <si>
    <t>Reg. (EC) No 1907/2006  (REACH Candidate List)
Reg. (EC) No 1272/2008   Dir 91/689/EC
Reg.(EU) No 2018/1513 (REACH)</t>
  </si>
  <si>
    <t>Shall not be placed on the market textiles other than clothing which, under normal or reasonably foreseeable conditions of use, come into contact with human skin to an extent similar to clothing.（Concentration limit by weight 0.3%）</t>
  </si>
  <si>
    <t>Reg. (EC) No 1272/2008, carcinogen class 2
Reg. (EC) No 552/2009
Reg.(EU) No 2018/1513 (REACH)</t>
  </si>
  <si>
    <t>Reg.(EU) No 2018/1513 (REACH)</t>
  </si>
  <si>
    <t>Perfluorobutane sulfonic acid (PFBS) and its salts, all members</t>
  </si>
  <si>
    <t>Nonafluorobutane-1-sulphonic acid</t>
  </si>
  <si>
    <t>Potassium nonafluorobutane-1-sulfonate</t>
  </si>
  <si>
    <t>29420-49-3</t>
  </si>
  <si>
    <t>Regulation (EC) No 2019/1021 (EU POP Regulation) and 2020/784;
Regulation in USA (TSCA Section 5(a), SNUR); Canada (CEPA 1999, Prohibition of Certain Toxic Substances Regulations, 2012 (SOR/2012-285) – prohibited since 01.01.2017; Norway (FOR-2004-06-01-922); Stockholm Convention of Persistent Organic Pollutants (POP).</t>
  </si>
  <si>
    <t>For Norway P at 1µg/m2  in textiles, carpets and coated products;
Reg. (EC) No 2019/1021 and 2020/784: 0,025 mg/kg for PFOA including its salts, 1 mg/kg for the individual PFOA-related compounds or a combination of those compounds (with special exemption for PTFE micropowders).</t>
  </si>
  <si>
    <t>TSCA Section 5(a) SNUR</t>
  </si>
  <si>
    <t>Intentionally added content must be reported to EPA</t>
  </si>
  <si>
    <t>Perfluoroalkylethyl acrylates (C6-C14)</t>
  </si>
  <si>
    <t>85361-54-5</t>
  </si>
  <si>
    <t>Nonane, 1,1,1,2,2,3,3,4,4,5,5,6,6,7,7-pentadecafluoro-9-iodo-</t>
  </si>
  <si>
    <t>2043-52-9</t>
  </si>
  <si>
    <t>Octane, 1,1,1,2,2,3,3,4,4,5,5,6,6,7,7-pentadecafluoro-8-iodo-</t>
  </si>
  <si>
    <t>10258-49-8</t>
  </si>
  <si>
    <t>Decane, 1,1,1,2,2,3,3,4,4,5,5,6,6,7,7-pentadecafluoro-9-iodo-</t>
  </si>
  <si>
    <t>25291-12-7</t>
  </si>
  <si>
    <t>Tridecane, 1,1,1,2,2,3,3,4,4,5,5,6,6,7,7-pentadecafluoro-</t>
  </si>
  <si>
    <t>169331-74-2</t>
  </si>
  <si>
    <t>Decane, 10-bromo-1,1,1,2,2,3,3,4,4,5,5,6,6,7,7,8,8-heptadecafluoro-</t>
  </si>
  <si>
    <t>21652-57-3</t>
  </si>
  <si>
    <t>1-Nonene, 3,3,4,4,5,5,6,6,7,7,8,8,9,9,9-pentadecafluoro-</t>
  </si>
  <si>
    <t>25431-45-2</t>
  </si>
  <si>
    <t>Tetradecane, 1,1,1,2,2,3,3,4,4,5,5,6,6,7,7-pentadecafluoro-</t>
  </si>
  <si>
    <t>38787-57-4</t>
  </si>
  <si>
    <t>Undecane, 1,1,1,2,2,3,3,4,4,5,5,6,6,7,7,8,8-heptadecafluoro-10-iodo-</t>
  </si>
  <si>
    <t>38550-35-5</t>
  </si>
  <si>
    <t>Nonane, 1,1,1,2,2,3,3,4,4,5,5,6,6,7,7,9,9,9-octadecafluoro-8-iodo-</t>
  </si>
  <si>
    <t>922524-04-7</t>
  </si>
  <si>
    <t>Dodecane, 1,1,1,2,2,3,3,4,4,5,5,6,6,7,7-pentadecafluoro-9-iodo-</t>
  </si>
  <si>
    <t>25431-48-5</t>
  </si>
  <si>
    <t>1-Decyne, 3,3,4,4,5,5,6,6,7,7,8,8,9,9,10,10,10-heptadecafluoro-</t>
  </si>
  <si>
    <t>55009-88-6</t>
  </si>
  <si>
    <t>Pentadecane, 1,1,1,2,2,3,3,4,4,5,5,6,6,7,7-pentadecafluoro-9-iodo-</t>
  </si>
  <si>
    <t>918-32-1</t>
  </si>
  <si>
    <t>Dodecane, 12-bromo-1,1,1,2,2,3,3,4,4,5,5,6,6,7,7,8,8,9,9,10,10-heneicosafluoro-</t>
  </si>
  <si>
    <t>332136-76-2</t>
  </si>
  <si>
    <t>Tetradecane, 1,1,1,2,2,3,3,4,4,5,5,6,6,7,7-pentadecafluoro-9-iodo-</t>
  </si>
  <si>
    <t>38787-66-5</t>
  </si>
  <si>
    <t>Decane, 9,10-dibromo-1,1,1,2,2,3,3,4,4,5,5,6,6,7,7,8,8-heptadecafluoro-</t>
  </si>
  <si>
    <t>51249-63-9</t>
  </si>
  <si>
    <t>Dodecane, 1,1,1,2,2,3,3,4,4,5,5,6,6,7,7,8,8-heptadecafluoro-10-iodo-</t>
  </si>
  <si>
    <t>99325-00-5</t>
  </si>
  <si>
    <t>Nonadecane, 1,1,1,2,2,3,3,4,4,5,5,6,6,7,7-pentadecafluoro-</t>
  </si>
  <si>
    <t>109856-51-1</t>
  </si>
  <si>
    <t>Tetradecane, 1,1,1,2,2,3,3,4,4,5,5,6,6,7,7,8,8-heptadecafluoro-10-iodo-</t>
  </si>
  <si>
    <t>92835-74-0</t>
  </si>
  <si>
    <t>Hexadecane, 1,1,1,2,2,3,3,4,4,5,5,6,6,7,7,8,8-heptadecafluoro-10-iodo-</t>
  </si>
  <si>
    <t>96791-81-0</t>
  </si>
  <si>
    <t>Tricosane, 1,1,1,2,2,3,3,4,4,5,5,6,6,7,7-pentadecafluoro-</t>
  </si>
  <si>
    <t>57325-44-7</t>
  </si>
  <si>
    <t>2-Decene, 4,4,5,5,6,6,7,7,8,8,9,9,10,10,10-pentadecafluoro-, (E)- (9CI)</t>
  </si>
  <si>
    <t>89889-22-5</t>
  </si>
  <si>
    <t>Dodecane, 1,1,1,2,2,3,3,4,4,5,5,6,6,7,7,8,8,11,11,12,12,12-docosafluoro-9-iodo-</t>
  </si>
  <si>
    <t>641617-25-6</t>
  </si>
  <si>
    <t>1-Nonanol, 3,3,4,4,5,5,6,6,7,7,8,8,9,9,9-pentadecafluoro-</t>
  </si>
  <si>
    <t>755-02-2</t>
  </si>
  <si>
    <t>1-Decanol, 4,4,5,5,6,6,7,7,8,8,9,9,10,10,10-pentadecafluoro-</t>
  </si>
  <si>
    <t>25600-66-2</t>
  </si>
  <si>
    <t>Nonadecane, 1,1,1,2,2,3,3,4,4,5,5,6,6,7,7-pentadecafluoro-9-iodo-</t>
  </si>
  <si>
    <t>25431-52-1</t>
  </si>
  <si>
    <t>Tetradecane, 1,1,1,2,2,3,3,4,4,5,5,6,6,7,7,8,8,11,11,12,12,13,13,14,14,14-hexacosafluoro-</t>
  </si>
  <si>
    <t>53638-09-8</t>
  </si>
  <si>
    <t>Decane, 9,9,10-tribromo-1,1,1,2,2,3,3,4,4,5,5,6,6,7,7,8,8-heptadecafluoro-</t>
  </si>
  <si>
    <t>59665-26-8</t>
  </si>
  <si>
    <t>Dodecane, 11,12-dibromo-1,1,1,2,2,3,3,4,4,5,5,6,6,7,7,8,8,9,9,10,10-heneicosafluoro-</t>
  </si>
  <si>
    <t>214358-54-0</t>
  </si>
  <si>
    <t>1-Octanamine, 2,2,3,3,4,4,5,5,6,6,7,7,8,8,8-pentadecafluoro-</t>
  </si>
  <si>
    <t>307-29-9</t>
  </si>
  <si>
    <t>1-Octanol, 2,2,3,3,4,4,5,5,6,6,7,7,8,8,8-pentadecafluoro-</t>
  </si>
  <si>
    <t>307-30-2</t>
  </si>
  <si>
    <t>Tricosane, 1,1,1,2,2,3,3,4,4,5,5,6,6,7,7-pentadecafluoro-9-iodo-</t>
  </si>
  <si>
    <t>57325-43-6</t>
  </si>
  <si>
    <t>Octadecane, 1,1,1,2,2,3,3,4,4,5,5,6,6,7,7,8,8-heptadecafluoro-10-iodo-</t>
  </si>
  <si>
    <t>176979-17-2</t>
  </si>
  <si>
    <t>1-Octanamine, 2,2,3,3,4,4,5,5,6,6,7,7,8,8,8-pentadecafluoro-, hydrochloride(1:1)</t>
  </si>
  <si>
    <t>5678-75-1</t>
  </si>
  <si>
    <t>1-Decene, 2-bromo-3,3,4,4,5,5,6,6,7,7,8,8,9,9,10,10,10-heptadecafluoro-</t>
  </si>
  <si>
    <t>51249-65-1</t>
  </si>
  <si>
    <t>Eicosane, 1,1,1,2,2,3,3,4,4,5,5,6,6,7,7,8,8-heptadecafluoro-10-iodo-</t>
  </si>
  <si>
    <t>1257261-93-0</t>
  </si>
  <si>
    <t>Tetradecane, 1,1,1,2,2,3,3,4,4,5,5,6,6,7,7,8,8,11,11,12,12,13,13,14,14,14-hexacosafluoro-9-iodo-</t>
  </si>
  <si>
    <t>53638-13-4</t>
  </si>
  <si>
    <t>1-Decene, 2-chloro-3,3,4,4,5,5,6,6,7,7,8,8,9,9,10,10,10-heptadecafluoro-</t>
  </si>
  <si>
    <t>110927-73-6</t>
  </si>
  <si>
    <t>1-Decanamine, 3,3,4,4,5,5,6,6,7,7,8,8,9,9,10,10,10-heptadecafluoro-</t>
  </si>
  <si>
    <t>30670-30-5</t>
  </si>
  <si>
    <t>1-Decanol, 4,4,5,5,6,6,7,7,8,8,9,9,10,10,10-pentadecafluoro-2-iodo-</t>
  </si>
  <si>
    <t>16083-64-0</t>
  </si>
  <si>
    <t>Docosane, 1,1,1,2,2,3,3,4,4,5,5,6,6,7,7,8,8-heptadecafluoro-10-iodo-</t>
  </si>
  <si>
    <t>176979-18-3</t>
  </si>
  <si>
    <t>Pentacosane, 1,1,1,2,2,3,3,4,4,5,5,6,6,7,7-pentadecafluoro-9-iodo-</t>
  </si>
  <si>
    <t>2837-34-5</t>
  </si>
  <si>
    <t>5-Tridecene, 7,7,8,8,9,9,10,10,11,11,12,12,13,13,13-pentadecafluoro-</t>
  </si>
  <si>
    <t>52717-05-2</t>
  </si>
  <si>
    <t>Tetracosane, 1,1,1,2,2,3,3,4,4,5,5,6,6,7,7,8,8-heptadecafluoro-10-iodo-</t>
  </si>
  <si>
    <t>1257261-94-1</t>
  </si>
  <si>
    <t>Octanenitrile, 2,2,3,3,4,4,5,5,6,6,7,7,8,8,8-pentadecafluoro-</t>
  </si>
  <si>
    <t>647-12-1</t>
  </si>
  <si>
    <t>Hexacosane, 1,1,1,2,2,3,3,4,4,5,5,6,6,7,7,8,8-heptadecafluoro-10-iodo-</t>
  </si>
  <si>
    <t>176979-19-4</t>
  </si>
  <si>
    <t>6-Tetradecene, 8,8,9,9,10,10,11,11,12,12,13,13,14,14,14-pentadecafluoro-</t>
  </si>
  <si>
    <t>38787-60-9</t>
  </si>
  <si>
    <t>Hexacosane, 1,1,1,2,2,3,3,4,4,5,5,6,6,7,7,8,8,9,9,10,10-heneicosafluoro-12-iodo-</t>
  </si>
  <si>
    <t>1257261-91-8</t>
  </si>
  <si>
    <t>Octacosane, 1,1,1,2,2,3,3,4,4,5,5,6,6,7,7,8,8-heptadecafluoro-10-iodo-</t>
  </si>
  <si>
    <t>1257261-95-2</t>
  </si>
  <si>
    <t>1-Decanethiol, 3,3,4,4,5,5,6,6,7,7,8,8,9,9,10,10,10-heptadecafluoro-</t>
  </si>
  <si>
    <t>34143-74-3</t>
  </si>
  <si>
    <t>Octanal, 2,2,3,3,4,4,5,5,6,6,7,7,8,8,8-pentadecafluoro-</t>
  </si>
  <si>
    <t>335-60-4</t>
  </si>
  <si>
    <t>Silane, dichloro(3,3,4,4,5,5,6,6,7,7,8,8,9,9,10,10,10-heptadecafluorodecyl)methyl-</t>
  </si>
  <si>
    <t>3102-79-2</t>
  </si>
  <si>
    <t>1-Undecanol, 4,4,5,5,6,6,7,7,8,8,9,9,10,10,11,11,11-heptadecafluoro-2-iodo-</t>
  </si>
  <si>
    <t>38550-45-7</t>
  </si>
  <si>
    <t>Silane, (3,3,4,4,5,5,6,6,7,7,8,8,9,9,10,10,10-heptadecafluorodecyl)bis(1-methylethyl)-</t>
  </si>
  <si>
    <t>356056-15-0</t>
  </si>
  <si>
    <t>1,1-Octanediol, 2,2,3,3,4,4,5,5,6,6,7,7,8,8,8-pentadecafluoro-</t>
  </si>
  <si>
    <t>31185-69-0</t>
  </si>
  <si>
    <t>1-Decanol, 3,3,4,4,5,5,6,6,7,7,8,8,9,9,10,10,10-heptadecafluoro-2-methyl-</t>
  </si>
  <si>
    <t>136022-91-8</t>
  </si>
  <si>
    <t>8-Heptadecene, 1,1,1,2,2,3,3,4,4,5,5,6,6,7,7-pentadecafluoro-</t>
  </si>
  <si>
    <t>52717-06-3</t>
  </si>
  <si>
    <t>2-Nonanone, 3,3,4,4,5,5,6,6,7,7,8,8,9,9,9-pentadecafluoro-</t>
  </si>
  <si>
    <t>754-85-8</t>
  </si>
  <si>
    <t>Silane, chloro(3,3,4,4,5,5,6,6,7,7,8,8,9,9,10,10,10-heptadecafluorodecyl)dimethyl-</t>
  </si>
  <si>
    <t>74612-30-9</t>
  </si>
  <si>
    <t>Decanal, 3,3,4,4,5,5,6,6,7,7,8,8,9,9,10,10,10-heptadecafluoro-</t>
  </si>
  <si>
    <t>135984-68-8</t>
  </si>
  <si>
    <t>1-Dodecanethiol, 3,3,4,4,5,5,6,6,7,7,8,8,9,9,10,10,11,11,12,12,12-heneicosafluoro-</t>
  </si>
  <si>
    <t>34451-28-0</t>
  </si>
  <si>
    <t>Silane, trichloro(3,3,4,4,5,5,6,6,7,7,8,8,9,9,10,10,11,11,12,12,12-heneicosafluorododecyl)-</t>
  </si>
  <si>
    <t>102488-49-3</t>
  </si>
  <si>
    <t>1-Tridecanol, 4,4,5,5,6,6,7,7,8,8,9,9,10,10,11,11,12,12,13,13,13-heneicosafluoro-2-iodo-</t>
  </si>
  <si>
    <t>38550-46-8</t>
  </si>
  <si>
    <t>2-Nonanol, 3,3,4,4,5,5,6,6,7,7,8,8,9,9,9-pentadecafluoro-2-methyl-</t>
  </si>
  <si>
    <t>92914-88-0</t>
  </si>
  <si>
    <t>1-Decene, 1,2,3,3,4,4,5,5,6,6,7,7,8,8,9,9,10,10,10-nonadecafluoro-1-iodo-,(Z)- (9CI)</t>
  </si>
  <si>
    <t>56184-40-8</t>
  </si>
  <si>
    <t>Octanoyl chloride, 2,2,3,3,4,4,5,5,6,6,7,7,8,8,8-pentadecafluoro-</t>
  </si>
  <si>
    <t>335-64-8</t>
  </si>
  <si>
    <t>Decanoic acid, 4,4,5,5,6,6,7,7,8,8,9,9,10,10,10-pentadecafluoro-</t>
  </si>
  <si>
    <t>812-70-4</t>
  </si>
  <si>
    <t>1,2-Undecanediol, 4,4,5,5,6,6,7,7,8,8,9,9,10,10,11,11,11-heptadecafluoro-</t>
  </si>
  <si>
    <t>94159-84-9</t>
  </si>
  <si>
    <t>Dodecanal, 3,3,4,4,5,5,6,6,7,7,8,8,9,9,10,10,11,11,12,12,12-heneicosafluoro-</t>
  </si>
  <si>
    <t>864551-38-2</t>
  </si>
  <si>
    <t>Silane, (3,3,4,4,5,5,6,6,7,7,8,8,9,9,10,10,11,11,12,12,12-heneicosafluorododecyl)bis(1-methylethyl)-</t>
  </si>
  <si>
    <t>356056-16-1</t>
  </si>
  <si>
    <t>Octanoyl bromide, 2,2,3,3,4,4,5,5,6,6,7,7,8,8,8-pentadecafluoro-</t>
  </si>
  <si>
    <t>222037-87-8</t>
  </si>
  <si>
    <t>Docosane,1,1,1,2,2,3,3,4,4,5,5,6,6,7,7,8,8,15,15,16,16,17,17,18,18,19,19,20,20,21,21,22,22,22-tetratriacontafluoro-10,13-diiodo-</t>
  </si>
  <si>
    <t>460744-98-3</t>
  </si>
  <si>
    <t>Eicosane,1,1,1,2,2,3,3,4,4,5,5,6,6,7,7,14,14,15,15,16,16,17,17,18,18,19,19,20,20,20-triacontafluoro-9,12-diiodo-</t>
  </si>
  <si>
    <t>25474-72-0</t>
  </si>
  <si>
    <t>5-Tetradecene,1,1,1,2,2,3,3,4,4,7,7,8,8,9,9,10,10,11,11,12,12,13,13,14,14,14-hexacosafluoro-, (E)- (9CI)</t>
  </si>
  <si>
    <t>51249-69-5</t>
  </si>
  <si>
    <t>Tetracosane,1,1,1,2,2,3,3,4,4,5,5,6,6,7,7,8,8,17,17,18,18,19,19,20,20,21,21,22,22,23,23,24,24,24-tetratriacontafluoro-10,15-diiodo-</t>
  </si>
  <si>
    <t>959462-52-3</t>
  </si>
  <si>
    <t>Heneicosane,1,1,1,2,2,3,3,4,4,5,5,6,6,7,7,8,8,14,14,15,15,16,16,17,17,18,18,19,19,20,20,21,21,21-tetratriacontafluoro-10,12-diiodo-</t>
  </si>
  <si>
    <t>1254971-75-9</t>
  </si>
  <si>
    <t>Silane, (3,3,4,4,5,5,6,6,7,7,8,8,9,9,10,10,11,11,12,12,12-heneicosafluorododecyl)trimethoxy-</t>
  </si>
  <si>
    <t>123445-18-1</t>
  </si>
  <si>
    <t>Octanimidamide, 2,2,3,3,4,4,5,5,6,6,7,7,8,8,8-pentadecafluoro-</t>
  </si>
  <si>
    <t>307-31-3</t>
  </si>
  <si>
    <t>Nonanoic acid, 3,3,4,4,5,5,6,6,7,7,8,8,9,9,9-pentadecafluoro-</t>
  </si>
  <si>
    <t>45291-33-6</t>
  </si>
  <si>
    <t>Silanamine, 1-(3,3,4,4,5,5,6,6,7,7,8,8,9,9,10,10,10-heptadecafluorodecyl)-N,N,1,1-tetramethyl-</t>
  </si>
  <si>
    <t>1221157-06-7</t>
  </si>
  <si>
    <t>Octanoic-1,2-13C2 acid, 2,2,3,3,4,4,5,5,6,6,7,7,8,8,8-pentadecafluoro-</t>
  </si>
  <si>
    <t>864071-08-9</t>
  </si>
  <si>
    <t>6-Tetradecene, 1,1,1,2,2,3,3,4,4,7,8,8,9,9,10,10,11,11,12,12,13,13,14,14,14-pentacosafluoro-</t>
  </si>
  <si>
    <t>53638-14-5</t>
  </si>
  <si>
    <t>1,4-Butanediol, 2-(1,1,2,2,3,3,4,4,5,5,6,6,7,7,8,8,8-heptadecafluorooctyl)-</t>
  </si>
  <si>
    <t>135440-42-5</t>
  </si>
  <si>
    <t>Octanoic-1-13C acid, 2,2,3,3,4,4,5,5,6,6,7,7,8,8,8-pentadecafluoro- (9CI)</t>
  </si>
  <si>
    <t>864071-09-0</t>
  </si>
  <si>
    <t>1-Octanaminium, N,N,N-trimethyl-, 2,2,3,3,4,4,5,5,6,6,7,7,8,8,8-pentadecafluorooctanoate (1:1)</t>
  </si>
  <si>
    <t>927835-01-6</t>
  </si>
  <si>
    <t>Octanoic acid, 2,2,3,3,4,4,5,5,6,6,7,7,8,8,8-pentadecafluoro-, potassium salt,hydrate (1:1:2)</t>
  </si>
  <si>
    <t>98065-31-7</t>
  </si>
  <si>
    <t>8-Hexadecene,1,1,1,2,2,3,3,4,4,5,5,6,6,7,7,10,10,11,11,12,12,13,13,14,14,15,15,16,16,16-triacontafluoro-, (E)- (9CI)</t>
  </si>
  <si>
    <t>35709-15-0</t>
  </si>
  <si>
    <t>7-Hexadecene,1,1,1,2,2,3,3,4,4,5,5,6,6,9,9,10,10,11,11,12,12,13,13,14,14,15,15,16,16,16-triacontafluoro-, (E)- (9CI)</t>
  </si>
  <si>
    <t>51249-68-4</t>
  </si>
  <si>
    <t>Decanoyl chloride, 3,3,4,4,5,5,6,6,7,7,8,8,9,9,10,10,10-heptadecafluoro-</t>
  </si>
  <si>
    <t>64018-23-1</t>
  </si>
  <si>
    <t>Heptacosane,1,1,1,2,2,3,3,4,4,5,5,6,6,7,7,8,8,9,9,10,10,18,18,19,19,20,20,21,21,22,22,23,23,24,24,25,25,26,26,27,27,27-dotetracontafluoro-12,16-diiodo-</t>
  </si>
  <si>
    <t>784189-62-4</t>
  </si>
  <si>
    <t>Octacosane,1,1,1,2,2,3,3,4,4,5,5,6,6,7,7,8,8,9,9,10,10,19,19,20,20,21,21,22,22,23,23,24,24,25,25,26,26,27,27,28,28,28-dotetracontafluoro-12,17-diiodo-</t>
  </si>
  <si>
    <t>1980064-30-9</t>
  </si>
  <si>
    <t>Hexacosane,1,1,1,2,2,3,3,4,4,5,5,6,6,7,7,8,8,9,9,10,10,17,17,18,18,19,19,20,20,21,21,22,22,23,23,24,24,25,25,26,26,26-dotetracontafluoro-12,15-diiodo-</t>
  </si>
  <si>
    <t>1980086-18-7</t>
  </si>
  <si>
    <t>Decanoic acid, 3,3,4,4,5,5,6,6,7,7,8,8,9,9,10,10,10-heptadecafluoro-</t>
  </si>
  <si>
    <t>27854-31-5</t>
  </si>
  <si>
    <t>Silane, triethoxy(3,3,4,4,5,5,6,6,7,7,8,8,9,9,10,10,10-heptadecafluorodecyl)-</t>
  </si>
  <si>
    <t>101947-16-4</t>
  </si>
  <si>
    <t>Silanediamine, 1-(3,3,4,4,5,5,6,6,7,7,8,8,9,9,10,10,10-heptadecafluorodecyl)-N,N,N',N',1-pentamethyl-</t>
  </si>
  <si>
    <t>186599-47-3</t>
  </si>
  <si>
    <t>Phosphinic acid, P-(3,3,4,4,5,5,6,6,7,7,8,8,9,9,10,10,10-heptadecafluorodecyl)-</t>
  </si>
  <si>
    <t>731858-13-2</t>
  </si>
  <si>
    <t>Silane, triethoxy(3,3,4,4,5,5,6,6,7,7,8,8,9,9,10,10,11,11,12,12,12-heneicosafluorododecyl)-</t>
  </si>
  <si>
    <t>146090-84-8</t>
  </si>
  <si>
    <t>Octane, 1,1,1,2,2,3,3,4,4,5,5,6,6,7,7-pentadecafluoro-8-(2-propen-1-yloxy)-</t>
  </si>
  <si>
    <t>812-72-6</t>
  </si>
  <si>
    <t>Dodecanoyl chloride, 3,3,4,4,5,5,6,6,7,7,8,8,9,9,10,10,11,11,12,12,12-heneicosafluoro-</t>
  </si>
  <si>
    <t>64018-26-4</t>
  </si>
  <si>
    <t>2-Decenal, 3,4,4,5,5,6,6,7,7,8,8,9,9,10,10,10-hexadecafluoro-, (2Z)-</t>
  </si>
  <si>
    <t>142502-68-9</t>
  </si>
  <si>
    <t>Phosphinic acid, P-(3,3,4,4,5,5,6,6,7,7,8,8,9,9,10,10,11,11,12,12,12-heneicosafluorododecyl)-</t>
  </si>
  <si>
    <t>731858-15-4</t>
  </si>
  <si>
    <t>Dodecanoic acid, 3,3,4,4,5,5,6,6,7,7,8,8,9,9,10,10,11,11,12,12,12-heneicosafluoro-</t>
  </si>
  <si>
    <t>53826-13-4</t>
  </si>
  <si>
    <t>Silanetriamine, 1-(3,3,4,4,5,5,6,6,7,7,8,8,9,9,10,10,10-heptadecafluorodecyl)-N,N,N',N',N'',N''-hexamethyl-</t>
  </si>
  <si>
    <t>186599-45-1</t>
  </si>
  <si>
    <t>Decanoic acid, 3,3,4,4,5,5,6,6,7,7,8,8,9,9,10,10,10-heptadecafluoro-2-methyl-</t>
  </si>
  <si>
    <t>136022-86-1</t>
  </si>
  <si>
    <t>Silane, (3,3,4,4,5,5,6,6,7,7,8,8,9,9,10,10,10-heptadecafluorodecyl)tripropoxy-</t>
  </si>
  <si>
    <t>521084-64-0</t>
  </si>
  <si>
    <t>Phosphonic acid, P-(3,3,4,4,5,5,6,6,7,7,8,8,9,9,10,10,10-heptadecafluorodecyl)-</t>
  </si>
  <si>
    <t>80220-63-9</t>
  </si>
  <si>
    <t>1-Propanol, 3-[(3,3,4,4,5,5,6,6,7,7,8,8,9,9,10,10,10-heptadecafluorodecyl)thio]-</t>
  </si>
  <si>
    <t>36880-07-6</t>
  </si>
  <si>
    <t>Phosphonic acid, (3,3,4,4,5,5,6,6,7,7,8,8,9,9,10,10,10-heptadecafluorodecyl)-, sodium salt (9CI)</t>
  </si>
  <si>
    <t>92678-93-8</t>
  </si>
  <si>
    <t>Silane, (3,3,4,4,5,5,6,6,7,7,8,8,9,9,10,10,10-heptadecafluorodecyl)tris(1-methylethoxy)-</t>
  </si>
  <si>
    <t>246234-80-0</t>
  </si>
  <si>
    <t>Oxirane, 2-(2,2,3,3,4,4,5,5,6,6,7,7,8,8,8-pentadecafluorooctyl)-</t>
  </si>
  <si>
    <t>20084-49-5</t>
  </si>
  <si>
    <t>Phosphonic acid, (3,3,4,4,5,5,6,6,7,7,8,8,9,9,10,10,10-heptadecafluorodecyl)-, compd. with N,N-diethylethanamine (1:1) (9CI)</t>
  </si>
  <si>
    <t>92678-96-1</t>
  </si>
  <si>
    <t>Ethanol, 2-[(3,3,4,4,5,5,6,6,7,7,8,8,9,9,10,10,10-heptadecafluorodecyl)amino]-</t>
  </si>
  <si>
    <t>27607-42-7</t>
  </si>
  <si>
    <t>2-Dodecenal, 3,4,4,5,5,6,6,7,7,8,8,9,9,10,10,11,11,12,12,12-eicosafluoro-</t>
  </si>
  <si>
    <t>864551-40-6</t>
  </si>
  <si>
    <t>2-Dodecenal, 3,4,4,5,5,6,6,7,7,8,8,9,9,10,10,11,11,12,12,12-eicosafluoro-,(2Z)-</t>
  </si>
  <si>
    <t>1383918-01-1</t>
  </si>
  <si>
    <t>Disiloxane, 1,3-bis(3,3,4,4,5,5,6,6,7,7,8,8,9,9,10,10,10-heptadecafluorodecyl)-1,1,3,3-tetramethyl-</t>
  </si>
  <si>
    <t>129498-18-6</t>
  </si>
  <si>
    <t>Phosphonic acid, P-(3,3,4,4,5,5,6,6,7,7,8,8,9,9,10,10,11,11,12,12,12-heneicosafluorododecyl)-</t>
  </si>
  <si>
    <t>252237-39-1</t>
  </si>
  <si>
    <t>1-Nonanesulfonyl chloride, 3,3,4,4,5,5,6,6,7,7,8,8,9,9,9-pentadecafluoro-</t>
  </si>
  <si>
    <t>27607-61-0</t>
  </si>
  <si>
    <t>3-Undecen-2-one, 4,5,5,6,6,7,7,8,8,9,9,10,10,11,11,11-hexadecafluoro-, (Z)-(9CI)</t>
  </si>
  <si>
    <t>136909-85-8</t>
  </si>
  <si>
    <t>Octanamide, 2,2,3,3,4,4,5,5,6,6,7,7,8,8,8-pentadecafluoro-</t>
  </si>
  <si>
    <t>423-54-1</t>
  </si>
  <si>
    <t>Oxirane, 2-(2,2,3,3,4,4,5,5,6,6,7,7,8,8,9,9,9-heptadecafluorononyl)-</t>
  </si>
  <si>
    <t>38565-53-6</t>
  </si>
  <si>
    <t>Phosphonic acid, (3,3,4,4,5,5,6,6,7,7,8,8,9,9,10,10,10-heptadecafluorodecyl)-, dimethyl ester (9CI)</t>
  </si>
  <si>
    <t>61726-43-0</t>
  </si>
  <si>
    <t>Decane, 1,1,1,2,2,3,3,4,4,5,5,6,6,7,7,8,8-heptadecafluoro-10-isocyanato-</t>
  </si>
  <si>
    <t>142010-50-2</t>
  </si>
  <si>
    <t>Benzene, 1-bromo-4-(3,3,4,4,5,5,6,6,7,7,8,8,9,9,10,10,10-heptadecafluorodecyl)-</t>
  </si>
  <si>
    <t>195324-88-0</t>
  </si>
  <si>
    <t>1-Octanamine, 2,2,3,3,4,4,5,5,6,6,7,7,8,8,8-pentadecafluoro-N-(2,2,3,3,4,4,5,5,6,6,7,7,8,8,8-pentadecafluorooctyl)-</t>
  </si>
  <si>
    <t>3145-68-4</t>
  </si>
  <si>
    <t>1-Decanol, 3,3,4,4,5,5,6,6,7,7,8,8,9,9,10,10,10-heptadecafluoro-, 1-(dihydrogen phosphate)</t>
  </si>
  <si>
    <t>57678-03-2</t>
  </si>
  <si>
    <t>2-Decenoic acid, 3,4,4,5,5,6,6,7,7,8,8,9,9,10,10,10-hexadecafluoro-</t>
  </si>
  <si>
    <t>70887-84-2</t>
  </si>
  <si>
    <t>1-Decanesulfonyl chloride, 3,3,4,4,5,5,6,6,7,7,8,8,9,9,10,10,10-heptadecafluoro-</t>
  </si>
  <si>
    <t>27619-90-5</t>
  </si>
  <si>
    <t>Oxirane, 2-(1,1,2,2,3,3,4,4,5,5,6,6,7,7,8,8,8-heptadecafluorooctyl)-</t>
  </si>
  <si>
    <t>52835-16-2</t>
  </si>
  <si>
    <t>Decane, 10,10-diethoxy-1,1,1,2,2,3,3,4,4,5,5,6,6,7,7,8,8-heptadecafluoro-</t>
  </si>
  <si>
    <t>133377-48-7</t>
  </si>
  <si>
    <t>Benzene, 1-bromo-3-(3,3,4,4,5,5,6,6,7,7,8,8,9,9,10,10,10-heptadecafluorodecyl)-</t>
  </si>
  <si>
    <t>340157-97-3</t>
  </si>
  <si>
    <t>Phosphonic acid, (3,3,4,4,5,5,6,6,7,7,8,8,9,9,10,10,11,11,12,12,12-heneicosafluorododecyl)-, dimethyl ester (9CI)</t>
  </si>
  <si>
    <t>61726-45-2</t>
  </si>
  <si>
    <t>1-Decanol, 3,3,4,4,5,5,6,6,7,7,8,8,9,9,10,10,10-heptadecafluoro-,dihydrogen phosphate, diammonium salt (9CI)</t>
  </si>
  <si>
    <t>93857-44-4</t>
  </si>
  <si>
    <t>Oxirane, 2-(2,2,3,3,4,4,5,5,6,6,7,7,8,8,9,9,10,10,11,11,11-heneicosafluoroundecyl)-</t>
  </si>
  <si>
    <t>38565-54-7</t>
  </si>
  <si>
    <t>1-Decanesulfonic acid, 3,3,4,4,5,5,6,6,7,7,8,8,9,9,10,10,10-heptadecafluoro-</t>
  </si>
  <si>
    <t>39108-34-4</t>
  </si>
  <si>
    <t>2-Dodecenoic acid, 3,4,4,5,5,6,6,7,7,8,8,9,9,10,10,11,11,12,12,12-eicosafluoro-</t>
  </si>
  <si>
    <t>70887-94-4</t>
  </si>
  <si>
    <t>1-Dodecanol, 3,3,4,4,5,5,6,6,7,7,8,8,9,9,10,10,11,11,12,12,12-heneicosafluoro-, 1-(dihydrogen phosphate)</t>
  </si>
  <si>
    <t>57678-05-4</t>
  </si>
  <si>
    <t>Ethanol, 2,2'-[(3,3,4,4,5,5,6,6,7,7,8,8,9,9,10,10,10-heptadecafluorodecyl)imino]bis-</t>
  </si>
  <si>
    <t>27607-36-9</t>
  </si>
  <si>
    <t>Benzenemethanol, 4-(3,3,4,4,5,5,6,6,7,7,8,8,9,9,10,10,10-heptadecafluorodecyl)-</t>
  </si>
  <si>
    <t>356055-77-1</t>
  </si>
  <si>
    <t>Benzenemethanamine, 4-(3,3,4,4,5,5,6,6,7,7,8,8,9,9,10,10,10-heptadecafluorodecyl)-</t>
  </si>
  <si>
    <t>609816-23-1</t>
  </si>
  <si>
    <t>Decane, 1,1,1,2,2,3,3,4,4,5,5,6,6,7,7,8,8-heptadecafluoro-10-[(3,3,4,4,5,5,6,6,7,7,8,8,9,9,10,10,10-heptadecafluorodecyl)thio]-</t>
  </si>
  <si>
    <t>96497-21-1</t>
  </si>
  <si>
    <t>Dodecane, 12-azido-1,1,1,2,2,3,3,4,4,5,5,6,6,7,7,8,8,9,9,10,10-heneicosafluoro-</t>
  </si>
  <si>
    <t>145876-00-2</t>
  </si>
  <si>
    <t>1-Dodecanesulfonyl chloride,3,3,4,4,5,5,6,6,7,7,8,8,9,9,10,10,11,11,12,12,12-heneicosafluoro-</t>
  </si>
  <si>
    <t>27619-91-6</t>
  </si>
  <si>
    <t>1-Decanol, 3,3,4,4,5,5,6,6,7,7,8,8,9,9,10,10,10-heptadecafluoro-, 1-(hydrogen sulfate), potassium salt (1:1)</t>
  </si>
  <si>
    <t>1262446-13-8</t>
  </si>
  <si>
    <t>1-Dodecanol, 3,3,4,4,5,5,6,6,7,7,8,8,9,9,10,10,11,11,12,12,12-heneicosafluoro-, 1-(dihydrogen phosphate), ammonium salt (1:2)</t>
  </si>
  <si>
    <t>93857-45-5</t>
  </si>
  <si>
    <t>Octanoic acid, 2,2,3,3,4,4,5,5,6,6,7,7,8,8,8-pentadecafluoro-, butyl ester</t>
  </si>
  <si>
    <t>307-96-0</t>
  </si>
  <si>
    <t>1-Decanol, 3,3,4,4,5,5,6,6,7,7,8,8,9,9,10,10,10-heptadecafluoro-, 1-acetate</t>
  </si>
  <si>
    <t>37858-04-1</t>
  </si>
  <si>
    <t>Phosphonic acid, P-(3,3,4,4,5,5,6,6,7,7,8,8,9,9,10,10,10-heptadecafluorodecyl)-, diethyl ester</t>
  </si>
  <si>
    <t>90146-96-6</t>
  </si>
  <si>
    <t>Octanimidamide, 2,2,3,3,4,4,5,5,6,6,7,7,8,8,8-pentadecafluoro-N-hydroxy-</t>
  </si>
  <si>
    <t>4314-38-9</t>
  </si>
  <si>
    <t>1-Dodecanesulfonic acid, 3,3,4,4,5,5,6,6,7,7,8,8,9,9,10,10,11,11,12,12,12-heneicosafluoro-</t>
  </si>
  <si>
    <t>120226-60-0</t>
  </si>
  <si>
    <t>1-Dodecanol, 3,3,4,4,5,5,6,6,7,7,8,8,9,9,10,10,11,11,12,12,12-heneicosafluoro-, 1-(hydrogen sulfate), potassium salt (1:1)</t>
  </si>
  <si>
    <t>1262446-14-9</t>
  </si>
  <si>
    <t>Ethanethioic acid, S-(3,3,4,4,5,5,6,6,7,7,8,8,9,9,10,10,10-heptadecafluorodecyl) ester</t>
  </si>
  <si>
    <t>125640-21-3</t>
  </si>
  <si>
    <t>Octanoic acid, 2,2,3,3,4,4,5,5,6,6,7,7,8,8,8-pentadecafluoro-, 2-propen-1-ylester</t>
  </si>
  <si>
    <t>20120-44-9</t>
  </si>
  <si>
    <t>Octanoic acid, 2,2,3,3,4,4,5,5,6,6,7,7,8,8,8-pentadecafluoro-, ethenyl ester</t>
  </si>
  <si>
    <t>307-93-7</t>
  </si>
  <si>
    <t>8,10-Heptadecanedione,1,1,1,2,2,3,3,4,4,5,5,6,6,7,7,11,11,12,12,13,13,14,14,15,15,16,16,17,17,17-triacontafluoro-</t>
  </si>
  <si>
    <t>36554-97-9</t>
  </si>
  <si>
    <t>Phosphonic acid, (3,3,4,4,5,5,6,6,7,7,8,8,9,9,10,10,11,11,12,12,12-heneicosafluorododecyl)-, diethyl ester (9CI)</t>
  </si>
  <si>
    <t>854095-13-9</t>
  </si>
  <si>
    <t>1-Decanaminium, 3,3,4,4,5,5,6,6,7,7,8,8,9,9,10,10,10-heptadecafluoro-N,N-bis(2-hydroxyethyl)-N-methyl-, iodide (1:1)</t>
  </si>
  <si>
    <t>31841-41-5</t>
  </si>
  <si>
    <t>1,2-Undecanediol, 4,4,5,5,6,6,7,7,8,8,9,9,10,10,11,11,11-heptadecafluoro-,1-(dihydrogen phosphate), ammonium salt (1:2)</t>
  </si>
  <si>
    <t>94200-45-0</t>
  </si>
  <si>
    <t>2-Propenoic acid, 2,2,3,3,4,4,5,5,6,6,7,7,8,8,8-pentadecafluorooctyl ester</t>
  </si>
  <si>
    <t>307-98-2</t>
  </si>
  <si>
    <t>Disulfide, bis(3,3,4,4,5,5,6,6,7,7,8,8,9,9,10,10,10-heptadecafluorodecyl)</t>
  </si>
  <si>
    <t>42977-21-9</t>
  </si>
  <si>
    <t>Phosphonic acid, (3,3,4,4,5,5,6,6,7,7,8,8,9,9,10,10,10-heptadecafluorodecyl)-, bis(1-methylethyl) ester (9CI)</t>
  </si>
  <si>
    <t>90183-56-5</t>
  </si>
  <si>
    <t>Phosphinic acid, bis(heptadecafluorooctyl)-, sodium salt (9CI)</t>
  </si>
  <si>
    <t>500776-69-2</t>
  </si>
  <si>
    <t>Decane, 10-(ethenylsulfonyl)-1,1,1,2,2,3,3,4,4,5,5,6,6,7,7,8,8-heptadecafluoro-</t>
  </si>
  <si>
    <t>93345-48-3</t>
  </si>
  <si>
    <t>Pyridinium, 1-(2,2,3,3,4,4,5,5,6,6,7,7,8,8,8-pentadecafluorooctyl)-, 1,1,1-trifluoromethanesulfonate (1:1)</t>
  </si>
  <si>
    <t>25061-59-0</t>
  </si>
  <si>
    <t>2-Propenoic acid, 2-methyl-, 2,2,3,3,4,4,5,5,6,6,7,7,8,8,8-pentadecafluorooctyl ester</t>
  </si>
  <si>
    <t>3934-23-4</t>
  </si>
  <si>
    <t>1-Decanaminium, N-(carboxymethyl)-4,4,5,5,6,6,7,7,8,8,9,9,10,10,10-pentadecafluoro-N,N-dimethyl-, inner salt</t>
  </si>
  <si>
    <t>171184-15-9</t>
  </si>
  <si>
    <t>2-Propenoic acid, 2-fluoro-, 3,3,4,4,5,5,6,6,7,7,8,8,9,9,10,10,10-heptadecafluorodecyl ester</t>
  </si>
  <si>
    <t>96250-52-1</t>
  </si>
  <si>
    <t>Pyridinium, 1-(3,3,4,4,5,5,6,6,7,7,8,8,9,9,10,10,10-heptadecafluorodecyl)-,iodide (1:1)</t>
  </si>
  <si>
    <t>25935-14-2</t>
  </si>
  <si>
    <t>Pyridinium, 1-(3,3,4,4,5,5,6,6,7,7,8,8,9,9,10,10,10-heptadecafluorodecyl)-,4-methylbenzenesulfonate (1:1)</t>
  </si>
  <si>
    <t>61798-68-3</t>
  </si>
  <si>
    <t>2-Propenoic acid, 2-methyl-, 2,2,3,3,4,4,5,5,6,6,7,7,8,8,8-pentadecafluorooctyl ester, polymer with 2-propenoic acid</t>
  </si>
  <si>
    <t>53515-73-4</t>
  </si>
  <si>
    <t>Hexadecanoic acid, 2,2,3,3,4,4,5,5,6,6,7,7,8,8,8-pentadecafluorooctyl ester</t>
  </si>
  <si>
    <t>111918-97-9</t>
  </si>
  <si>
    <t>2-Propenoic acid, 1,1,2,2,3,3,4,4,5,5,6,6,7,7,8,8,8-heptadecafluorooctyl ester</t>
  </si>
  <si>
    <t>15498-45-0</t>
  </si>
  <si>
    <t>Methanesulfonic acid, 1,1,1-trifluoro-, 2,2,3,3,4,4,5,5,6,6,7,7,8,8,8-pentadecafluorooctyl ester</t>
  </si>
  <si>
    <t>17352-09-9</t>
  </si>
  <si>
    <t>1-Decanol, 3,3,4,4,5,5,6,6,7,7,8,8,9,9,10,10,10-heptadecafluoro-, 1,1'-(hydrogen phosphate)</t>
  </si>
  <si>
    <t>678-41-1</t>
  </si>
  <si>
    <t>1-Decanol, 3,3,4,4,5,5,6,6,7,7,8,8,9,9,10,10,10-heptadecafluoro-, 1-(dihydrogen phosphate), ammonium salt (1:1)</t>
  </si>
  <si>
    <t>93776-20-6</t>
  </si>
  <si>
    <t>Octanamide, 2,2,3,3,4,4,5,5,6,6,7,7,8,8,8-pentadecafluoro-N-hydroxy-</t>
  </si>
  <si>
    <t>15435-88-8</t>
  </si>
  <si>
    <t>1-Dodecanol, 3,3,4,4,5,5,6,6,7,7,8,8,9,9,10,10,11,11,12,12,12-heneicosafluoro-, 1,1'-(hydrogen phosphate)</t>
  </si>
  <si>
    <t>1895-26-7</t>
  </si>
  <si>
    <t>Octanoic acid, 2,2,3,3,4,4,5,5,6,6,7,7,8,8,8-pentadecafluoro-,3,3,4,4,5,5,6,6,7,7,8,8,9,9,10,10,10-heptadecafluorodecyl ester</t>
  </si>
  <si>
    <t>886046-97-5</t>
  </si>
  <si>
    <t>1-Dodecanol, 3,3,4,4,5,5,6,6,7,7,8,8,9,9,10,10,11,11,12,12,12-heneicosafluoro-, 1-(dihydrogen phosphate), ammonium salt (1:1)</t>
  </si>
  <si>
    <t>93776-21-7</t>
  </si>
  <si>
    <t>1-Decanol, 3,3,4,4,5,5,6,6,7,7,8,8,9,9,10,10,10-heptadecafluoro-, 1,1',1''-phosphate</t>
  </si>
  <si>
    <t>149790-22-7</t>
  </si>
  <si>
    <t>Phenol, 4-[(3,3,4,4,5,5,6,6,7,7,8,8,9,9,10,10,10-heptadecafluorodecyl)thio]-</t>
  </si>
  <si>
    <t>142623-70-9</t>
  </si>
  <si>
    <t>Benzeneethanamine, N-(2,2,3,3,4,4,5,5,6,6,7,7,8,8,8-pentadecafluorooctylidene)-</t>
  </si>
  <si>
    <t>29723-33-9</t>
  </si>
  <si>
    <t>2-Propenamide, N-(2,2,3,3,4,4,5,5,6,6,7,7,8,8,8-pentadecafluorooctyl)-</t>
  </si>
  <si>
    <t>424-01-1</t>
  </si>
  <si>
    <t>1-Dodecanol, 3,3,4,4,5,5,6,6,7,7,8,8,9,9,10,10,11,11,12,12,12-heneicosafluoro-, phosphate (3:1) (9CI)</t>
  </si>
  <si>
    <t>106554-16-9</t>
  </si>
  <si>
    <t>Octanoic acid, 2,2,3,3,4,4,5,5,6,6,7,7,8,8,8-pentadecafluoro-, 1,1'-anhydride</t>
  </si>
  <si>
    <t>33496-48-9</t>
  </si>
  <si>
    <t>Phosphine, [4-(3,3,4,4,5,5,6,6,7,7,8,8,9,9,10,10,10-heptadecafluorodecyl)phenyl]diphenyl-</t>
  </si>
  <si>
    <t>462996-04-9</t>
  </si>
  <si>
    <t>Octanamide, N-butyl-2,2,3,3,4,4,5,5,6,6,7,7,8,8,8-pentadecafluoro-</t>
  </si>
  <si>
    <t>37696-83-6</t>
  </si>
  <si>
    <t>2-Butenedioic acid (2Z)-, 1-(3,3,4,4,5,5,6,6,7,7,8,8,9,9,10,10,10-heptadecafluorodecyl) ester</t>
  </si>
  <si>
    <t>54950-04-8</t>
  </si>
  <si>
    <t>2-Butenedioic acid (2E)-, mono(3,3,4,4,5,5,6,6,7,7,8,8,9,9,10,10,10-heptadecafluorodecyl) ester (9CI)</t>
  </si>
  <si>
    <t>86130-60-1</t>
  </si>
  <si>
    <t>Benzoic acid, 4-[(3,3,4,4,5,5,6,6,7,7,8,8,9,9,10,10,10-heptadecafluorodecyl)oxy]-</t>
  </si>
  <si>
    <t>188034-84-6</t>
  </si>
  <si>
    <t>Benzoic acid, 4-[(2,2,3,3,4,4,5,5,6,6,7,7,8,8,8-pentadecafluorooctyl)oxy]-</t>
  </si>
  <si>
    <t>129560-87-8</t>
  </si>
  <si>
    <t>Octanamide, N-(3-aminopropyl)-2,2,3,3,4,4,5,5,6,6,7,7,8,8,8-pentadecafluoro-</t>
  </si>
  <si>
    <t>85938-56-3</t>
  </si>
  <si>
    <t>2,8,9-Trioxa-5-aza-1-silabicyclo[3.3.3]undecane, 1-(3,3,4,4,5,5,6,6,7,7,8,8,9,9,10,10,10-heptadecafluoro-1-iododecyl)-</t>
  </si>
  <si>
    <t>135587-17-6</t>
  </si>
  <si>
    <t>2-Butenedioic acid, 1-(1,1,2,2,3,3,4,4,5,5,6,6,7,7,8,8,8-heptadecafluorooctyl) ester</t>
  </si>
  <si>
    <t>152682-85-4</t>
  </si>
  <si>
    <t>2-Butenedioic acid (2Z)-, 1-(1,1,2,2,3,3,4,4,5,5,6,6,7,7,8,8,8-heptadecafluorooctyl) ester</t>
  </si>
  <si>
    <t>229957-05-5</t>
  </si>
  <si>
    <t>Benzenemethanol, 4-(3,3,4,4,5,5,6,6,7,7,8,8,9,9,10,10,10-heptadecafluorodecyl)-α,α-diphenyl-</t>
  </si>
  <si>
    <t>649561-66-0</t>
  </si>
  <si>
    <t>Octanamide, N-dodecyl-2,2,3,3,4,4,5,5,6,6,7,7,8,8,8-pentadecafluoro-</t>
  </si>
  <si>
    <t>37696-86-9</t>
  </si>
  <si>
    <t>Benzoic acid, 4-[(2,2,3,3,4,4,5,5,6,6,7,7,8,8,8-pentadecafluorooctyl)amino]-</t>
  </si>
  <si>
    <t>73782-58-8</t>
  </si>
  <si>
    <t>Iodine, bis(acetato-βO)[4-(3,3,4,4,5,5,6,6,7,7,8,8,9,9,10,10,10-heptadecafluorodecyl)phenyl]- (9CI)</t>
  </si>
  <si>
    <t>882186-02-9</t>
  </si>
  <si>
    <t>Octanamide, 2,2,3,3,4,4,5,5,6,6,7,7,8,8,8-pentadecafluoro-N-(2-hydroxypropyl)-</t>
  </si>
  <si>
    <t>1407514-44-6</t>
  </si>
  <si>
    <t>Benzoic acid, 4-hydroxy-, 2,2,3,3,4,4,5,5,6,6,7,7,8,8,8-pentadecafluorooctylester</t>
  </si>
  <si>
    <t>869308-35-0</t>
  </si>
  <si>
    <t>1-Octanesulfonamide, N-ethyl-1,1,2,2,3,3,4,4,5,5,6,6,7,7,8,8,8-heptadecafluoro-</t>
  </si>
  <si>
    <t>1-Decanol, 3,3,4,4,5,5,6,6,7,7,8,8,9,9,10,10,10-heptadecafluoro-, 1-(4-methylbenzenesulfonate)</t>
  </si>
  <si>
    <t>113823-56-6</t>
  </si>
  <si>
    <t>1-Octanol, 2,2,3,3,4,4,5,5,6,6,7,7,8,8,8-pentadecafluoro-, 1-(4-methylbenzenesulfonate)</t>
  </si>
  <si>
    <t>24962-65-0</t>
  </si>
  <si>
    <t>Phosphine, bis[4-(3,3,4,4,5,5,6,6,7,7,8,8,9,9,10,10,10-heptadecafluorodecyl)phenyl]phenyl-</t>
  </si>
  <si>
    <t>892154-91-5</t>
  </si>
  <si>
    <t>Octanamide, N-[4-(dimethylamino)butyl]-2,2,3,3,4,4,5,5,6,6,7,7,8,8,8-pentadecafluoro-</t>
  </si>
  <si>
    <t>118454-01-6</t>
  </si>
  <si>
    <t>2-Butenedioic acid (2E)-, bis(2,2,3,3,4,4,5,5,6,6,7,7,8,8,8-pentadecafluorooctyl) ester (9CI)</t>
  </si>
  <si>
    <t>24120-18-1</t>
  </si>
  <si>
    <t>2-Propenoic acid, 2-[(1,1,2,2,3,3,4,4,5,5,6,6,7,7,8,8,8-heptadecafluorooctyl)methylamino]ethyl ester</t>
  </si>
  <si>
    <t>93491-54-4</t>
  </si>
  <si>
    <t>Octanoic acid, 2,2,3,3,4,4,5,5,6,6,7,7,8,8,8-pentadecafluoro-, (4-ethenylphenyl)methyl ester</t>
  </si>
  <si>
    <t>230295-06-4</t>
  </si>
  <si>
    <t>Butanedioic acid, 2-methylene-, 1,4-bis(1,1,2,2,3,3,4,4,5,5,6,6,7,7,8,8,8-heptadecafluorooctyl) ester</t>
  </si>
  <si>
    <t>243977-25-5</t>
  </si>
  <si>
    <t>Glycine, N-[3-[(3,3,4,4,5,5,6,6,7,7,8,8,9,9,10,10,10-heptadecafluorodecyl)thio]-2-hydroxypropyl]-N-methyl-</t>
  </si>
  <si>
    <t>93128-66-6</t>
  </si>
  <si>
    <t>1-Propanaminium, N,N,N-trimethyl-3-[(2,2,3,3,4,4,5,5,6,6,7,7,8,8,8-pentadecafluoro-1-oxooctyl)amino]-, iodide (1:1)</t>
  </si>
  <si>
    <t>335-90-0</t>
  </si>
  <si>
    <t>Phosphine, tris[4-(3,3,4,4,5,5,6,6,7,7,8,8,9,9,10,10,10-heptadecafluorodecyl)phenyl]-</t>
  </si>
  <si>
    <t>325459-92-5</t>
  </si>
  <si>
    <t>Phosphine, tris[3-(3,3,4,4,5,5,6,6,7,7,8,8,9,9,10,10,10-heptadecafluorodecyl)phenyl]-</t>
  </si>
  <si>
    <t>342889-38-7</t>
  </si>
  <si>
    <t>Benzene, 1-[chloro[4-(3,3,4,4,5,5,6,6,7,7,8,8,9,9,10,10,10-heptadecafluorodecyl)phenyl]phenylmethyl]-4-methoxy-</t>
  </si>
  <si>
    <t>865758-37-8</t>
  </si>
  <si>
    <t>3-Pyridinecarboxylic acid, 3,3,4,4,5,5,6,6,7,7,8,8,9,9,10,10,10-heptadecafluorodecyl ester</t>
  </si>
  <si>
    <t>331716-84-8</t>
  </si>
  <si>
    <t>Octanamide, 2,2,3,3,4,4,5,5,6,6,7,7,8,8,8-pentadecafluoro-N-[3-(triethoxysilyl)propyl]-</t>
  </si>
  <si>
    <t>37043-12-2</t>
  </si>
  <si>
    <t>1,3,5,2,4,6-Triazatriphosphorine, 2,2,4,4,6,6-hexahydro-2,2,4,4,6,6-hexakis[(2,2,3,3,4,4,5,5,6,6,7,7,8,8,8-pentadecafluorooctyl)oxy]- (9CI)</t>
  </si>
  <si>
    <t>186043-52-7</t>
  </si>
  <si>
    <t>2-Butenedioic acid (2Z)-, 1,4-bis(1,1,2,2,3,3,4,4,5,5,6,6,7,7,8,8,8-heptadecafluorooctyl) ester</t>
  </si>
  <si>
    <t>234096-30-1</t>
  </si>
  <si>
    <t>2-Butenedioic acid (2E)-, 1,4-bis(1,1,2,2,3,3,4,4,5,5,6,6,7,7,8,8,8-heptadecafluorooctyl) ester</t>
  </si>
  <si>
    <t>934166-50-4</t>
  </si>
  <si>
    <t>Octanamide, 2,2,3,3,4,4,5,5,6,6,7,7,8,8,8-pentadecafluoro-N-[2-(2-hydroxyethoxy)ethyl]-</t>
  </si>
  <si>
    <t>110388-02-8</t>
  </si>
  <si>
    <t>Octanamide, N-[3-[bis(2-hydroxyethyl)amino]propyl]-2,2,3,3,4,4,5,5,6,6,7,7,8,8,8-pentadecafluoro-</t>
  </si>
  <si>
    <t>41358-63-8</t>
  </si>
  <si>
    <t>Octanamide, N,N'-trimethylenebis[2,2,3,3,4,4,5,5,6,6,7,7,8,8,8-pentadecafluoro- (8CI)</t>
  </si>
  <si>
    <t>29680-98-6</t>
  </si>
  <si>
    <t>Benzenesulfonamide, 4-[(1,1,2,2,3,3,4,4,5,5,6,6,7,7,8,8,8-heptadecafluorooctyl)oxy]-</t>
  </si>
  <si>
    <t>89932-76-3</t>
  </si>
  <si>
    <t>Benzene, 1-[(3,3,4,4,5,5,6,6,7,7,8,8,9,9,10,10,11,11,12,12,12-heneicosafluorododecyl)sulfonyl]-4-(hexyloxy)-</t>
  </si>
  <si>
    <t>1161917-33-4</t>
  </si>
  <si>
    <t>1,3,5,2-Triazaphosphorine, 2,2-diazido-2,2-dihydro-4,6-bis(pentadecafluoroheptyl)- (9CI)</t>
  </si>
  <si>
    <t>95215-99-9</t>
  </si>
  <si>
    <t>Benzene, 1-[chlorobis(4-methoxyphenyl)methyl]-4-(3,3,4,4,5,5,6,6,7,7,8,8,9,9,10,10,10-heptadecafluorodecyl)-</t>
  </si>
  <si>
    <t>865758-36-7</t>
  </si>
  <si>
    <t>Benzenemethanol, 4-(3,3,4,4,5,5,6,6,7,7,8,8,9,9,10,10,10-heptadecafluorodecyl)-α,α-bis(4-methoxyphenyl)-</t>
  </si>
  <si>
    <t>865758-47-0</t>
  </si>
  <si>
    <t>Phosphinous amide, N-(2,2,3,3,4,4,5,5,6,6,7,7,8,8,8-pentadecafluorooctyl)-P,P-bis(pentafluorophenyl)- (9CI)</t>
  </si>
  <si>
    <t>518358-34-4</t>
  </si>
  <si>
    <t>Palladium, dichlorobis[tris[4-(3,3,4,4,5,5,6,6,7,7,8,8,9,9,10,10,10-heptadecafluorodecyl)phenyl]phosphine-βP]-</t>
  </si>
  <si>
    <t>326475-46-1</t>
  </si>
  <si>
    <t>Palladium, dichlorobis[tris[3-(3,3,4,4,5,5,6,6,7,7,8,8,9,9,10,10,10-heptadecafluorodecyl)phenyl]phosphine-βP]-</t>
  </si>
  <si>
    <t>343343-17-9</t>
  </si>
  <si>
    <t>[1,1'-Biphenyl]-4-carboxylic acid, 4'-(2-methylbutyl)-,2,2,3,3,4,4,5,5,6,6,7,7,8,8,8-pentadecafluorooctyl ester, (S)- (9CI)</t>
  </si>
  <si>
    <t>118826-52-1</t>
  </si>
  <si>
    <t>1-Propanaminium, N-(2-carboxyethyl)-N,N-bis(2-hydroxyethyl)-3-[(2,2,3,3,4,4,5,5,6,6,7,7,8,8,8-pentadecafluoro-1-oxooctyl)amino]-, inner salt</t>
  </si>
  <si>
    <t>39186-68-0</t>
  </si>
  <si>
    <t>Octanamide, 2,2,3,3,4,4,5,5,6,6,7,7,8,8,8-pentadecafluoro-N-(4-methoxyphenyl)-</t>
  </si>
  <si>
    <t>103188-04-1</t>
  </si>
  <si>
    <t>2-Propenoic acid, 2-[[(3,3,4,4,5,5,6,6,7,7,8,8,9,9,10,10,10-heptadecafluorodecyl)sulfonyl]methylamino]ethyl ester</t>
  </si>
  <si>
    <t>48077-95-8</t>
  </si>
  <si>
    <t>2-Propenoic acid, 2-[[(3,3,4,4,5,5,6,6,7,7,8,8,9,9,10,10,11,11,12,12,12-heneicosafluorododecyl)sulfonyl]methylamino]ethyl ester</t>
  </si>
  <si>
    <t>72276-05-2</t>
  </si>
  <si>
    <t>Octanamide, N,N'-(1R,2R)-1,2-cyclohexanediylbis[2,2,3,3,4,4,5,5,6,6,7,7,8,8,8-pentadecafluoro- (9CI)</t>
  </si>
  <si>
    <t>864149-62-2</t>
  </si>
  <si>
    <t>Octanamide, N,N'-1,2-cyclohexanediylbis[2,2,3,3,4,4,5,5,6,6,7,7,8,8,8-pentadecafluoro-</t>
  </si>
  <si>
    <t>305848-92-4</t>
  </si>
  <si>
    <t>β-D-Glucopyranosiduronic acid, 3,3,4,4,5,5,6,6,7,7,8,8,9,9,10,10,10-heptadecafluorodecyl</t>
  </si>
  <si>
    <t>864551-34-8</t>
  </si>
  <si>
    <t>1,2-Benzenedicarboxylic acid, 3,4,5,6-tetrachloro-, 1,2-bis(2,2,3,3,4,4,5,5,6,6,7,7,8,8,8-pentadecafluorooctyl) ester</t>
  </si>
  <si>
    <t>2212-77-3</t>
  </si>
  <si>
    <t>Carbonic acid, 2,5-dioxo-1-pyrrolidinyl [4-(3,3,4,4,5,5,6,6,7,7,8,8,9,9,10,10,10-heptadecafluorodecyl)phenyl]methylester</t>
  </si>
  <si>
    <t>556050-49-8</t>
  </si>
  <si>
    <t>Benzenesulfonyl chloride, 3,4-bis[(2,2,3,3,4,4,5,5,6,6,7,7,8,8,8-pentadecafluoro-1-oxooctyl)amino]-</t>
  </si>
  <si>
    <t>24216-05-5</t>
  </si>
  <si>
    <t>Thymidine, 5'-O-[[4-(3,3,4,4,5,5,6,6,7,7,8,8,9,9,10,10,10-heptadecafluorodecyl)phenyl]bis(4-methoxyphenyl)methyl]-, 3'-[2-cyanoethyl N,N-bis(1-methylethyl)phosphoramidite]</t>
  </si>
  <si>
    <t>902456-09-1</t>
  </si>
  <si>
    <t>Cytidine, N-benzoyl-2'-deoxy-5'-O-[[4-(3,3,4,4,5,5,6,6,7,7,8,8,9,9,10,10,10-heptadecafluorodecyl)phenyl]bis(4-methoxyphenyl)methyl]-, 3'-[2-cyanoethyl N,N-bis(1-methylethyl)phosphoramidite]</t>
  </si>
  <si>
    <t>1401422-19-2</t>
  </si>
  <si>
    <t>Guanosine, 2'-deoxy-5'-O-[[4-(3,3,4,4,5,5,6,6,7,7,8,8,9,9,10,10,10-heptadecafluorodecyl)phenyl](4-methoxyphenyl)phenylmethyl]-N-(2-methyl-1-oxopropyl)-, 3'-[2-cyanoethyl N,N-bis(1-methylethyl)phosphoramidite]</t>
  </si>
  <si>
    <t>1401422-22-7</t>
  </si>
  <si>
    <t>Guanosine, 2'-deoxy-5'-O-[[4-(3,3,4,4,5,5,6,6,7,7,8,8,9,9,10,10,10-heptadecafluorodecyl)phenyl]bis(4-methoxyphenyl)methyl]-N-(2-methyl-1-oxopropyl)-, 3'-[2-cyanoethyl N,N-bis(1-methylethyl)phosphoramidite]</t>
  </si>
  <si>
    <t>1401422-21-6</t>
  </si>
  <si>
    <t>Octane, 1,1,1,2,3,3,4,4,5,5,6,6-dodecafluoro-8-iodo-2-(trifluoromethyl)-</t>
  </si>
  <si>
    <t>18017-20-4</t>
  </si>
  <si>
    <t>1-Octanol, 3,3,4,4,5,5,6,6,7,8,8,8-dodecafluoro-7-(trifluoromethyl)-</t>
  </si>
  <si>
    <t>20015-46-7</t>
  </si>
  <si>
    <t>1-Nonanol, 4,4,5,5,6,6,7,7,8,9,9,9-dodecafluoro-2-iodo-8-(trifluoromethyl)-</t>
  </si>
  <si>
    <t>16083-62-8</t>
  </si>
  <si>
    <t>2-Nonanol, 1-amino-4,4,5,5,6,6,7,7,8,9,9,9-dodecafluoro-8-(trifluoromethyl)-</t>
  </si>
  <si>
    <t>58935-89-0</t>
  </si>
  <si>
    <t>Oxirane, 2-[2,2,3,3,4,4,5,5,6,7,7,7-dodecafluoro-6-(trifluoromethyl)heptyl]-</t>
  </si>
  <si>
    <t>24564-77-0</t>
  </si>
  <si>
    <t>2-Propenoic acid, 3,3,4,4,5,5,6,6,7,8,8,8-dodecafluoro-7-(trifluoromethyl)octyl ester</t>
  </si>
  <si>
    <t>50836-65-2</t>
  </si>
  <si>
    <t>2-Propenoic acid, 2-methyl-, 3,3,4,4,5,5,6,6,7,8,8,8-dodecafluoro-7-(trifluoromethyl)octyl ester</t>
  </si>
  <si>
    <t>50836-66-3</t>
  </si>
  <si>
    <t>2-Propenethioic acid, 2-methyl-, S-[3,3,4,4,5,5,6,6,7,8,8,8-dodecafluoro-7-(trifluoromethyl)octyl] ester</t>
  </si>
  <si>
    <t>30769-91-6</t>
  </si>
  <si>
    <t>1,2-Tridecanediol, 4,4,5,5,6,6,7,7,8,8,9,9,10,10,11,11,12,13,13,13-eicosafluoro-12-(trifluoromethyl)-, 1-(dihydrogen phosphate)</t>
  </si>
  <si>
    <t>63295-27-2</t>
  </si>
  <si>
    <t>2-Propenoic acid, 4,4,5,5,6,6,7,7,8,9,9,9-dodecafluoro-2-hydroxy-8-(trifluoromethyl)nonyl ester</t>
  </si>
  <si>
    <t>16083-75-3</t>
  </si>
  <si>
    <t>2-Propenoic acid, 2-methyl-, 4,4,5,5,6,6,7,7,8,9,9,9-dodecafluoro-2-hydroxy-8-(trifluoromethyl)nonyl ester</t>
  </si>
  <si>
    <t>16083-81-1</t>
  </si>
  <si>
    <t>Phenol, 4-bromo-2-[4,4,5,5,6,6,7,7,8,9,9,9-dodecafluoro-8-(trifluoromethyl)nonyl]-</t>
  </si>
  <si>
    <t>610778-18-2</t>
  </si>
  <si>
    <t>1-Propanaminium, N,N,N-trimethyl-3-[(2,2,3,3,4,4,5,5,6,6,7,7,8,8,8-pentadecafluoro-1-oxooctyl)amino]-, chloride (1:1)</t>
  </si>
  <si>
    <t>53517-98-9</t>
  </si>
  <si>
    <t>Fatty acids, C7-13, perfluoro</t>
  </si>
  <si>
    <t>68333-92-6</t>
  </si>
  <si>
    <t>Fatty acids, C6-18, perfluoro, ammonium salts</t>
  </si>
  <si>
    <t>72623-77-9</t>
  </si>
  <si>
    <t>Fatty acids, C7-13, perfluoro, ammonium salts</t>
  </si>
  <si>
    <t>72968-38-8</t>
  </si>
  <si>
    <t>1-Propanesulfonic acid, 3-[ethyl(2,2,3,3,4,4,5,5,6,6,7,7,8,8,8-pentadecafluoro-1-oxooctyl)amino]-, sodium salt (1:1)</t>
  </si>
  <si>
    <t>89685-61-0</t>
  </si>
  <si>
    <t>Piperazinium, 1-(carboxymethyl)-1-(2-hydroxyethyl)-4-(2,2,3,3,4,4,5,5,6,6,7,7,8,8,9,9,10,10,10-nonadecafluoro-1-oxodecyl)-, innersalt</t>
  </si>
  <si>
    <t>71356-38-2</t>
  </si>
  <si>
    <t>2-Propenoic acid, perfluoro-C8-16-alkyl esters</t>
  </si>
  <si>
    <t>85681-64-7</t>
  </si>
  <si>
    <t>1-Propanaminium, N-(carboxymethyl)-N,N-dimethyl-3-[(2,2,3,3,4,4,5,5,6,6,7,7,8,8,8-pentadecafluoro-1-oxooctyl)amino]-, inner salt</t>
  </si>
  <si>
    <t>90179-39-8</t>
  </si>
  <si>
    <t>Octanoic acid, pentadecafluoro-, mixed esters with 2,2'-[1,4-butanediylbis(oxymethylene)]bis[oxirane] and 2,2'-[1,6-hexanediylbis(oxymethylene)]bis[oxirane]</t>
  </si>
  <si>
    <t>90480-57-2</t>
  </si>
  <si>
    <t>Amides, C7-19, α-ω-perfluoro-N,N-bis(hydroxyethyl)</t>
  </si>
  <si>
    <t>90622-99-4</t>
  </si>
  <si>
    <t>Fatty acids, C7-19, perfluoro</t>
  </si>
  <si>
    <t>91032-01-8</t>
  </si>
  <si>
    <t>Poly(oxy-1,2-ethanediyl), α-[2-[(2,2,3,3,4,4,5,5,6,6,7,7,8,8,8-pentadecafluoro-1-oxooctyl)amino]ethyl]-ω-hydroxy-</t>
  </si>
  <si>
    <t>93480-00-3</t>
  </si>
  <si>
    <t>2-Propenoic acid, 2-methyl-, C10-16-alkyl esters, polymers with 2-hydroxyethyl methacrylate, Me methacrylate and α-ω-perfluoro-C8-14-alkylacrylate</t>
  </si>
  <si>
    <t>125328-29-2</t>
  </si>
  <si>
    <t>2-Oxepanone, homopolymer, decyl perfluoro-C8-14-alkyl esters, reactionproducts with 1H-imidazole-1-propanamine, polyethylene-polypropyleneglycol and TDI homopolymer</t>
  </si>
  <si>
    <t>332076-28-5</t>
  </si>
  <si>
    <t>2-Oxepanone, homopolymer, decyl perfluoro-C8-14-alkyl esters, reactionproducts with 1H-imidazole-1-propanamine and TDI homopolymer</t>
  </si>
  <si>
    <t>332076-33-2</t>
  </si>
  <si>
    <t>2-Oxepanone, homopolymer, decyl perfluoro-C8-14-alkyl esters, reactionproducts with 1H-imidazole-1-propanamine, polyethylene glycol and TDIhomopolymer</t>
  </si>
  <si>
    <t>332076-34-3</t>
  </si>
  <si>
    <t>Phosphinic acid, bis(perfluoro-C6-12-alkyl) derivs.</t>
  </si>
  <si>
    <t>68412-69-1</t>
  </si>
  <si>
    <t>Phosphinic acid, bis(perfluoro-C6-12-alkyl) derivs., aluminum salts</t>
  </si>
  <si>
    <t>93062-53-4</t>
  </si>
  <si>
    <t>Alcohols, C8-14, γ-ω-perfluoro</t>
  </si>
  <si>
    <t>68391-08-2</t>
  </si>
  <si>
    <t>Alcohols, C7-22, ε-ω-perfluoro-, β-δ-fluoro</t>
  </si>
  <si>
    <t>90622-43-8</t>
  </si>
  <si>
    <t>2-Pentadecanol, 1,1'-[oxybis[(1-methyl-2,1-ethanediyl)oxy]]bis[4,4,5,5,6,6,7,7,8,8,9,9,10,10,11,11,12,12,13,13,14,14,15,15,15-pentacosafluoro- (9CI)</t>
  </si>
  <si>
    <t>93776-00-2</t>
  </si>
  <si>
    <t>2-Tridecanol, 1,1'-[oxybis[(1-methyl-2,1-ethanediyl)oxy]]bis[4,4,5,5,6,6,7,7,8,8,9,9,10,10,11,11,12,12,13,13,13-heneicosafluoro- (9CI)</t>
  </si>
  <si>
    <t>93776-01-3</t>
  </si>
  <si>
    <t>2,5,8,11,14,17,20,23,26,29-Decaoxadotetracontan-31-ol,33,33,34,34,35,35,36,36,37,37,38,38,39,39,40,40,41,41,42,42,42-heneicosafluoro-</t>
  </si>
  <si>
    <t>93776-07-9</t>
  </si>
  <si>
    <t>1-Propanaminium, N-(2-carboxyethyl)-N,N-dimethyl-3-[(4,4,5,5,6,6,7,7,8,8,9,9,10,10,11,11,12,12,13,13,14,14,15,15,15-pentacosafluoro-2-hydroxypentadecyl)amino]-, inner salt</t>
  </si>
  <si>
    <t>93776-12-6</t>
  </si>
  <si>
    <t>1-Propanaminium, N-(2-carboxyethyl)-3-[(4,4,5,5,6,6,7,7,8,8,9,9,10,10,11,11,12,12,13,13,13-heneicosafluoro-2-hydroxytridecyl)amino]-N,N-dimethyl-, inner salt</t>
  </si>
  <si>
    <t>93776-13-7</t>
  </si>
  <si>
    <t>1-Propanaminium, N-(2-carboxyethyl)-N,N-dimethyl-3-[[4,4,5,5,6,6,7,7,8,8,9,9,10,10,11,11,12,12,13,13,14,15,15,15-tetracosafluoro-2-hydroxy-14-(trifluoromethyl)pentadecyl]amino]-, innersalt</t>
  </si>
  <si>
    <t>93776-15-9</t>
  </si>
  <si>
    <t>1-Tridecanaminium, 4,4,5,5,6,6,7,7,8,8,9,9,10,10,11,11,12,12,13,13,13-heneicosafluoro-2-hydroxy-N,N-bis(2-hydroxyethyl)-N-methyl-, iodide (1:1)</t>
  </si>
  <si>
    <t>93776-17-1</t>
  </si>
  <si>
    <t>Thiols, C8-20, γ-ω-perfluoro, telomers with acrylamide</t>
  </si>
  <si>
    <t>70969-47-0</t>
  </si>
  <si>
    <t>Quaternary ammonium compounds, dimethyl(γ-ω-perfluoro-C8-14-β-alkenyl)[2-(sulfooxy)ethyl], inner salts</t>
  </si>
  <si>
    <t>85631-40-9</t>
  </si>
  <si>
    <t>Quaternary ammonium compounds, (hydroxyethyl)dimethyl(γ-ω-perfluoro-C8-14-β-alkenyl), chlorides</t>
  </si>
  <si>
    <t>91081-09-3</t>
  </si>
  <si>
    <t>Quaternary ammonium compounds, (hydroxyethyl)dimethyl(γ-ω-perfluoro-C8-14-β-alkenyl), Me sulfates (salts)</t>
  </si>
  <si>
    <t>92129-34-5</t>
    <phoneticPr fontId="8"/>
  </si>
  <si>
    <t>2-Pentadecanol, 1-[[3-(dimethylamino)propyl]amino]-4,4,5,5,6,6,7,7,8,8,9,9,10,10,11,11,12,12,13,13,14,14,15,15,15-pentacosafluoro-</t>
  </si>
  <si>
    <t>94159-79-2</t>
  </si>
  <si>
    <t>2-Tridecanol, 1-[[3-(dimethylamino)propyl]amino]-4,4,5,5,6,6,7,7,8,8,9,9,10,10,11,11,12,12,13,13,13-heneicosafluoro-</t>
  </si>
  <si>
    <t>94159-80-5</t>
  </si>
  <si>
    <t>2-Pentadecanol, 1-[[3-(dimethylamino)propyl]amino]-4,4,5,5,6,6,7,7,8,8,9,9,10,10,11,11,12,12,13,13,14,15,15,15-tetracosafluoro-14-(trifluoromethyl)-</t>
  </si>
  <si>
    <t>94159-82-7</t>
  </si>
  <si>
    <t>2-Tridecanol, 1-[[3-(dimethylamino)propyl]amino]-4,4,5,5,6,6,7,7,8,8,9,9,10,10,11,11,12,13,13,13-eicosafluoro-12-(trifluoromethyl)-</t>
  </si>
  <si>
    <t>94159-83-8</t>
  </si>
  <si>
    <t>Ethanol, 2-(methylamino)-, N-(γ-ω-perfluoro-C8-14-β-alkenyl) derivs.</t>
  </si>
  <si>
    <t>97660-44-1</t>
  </si>
  <si>
    <t>Betaines, N-(hydroxyethyl)-N-methyl-N-(2-sulfoethyl)-N-(1,1,2-trihydroperfluoro-C8-14-2-alkenyl)</t>
  </si>
  <si>
    <t>98219-29-5</t>
  </si>
  <si>
    <t>Betaines, (hydroxyethyl)methyl(γ,ω-perfluoro-C8-14-β-alkenyl)(2-sulfopropyl)</t>
  </si>
  <si>
    <t>115340-82-4</t>
  </si>
  <si>
    <t>Quaternary ammonium compounds, trimethyl(δ-ω-perfluoro-C8-14-β-alkenyl), chlorides</t>
  </si>
  <si>
    <t>115535-36-9</t>
  </si>
  <si>
    <t>Quaternary ammonium compounds, diethylmethyl(γ-ω-perfluoro-C8-14-β-alkenyl), Me sulfates</t>
  </si>
  <si>
    <t>127133-57-7</t>
  </si>
  <si>
    <t>Quaternary ammonium compounds, diethylmethyl(γ-ω-perfluoro-C8-14-β-alkenyl), tetraphenylborates</t>
  </si>
  <si>
    <t>145477-02-7</t>
  </si>
  <si>
    <t>Quaternary ammonium compounds, diethylmethyl(γ-ω-perfluoro-C8-14-β-alkenyl), tetrafluoroborates</t>
  </si>
  <si>
    <t>153325-45-2</t>
  </si>
  <si>
    <t>2-Propenoic acid, 2-methyl-,3,3,4,4,5,5,6,6,7,7,8,8,9,9,10,10,11,11,12,12,12-heneicosafluorododecylester, polymer with 3,3,4,4,5,5,6,6,7,7,8,8,9,9,10,10,10-heptadecafluorodecyl 2-methyl-2-propenoate, methyl 2-methyl-2-propenoate, 3,3,4,4,5,5,6,6,7,7,8,8,9,9,10,10,11,11,12,12,13,13,14,14,14-pentacosafluorotetradecyl 2-methyl-2-propenoate and3,3,4,4,5,5,6,6,7,7,8,8,8-tridecafluorooctyl 2-methyl-2-propenoate</t>
  </si>
  <si>
    <t>65104-45-2</t>
  </si>
  <si>
    <t>Propanedioic acid, mono(γ-ω-perfluoro-C8-12-alkyl) derivs., di-me esters</t>
  </si>
  <si>
    <t>238420-68-3</t>
  </si>
  <si>
    <t>Propanedioic acid, mono(γ-ω-perfluoro-C8-12-alkyl) derivs., bis[4-(ethenyloxy)butyl] esters</t>
  </si>
  <si>
    <t>238420-80-9</t>
  </si>
  <si>
    <t>Fatty acids, C9-15-unsatd., γ-ω-perfluoro, Et esters, reaction products with(3-hydroxypropoxy)-terminated di-Me siloxanes, Me Et ketone oxime,polymethylenepolyphenylene isocyanate and polypropylene</t>
  </si>
  <si>
    <t>510732-30-6</t>
  </si>
  <si>
    <t>2-Propenoic acid, 3,3,4,4,5,5,6,6,7,7,8,8,9,9,10,10,11,11,12,12,12-heneicosafluorododecyl ester, polymer with3,3,4,4,5,5,6,6,7,7,8,8,9,9,10,10,10-heptadecafluorodecyl 2-propenoate,hexadecyl 2-propenoate, N-(hydroxymethyl)-2-propenamide, octadecyl 2-propenoate, 3,3,4,4,5,5,6,6,7,7,8,8,9,9,10,10,11,11,12,12,13,13,14,14,14-pentacosafluorotetradecyl 2-propenoate and 3,3,4,4,5,5,6,6,7,7,8,8,8-tridecafluorooctyl 2-propenoate (9CI)</t>
  </si>
  <si>
    <t>115592-83-1</t>
  </si>
  <si>
    <t>2-Propenoic acid, 2-methyl-, 3,3,4,4,5,5,6,6,7,7,8,8,9,9,10,10,10-heptadecafluorodecyl ester, polymer with methyl 2-methyl-2-propenoate</t>
  </si>
  <si>
    <t>93705-98-7</t>
  </si>
  <si>
    <t>2-Propenoic acid, ε-ω-perfluoro-C8-22-alkyl esters, γ-δ-fluoro derivs.</t>
  </si>
  <si>
    <t>91648-32-7</t>
  </si>
  <si>
    <t>2-Propenoic acid, 2-methyl-, 2-(acetyloxy)-4,4,5,5,6,6,7,7,8,8,9,9,10,10,11,12,12,12-octadecafluoro-11-(trifluoromethyl)dodecyl ester, homopolymer (9CI)</t>
  </si>
  <si>
    <t>90062-89-8</t>
  </si>
  <si>
    <t>1,2,4,5-Benzenetetracarboxylic acid, mixed 3-chloro-2-hydroxypropyl and γ-ω-perfluoro-C8-14-alkyl esters</t>
  </si>
  <si>
    <t>68954-01-8</t>
  </si>
  <si>
    <t>2-Propenoic acid, 3,3,4,4,5,5,6,6,7,7,8,8,9,9,10,10,11,11,12,12,12-heneicosafluorododecyl ester, polymer with3,3,4,4,5,5,6,6,7,7,8,8,9,9,10,10,10-heptadecafluorodecyl 2-propenoate, α-(2-methyl-1-oxo-2-propenyl)-ω-[(2-methyl-1-oxo-2-propenyl)oxy]poly(oxy-1,2-ethanediyl),3,3,4,4,5,5,6,6,7,7,8,8,9,9,10,10,11,11,12,12,13,13,14,14,15,15,16,16,16-nonacosafluorohexadecyl 2-propenoate, octadecyl 2-propenoate,3,3,4,4,5,5,6,6,7,7,8,8,9,9,10,10,11,11,12,12,13,13,14,14,14-pentacosafluorotetradecyl 2-propenoate and3,3,4,4,5,5,6,6,7,7,8,8,9,9,10,10,11,11,12,12,13,13,14,14,15,15,16,16,17,17,18,18,18-tritriacontafluorooctadecyl 2-propenoate (9CI)</t>
  </si>
  <si>
    <t>116984-14-6</t>
  </si>
  <si>
    <t>2-Propenoic acid, 2-methyl-, 3-chloro-2-hydroxypropyl ester, polymer with3,3,4,4,5,5,6,6,7,7,8,8,9,9,10,10,11,11,12,12,12-heneicosafluorododecyl 2-propenoate, 3,3,4,4,5,5,6,6,7,7,8,8,9,9,10,10,10-heptadecafluorodecyl 2-propenoate, N-(hydroxymethyl)-2-propenamide,</t>
  </si>
  <si>
    <t>119973-85-2</t>
  </si>
  <si>
    <t>2-Propenoic acid, 2-methyl-, C10-16-alkyl esters, polymers with 2-hydroxyethyl methacrylate, Me methacrylate and γ-ω-perfluoro-C8-14-alkylacrylate</t>
  </si>
  <si>
    <t>129783-45-5</t>
  </si>
  <si>
    <t>2-Propenoic acid, 2-methyl-, octadecyl ester, polymer with3,3,4,4,5,5,6,6,7,7,8,8,9,9,10,10,11,11,12,12,12-heneicosafluorododecyl 2-propenoate, 3,3,4,4,5,5,6,6,7,7,8,8,9,9,10,10,10-heptadecafluorodecyl 2-propenoate and 3,3,4,4,5,5,6,6,7,7,8,8,9,9,10,10,11,11,12,12,13,13,14,14,14-pentacosafluorotetradecyl 2-propenoate</t>
  </si>
  <si>
    <t>142636-88-2</t>
  </si>
  <si>
    <t>2-Propenoic acid, 3,3,4,4,5,5,6,6,7,7,8,8,9,9,10,10,11,11,12,12,12-heneicosafluorododecyl ester, polymer with3,3,4,4,5,5,6,6,7,7,8,8,9,9,10,10,10-heptadecafluorodecyl 2-propenoate, 2-hydroxyethyl 2-propenoate, 2-methyloxirane polymer with oxirane mono(2-methyl-2-propenoate), and3,3,4,4,5,5,6,6,7,7,8,8,9,9,10,10,11,11,12,12,13,13,14,14,14-pentacosafluorotetradecyl 2-propenoate</t>
  </si>
  <si>
    <t>142636-90-6</t>
  </si>
  <si>
    <t>2-Propenoic acid, 2-methyl-, phenylmethyl ester, polymer with 1,1-dichloroethene, 3,3,4,4,5,5,6,6,7,7,8,8,9,9,10,10,11,11,12,12,12-heneicosafluorododecyl 2-propenoate, 3,3,4,4,5,5,6,6,7,7,8,8,9,9,10,10,10-heptadecafluorodecyl 2-propenoate, 2-hydroxyethyl 2-propenoate and3,3,4,4,5,5,6,6,7,7,8,8,9,9,10,10,11,11,12,12,13,13,14,14,14-pentacosafluorotetradecyl 2-propenoate</t>
  </si>
  <si>
    <t>142636-91-7</t>
  </si>
  <si>
    <t>2-Propenoic acid, dodecyl ester, polymers with Bu (1-oxo-2-propenyl)carbamate and γ-ω-perfluoro-C18-14-alkyl acrylate</t>
  </si>
  <si>
    <t>144031-01-6</t>
  </si>
  <si>
    <t>2-Propenoic acid, 2-methyl-, methyl ester, polymer with3,3,4,4,5,5,6,6,7,7,8,8,9,9,10,10,10-heptadecafluorodecyl 2-propenoate,block, peroxidized adipoyl chloride-triethylene glycol polymer-initiated</t>
  </si>
  <si>
    <t>146289-38-5</t>
  </si>
  <si>
    <t>2-Propenoic acid, 2-methyl-, 2-(dimethylamino)ethyl ester, polymers withBu acrylate, γ-ω-perfluoro-C8-14-alkyl acrylate and polyethylene glycolmonomethacrylate, 2,2'-(1,2-diazenediyl)bis[2,4-dimethylpentanenitrile]-initiated</t>
  </si>
  <si>
    <t>150135-57-2</t>
  </si>
  <si>
    <t>2-Propenoic acid, 2-methyl-, 2-(dimethylamino)ethyl ester, polymers with δ-ω-perfluoro-C10-16-alkyl acrylate and vinyl acetate</t>
  </si>
  <si>
    <t>174125-96-3</t>
  </si>
  <si>
    <t>2-Propenoic acid, C12-14-alkyl esters, polymers with Bu (1-oxo-2-propenyl)carbamate and δ-ω-perfluoro-C6-12-alkyl acrylate</t>
  </si>
  <si>
    <t>178233-67-5</t>
  </si>
  <si>
    <t>Fatty acids, linseed-oil, γ-ω-perfluoro-C8-14-alkyl esters</t>
  </si>
  <si>
    <t>178535-23-4</t>
  </si>
  <si>
    <t>2-Propenoic acid, 2-methyl-, 2-(dimethylamino)ethyl ester, polymers with γ-ω-perfluoro-C10-16-alkyl acrylate and vinyl acetate</t>
  </si>
  <si>
    <t>186397-57-9</t>
  </si>
  <si>
    <t>2-Propenoic acid, 2-methyl-, methyl ester, polymer with3,3,4,4,5,5,6,6,7,7,8,8,9,9,10,10,10-heptadecafluorodecyl 2-propenoate,peroxidized adipoyl chloride-triethylene glycol polymer-initiated</t>
  </si>
  <si>
    <t>193635-71-1</t>
  </si>
  <si>
    <t>2-Propenoic acid, 2-methyl-, 2-(dimethylamino)ethyl ester, polymers with γ-ω-perfluoro-C10-16-alkyl acrylate and vinyl acetate, acetates</t>
  </si>
  <si>
    <t>196316-34-4</t>
  </si>
  <si>
    <t>2-Propenoic acid, 2-methyl-, γ-ω-perfluoro-C6-16-alkyl esters, polymerswith 1-(3,4-dichlorophenyl)-1H-pyrrole-2,5-dione and sodium 4-ethenylbenzenesulfonate (1:1)</t>
  </si>
  <si>
    <t>202875-75-0</t>
  </si>
  <si>
    <t>2-Propenoic acid, 2-methyl-, hexadecyl ester, polymers with 2-hydroxyethylmethacrylate, γ-ω-perfluoro-C10-16-alkyl acrylate and stearyl methacrylate</t>
  </si>
  <si>
    <t>203743-03-7</t>
  </si>
  <si>
    <t>2-Propenoic acid, 2-methyl-, 2-hydroxyethyl ester, reaction products with 5-isocyanato-1-(isocyanatomethyl)-1,3,3-trimethylcyclohexane and Me Etketone oxime, polymers with 2-ethylhexyl acrylate, 2-hydroxyethyl acrylateand γ-ω-perfluoro-C8-20-alkyl acrylate</t>
  </si>
  <si>
    <t>221455-72-7</t>
  </si>
  <si>
    <t>Alcohols, C8-14, γ-ω-perfluoro, polymers with α-fluoro-ω-[2-[(2-methyl-1-oxo-2-propenyl)oxy]ethyl]poly(difluoromethylene), methanol, stearylacrylate, stearyl methacrylate, 2,4-TDI and vinyl chloride</t>
  </si>
  <si>
    <t>376364-33-9</t>
  </si>
  <si>
    <t>2-Propenoic acid, 2-methyl-, 2-(dimethylamino)ethyl ester, polymers with γ-ω-perfluoro-C8-14-alkyl acrylate, acetates, N-oxides</t>
  </si>
  <si>
    <t>479029-28-2</t>
  </si>
  <si>
    <t>10,13,16,19-Tetraoxaoctacosadiene, tetratriacontafluoro- (9CI)</t>
  </si>
  <si>
    <t>84029-54-9</t>
  </si>
  <si>
    <t>2-Butenedioic acid (2Z)-, bis(2-ethylhexyl) esters, polymers with N-(hydroxymethyl)-2-propenamide, γ-ω-perfluoro-C8-18-alkyl acrylate andvinyl chloride</t>
  </si>
  <si>
    <t>502135-45-7</t>
  </si>
  <si>
    <t>2-Propenoic acid, 2-methyl-, oxiranylmethyl ester, polymers with γ-ω-perfluoro-C6-16-alkyl acrylate and stearyl acrylate</t>
  </si>
  <si>
    <t>503284-73-9</t>
  </si>
  <si>
    <t>2-Propenoic acid, γ-ω-perfluoro-C6-16-alkyl esters, polymers withacrylonitrile, N-(butoxymethyl)-2-propenamide, polyethylene glycoldimethacrylate and polyethylene glycol methacrylate Me ether</t>
  </si>
  <si>
    <t>503287-56-7</t>
  </si>
  <si>
    <t>2-Butenedioic acid, 2-methyl-, (2Z)-, polymers with γ-ω-perfluoro-C8-16-alkyl acrylate, stearyl acrylate and styrene</t>
  </si>
  <si>
    <t>503296-97-7</t>
  </si>
  <si>
    <t>2-Propenoic acid, polymers with γ-ω-perfluoro-C8-16-alkyl acrylate andstearyl acrylate</t>
  </si>
  <si>
    <t>503297-86-7</t>
  </si>
  <si>
    <t>2-Propenoic acid, 2-methyl-, 1,4-butanediyl ester, polymers with C14-24-alkyl methacrylate, cyclohexyl methacrylate, 2-hydroxyethyl acrylate, γ-ω-perfluoro-C6-16-alkyl acrylate and 2-[[[[[1,3,3-trimethyl-5-[[[[(1-methylpropylidene)amino]oxy]carbonyl]amino]cyclohexyl]methyl]amino]carbonyl]oxy]ethyl methacrylate</t>
  </si>
  <si>
    <t>503299-29-4</t>
  </si>
  <si>
    <t>2-Propenoic acid, 2-methyl-, 2-[[[[[1,3,3-trimethyl-5-[[[[(1-methylpropylidene)amino]oxy]carbonyl]amino]cyclohexyl]methyl]amino]carbonyl]oxy]ethyl ester, polymers with 2-ethylhexyl acrylate, 2-hydroxyethylacrylate and γ-ω-perfluoro-C6-16-alkyl acrylate</t>
  </si>
  <si>
    <t>503299-50-1</t>
  </si>
  <si>
    <t>Alkyl iodides, C8-20, γ-ω-perfluoro, reaction products with potassiumacrylate</t>
  </si>
  <si>
    <t>509086-57-1</t>
  </si>
  <si>
    <t>2-Propenoic acid, 2-methyl-, cyclohexyl ester, polymers with maleicanhydride, γ-ω-perfluoro-C6-16-alkyl acrylate and 2,4,6-tris(2-propenyloxy)-1,3,5-triazine</t>
    <phoneticPr fontId="8"/>
  </si>
  <si>
    <t>510732-38-4</t>
  </si>
  <si>
    <t>2-Propenoic acid, 2-methyl-, octadecyl ester, polymers with γ-ω-perfluoro-C8-14-alkyl acrylate</t>
  </si>
  <si>
    <t>510732-48-6</t>
  </si>
  <si>
    <t>2-Propenoic acid, 2-methyl-, polymers with ethylene dimethacrylate,ethylene oxide, nonadecyl acrylate, γ-ω-perfluoro-C6-16-alkyl acrylate andpropylene oxide</t>
  </si>
  <si>
    <t>510733-10-5</t>
  </si>
  <si>
    <t>2-Propenoic acid, 2-methyl-, 2-hydroxyethyl ester, telomers with Et acrylate,1-octanethiol and γ-ω-perfluoro-C6-16-alkyl acrylate</t>
  </si>
  <si>
    <t>510734-75-5</t>
  </si>
  <si>
    <t>2-Propenoic acid, γ-ω-perfluoro-C8-16-alkyl esters, polymers with ethyleneand N-(hydroxymethyl)-2-propenamide</t>
  </si>
  <si>
    <t>511271-18-4</t>
  </si>
  <si>
    <t>2-Propenoic acid, 2-methyl-, cyclohexyl ester, polymers with glycidylmethacrylate and γ-ω-perfluoro-C6-16-alkyl acrylate</t>
  </si>
  <si>
    <t>511271-19-5</t>
  </si>
  <si>
    <t>2-Propenoic acid, 2-methyl-, 2-ethylhexyl ester, polymers with 2-[2-[2-(2-hydroxyethoxy)ethoxy]ethoxy]ethyl methacrylate, 14-hydroxy-3,6,9,12-tetraoxahexadec-1-yl methacrylate and γ-ω-perfluoro-C6-16-alkyl acrylate</t>
  </si>
  <si>
    <t>512179-48-5</t>
  </si>
  <si>
    <t>2-Propenoic acid, 2-methyl-, 2-hydroxyethyl ester, polymers with γ-ω-perfluoro-C8-16-alkyl acrylate and polyethylene glycol monoacrylate</t>
  </si>
  <si>
    <t>515152-55-3</t>
  </si>
  <si>
    <t>1-Dodecanol, 3,3,4,4,5,5,6,6,7,7,8,8,9,9,10,10,11,11,12,12,12-heneicosafluoro-, hydrogen phosphate, compd. with 2,2'-iminobis[ethanol](1:1) (9CI)</t>
  </si>
  <si>
    <t>57677-98-2</t>
  </si>
  <si>
    <t>1,2-Pentadecanediol,4,4,5,5,6,6,7,7,8,8,9,9,10,10,11,11,12,12,13,13,14,15,15,15-tetracosafluoro-14-(trifluoromethyl)-, 1-(dihydrogen phosphate)</t>
  </si>
  <si>
    <t>63295-28-3</t>
  </si>
  <si>
    <t>1,2-Heptadecanediol,4,4,5,5,6,6,7,7,8,8,9,9,10,10,11,11,12,12,13,13,14,14,15,15,16,17,17,17-octacosafluoro-16-(trifluoromethyl)-, 1-(dihydrogen phosphate)</t>
  </si>
  <si>
    <t>63295-29-4</t>
  </si>
  <si>
    <t>Alkyl iodides, C8-14, γ-ω-perfluoro</t>
  </si>
  <si>
    <t>85995-91-1</t>
  </si>
  <si>
    <t>Alcohols, C8-14, γ-ω-perfluoro, reaction products with epichlorohydrin andpropylene oxide, trimethylamine-quaternized</t>
  </si>
  <si>
    <t>185630-70-0</t>
  </si>
  <si>
    <t>1,2-Tridecanediol, 4,4,5,5,6,6,7,7,8,8,9,9,10,10,11,11,12,12,13,13,13-heneicosafluoro-, 1-(dihydrogen phosphate)</t>
  </si>
  <si>
    <t>94158-70-0</t>
  </si>
  <si>
    <t>1,2-Tridecanediol, 4,4,5,5,6,6,7,7,8,8,9,9,10,10,11,11,12,12,13,13,13-heneicosafluoro-, 1-(dihydrogen phosphate), diammonium salt (9CI)</t>
  </si>
  <si>
    <t>94200-46-1</t>
  </si>
  <si>
    <t>1,2-Pentadecanediol,4,4,5,5,6,6,7,7,8,8,9,9,10,10,11,11,12,12,13,13,14,14,15,15,15-pentacosafluoro-, 1-(dihydrogen phosphate), diammonium salt (9CI)</t>
  </si>
  <si>
    <t>94200-47-2</t>
  </si>
  <si>
    <t>1,2-Heptadecanediol,4,4,5,5,6,6,7,7,8,8,9,9,10,10,11,11,12,12,13,13,14,14,15,15,16,16,17,17,17-nonacosafluoro-, 1-(dihydrogen phosphate), diammonium salt (9CI)</t>
  </si>
  <si>
    <t>94200-48-3</t>
  </si>
  <si>
    <t>1,2-Tridecanediol, 4,4,5,5,6,6,7,7,8,8,9,9,10,10,11,11,12,13,13,13-eicosafluoro-12-(trifluoromethyl)-, 1-(dihydrogen phosphate), diammoniumsalt (9CI)</t>
  </si>
  <si>
    <t>94200-50-7</t>
  </si>
  <si>
    <t>1,2-Pentadecanediol,4,4,5,5,6,6,7,7,8,8,9,9,10,10,11,11,12,12,13,13,14,15,15,15-tetracosafluoro-14-(trifluoromethyl)-, 1-(dihydrogen phosphate), diammonium salt (9CI)</t>
  </si>
  <si>
    <t>94200-51-8</t>
  </si>
  <si>
    <t>1,2-Heptadecanediol,4,4,5,5,6,6,7,7,8,8,9,9,10,10,11,11,12,12,13,13,14,14,15,15,16,17,17,17-octacosafluoro-16-(trifluoromethyl)-, 1-(dihydrogen phosphate),diammonium salt (9CI)</t>
  </si>
  <si>
    <t>94200-52-9</t>
  </si>
  <si>
    <t>Sulfuric acid, mono(γ-ω-perfluoro-C6-12-alkyl) esters, ammonium salts</t>
  </si>
  <si>
    <t>68516-17-6</t>
  </si>
  <si>
    <t>2-Propenoic acid, 2-methyl-, 2-[methyl[(γ-ω-perfluoro-C8-14-alkyl)sulfonyl]amino]ethyl esters, reaction products with polyethylene glycolbis(2-mercaptoacetate)</t>
  </si>
  <si>
    <t>68784-73-6</t>
  </si>
  <si>
    <t>2-Propenoic acid, 2-methyl-, C4-8-alkyl esters, polymers with 2-[methyl[(γ-ω-perfluoro-C8-14-alkyl)sulfonyl]amino]ethyl acrylate</t>
  </si>
  <si>
    <t>68988-52-3</t>
  </si>
  <si>
    <t>2-Propenoic acid, 2-methyl-, C4-18-alkyl esters, polymers with 2-[methyl[(γ-ω-perfluoro-C8-14-alkyl)sulfonyl]amino]ethyl acrylate</t>
  </si>
  <si>
    <t>68988-53-4</t>
  </si>
  <si>
    <t>2-Propenoic acid, 2-methyl-, C7-8-alkyl esters, polymers with 2-[methyl[(γ-ω-perfluoro-C8-14-alkyl)sulfonyl]amino]ethyl acrylate</t>
  </si>
  <si>
    <t>68988-54-5</t>
  </si>
  <si>
    <t>2-Propenoic acid, 2-methyl-, C7-18-alkyl esters, polymers with 2-[methyl[(γ-ω-perfluoro-C8-14-alkyl)sulfonyl]amino]ethyl acrylate</t>
  </si>
  <si>
    <t>68988-55-6</t>
  </si>
  <si>
    <t>Sulfuric acid, mono(γ-ω-perfluoro-C8-12-alkyl) esters, ammonium salts</t>
  </si>
  <si>
    <t>84238-62-0</t>
  </si>
  <si>
    <t>Sulfuric acid, mono(γ-ω-perfluoro-C8-14-alkyl) esters</t>
  </si>
  <si>
    <t>85995-90-0</t>
  </si>
  <si>
    <t>Sulfuric acid, mono(γ-ω-perfluoro-C8-14-alkyl) esters, ammonium salts</t>
  </si>
  <si>
    <t>101940-12-9</t>
  </si>
  <si>
    <t>Siloxanes and Silicones, hydroxy Me, Me octyl, Me (γ-ω-perfluoro C8-14-alkyl)oxy, ethers with polyethylene glycol mono-Me ether</t>
  </si>
  <si>
    <t>170424-64-3</t>
  </si>
  <si>
    <t>Amines, C12-14-tert-alkyl, compds. with γ-ω-perfluoro-C6-12-alkyldihydrogen phosphate (1:1)</t>
  </si>
  <si>
    <t>206009-80-5</t>
  </si>
  <si>
    <t>Amines, C12-14-tert-alkyl, compds. with bis(γ-ω-perfluoro-C6-12-alkyl)hydrogen phosphate (1:1)</t>
  </si>
  <si>
    <t>206009-81-6</t>
  </si>
  <si>
    <t>1,4-Butanediol, 2,3-bis[(γ-ω-perfluoro-C6-20-alkyl)thio] derivs., polymerswith 1,6-diisocyanatotrimethylhexane and 2,2'-(methylimino)bis[ethanol]</t>
  </si>
  <si>
    <t>68037-23-0</t>
  </si>
  <si>
    <t>Thiols, C6-12, γ-ω-perfluoro</t>
  </si>
  <si>
    <t>68140-20-5</t>
  </si>
  <si>
    <t>Thiols, C10-20, γ-ω-perfluoro</t>
  </si>
  <si>
    <t>68140-21-6</t>
  </si>
  <si>
    <t>1,4-Butanediol, 2,3-bis[(γ-ω-perfluoro-C6-20-alkyl)thio] derivs.</t>
  </si>
  <si>
    <t>68187-24-6</t>
  </si>
  <si>
    <t>Butanoic acid, 4-[[3-(dimethylamino)propyl]amino]-4-oxo-, 2(or 3)-[(γ-ω-perfluoro-C6-20-alkyl)thio] derivs.</t>
  </si>
  <si>
    <t>68187-25-7</t>
  </si>
  <si>
    <t>Propanamide, 3-[(γ-ω-perfluoro-C4-10-alkyl)thio] derivs.</t>
  </si>
  <si>
    <t>68187-42-8</t>
  </si>
  <si>
    <t>Siloxanes and Silicones, (3,3,4,4,5,5,6,6,7,7,8,8,9,9,10,10,10-heptadecafluorodecyl)oxy Me, hydroxy Me, Me octyl, ethers withpolyethylene glycol mono-Me ether</t>
  </si>
  <si>
    <t>143372-54-7</t>
  </si>
  <si>
    <t>Siloxanes and Silicones, hydrogen γ-ω-perfluoro-C6-10-alkyl</t>
  </si>
  <si>
    <t>160965-19-5</t>
  </si>
  <si>
    <t>Sulfonic acids, C6-12-alkane, γ-ω-perfluoro, ammonium salts</t>
  </si>
  <si>
    <t>180582-79-0</t>
  </si>
  <si>
    <t>Sulfonic acids, C8-20-alkane, γ-ω-perfluoro, compds. with triethylamine</t>
  </si>
  <si>
    <t>297175-71-4</t>
  </si>
  <si>
    <t>Poly(oxy-1,2-ethanediyl), α-methyl-ω-hydroxy-, 2-hydroxy-3-[(γ-ω-perfluoro-C6-20-alkyl)thio]propyl ethers</t>
  </si>
  <si>
    <t>70983-59-4</t>
  </si>
  <si>
    <t>1-Propanaminium, 2-hydroxy-N,N,N-trimethyl-, 3-[(γ-ω-perfluoro-C6-20-alkyl)thio] derivs., chlorides</t>
  </si>
  <si>
    <t>70983-60-7</t>
  </si>
  <si>
    <t>1-Propanol, 2,3-bis[(γ-ω-perfluoro-C6-20-alkyl)thio] derivs.</t>
  </si>
  <si>
    <t>70983-61-8</t>
  </si>
  <si>
    <t>1,4-Butanediol, polymers with 2,3-bis[(γ-ω-perfluoro-C6-20-alkyl)thio]-1,4-butanediol, C36-alkylene diisocyanate and 1,6-diisocyanato-2,2,4(or 2,4,4)-trimethylhexane</t>
  </si>
  <si>
    <t>71205-28-2</t>
  </si>
  <si>
    <t>Acetic acid, bis[(γ-ω-perfluoro-C8-20-alkyl)thio] derivs.</t>
  </si>
  <si>
    <t>71608-37-2</t>
  </si>
  <si>
    <t>Acetic acid, bis[(γ-ω-perfluoro-C8-20-alkyl)thio] derivs., Me esters</t>
  </si>
  <si>
    <t>71608-39-4</t>
  </si>
  <si>
    <t>Acetic acid, bis[(γ-ω-perfluoro-C8-20-alkyl)thio] derivs., sodium salts</t>
  </si>
  <si>
    <t>71608-40-7</t>
  </si>
  <si>
    <t>Bicyclo[2.2.1]heptane-2,3-dicarboxylic acid, 5-[(γ-ω-perfluoro-C8-20-alkyl)thio] derivs.</t>
  </si>
  <si>
    <t>71608-43-0</t>
  </si>
  <si>
    <t>Chromium, bis[(γ-ω-perfluoro-C8-20-alkyl)thio]acetate chloro hydroxycomplexes</t>
  </si>
  <si>
    <t>71608-44-1</t>
  </si>
  <si>
    <t>Chromium, 4,4-bis[(γ-ω-perfluoro-C8-20-alkyl)thio]pentanoate chlorohydroxy complexes</t>
  </si>
  <si>
    <t>71608-45-2</t>
  </si>
  <si>
    <t>Chromium, chloro hydroxy 5-[(γ-ω-perfluoro-C8-20-alkyl)thio]bicyclo[2.2.1]heptane-2,3-dicarboxylate complexes</t>
  </si>
  <si>
    <t>71608-46-3</t>
  </si>
  <si>
    <t>4,7-Methanoisobenzofuran-1,3-dione, hexahydro-, 5-[(γ-ω-perfluoro-C8-20-alkyl)thio] derivs.</t>
  </si>
  <si>
    <t>71608-58-7</t>
  </si>
  <si>
    <t>Pentanoic acid, 4,4-bis[(γ-ω-perfluoro-C8-20-alkyl)thio] derivs.</t>
  </si>
  <si>
    <t>71608-60-1</t>
  </si>
  <si>
    <t>Pentanoic acid, 4,4-bis[(γ-ω-perfluoro-C8-20-alkyl)thio] derivs., compds.with diethanolamine</t>
  </si>
  <si>
    <t>71608-61-2</t>
  </si>
  <si>
    <t>Propanamide, N-(1,1-dimethyl-3-oxobutyl)-, 3-[(γ-ω-perfluoro-C6-20-alkyl)thio] derivs.</t>
  </si>
  <si>
    <t>71608-63-4</t>
  </si>
  <si>
    <t>Carbamic acid, N-[4-methyl-3-[[(2-methyl-1-aziridinyl)carbonyl]amino]phenyl]-, 2-[[3,3,4,4,5,5,6,6,7,8,8,8-dodecafluoro-7-(trifluoromethyl)octyl]thio]-1-[[[3,3,4,4,5,5,6,6,7,8,8,8-dodecafluoro-7-(trifluoromethyl)octyl]thio]methyl]ethyl ester</t>
  </si>
  <si>
    <t>72779-05-6</t>
  </si>
  <si>
    <t>Disulfides, bis(γ-ω-perfluoro-C6-20-alkyl)</t>
  </si>
  <si>
    <t>118400-71-8</t>
  </si>
  <si>
    <t>1,3-Propanediol, 2,2-bis(bromomethyl)-, reaction products with ethanethiol-tetrafluoroethylene telomer</t>
  </si>
  <si>
    <t>144468-31-5</t>
  </si>
  <si>
    <t>Fatty acids, C18-unsatd., dimers, diisocyanates, polymers with 2,3-bis(γ-ω-perfluoro-C4-18-alkyl)-1,4-butanediol, 1,6-diisocyanato-2,2,4(or 2,4,4)-trimethylhexane and 2,2'-(methylimino)bis[ethanol]</t>
  </si>
  <si>
    <t>68990-40-9</t>
  </si>
  <si>
    <t>Carbamic acid, [2-(sulfothio)ethyl]-, C-(γ-ω-perfluoro-C6-9-alkyl) esters,monosodium salts</t>
  </si>
  <si>
    <t>95370-51-7</t>
  </si>
  <si>
    <t>Thiols, C4-20, γ-ω-perfluoro, reaction products with methylatedformaldehyde-1,3,5-triazine-2,4,6-triamine polymer</t>
  </si>
  <si>
    <t>113089-67-1</t>
  </si>
  <si>
    <t>Alcohols, C8-14, γ-ω-perfluoro, reaction products with epichlorohydrin,polyethylene glycol mono-Me ether and N,N',2-tris(6-isocyanatohexyl)imidodicarbonic diamide</t>
  </si>
  <si>
    <t>118102-37-7</t>
  </si>
  <si>
    <t>Alcohols, C8-14, γ-ω-perfluoro, reaction products with epichlorohydrin,tetrahydrofuran homopolymer and N,N',2-tris(6-isocyanatohexyl)imidodicarbonic diamide</t>
  </si>
  <si>
    <t>118102-38-8</t>
  </si>
  <si>
    <t>Hexane, 1,6-diisocyanato-, homopolymer, γ-ω-perfluoro-C6-20-alc.-blocked</t>
  </si>
  <si>
    <t>135228-60-3</t>
  </si>
  <si>
    <t>1,3-Propanediol, 2,2-bis(bromomethyl)-, reaction products with ethanethiol-tetrafluoroethylene telomer, polymers with 1,6-diisocyanato-2,2,4(or 2,4,4)-trimethylhexane, 2-heptyl-3,4-bis(9-isocyanatononyl)-1-pentylcyclohexaneand 2,2'-(methylimino)bis[ethanol]</t>
  </si>
  <si>
    <t>144468-32-6</t>
  </si>
  <si>
    <t>1,3-Propanediol, 2,2-bis[[(γ-ω-perfluoro-C4-10-alkyl)thio]methyl] derivs.,phosphates, ammonium salts</t>
  </si>
  <si>
    <t>148240-85-1</t>
  </si>
  <si>
    <t>1,3-Propanediol, 2,2-bis[[(γ-ω-perfluoro-C6-12-alkyl)thio]methyl] derivs.,phosphates</t>
  </si>
  <si>
    <t>148240-86-2</t>
  </si>
  <si>
    <t>1,3-Propanediol, 2,2-bis[[(γ-ω-perfluoro-C6-12-alkyl)thio]methyl] derivs.,phosphates, ammonium salts</t>
  </si>
  <si>
    <t>148240-87-3</t>
    <phoneticPr fontId="8"/>
  </si>
  <si>
    <t>1,3-Propanediol, 2,2-bis[[(γ-ω-perfluoro-C10-20-alkyl)thio]methyl] derivs.,phosphates</t>
  </si>
  <si>
    <t>148240-88-4</t>
  </si>
  <si>
    <t>1,3-Propanediol, 2,2-bis[[(γ-ω-perfluoro-C10-20-alkyl)thio]methyl] derivs.,phosphates, ammonium salts</t>
  </si>
  <si>
    <t>148240-89-5</t>
  </si>
  <si>
    <t>Oxirane, 2-methyl-, polymer with oxirane, mono[2-hydroxy-3-[(γ-ω-perfluoro-C8-20-alkyl)thio]propyl] ethers</t>
  </si>
  <si>
    <t>183146-60-3</t>
  </si>
  <si>
    <t>Alcohols, C8-14, γ-ω-perfluoro, polymers with 1,6-diisocyanatohexane,ethylene glycol, glycidol and 2,4-TDI</t>
  </si>
  <si>
    <t>253873-70-0</t>
  </si>
  <si>
    <t>Thiocyanic acid, 3,3,4,4,5,5,6,6,7,7,8,8,9,9,10,10,10-heptadecafluorodecylester</t>
  </si>
  <si>
    <t>26650-10-2</t>
  </si>
  <si>
    <t>Ethaneperoxoic acid, reaction products with3,3,4,4,5,5,6,6,7,7,8,8,9,9,10,10,10-heptadecafluorodecyl thiocyanate and3,3,4,4,5,5,6,6,7,7,8,8,8-tridecafluorooctyl thiocyanate</t>
  </si>
  <si>
    <t>2-Propenoic acid, 3,3,4,4,5,5,6,6,7,7,8,8,9,9,9-pentadecafluorononyl ester</t>
  </si>
  <si>
    <t>1799-55-9</t>
  </si>
  <si>
    <t>1-Propanaminium, N-(2-carboxyethyl)-N,N-dimethyl-3-[(2,2,3,3,4,4,5,5,6,6,7,7,8,8,8-pentadecafluoro-1-oxooctyl)amino]-, inner salt</t>
  </si>
  <si>
    <t>5158-52-1</t>
  </si>
  <si>
    <t>2-Propenoic acid, 2-methyl-, 2,2,3,3,4,4,5,5,6,6,7,7,8,8,8-pentadecafluorooctyl ester, homopolymer</t>
  </si>
  <si>
    <t>29014-57-1</t>
  </si>
  <si>
    <t>Methanaminium, N,N,N-trimethyl-, 2,2,3,3,4,4,5,5,6,6,7,7,8,8,8-pentadecafluorooctanoate (1:1)</t>
  </si>
  <si>
    <t>32609-65-7</t>
  </si>
  <si>
    <t>1-Propanaminium, N-(carboxymethyl)-3-[[(3,3,4,4,5,5,6,6,7,7,8,8,9,9,10,10,10-heptadecafluorodecyl)sulfonyl]amino]-N,N-dimethyl-, inner salt</t>
  </si>
  <si>
    <t>34455-21-5</t>
  </si>
  <si>
    <t>1-Propanaminium, N-(carboxymethyl)-3-[[(3,3,4,4,5,5,6,6,7,7,8,8,9,9,10,10,11,11,12,12,12-heneicosafluorododecyl)sulfonyl]amino]-N,N-dimethyl-, inner salt</t>
  </si>
  <si>
    <t>34455-35-1</t>
  </si>
  <si>
    <t>Phosphinic acid, P,P-bis(1,1,2,2,3,3,4,4,5,5,6,6,7,7,8,8,8-heptadecafluorooctyl)-</t>
  </si>
  <si>
    <t>40143-79-1</t>
  </si>
  <si>
    <t>Phosphinic acid, bis(heneicosafluorodecyl)- (9CI)</t>
  </si>
  <si>
    <t>52299-27-1</t>
  </si>
  <si>
    <t>1-Decanol, 3,3,4,4,5,5,6,6,7,7,8,8,9,9,10,10,10-heptadecafluoro-, hydrogenphosphate, compd. with 2,2'-iminobis[ethanol] (1:1) (9CI)</t>
  </si>
  <si>
    <t>57677-97-1</t>
  </si>
  <si>
    <t>1-Nonanol, 3,3,4,4,5,5,6,6,7,7,8,8,9,9,9-pentadecafluoro-, dihydrogenphosphate, diammonium salt (9CI)</t>
  </si>
  <si>
    <t>63439-39-4</t>
  </si>
  <si>
    <t>Alkenes, C4-20 α-, γ-ω-perfluoro</t>
  </si>
  <si>
    <t>68155-04-4</t>
  </si>
  <si>
    <t>Nonene, heptadecafluoro-1-[(2,2,3,3,4,4,5,5,6,6,7,7,8,8,8-pentadecafluorooctyl)oxy]- (9CI)</t>
  </si>
  <si>
    <t>84029-60-7</t>
  </si>
  <si>
    <t>2-Propenoic acid, 2-methyl-, methyl ester, polymer with3,3,4,4,5,5,6,6,7,7,8,8,9,9,10,10,10-heptadecafluorodecyl 2-propenoate</t>
  </si>
  <si>
    <t>88248-34-4</t>
  </si>
  <si>
    <t>Phosphonic acid, (3,3,4,4,5,5,6,6,7,7,8,8,9,9,10,10,10-heptadecafluorodecyl)-, compd. with N,N-diethylethanamine (9CI)</t>
  </si>
  <si>
    <t>90146-97-7</t>
  </si>
  <si>
    <t>Benzenesulfonyl chloride, [[(2,2,3,3,4,4,5,5,6,6,7,7,8,8,8-pentadecafluoro-1-oxooctyl)amino]methyl]-, branched and linear</t>
  </si>
  <si>
    <t>90218-71-6</t>
  </si>
  <si>
    <t>2-Propenoic acid, 3,3,4,4,5,5,6,6,7,7,8,8,9,9,10,10,10-heptadecafluorodecylester, polymer with octadecyl 2-propenoate</t>
  </si>
  <si>
    <t>90718-04-0</t>
  </si>
  <si>
    <t>2-Undecanol, 1,1'-[oxybis[(1-methyl-2,1-ethanediyl)oxy]]bis[4,4,5,5,6,6,7,7,8,8,9,9,10,10,11,11,11-heptadecafluoro-(9CI)</t>
  </si>
  <si>
    <t>93776-02-4</t>
  </si>
  <si>
    <t>2,5,8,11,14,17,20,23,26,29-Decaoxatetracontan-31-ol,33,33,34,34,35,35,36,36,37,37,38,38,39,39,40,40,40-heptadecafluoro-</t>
  </si>
  <si>
    <t>93776-08-0</t>
  </si>
  <si>
    <t>1-Propanaminium, N-(2-carboxyethyl)-3-[(4,4,5,5,6,6,7,7,8,8,9,9,10,10,11,11,11-heptadecafluoro-2-hydroxyundecyl)amino]-N,N-dimethyl-, inner salt</t>
  </si>
  <si>
    <t>93776-14-8</t>
  </si>
  <si>
    <t>2-Undecanol, 1-[2-(2-butoxyethoxy)ethoxy]-4,4,5,5,6,6,7,7,8,8,9,9,10,10,11,11,11-heptadecafluoro-</t>
  </si>
  <si>
    <t>94158-61-9</t>
  </si>
  <si>
    <t>1-Aziridineethanol, α-(2,2,3,3,4,4,5,5,6,6,7,7,8,8,9,9,9-heptadecafluorononyl)-</t>
  </si>
  <si>
    <t>94159-85-0</t>
  </si>
  <si>
    <t>2-Undecanol, 1-(ethenyloxy)-4,4,5,5,6,6,7,7,8,8,9,9,10,10,11,11,11-heptadecafluoro-</t>
  </si>
  <si>
    <t>94159-86-1</t>
  </si>
  <si>
    <t>Glycine, N-(4,4,5,5,6,6,7,7,8,8,9,9,10,10,11,11,11-heptadecafluoro-2-hydroxyundecyl)-N-methyl-, monopotassium salt (9CI)</t>
  </si>
  <si>
    <t>94159-87-2</t>
  </si>
  <si>
    <t>2-Undecanol, 4,4,5,5,6,6,7,7,8,8,9,9,10,10,11,11,11-heptadecafluoro-1-phenoxy-</t>
  </si>
  <si>
    <t>94159-91-8</t>
  </si>
  <si>
    <t>2-Butenoic acid, 4-oxo-4-[(4,4,5,5,6,6,7,7,8,8,9,9,10,10,11,11,11-heptadecafluoro-2-hydroxyundecyl)amino]-, (Z)- (9CI)</t>
  </si>
  <si>
    <t>97259-81-9</t>
  </si>
  <si>
    <t>2-Propenoic acid, 2-methyl-, 3,3,4,4,5,5,6,6,7,7,8,8,9,9,10,10,10-heptadecafluorodecyl ester, polymer with octadecyl 2-methyl-2-propenoate</t>
  </si>
  <si>
    <t>104242-01-5</t>
  </si>
  <si>
    <t>1,2-Nonanediol, 4,4,5,5,6,6,7,7,8,9,9,9-dodecafluoro-8-(trifluoromethyl)-, 1-(dihydrogen phosphate)</t>
  </si>
  <si>
    <t>105416-14-6</t>
  </si>
  <si>
    <t>2-Propenoic acid, 3,3,4,4,5,5,6,6,7,7,8,8,9,9,10,10,11,11,12,12,12-heneicosafluorododecyl ester, polymer with3,3,4,4,5,5,6,6,7,7,8,8,9,9,10,10,10-heptadecafluorodecyl 2-propenoate,3,3,4,4,5,5,6,6,7,7,8,8,9,9,10,10,11,11,11-nonadecafluoroundecyl 2-propenoate, 3,3,4,4,5,5,6,6,7,7,8,8,9,9,10,10,11,11,12,12,13,13,14,14,14-pentacosafluorotetradecyl 2-propenoate, 3,3,4,4,5,5,6,6,7,7,8,8,9,9,9-pentadecafluorononyl 2-propenoate,3,3,4,4,5,5,6,6,7,7,8,8,9,9,10,10,11,11,12,12,13,13,13-tricosafluorotridecyl2-propenoate and 3,3,4,4,5,5,6,6,7,7,8,8,8-tridecafluorooctyl 2-propenoate(9CI)</t>
  </si>
  <si>
    <t>105656-07-3</t>
  </si>
  <si>
    <t>2-Propenoic acid, 2-methyl-,3,3,4,4,5,5,6,6,7,7,8,8,9,9,10,10,11,11,12,12,12-heneicosafluorododecylester, polymer with 3,3,4,4,5,5,6,6,7,7,8,8,9,9,10,10,10-heptadecafluorodecyl 2-methyl-2-propenoate,3,3,4,4,5,5,6,6,7,7,8,8,9,9,10,10,11,11,11-nonadecafluoroundecyl 2-methyl-2-propenoate, 3,3,4,4,5,5,6,6,7,7,8,8,9,9,10,10,11,11,12,12,13,13,14,14,14-pentacosafluorotetradecyl 2-methyl-2-propenoate,3,3,4,4,5,5,6,6,7,7,8,8,9,9,9-pentadecafluorononyl 2-methyl-2-propenoate,3,3,4,4,5,5,6,6,7,7,8,8,9,9,10,10,11,11,12,12,13,13,13-tricosafluorotridecyl2-methyl-2-propenoate and 3,3,4,4,5,5,6,6,7,7,8,8,8-tridecafluorooctyl 2-methyl-2-propenoate (9CI)</t>
  </si>
  <si>
    <t>105681-94-5</t>
  </si>
  <si>
    <t>2-Propenoic acid, 2-methyl-, 3,3,4,4,5,5,6,6,7,7,8,8,9,9,10,10,10-heptadecafluorodecyl ester, polymer with ethenyltriethoxysilane (9CI)</t>
  </si>
  <si>
    <t>106826-29-3</t>
  </si>
  <si>
    <t>1,3-Isobenzofurandione, polymer with α-fluoro-ω-(oxiranylmethyl)poly(difluoromethylene) and (phenoxymethyl)oxirane (9CI)</t>
  </si>
  <si>
    <t>107097-76-7</t>
  </si>
  <si>
    <t>Surflon 113 (9CI)</t>
  </si>
  <si>
    <t>110070-82-1</t>
  </si>
  <si>
    <t>2-Propenoic acid, 3,3,4,4,5,5,6,6,7,7,8,8,9,9,10,10,11,11,12,12,12-heneicosafluorododecyl ester, polymer with3,3,4,4,5,5,6,6,7,7,8,8,9,9,10,10,10-heptadecafluorodecyl 2-propenoate,octadecyl 2-propenoate,3,3,4,4,5,5,6,6,7,7,8,8,9,9,10,10,11,11,12,12,13,13,14,14,14-pentacosafluorotetradecyl 2-propenoate and 3,3,4,4,5,5,6,6,7,7,8,8,8-tridecafluorooctyl 2-propenoate (9CI)</t>
  </si>
  <si>
    <t>110570-84-8</t>
  </si>
  <si>
    <t>2-Propenoic acid, 2-methyl-, octadecyl ester, polymer with 1,1-dichloroethene, 3,3,4,4,5,5,6,6,7,7,8,8,9,9,10,10,11,11,12,12,12-heneicosafluorododecyl 2-propenoate, 3,3,4,4,5,5,6,6,7,7,8,8,9,9,10,10,10-heptadecafluorodecyl 2-propenoate, N-(hydroxymethyl)-2-propenamide,3,3,4,4,5,5,6,6,7,7,8,8,9,9,10,10,11,11,12,12,13,13,14,14,15,15,16,16,16-nonacosafluorohexadecyl 2-propenoate and3,3,4,4,5,5,6,6,7,7,8,8,9,9,10,10,11,11,12,12,13,13,14,14,14-pentacosafluorotetradecyl 2-propenoate (9CI)</t>
  </si>
  <si>
    <t>112310-55-1</t>
  </si>
  <si>
    <t>2-Propenoic acid, 2-methyl-, 2-hydroxyethyl ester, polymer with 1,1-dichloroethene, 3,3,4,4,5,5,6,6,7,7,8,8,9,9,10,10,11,11,12,12,12-heneicosafluorododecyl 2-propenoate, 3,3,4,4,5,5,6,6,7,7,8,8,9,9,10,10,10-heptadecafluorodecyl 2-propenoate, N-(hydroxymethyl)-2-propenamide, α-(2-methyl-1-oxo-2-propenyl)-ω-hydroxypoly(oxy-1,2-ethanediyl),3,3,4,4,5,5,6,6,7,7,8,8,9,9,10,10,11,11,12,12,13,13,14,14,15,15,16,16,16-nonacosafluorohexadecyl 2-propenoate, octadecyl 2-methyl-2-propenoate,3,3,4,4,5,5,6,6,7,7,8,8,9,9,10,10,11,11,12,12,13,13,14,14,14-pentacosafluorotetradecyl 2-propenoate and 3,3,4,4,5,5,6,6,7,7,8,8,8-tridecafluorooctyl 2-propenoate (9CI)</t>
  </si>
  <si>
    <t>112311-93-0</t>
  </si>
  <si>
    <t>2-Propenoic acid, 2-methyl-, octadecyl ester, polymer with 1,1-dichloroethene, 3,3,4,4,5,5,6,6,7,7,8,8,9,9,10,10,11,11,12,12,12-heneicosafluorododecyl 2-propenoate, 3,3,4,4,5,5,6,6,7,7,8,8,9,9,10,10,10-heptadecafluorodecyl 2-propenoate, N-(hydroxymethyl)-2-propenamide,3,3,4,4,5,5,6,6,7,7,8,8,9,9,10,10,11,11,12,12,13,13,14,14,15,15,16,16,16-nonacosafluorohexadecyl 2-propenoate,3,3,4,4,5,5,6,6,7,7,8,8,9,9,10,10,11,11,12,12,13,13,14,14,14-pentacosafluorotetradecyl 2-propenoate and 3,3,4,4,5,5,6,6,7,7,8,8,8-tridecafluorooctyl 2-propenoate (9CI)</t>
  </si>
  <si>
    <t>112328-98-0</t>
  </si>
  <si>
    <t>2-Propenoic acid, 2-methyl-, 2-hydroxyethyl ester, polymer with3,3,4,4,5,5,6,6,7,7,8,8,9,9,10,10,10-heptadecafluorodecyl 2-propenoate and2-(phosphonooxy)ethyl 2-methyl-2-propenoate, block (9CI)</t>
  </si>
  <si>
    <t>113150-11-1</t>
  </si>
  <si>
    <t>2-Propenoic acid, 3,3,4,4,5,5,6,6,7,7,8,8,9,9,10,10,10-heptadecafluorodecylester, polymer with rel-(1R,2R,4R)-1,7,7-trimethylbicyclo[2.2.1]hept-2-yl 2-propenoate (9CI)</t>
  </si>
  <si>
    <t>118570-85-7</t>
  </si>
  <si>
    <t>2-Propenoic acid, 3,3,4,4,5,5,6,6,7,7,8,8,9,9,10,10,11,11,12,12,12-heneicosafluorododecyl ester, polymer with3,3,4,4,5,5,6,6,7,7,8,8,9,9,10,10,10-heptadecafluorodecyl 2-propenoate, α-(2-methyl-1-oxo-2-propenyl)-ω-[(2-methyl-1-oxo-2-propenyl)oxy]poly(oxy-1,2-ethanediyl),3,3,4,4,5,5,6,6,7,7,8,8,9,9,10,10,11,11,12,12,13,13,14,14,15,15,16,16,16-nonacosafluorohexadecyl 2-propenoate, octadecyl 2-propenoate and3,3,4,4,5,5,6,6,7,7,8,8,9,9,10,10,11,11,12,12,13,13,14,14,14-pentacosafluorotetradecyl 2-propenoate (9CI)</t>
  </si>
  <si>
    <t>119973-84-1</t>
  </si>
  <si>
    <t>2-Propenoic acid, 2-methyl-, methyl ester, polymer with3,3,4,4,5,5,6,6,7,7,8,8,9,9,10,10,10-heptadecafluorodecyl 2-propenoate,block</t>
  </si>
  <si>
    <t>121065-52-9</t>
  </si>
  <si>
    <t>Siloxanes and Silicones, di-Me, 3-hydroxypropyl group-terminated,polymers with 2-butyne-1,4-diol-γ-ω-perfluoro C10-20 thiol reactionproduct and 1,6-diisocyanato-2,2,4(or 2,4,4)-trimethylhexane</t>
  </si>
  <si>
    <t>127133-54-4</t>
  </si>
  <si>
    <t>Silane, trichloro(heptadecafluorodecyl)-</t>
  </si>
  <si>
    <t>146443-00-7</t>
  </si>
  <si>
    <t>1-Decanesulfonic acid, 3,3,4,4,5,5,6,6,7,7,8,8,9,9,10,10,10-heptadecafluoro-, ammonium salt (1:1)</t>
  </si>
  <si>
    <t>149724-40-3</t>
  </si>
  <si>
    <t>2-Propenoic acid, 2-methyl-, 2-(dimethylamino)ethyl ester, polymers withBu acrylate, γ-ω-perfluoro-C8-14-alkyl acrylate and polyethylene glycolmonomethacrylate</t>
  </si>
  <si>
    <t>150409-17-9</t>
  </si>
  <si>
    <t>2-Propenoic acid, 2-methyl-, 2-(dimethylamino)ethyl ester, polymers withacrylonitrile, γ-ω-perfluoro-C8-14-alkyl acrylate, polyethylene glycolmonomethacrylate and styrene</t>
  </si>
  <si>
    <t>150409-18-0</t>
  </si>
  <si>
    <t>2-Propenoic acid, 2-methyl-, 2-(dimethylamino)ethyl ester, polymers withMe methacrylate, γ-ω-perfluoro-C8-14-alkyl acrylate, polyethylene glycolmonomethacrylate and stearyl methacrylate</t>
  </si>
  <si>
    <t>150409-19-1</t>
  </si>
  <si>
    <t>Thiols, C4-20, γ-ω-perfluoro, reaction products withhexakis(methoxymethyl)melamine and vinyl tert-decanoate</t>
  </si>
  <si>
    <t>151686-30-5</t>
  </si>
  <si>
    <t>Silane, diethoxy(3,3,4,4,5,5,6,6,7,7,8,8,9,9,10,10,10-heptadecafluorodecyl)methyl-</t>
  </si>
  <si>
    <t>152992-46-6</t>
  </si>
  <si>
    <t>2-Propenoic acid, 2-methyl-, butyl ester, polymer with3,3,4,4,5,5,6,6,7,7,8,8,9,9,10,10,10-heptadecafluorodecyl 2-propenoate, 2-hydroxyethyl 2-methyl-2-propenoate and methyl 2-methyl-2-propenoate,block (9CI)</t>
  </si>
  <si>
    <t>154965-63-6</t>
  </si>
  <si>
    <t>Butanoic acid, 4-[[3-(dimethylamino)propyl]amino]-4-oxo-, 2 (or 3)-[(γ-ω-perfluoro-C3-14-alkyl)thio] derivs.</t>
  </si>
  <si>
    <t>160336-21-0</t>
  </si>
  <si>
    <t>Alkyl iodides, C1-24, perfluoro</t>
  </si>
  <si>
    <t>160402-15-3</t>
  </si>
  <si>
    <t>Quaternary ammonium compounds, bis(hydroxyethyl)methyl(δ-ω-perfluoro-β-hydroxy-C10-14-alkyl), iodides</t>
  </si>
  <si>
    <t>160402-26-6</t>
  </si>
  <si>
    <t>Phosphoric acid, mono(perfluoro-C10-18-alkyl) esters, diammonium salts</t>
  </si>
  <si>
    <t>160498-33-9</t>
  </si>
  <si>
    <t>1,2-Benzenedicarboxylic acid, bis(γ-ω-perfluoro-1-methyl-C5-20-alkyl)esters</t>
  </si>
  <si>
    <t>160709-28-4</t>
  </si>
  <si>
    <t>Silane, trichloro(3,3,4,4,5,5,6,6,7,7,8,8,9,9,10,10,10-heptadecafluorodecyl)-,reaction products with ammonia</t>
  </si>
  <si>
    <t>160994-74-1</t>
  </si>
  <si>
    <t>Imidodicarbonic diamide, N,N',2-tris(6-isocyanatohexyl)-, reaction productswith glycidol, hydrolyzed ethylene-pentafluoroiodoethane-tetrafluoroethylene telomer reaction product and stearyl alc.</t>
  </si>
  <si>
    <t>162491-88-5</t>
  </si>
  <si>
    <t>Trisiloxane, 3-(3,3,4,4,5,5,6,6,7,7,8,8,9,9,10,10,10-heptadecafluorodecyl)-1,1,1,3,5,5,5-heptamethyl-</t>
  </si>
  <si>
    <t>163921-85-5</t>
  </si>
  <si>
    <t>Poly(oxy-1,2-ethanediyl), α,α',α''-[[(3,3,4,4,5,5,6,6,7,7,8,8,9,9,10,10,10-heptadecafluorodecyl)silylidyne]tris[oxy(dimethylsilylene)-3,1-propanediyl]]tris[ω-methoxy-</t>
  </si>
  <si>
    <t>165967-96-4</t>
  </si>
  <si>
    <t>2-Propenoic acid, 3,3,4,4,5,5,6,6,7,7,8,8,9,9,10,10,10-heptadecafluorodecylester, polymer with 1-ethenyl-4-[(undecafluorohexenyl)oxy]benzene, graft(9CI)</t>
  </si>
  <si>
    <t>167229-03-0</t>
  </si>
  <si>
    <t>1,2-Undecanediol, 4,4,5,5,6,6,7,7,8,8,9,9,10,10,11,11,11-heptadecafluoro-,1,1'-(hydrogen phosphate)</t>
  </si>
  <si>
    <t>170004-70-3</t>
  </si>
  <si>
    <t>Propanoic acid, 3-[(γ-ω-perfluoro-C6-18-alkyl)thio] derivs.</t>
  </si>
  <si>
    <t>176590-84-4</t>
  </si>
  <si>
    <t>2-Propenoic acid, 2-methyl-, methyl ester, polymer with 2-ethylhexyl 2-propenoate, 3,3,4,4,5,5,6,6,7,7,8,8,9,9,10,10,10-heptadecafluorodecyl 2-propenoate, α-(2-methyl-1-oxo-2-propen-1-yl)-ω-methoxypoly(oxy-1,2-ethanediyl), α-(2-methyl-1-oxo-2-propen-1-yl)-ω-[(2-methyl-1-oxo-2-propen-1-yl)oxy]poly(oxy-1,2-ethanediyl) and 3-[3,3,3-trimethyl-1,1-bis[(trimethylsilyl)oxy]-1-disiloxanyl]propyl 2-methyl-2-propenoate</t>
  </si>
  <si>
    <t>176741-19-8</t>
  </si>
  <si>
    <t>2-Propenoic acid, 2-methyl-, methyl ester, polymer with3,3,4,4,5,5,6,6,7,7,8,8,9,9,10,10,10-heptadecafluorodecyl 2-propenoate,methyloxirane polymer with oxirane mono-2-propenoate, α-(2-methyl-1-oxo-2-propenyl)-ω-[(2-methyl-1-oxo-2-propenyl)oxy]poly(oxy-1,2-ethanediyl) and 3-[3,3,3-trimethyl-1,1-bis[(trimethylsilyl)oxy]disiloxanyl]propyl 2-methyl-2-propenoate (9CI)</t>
  </si>
  <si>
    <t>176894-23-8</t>
  </si>
  <si>
    <t>Alcohols, C1-20, reaction products with glycidol, γ-ω-perfluoro C8-14 alcs.and N,N',2-tris(6-isocyanatohexyl)imidodicarbonic diamide</t>
  </si>
  <si>
    <t>182700-79-4</t>
  </si>
  <si>
    <t>2-Propenoic acid, 2-methyl-, 2-ethylhexyl ester, polymers with N-(hydroxymethyl)-2-methyl-2-propenamide and γ-ω-perfluoro-C10-16-alkylacrylate</t>
  </si>
  <si>
    <t>200295-54-1</t>
  </si>
  <si>
    <t>2-Propenoic acid, 2-methyl-, butyl ester, polymers with 2-ethylhexylmethacrylate, N-(hydroxymethyl)-2-methyl-2-propenamide and γ-ω-perfluoro-C10-14-alkyl methacrylate</t>
  </si>
  <si>
    <t>200295-55-2</t>
  </si>
  <si>
    <t>2-Propenoic acid, 2-methyl-, methyl ester, polymer with3,3,4,4,5,5,6,6,7,7,8,8,9,9,10,10,10-heptadecafluorodecyl 2-propenoate andmethyloxirane polymer with oxirane mono-2-propenoate (9CI)</t>
  </si>
  <si>
    <t>200413-68-9</t>
  </si>
  <si>
    <t>2-Propenoic acid, 2-methyl-, polymer with butyl 2-methyl-2-propenoate,3,3,4,4,5,5,6,6,7,7,8,8,9,9,10,10,10-heptadecafluorodecyl 2-propenoate, 2-hydroxyethyl 2-methyl-2-propenoate and methyl 2-methyl-2-propenoate</t>
  </si>
  <si>
    <t>200513-42-4</t>
  </si>
  <si>
    <t>Alkenes, C8-14 α, γ-ω-perfluoro</t>
  </si>
  <si>
    <t>210432-72-7</t>
  </si>
  <si>
    <t>2-Propenoic acid, γ-ω-perfluoro-C8-20-alkyl esters</t>
  </si>
  <si>
    <t>212013-58-6</t>
  </si>
  <si>
    <t>2-Propenoic acid, 2-methyl-, methyl ester, polymer with3,3,4,4,5,5,6,6,7,7,8,8,9,9,10,10,10-heptadecafluorodecyl 2-propenoate,methyloxirane polymer with oxirane mono-2-propenoate butyl ether, and 2-propenoic acid (9CI)</t>
  </si>
  <si>
    <t>214002-95-6</t>
  </si>
  <si>
    <t>Siloxanes and Silicones, di-Me, mono[3-[(2-methyl-1-oxo-2-propen-1-yl)oxy]propyl group]-terminated, polymers with3,3,4,4,5,5,6,6,7,7,8,8,9,9,10,10,10-heptadecafluorodecyl methacrylate,3a,4,7,7a,?,?-hexahydro-4,7-methano-1H-indenyl acrylate andtricyclo[3.3.1.13,7]dec-1-yl methacrylate</t>
  </si>
  <si>
    <t>218286-10-3</t>
  </si>
  <si>
    <t>Glycine, N,N-bis[2-hydroxy-3-(2-propen-1-yloxy)propyl]-, sodium salt(1:1), reaction products with ammonium hydroxide and 1,1,1,2,2-pentafluoro-2-iodoethane-tetrafluoroethylene telomer</t>
  </si>
  <si>
    <t>220459-70-1</t>
  </si>
  <si>
    <t>2-Propenoic acid, 2-methyl-, 2-hydroxyethyl ester, reaction products with 5-isocyanato-1-(isocyanatomethyl)-1,3,3-trimethylcyclohexane and Me Etketone oxime, polymers with γ-ω-perfluoro-C8-20-alkyl acrylate and stearylacrylate</t>
  </si>
  <si>
    <t>221455-57-8</t>
  </si>
  <si>
    <t>2-Propenoic acid, γ-ω-perfluoro-C8-20-alkyl ester, polymers withacrylonitrile, polyethylene glycol dimethacrylate and polyethylene glycolmethacrylate Me ether</t>
  </si>
  <si>
    <t>221455-61-4</t>
  </si>
  <si>
    <t>2-Propenoic acid, 2-methyl-, oxiranylmethyl ester, polymers with acrylicacid-glycidyl Ph ether-TDI reaction product, γ-ω-perfluoro-C8-20-alkylacrylate and stearyl acrylate</t>
  </si>
  <si>
    <t>221455-62-5</t>
  </si>
  <si>
    <t>2-Propenoic acid, 2-hydroxyethyl ester, polymers with γ-ω-perfluoro-C8-20-alkyl acrylate and stearyl acrylate</t>
  </si>
  <si>
    <t>221455-63-6</t>
  </si>
  <si>
    <t>2-Butenedioic acid (2Z)-, bis(2-ethylhexyl) ester, polymers with 2-hydroxyethyl methacrylate-5-isocyanato-1-(isocyanatomethyl)-1,3,3-trimethylcyclohexane-Me Et ketone oxime reaction product, γ-ω-perfluoro-C8-20-alkyl acrylate and vinyl chloride</t>
  </si>
  <si>
    <t>221455-64-7</t>
  </si>
  <si>
    <t>2-Butenedioic acid (2Z)-, bis(2-ethylhexyl) ester, polymers with N,N-dimethyl-2-propenamide, γ-ω-perfluoro-C8-20-alkyl acrylate and vinylchloride</t>
  </si>
  <si>
    <t>221455-67-0</t>
  </si>
  <si>
    <t>2-Butenedioic acid (2Z)-, bis(2-ethylhexyl) ester, polymers with N-(hydroxymethyl)-2-propenamide, γ-ω-perfluoro-C8-20-alkyl acrylate andvinyl chloride</t>
  </si>
  <si>
    <t>221455-71-6</t>
  </si>
  <si>
    <t>2-Propenoic acid, 2-methyl-, methyl ester, polymer with γ-ω-perfluoro-C8-20-alkyl acrylate</t>
  </si>
  <si>
    <t>221455-73-8</t>
  </si>
  <si>
    <t>Alcohols, C8-14, γ-ω-perfluoro, polymers with 5-amino-1,3,3-trimethylcyclohexanemethanamine, carbonic acid, 1,6-diisocyanatohexane,1,6-hexanediol, 1,1'-methylenebis[4-isocyanatocyclohexane] andtrimethylolpropane</t>
  </si>
  <si>
    <t>223586-53-6</t>
  </si>
  <si>
    <t>2-Propenoic acid, 2-methyl-, 2-ethylhexyl ester, polymers with γ-ω-perfluoro-C8-20-alkyl acrylate and polyethylene glycol monomethacrylate</t>
  </si>
  <si>
    <t>224790-87-8</t>
  </si>
  <si>
    <t>2-Propenoic acid, γ-ω-perfluoro-C8-20-alkyl esters, polymers withpolyethylene glycol monomethacrylate and polypropylene glycolmonomethacrylate</t>
  </si>
  <si>
    <t>224790-97-0</t>
  </si>
  <si>
    <t>Butanedioic acid, 2-methylene-, 4-(1,1,2,2,3,3,4,4,5,5,6,6,7,7,8,8,8-heptadecafluorooctyl) ester</t>
  </si>
  <si>
    <t>230295-05-3</t>
  </si>
  <si>
    <t>2-Propenoic acid, 2-methyl-, 2-(diethylamino)ethyl ester, polymers withglycidyl methacrylate and γ-ω-perfluoro-C6-20-alkyl acrylate, acetates(salts)</t>
  </si>
  <si>
    <t>247047-61-6</t>
  </si>
  <si>
    <t>2-Propenoic acid, 2-methyl-,3,3,4,4,5,5,6,6,7,7,8,8,9,9,10,10,11,11,12,12,12-heneicosafluorododecylester, polymer with N-(butoxymethyl)-2-methyl-2-propenamide, dodecyl 2-propenoate, 3,3,4,4,5,5,6,6,7,7,8,8,9,9,10,10,10-heptadecafluorodecyl 2-methyl-2-propenoate, N-(hydroxymethyl)-2-methyl-2-propenamide,octadecyl 2-propenoate, oxiranylmethyl 2-methyl-2-propenoate and3,3,4,4,5,5,6,6,7,7,8,8,9,9,10,10,11,11,12,12,13,13,14,14,14-pentacosafluorotetradecyl 2-methyl-2-propenoate (9CI)</t>
  </si>
  <si>
    <t>247109-50-8</t>
  </si>
  <si>
    <t>2-Propenoic acid, 2-methyl-, methyl ester, polymer with3,3,4,4,5,5,6,6,7,7,8,8,9,9,10,10,10-heptadecafluorodecyl 2-propenoate,isooctadecyl 2-propenoate, α-(2-methyl-1-oxo-2-propenyl)-ω-methoxypoly(oxy-1,2-ethanediyl), α-(2-methyl-1-oxo-2-propenyl)-ω-[(2-methyl-1-oxo-2-propenyl)oxy]poly(oxy-1,2-ethanediyl) and rel-(1R,2R,4R)-1,7,7-trimethylbicyclo[2.2.1]hept-2-yl 2-propenoate (9CI)</t>
  </si>
  <si>
    <t>256488-93-4</t>
  </si>
  <si>
    <t>2-Propenoic acid, 2-methyl-, 3-chloro-2-hydroxypropyl ester, polymers withN-(hydroxymethyl)-2-propenamide, γ-ω-perfluoro-C8-16-alkyl acrylate andstearyl acrylate</t>
  </si>
  <si>
    <t>260794-06-7</t>
  </si>
  <si>
    <t>2-Propenoic acid, 2-methyl-, 3-chloro-2-hydroxypropyl ester, polymers withN-(hydroxymethyl)-2-propenamide, γ-ω-perfluoro-C8-16-alkyl acrylate,stearyl acrylate and vinyl chloride</t>
  </si>
  <si>
    <t>260794-09-0</t>
  </si>
  <si>
    <t>2-Propenoic acid, 2-methyl-, methyl ester, polymer with 2-ethylhexyl 2-propenoate, 3,3,4,4,5,5,6,6,7,7,8,8,9,9,10,10,10-heptadecafluorodecyl 2-propenoate, isooctadecyl 2-propenoate, 2-methyloxirane polymer withoxirane mono-2-propenoate, and α-(2-methyl-1-oxo-2-propen-1-yl)-ω-methoxypoly(oxy-1,2-ethanediyl)</t>
  </si>
  <si>
    <t>263260-98-6</t>
  </si>
  <si>
    <t>1-Propanaminium, N,N,N-tripropyl-, 2,2,3,3,4,4,5,5,6,6,7,7,8,8,8-pentadecafluorooctanoate (1:1)</t>
  </si>
  <si>
    <t>277749-00-5</t>
  </si>
  <si>
    <t>Hexanedioic acid, dimethyl ester, polymers with 2,2-bis(bromomethyl)-1,3-propanediol-ethanethiol-tetrafluoroethylene telomer reaction products</t>
  </si>
  <si>
    <t>277752-44-0</t>
  </si>
  <si>
    <t>2-Propenoic acid, 3,3,4,4,5,5,6,6,7,7,8,8,9,9,10,10,10-heptadecafluorodecylester, homopolymer, syndiotactic (9CI)</t>
  </si>
  <si>
    <t>287391-07-5</t>
  </si>
  <si>
    <t>2-Propenoic acid, 2-methyl-, polymers with 2-ethylhexyl methacrylate, N-(hydroxymethyl)-2-propenamide and 2-[methyl[(γ-ω-perfluoro-C8-14-alkyl)sulfonyl]amino]ethyl acrylate</t>
  </si>
  <si>
    <t>304012-61-1</t>
  </si>
  <si>
    <t>Siloxanes and Silicones, di-Me, mono[3-[(2-methyl-1-oxo-2-propenyl)oxy]propyl group]-terminated, polymers with 2-[[[[5-[[[2-[[[[[5-[[[(3,3,4,4,5,5,6,6,7,7,8,8,9,9,10,10,10-heptadecafluorodecyl)oxy]carbonyl]amino]-2-</t>
  </si>
  <si>
    <t>321371-84-0</t>
  </si>
  <si>
    <t>2-Propenoic acid, dodecyl ester, polymers with(chloromethyl)ethenylbenzene, N-(hydroxymethyl)-2-propenamide and γ-ω-perfluoro-C10-14-alkyl acrylates</t>
  </si>
  <si>
    <t>330809-58-0</t>
  </si>
  <si>
    <t>2-Propenoic acid, 2-methyl-, 2-hydroxyethyl ester, polymers with3,3,4,4,5,5,6,6,7,7,8,8,9,9,10,10,10-heptadecafluoro-1-decanol- and 2-hydroxyethyl acrylate-blocked 2,4-TDI-trimethylolpropane polymer, Memethacrylate and octahydro-4,7-methano-1H-indenyl acrylate, tert-Bu 2-ethylhexaneperoxoate-initiated</t>
  </si>
  <si>
    <t>339163-51-8</t>
  </si>
  <si>
    <t>3-Cyclohexene-1-carboxylic acid, 6-[(di-2-propenylamino)carbonyl]-,(1R,6R)-rel-, reaction products with pentafluoroiodoethane-tetrafluoroethylene telomer</t>
  </si>
  <si>
    <t>348137-34-8</t>
  </si>
  <si>
    <t>2-Propenoic acid, 2-methyl-, polymer with3,3,4,4,5,5,6,6,7,7,8,8,9,9,10,10,10-heptadecafluorodecyl 2-methyl-2-propenoate, methyl 2-methyl-2-propenoate and 2-methylpropyl 2-methyl-2-propenoate</t>
  </si>
  <si>
    <t>357924-15-3</t>
  </si>
  <si>
    <t>Alcohols, C8-14, γ-ω-perfluoro, polymers with 1,3-butanediol, 1,3-diisocyanatomethylbenzene and 2-ethyl-2-(hydroxymethyl)-1,3-propanediol</t>
  </si>
  <si>
    <t>374551-53-8</t>
  </si>
  <si>
    <t>2-Propenoic acid, 2-methyl-, 3,3,4,4,5,5,6,6,7,7,8,8,9,9,10,10,10-heptadecafluorodecyl ester, telomer with 1-dodecanethiol, methyl 2-methyl-2-propenoate, α-(2-methyl-1-oxo-2-propenyl)-ω-hydroxypoly(oxy-1,2-ethanediyl) and α-(2-methyl-1-oxo-2-propenyl)-ω-[(2-methyl-1-oxo-2-propenyl)oxy]poly(oxy-1,2-ethanediyl) (9CI)</t>
  </si>
  <si>
    <t>380843-06-1</t>
  </si>
  <si>
    <t>2-Propenoic acid, 3,3,4,4,5,5,6,6,7,7,8,8,9,9,10,10,10-heptadecafluorodecylester, polymer with methyloxirane polymer with oxirane mono-2-propenoate,tert-Bu 2-ethylhexaneperoxoate-initiated</t>
  </si>
  <si>
    <t>393582-46-2</t>
  </si>
  <si>
    <t>2-Propenoic acid, octahydro-4,7-methano-1H-indenyl ester, polymers with γ-ω-perfluoro-C6-22-alkyl acrylate and polyethylene glycol methacrylate Meether, di-Me 2,2'-azobis[2-methylpropanoate]-initiated</t>
  </si>
  <si>
    <t>393582-59-7</t>
  </si>
  <si>
    <t>2-Propenoic acid, octadecyl ester, polymers with γ-ω-perfluoro-C6-22-alkylacrylate</t>
  </si>
  <si>
    <t>393819-33-5</t>
  </si>
  <si>
    <t>1,4-Butanediol, polymer with 1,6-diisocyanatohexane, 2-ethyl-1-hexanol-and γ-ω-perfluoro-C8-14-alc.-blocked</t>
  </si>
  <si>
    <t>399026-30-3</t>
  </si>
  <si>
    <t>1-Propanaminium, 3-[[(3,3,4,4,5,5,6,6,7,7,8,8,9,9,10,10,10-heptadecafluorodecyl)sulfonyl]amino]-N,N,N-trimethyl-, 4-methylbenzenesulfonate (1:1)</t>
  </si>
  <si>
    <t>438237-77-5</t>
    <phoneticPr fontId="8"/>
  </si>
  <si>
    <t>2-Propenoic acid, 2-methyl-, 2-methylpropyl ester, polymer with butyl 2-propenoate and 2,5-furandione, γ-ω-perfluoro-C8-14-alkyl esters, tert-Bubenzenecarboperoxoate-initiated</t>
  </si>
  <si>
    <t>459415-06-6</t>
  </si>
  <si>
    <t>2-Propen-1-ol, reaction products with 1,1,1,2,2-pentafluoro-2-iodoethane-tetrafluoroethylene telomer, dehydroiodinated, reaction products withepichlorohydrin and triethylenetetramine</t>
  </si>
  <si>
    <t>464178-90-3</t>
  </si>
  <si>
    <t>Propanoic acid, 3-[(3,3,4,4,5,5,6,6,7,7,8,8,9,9,10,10,10-heptadecafluorodecyl)thio]-2-methyl-, lithium salt (1:1)</t>
  </si>
  <si>
    <t>476304-39-9</t>
  </si>
  <si>
    <t>2-Propenoic acid, 2-methyl-, 3-(trimethoxysilyl)propyl ester, polymer with3,3,4,4,5,5,6,6,7,7,8,8,9,9,10,10,11,11,12,12,12-heneicosafluorododecyl 2-propenoate, 3,3,4,4,5,5,6,6,7,7,8,8,9,9,10,10,10-heptadecafluorodecyl 2-propenoate and octadecyl 2-propenoate (9CI)</t>
  </si>
  <si>
    <t>477529-30-9</t>
  </si>
  <si>
    <t>Proline, 1-[(3,3,4,4,5,5,6,6,7,7,8,8,9,9,10,10,10-heptadecafluorodecyl)sulfonyl]-, lithium salt (9CI)</t>
  </si>
  <si>
    <t>503431-63-8</t>
  </si>
  <si>
    <t>2-Propenoic acid, 2-methyl-, methyl ester, polymer with3,3,4,4,5,5,6,6,7,7,8,8,9,9,10,10,10-heptadecafluorodecyl 2-propenoate,isooctadecyl 2-propenoate, α-(2-methyl-1-oxo-2-propenyl)-.ω-methoxypoly(oxy-1,2-ethanediyl) and rel-(1R,2R,4R)-1,7,7-trimethylbicyclo[2.2.1]hept-2-yl 2-propenoate, 2,2'-azobis[2-methylbutanenitrile]-initiated</t>
  </si>
  <si>
    <t>503448-36-0</t>
  </si>
  <si>
    <t>2-Propenoic acid, 3,3,4,4,5,5,6,6,7,7,8,8,9,9,10,10,10-heptadecafluorodecylester, polymer with α-(2-methyl-1-oxo-2-propenyl)-ω-methoxypoly(oxy-1,2-ethanediyl), tert-Bu 2-ethylhexaneperoxoate-initiated</t>
  </si>
  <si>
    <t>503621-60-1</t>
  </si>
  <si>
    <t>2-Propenoic acid, 3,3,4,4,5,5,6,6,7,7,8,8,9,9,10,10,10-heptadecafluorodecylester, polymer with α-(2-methyl-1-oxo-2-propenyl)-ω-methoxypoly(oxy-1,2-ethanediyl), di-Me 2,2'-azobis[2-methylpropanoate]-initiated</t>
  </si>
  <si>
    <t>503621-79-2</t>
  </si>
  <si>
    <t>2-Propenoic acid, 3,3,4,4,5,5,6,6,7,7,8,8,9,9,10,10,10-heptadecafluorodecylester, polymer with α-(2-methyl-1-oxo-2-propenyl)-ω-hydroxypoly(oxy-1,2-ethanediyl), tert-Bu 2-ethylhexaneperoxoate-initiated</t>
  </si>
  <si>
    <t>503621-80-5</t>
  </si>
  <si>
    <t>2-Propenoic acid, 3,3,4,4,5,5,6,6,7,7,8,8,9,9,10,10,10-heptadecafluorodecylester, polymer with α-(2-methyl-1-oxo-2-propen-1-yl)-ω-hydroxypoly[oxy(methyl-1,2-ethanediyl)], tert-Bu 2-ethylhexaneperoxoate-initiated</t>
  </si>
  <si>
    <t>503621-81-6</t>
  </si>
  <si>
    <t>2-Propenoic acid, 3,3,4,4,5,5,6,6,7,7,8,8,9,9,10,10,10-heptadecafluorodecylester, polymer with octahydro-4,7-methano-1H-indenyl 2-propenoate</t>
  </si>
  <si>
    <t>504395-90-8</t>
  </si>
  <si>
    <t>2-Propenoic acid, 2-methyl-, cyclohexyl ester, polymers with maleicanhydride, γ-ω-perfluoro-C8-20-alkyl acrylate and 2,4,6-tris(2-propenyloxy)-1,3,5-triazine</t>
  </si>
  <si>
    <t>518045-14-2</t>
  </si>
  <si>
    <t>2-Propenoic acid, polymer with butyl 2-propenoate and 2,5-furandione, γ-ω-perfluoro-C8-14-alkyl esters, potassium salts, tert-Bubenzenecarboperoxoate-initiated</t>
  </si>
  <si>
    <t>524729-93-9</t>
  </si>
  <si>
    <t>1,3-Butanediol, polymer with 1,3-diisocyanatomethylbenzene and 2-ethyl-2-(hydroxymethyl)-1,3-propanediol, 3,3,4,4,5,5,6,6,7,7,8,8,9,9,10,10,10-heptadecafluoro-1-decanol- and Me Et ketone oxime-blocked</t>
  </si>
  <si>
    <t>644965-83-3</t>
  </si>
  <si>
    <t>2-Propenoic acid, δ-ω-perfluoro-C9-15-alkyl esters</t>
  </si>
  <si>
    <t>671756-62-0</t>
  </si>
  <si>
    <t>Poly(difluoromethylene), α-(2-hydroxyethyl)-ω-[1,2,2,2-tetrafluoro-1-(trifluoromethyl)ethyl]- (9CI)</t>
  </si>
  <si>
    <t>761418-87-5</t>
  </si>
  <si>
    <t>2-Propenoic acid, 3,3,4,4,5,5,6,6,7,7,8,8,9,9,10,10,10-heptadecafluorodecylester, polymer with α-(1-oxo-2-propen-1-yl)-ω-hydroxypoly[oxy(methyl-1,2-ethanediyl)]</t>
  </si>
  <si>
    <t>790697-52-8</t>
  </si>
  <si>
    <t>2-Propenoic acid, 3,3,4,4,5,5,6,6,7,7,8,8,9,9,10,10,10-heptadecafluorodecylester, polymer with ethyloxirane homopolymer monoether with 1,2-propanediol mono(2-methyl-2-propenoate), tert-Bu 2-ethylhexaneperoxoate-initiated</t>
  </si>
  <si>
    <t>831241-91-9</t>
  </si>
  <si>
    <t>2-Propenoic acid, mixed hexaesters with dipentaerythritol and 3-[(3,3,4,4,5,5,6,6,7,7,8,8,9,9,10,10,10-heptadecafluorodecyl)thio]propanoicacid</t>
  </si>
  <si>
    <t>878409-15-5</t>
  </si>
  <si>
    <t>2-Propenoic acid, 2-methyl-, 1,1,2,2,3,3,3-heptafluoropropyl ester, polymerwith methyl 2-methyl-2-propenoate, 3,3,4,4,5,5,6,6,7,7,8,8,9,9,9-pentadecafluorononyl 2-methyl-2-propenoate and 1,1,2,2,2-pentafluoroethyl2-methyl-2-propenoate</t>
  </si>
  <si>
    <t>1017277-36-9</t>
  </si>
  <si>
    <t>1,3-Propanediol, 2,2-bis[[(γ-ω-perfluoro-C6-12-alkyl)thio]methyl] derivs.,polymers with 2,2-bis[[(γ-ω-perfluoro-C10-20-alkyl)thio]methyl]-1,3-propanediol, 1,6-diisocyanato-2,2,4(or 2,4,4)-trimethylhexane, 2-heptyl-3,4-bis(9-isocyanatononyl)-1-pentylcyclohexane and 2,2'-(methylimino)bis[ethanol]</t>
  </si>
  <si>
    <t>1078142-10-5</t>
  </si>
  <si>
    <t>Thiols, C4-20, γ-ω-perfluoro, telomers with acrylamide and acrylic acid,sodium salts</t>
  </si>
  <si>
    <t>1078712-88-5</t>
  </si>
  <si>
    <t>2-Propenoic acid, 2-methyl-, 3-chloro-2-hydroxypropyl ester, polymer with3,3,4,4,5,5,6,6,7,7,8,8,9,9,10,10,11,11,12,12,12-heneicosafluorododecyl 2-propenoate, 3,3,4,4,5,5,6,6,7,7,8,8,9,9,10,10,10-heptadecafluorodecyl 2-propenoate, N-(hydroxymethyl)-2-propenamide,3,3,4,4,5,5,6,6,7,7,8,8,9,9,10,10,11,11,12,12,13,13,14,14,15,15,16,16,16-nonacosafluorohexadecyl 2-propenoate, octadecyl 2-propenoate,3,3,4,4,5,5,6,6,7,7,8,8,9,9,10,10,11,11,12,12,13,13,14,14,14-pentacosafluorotetradecyl 2-propenoate and 3,3,4,4,5,5,6,6,7,7,8,8,8-tridecafluorooctyl 2-propenoate</t>
  </si>
  <si>
    <t>1094598-90-9</t>
  </si>
  <si>
    <t>2-Propenoic acid, 2-methyl-, polymers with 2-(dimethylamino)ethylmethacrylate, Me methacrylate, γ-ω-perfluoro-C8-16-alkyl acrylate andvinylpyrrolidone, 2,2'-(1,2-diazenediyl)bis[2-methylpropanenitrile]-initiated,acetates</t>
  </si>
  <si>
    <t>1223402-68-3</t>
  </si>
  <si>
    <t>2-Propenoic acid, polymer with butyl 2-propenoate and 2,5-furandione, γ-ω-perfluoro-C8-14-alkyl esters, tert-Bu 2-ethylhexaneperoxoate-initiated,compds. with 2-(dimethylamino)ethanol</t>
  </si>
  <si>
    <t>1264198-78-8</t>
  </si>
  <si>
    <t>2-Propenoic acid, 2-methyl-, 2-hydroxyethyl ester, polymer with3,3,4,4,5,5,6,6,7,7,8,8,9,9,10,10,11,11,12,12,12-heneicosafluorododecyl 2-propenoate, 3,3,4,4,5,5,6,6,7,7,8,8,9,9,10,10,10-heptadecafluorodecyl 2-propenoate, α-(2-methyl-1-oxo-2-propen-1-yl)-ω-methoxypoly(oxy-1,2-ethanediyl), 3,3,4,4,5,5,6,6,7,7,8,8,9,9,10,10,11,11,12,12,13,13,14,14,14-pentacosafluorotetradecyl 2-propenoate, 2-[2-(2-propoxyethoxy)ethoxy]ethyl2-methyl-2-propenoate and 3,3,4,4,5,5,6,6,7,7,8,8,8-tridecafluorooctyl 2-propenoate</t>
  </si>
  <si>
    <t>1429174-38-8</t>
  </si>
  <si>
    <t>Butanoic acid, 3-oxo-, 2-[(2-methyl-1-oxo-2-propen-1-yl)oxy]ethyl ester,polymer with 3,3,4,4,5,5,6,6,7,7,8,8,9,9,10,10,11,11,12,12,12-heneicosafluorododecyl 2-propenoate, 3,3,4,4,5,5,6,6,7,7,8,8,9,9,10,10,10-heptadecafluorodecyl 2-propenoate,3,3,4,4,5,5,6,6,7,7,8,8,9,9,10,10,11,11,12,12,13,13,14,14,14-pentacosafluorotetradecyl 2-propenoate and 3,3,4,4,5,5,6,6,7,7,8,8,8-tridecafluorooctyl 2-propenoate</t>
  </si>
  <si>
    <t>1430799-96-4</t>
  </si>
  <si>
    <t>Phosphinic acid, P-(1,1,2,2,3,3,4,4,5,5,6,6,7,7,8,8,8-heptadecafluorooctyl)-P-(1,1,2,2,3,3,4,4,5,5,6,6,6-tridecafluorohexyl)-</t>
  </si>
  <si>
    <t>610800-34-5</t>
  </si>
  <si>
    <t>2-Propenoic acid, 2-methyl-, 2-hydroxyethyl ester, polymers with γ-ω-perfluoro-C8-16-alkyl methacrylate, stearyl methacrylate and tridecylmethacrylate</t>
  </si>
  <si>
    <t>1221681-75-9</t>
  </si>
  <si>
    <t>1-Dodecanol, 3,3,4,4,5,5,6,6,7,7,8,8,9,9,10,10,11,11,12,12,12-heneicosafluoro-, 1-(hydrogen sulfate), ammonium salt (1:1)</t>
  </si>
  <si>
    <t>63225-58-1</t>
  </si>
  <si>
    <t>1-Decanol, 3,3,4,4,5,5,6,6,7,7,8,8,9,9,10,10,10-heptadecafluoro-, 1-(hydrogen sulfate), ammonium salt (1:1)</t>
  </si>
  <si>
    <t>63225-57-0</t>
  </si>
  <si>
    <t>2-Propenoic acid, reaction products with acetic acid (γ-ω-perfluoro-C8-10-alkyl)thio derivs. Bu esters and polyethylenimine</t>
  </si>
  <si>
    <t>1374418-39-9</t>
  </si>
  <si>
    <t>2-Propenoic acid, 2-methyl-, 3-chloro-2-hydroxypropyl ester, polymers withN-(1,1-dimethyl-3-oxobutyl)-2-propenamide, 2-ethylhexyl acrylate, γ-ω-perfluoro-C8-16-alkyl acrylate, stearyl acrylate and vinyl chloride, 2,2'-azobis[2-methylpropanimidamide] dihydrochloride-initiated</t>
  </si>
  <si>
    <t>325966-78-7</t>
  </si>
  <si>
    <t>Methanol, reaction products with 1,6-diisocyanatohexane, ethylene, ethyleneoxide, iodoethane and tetrafluoroethylene</t>
  </si>
  <si>
    <t>254889-79-7</t>
  </si>
  <si>
    <t>Imidodicarbonic diamide, N,N',2-tris(6-isocyanatohexyl)-, reaction products with3-chloro-1,2-propanediol, ethylene, iodoethane and tetrafluoroethylene</t>
  </si>
  <si>
    <t>254889-72-0</t>
  </si>
  <si>
    <t>Butanedioic acid, monopolyisobutylene derivs.,3,3,4,4,5,5,6,6,7,7,8,8,9,9,10,10,10-heptadecafluorodecyl ester</t>
  </si>
  <si>
    <t>253683-00-0</t>
  </si>
  <si>
    <t>9-Octadecenoic acid (9Z)-, 3,3,4,4,5,5,6,6,7,7,8,8,9,9,10,10,10-heptadecafluorodecyl ester</t>
  </si>
  <si>
    <t>167289-73-8</t>
  </si>
  <si>
    <t>2-Propenoic acid, 2-methyl-, 2-ethylhexyl ester, polymers with maleicanhydride, 2-[[(2-mercaptoethoxy)carbonyl]amino]ethyl methacrylate, γ-ω-perfluoro-C8-16-alkyl acrylate and stearyl methacrylate</t>
  </si>
  <si>
    <t>333784-46-6</t>
  </si>
  <si>
    <t>2-Propenoic acid, 2-methyl-, 3-chloro-2-hydroxypropyl ester, polymers with2,3-dihydroxypropyl methacrylate, γ-ω-perfluoro-C8-16-alkyl acrylate,polyethylene glycol methacrylate Me ether and polypropylene glycolmonomethacrylate</t>
  </si>
  <si>
    <t>333784-44-4</t>
  </si>
  <si>
    <t>1-Decanol, 3,3,4,4,5,5,6,6,7,7,8,8,9,9,10,10,10-heptadecafluoro-, reactionproducts with [(trimethylsilyl)oxy]-modified silica</t>
  </si>
  <si>
    <t>254889-67-3</t>
  </si>
  <si>
    <t>Octadecanoic acid, 3,3,4,4,5,5,6,6,7,7,8,8,9,9,10,10,10-heptadecafluorodecylester</t>
  </si>
  <si>
    <t>99955-83-6</t>
  </si>
  <si>
    <t>Pentanedioic acid, 3- [2- [(3, 3, 4, 4, 5, 5, 6, 6, 7, 7, 8, 8, 9, 9, 10, 10, 10- heptadecafluorodecyl ) oxy] - 2- oxoethyl] - 3- hydroxy- , 1, 5- bis(3, 3, 4, 4, 5, 5, 6, 6, 7, 7, 8, 8, 9, 9, 10, 10, 10- heptadecafluorodecyl ) ester</t>
    <phoneticPr fontId="8"/>
  </si>
  <si>
    <t>302911-86-0</t>
  </si>
  <si>
    <t>2-Propenoic acid, 3,3,4,4,5,5,6,6,7,7,8,8,9,9,10,10,10-heptadecafluorodecylester, homopolymer</t>
  </si>
  <si>
    <t>74049-08-4</t>
  </si>
  <si>
    <t>Reg. (EC) No 552/2009  Reg. (EC) No 1907/2006 (REACH)  US EPA Chemical Action Plan. http://www.epa.gov/oppt/existingchemicals/pubs/actionplans/phthalates.html
Reg.(EU) No 2018/1513 (REACH)</t>
  </si>
  <si>
    <t>Reg. (EC) No 1907/2006 (REACH Annex XIV) 
Reg.(EU) No 2018/1513 (REACH)</t>
  </si>
  <si>
    <t>Shall not be placed on the market textiles other than clothing which, under normal or reasonably foreseeable conditions of use, come into contact with human skin to an extent similar to clothing.（Concentration limit by weight 0.1%）</t>
  </si>
  <si>
    <t>Reg. (EC) No 1907/2006 (REACH)
Reg. (EC) No 552/2009; Reg. (EC) No 1272/2008;
General Administration of Quality Supervision, Inspection and Quarantine (AQSIQ)of the People’s Republic of China
Reg.(EU) No 2018/1513 (REACH)</t>
  </si>
  <si>
    <t xml:space="preserve">Extender oils and extender oils in tyres; 
Polymers, rubber articles in contact with skin </t>
  </si>
  <si>
    <t>EC 552/2009 and 2015/326 (REACH Annex XVII, entry 50, paragraph 1-4), 
Extender oils used in tyre manufacturing process &lt; 10 mg/kg of 8 REACH PAH or, polycyclic aromatics (PCA) &lt; 3 %( w/w) tested with EN 16143:2013 in extender oils or in vulcanised rubber compounds &lt; 0,35 % Bay protons tested with ISO 21461.
EC 1272/2013 Polycyclic aromatic hydrocarbons (REACH Annex XVII, entry 50, paragraph 5-8), Rubber and plastic article in contact with skin &lt; 1 mg/kg for any of the 8 REACH PAH.
EC 2018/1513 Substances listed in Appendix 12  (REACH Annex XVII, entry 72), textiles other than clothing in contact with skin. 
GB/T 30512 (China): Under discussion</t>
  </si>
  <si>
    <t>Reg. (EC) No 1907/2006 (REACH Candidate List and Annex XVII)
Reg.(EU) No 2018/1513 (REACH)</t>
  </si>
  <si>
    <t>Shall not be placed on the market textiles other than clothing which, under normal or reasonably foreseeable conditions of use, come into contact with human skin to an extent similar to clothing.（Concentration limit by weight 0.0001%）</t>
  </si>
  <si>
    <t>Reg. (EC) No 1907/2006 (REACH Annex XVII)
Reg.(EU) No 2018/1513 (REACH)</t>
  </si>
  <si>
    <t>Used as dye for polyester fibers in automotive seats.</t>
  </si>
  <si>
    <t>Tris(2-ethylhexyl)-benzene-1,2,4-tricarboxylate</t>
  </si>
  <si>
    <t>Zinc bis[O,O-bis(2-ethylhexyl)] bis(dithiophosphate)</t>
  </si>
  <si>
    <r>
      <rPr>
        <b/>
        <u/>
        <sz val="10"/>
        <rFont val="Meiryo UI"/>
        <family val="3"/>
        <charset val="128"/>
      </rPr>
      <t xml:space="preserve">Effective date (Legal requirements, regulations)
</t>
    </r>
    <r>
      <rPr>
        <b/>
        <sz val="10"/>
        <rFont val="Meiryo UI"/>
        <family val="3"/>
        <charset val="128"/>
      </rPr>
      <t xml:space="preserve">     Date             |             Action required</t>
    </r>
  </si>
  <si>
    <t>Reg. (EC) No 1907/2006  (REACH Candidate List)
K-REACH</t>
  </si>
  <si>
    <t>EU No 1272/2008 (CLP): Classification:Suspected of causing cancer, Carc. 2; H351; Harmful if swallowed, Acute Tox. 4*; H302          Reg. (EC) No 1907/2006                     (REACH Candidate List)
Reg.(EU) No 2018/1513 (REACH)</t>
  </si>
  <si>
    <t>Substance is listed on the RoI List for REACH Annex XIV
Reg.(EU) No 2018/1513 (REACH)</t>
  </si>
  <si>
    <t>Reg. (EC) No 1907/2006 (REACH Annex XIV)
Reg. (EU) No 528/2012
K-REACH</t>
  </si>
  <si>
    <t>Included in list of substances under assessment in phase 3 of Canadian Chemical Management Plan (CMP3) (2016-2020)
Reg. (EC) No 1907/2006 (REACH Annex XIV)</t>
  </si>
  <si>
    <t>Prohibition of Certain Toxic Substances Regulations, 2005 (SOR/SOR/2005-41.  Published in Canada Gazette Part II, 2006-11-29 Vol. 140, No. 25
K-REACH</t>
  </si>
  <si>
    <t>D: Allowed use as biocide in product-type : 7
Authorisation as biocide needed for product-type 8
P: Forbidden use as biocide in product-type: 9</t>
  </si>
  <si>
    <t xml:space="preserve">
         22-Nov-2019</t>
  </si>
  <si>
    <t>Prohibition of Certain Toxic Substances Regulations, 2005 (SOR/SOR/2005-41.  Published in Canada Gazette Part II, 2006-11-29 Vol. 140, No. 24 
K-REACH</t>
  </si>
  <si>
    <r>
      <t>Alkanes, C</t>
    </r>
    <r>
      <rPr>
        <b/>
        <vertAlign val="subscript"/>
        <sz val="10"/>
        <rFont val="Meiryo UI"/>
        <family val="3"/>
        <charset val="128"/>
      </rPr>
      <t>10-13</t>
    </r>
    <r>
      <rPr>
        <b/>
        <sz val="10"/>
        <rFont val="Meiryo UI"/>
        <family val="3"/>
        <charset val="128"/>
      </rPr>
      <t>, chloro</t>
    </r>
  </si>
  <si>
    <r>
      <t>Alkanes, C</t>
    </r>
    <r>
      <rPr>
        <b/>
        <vertAlign val="subscript"/>
        <sz val="10"/>
        <rFont val="Meiryo UI"/>
        <family val="3"/>
        <charset val="128"/>
      </rPr>
      <t>12-13</t>
    </r>
    <r>
      <rPr>
        <b/>
        <sz val="10"/>
        <rFont val="Meiryo UI"/>
        <family val="3"/>
        <charset val="128"/>
      </rPr>
      <t>, chloro</t>
    </r>
  </si>
  <si>
    <r>
      <t>Alkanes, C</t>
    </r>
    <r>
      <rPr>
        <b/>
        <vertAlign val="subscript"/>
        <sz val="10"/>
        <rFont val="Meiryo UI"/>
        <family val="3"/>
        <charset val="128"/>
      </rPr>
      <t>14-17</t>
    </r>
    <r>
      <rPr>
        <b/>
        <sz val="10"/>
        <rFont val="Meiryo UI"/>
        <family val="3"/>
        <charset val="128"/>
      </rPr>
      <t>, chloro</t>
    </r>
  </si>
  <si>
    <r>
      <t>Alkanes, C</t>
    </r>
    <r>
      <rPr>
        <b/>
        <vertAlign val="subscript"/>
        <sz val="10"/>
        <rFont val="Meiryo UI"/>
        <family val="3"/>
        <charset val="128"/>
      </rPr>
      <t>10-21</t>
    </r>
    <r>
      <rPr>
        <b/>
        <sz val="10"/>
        <rFont val="Meiryo UI"/>
        <family val="3"/>
        <charset val="128"/>
      </rPr>
      <t>, chloro</t>
    </r>
  </si>
  <si>
    <r>
      <t xml:space="preserve">  Chlorinated n-paraffins (C</t>
    </r>
    <r>
      <rPr>
        <b/>
        <vertAlign val="subscript"/>
        <sz val="10"/>
        <rFont val="Meiryo UI"/>
        <family val="3"/>
        <charset val="128"/>
      </rPr>
      <t>6-18</t>
    </r>
    <r>
      <rPr>
        <b/>
        <sz val="10"/>
        <rFont val="Meiryo UI"/>
        <family val="3"/>
        <charset val="128"/>
      </rPr>
      <t>)</t>
    </r>
  </si>
  <si>
    <r>
      <t xml:space="preserve">Cobalt compounds and alloys, </t>
    </r>
    <r>
      <rPr>
        <u/>
        <sz val="10"/>
        <rFont val="Meiryo UI"/>
        <family val="3"/>
        <charset val="128"/>
      </rPr>
      <t>excluding</t>
    </r>
    <r>
      <rPr>
        <sz val="11"/>
        <rFont val="Meiryo UI"/>
        <family val="3"/>
        <charset val="128"/>
      </rPr>
      <t xml:space="preserve"> cobalt in steels</t>
    </r>
  </si>
  <si>
    <r>
      <rPr>
        <sz val="11"/>
        <rFont val="Meiryo UI"/>
        <family val="3"/>
        <charset val="128"/>
      </rPr>
      <t xml:space="preserve">See list of substances reported in IMDS: </t>
    </r>
    <r>
      <rPr>
        <u/>
        <sz val="10"/>
        <color indexed="12"/>
        <rFont val="Meiryo UI"/>
        <family val="3"/>
        <charset val="128"/>
      </rPr>
      <t xml:space="preserve">
https://public.mdsystem.com/web/imds-public-pages/gadsl-crm</t>
    </r>
  </si>
  <si>
    <r>
      <rPr>
        <strike/>
        <sz val="10"/>
        <rFont val="Meiryo UI"/>
        <family val="3"/>
        <charset val="128"/>
      </rPr>
      <t>FI</t>
    </r>
    <r>
      <rPr>
        <sz val="11"/>
        <rFont val="Meiryo UI"/>
        <family val="3"/>
        <charset val="128"/>
      </rPr>
      <t xml:space="preserve"> LR</t>
    </r>
  </si>
  <si>
    <r>
      <t xml:space="preserve">(EC) No 1272/2008, The Canadian Prohibition of Certain Toxic Substances Regulations 2012 Regulation states at Section 4 that: ...a person must not manufacture, use, sell, offer for sale or import a toxic substance set out in schedule 1 or a product containing it </t>
    </r>
    <r>
      <rPr>
        <u/>
        <sz val="10"/>
        <rFont val="Meiryo UI"/>
        <family val="3"/>
        <charset val="128"/>
      </rPr>
      <t xml:space="preserve">unless the toxic substance is incidentally present. </t>
    </r>
    <r>
      <rPr>
        <sz val="11"/>
        <rFont val="Meiryo UI"/>
        <family val="3"/>
        <charset val="128"/>
      </rPr>
      <t xml:space="preserve">
Japan Chemical Substance Control Law [Class I]. Must use BAT (Best Available Technology) to assure lowest concentration.  Levels above BAT are prohibited see 
https://www.meti.go.jp/policy/chemical_management/english/files/laws/byproduct_class1.pdf</t>
    </r>
  </si>
  <si>
    <t xml:space="preserve">
Canada: no intentional addition.                                                                       Japan: ≤ BAT</t>
  </si>
  <si>
    <t>Reg. (EC) No 552/2009 Reg. (EC) No 1907/2006 (REACH) 
Japan Chemical Substances Control Law [Class I]
GB/T 30512 (ELV China)
Canada (SOR/2008-218)
Reg. (EU) 2019/1021</t>
  </si>
  <si>
    <t>Japan Chemical Substances Control Law [Class I]
K-REACH</t>
  </si>
  <si>
    <t>Reg. (EC) No 790/2009         Reg. (EC) No 1907/2006                     (REACH Candidate List)
Reg.(EU) No 2018/1513 (REACH)</t>
  </si>
  <si>
    <t>LR/FI</t>
  </si>
  <si>
    <r>
      <t xml:space="preserve">Japan Waste Management and Public Cleansing Law
</t>
    </r>
    <r>
      <rPr>
        <u/>
        <sz val="10"/>
        <rFont val="Meiryo UI"/>
        <family val="3"/>
        <charset val="128"/>
      </rPr>
      <t>Reg. (EU) No 528/2012</t>
    </r>
    <r>
      <rPr>
        <sz val="11"/>
        <rFont val="Meiryo UI"/>
        <family val="3"/>
        <charset val="128"/>
      </rPr>
      <t xml:space="preserve">
See GADSL Reference Biocide
Included in list of substances under assessment in phase 3 of Canadian Chemical Management Plan (CMP3) (2016-2020)</t>
    </r>
  </si>
  <si>
    <r>
      <t xml:space="preserve">DOTG is a non-regulated, FDA compliant substance for food contact but also a possible source of o-Toluidine in rubber products.  Listed to identify products to evaluate for possible o-Toluidine formation.  </t>
    </r>
    <r>
      <rPr>
        <i/>
        <sz val="10"/>
        <rFont val="Meiryo UI"/>
        <family val="3"/>
        <charset val="128"/>
      </rPr>
      <t>Temporary listing</t>
    </r>
    <r>
      <rPr>
        <sz val="11"/>
        <rFont val="Meiryo UI"/>
        <family val="3"/>
        <charset val="128"/>
      </rPr>
      <t>.</t>
    </r>
  </si>
  <si>
    <t>※本シートには、(1)CLP規則（(EC)1272/2008）ANNEX VI part 3を掲載（統合版のpart 3、および統合版に未反映の3つの規則の関連部分）。ClassificationのHazard Class and Category Code(s)が　Carc.1A、Carc.1B　Muta.1A、Muta.1B　Repr.1A、Repr.1Bとなっている物質のみがMDRの対象となる。
(2)REACH規則（ (EC) 1907/2006）第59条でヒトに対する内分泌かく乱に基づき認可対象候補物質リストに収載されるものについては、LR06のシートを参照。Reason for inclusion がEndocrine disrupting properties (Article 57(f) - human health)となっているものがMDRの対象となる。</t>
    <rPh sb="1" eb="2">
      <t>ホン</t>
    </rPh>
    <rPh sb="47" eb="49">
      <t>ケイサイ</t>
    </rPh>
    <rPh sb="50" eb="52">
      <t>トウゴウ</t>
    </rPh>
    <rPh sb="52" eb="53">
      <t>バン</t>
    </rPh>
    <rPh sb="64" eb="66">
      <t>トウゴウ</t>
    </rPh>
    <rPh sb="66" eb="67">
      <t>バン</t>
    </rPh>
    <rPh sb="68" eb="71">
      <t>ミハンエイ</t>
    </rPh>
    <rPh sb="75" eb="77">
      <t>キソク</t>
    </rPh>
    <rPh sb="78" eb="80">
      <t>カンレン</t>
    </rPh>
    <rPh sb="80" eb="82">
      <t>ブブン</t>
    </rPh>
    <rPh sb="187" eb="189">
      <t>ブッシツ</t>
    </rPh>
    <rPh sb="196" eb="198">
      <t>タイショウ</t>
    </rPh>
    <rPh sb="285" eb="287">
      <t>サンショウ</t>
    </rPh>
    <rPh sb="385" eb="387">
      <t>タイショウ</t>
    </rPh>
    <phoneticPr fontId="4"/>
  </si>
  <si>
    <t>1.1.3.   Notes assigned to an entry</t>
  </si>
  <si>
    <t>The note(s) assigned to an entry are listed in the column entitled ‘Notes’. The meaning of the notes is as follows:</t>
  </si>
  <si>
    <t>1.1.3.1.   Notes relating to the identification, classification and labelling of substances</t>
  </si>
  <si>
    <t>Without prejudice to Article 17(2), the name of the substance must appear on the label in the form of one of the designations given in Part 3.</t>
  </si>
  <si>
    <t>In Part 3, use is sometimes made of a general description such as ‘... compounds’ or ‘... salts’. In this case, the supplier is required to state on the label the correct name, due account being taken of section 1.1.1.4.</t>
  </si>
  <si>
    <t>In Part 3 entries with Note B have a general designation of the following type: ‘nitric acid … %’.</t>
  </si>
  <si>
    <t>In this case the supplier must state the percentage concentration of the solution on the label. Unless otherwise stated, it is assumed that the percentage concentration is calculated on a weight/weight basis.</t>
  </si>
  <si>
    <t>In this case the supplier must state on the label whether the substance is a specific isomer or a mixture of isomers.</t>
  </si>
  <si>
    <t>Certain substances which are susceptible to spontaneous polymerisation or decomposition are generally placed on the market in a stabilised form. It is in this form that they are listed in Part 3.</t>
  </si>
  <si>
    <t>However, such substances are sometimes placed on the market in a non-stabilised form. In this case, the supplier must state on the label the name of the substance followed by the words ‘non-stabilised’.</t>
  </si>
  <si>
    <t>▼M15 —————</t>
  </si>
  <si>
    <t>Note F:</t>
  </si>
  <si>
    <t>This substance may contain a stabiliser. If the stabiliser changes the hazardous properties of the substance, as indicated by the classification in Part 3, classification and labelling should be provided in accordance with the rules for classification and labelling of hazardous mixtures.</t>
  </si>
  <si>
    <t>Note G:</t>
  </si>
  <si>
    <t>This substance may be marketed in an explosive form in which case it must be evaluated using the appropriate test methods. The classification and labelling provided shall reflect the explosive properties.</t>
  </si>
  <si>
    <t>▼M2 —————</t>
  </si>
  <si>
    <t>The harmonised classification as a carcinogen or mutagen applies unless it can be shown that the substance contains less than 0,1  % w/w benzene (Einecs No 200-753-7), in which case a classification in accordance with Title II of this Regulation shall be performed also for those hazard classes.</t>
  </si>
  <si>
    <t>The harmonised classification as a carcinogen or mutagen applies unless it can be shown that the substance contains less than 0,1 % w/w 1,3- butadiene (Einecs No 203-450-8), in which case a classification in accordance with Title II of this Regulation shall be performed also for those hazard classes. Where the substance is not classified as a carcinogen or mutagen, at least the precautionary statements (P102-)P210-P403 shall apply.</t>
  </si>
  <si>
    <t>The harmonised classification as a carcinogen applies unless it can be shown that the substance contains less than 3 % of dimethyl sulphoxide extract as measured by IP 346 (‘Determination of polycyclic aromatics in unused lubricating base oils and asphaltene free petroleum fractions – Dimethyl sulphoxide extraction refractive index method’ Institute of Petroleum, London), in which case a classification in accordance with Title II of this Regulation shall be performed also for that hazard class.</t>
  </si>
  <si>
    <t>The harmonised classification as a carcinogen applies unless it can be shown that the substance contains less than 0,005  % w/w benzo[a]-pyrene (Einecs No 200-028-5), in which case a classification in accordance with Title II of this Regulation shall be performed also for that hazard class.</t>
  </si>
  <si>
    <t>The harmonised classification as a carcinogen applies unless the full refining history is known and it can be shown that the substance from which it is produced is not a carcinogen, in which case a classification in accordance with Title II of this Regulation shall be performed also for that hazard class.</t>
  </si>
  <si>
    <t>The harmonised classification as a carcinogen or mutagen applies unless it can be shown that the substance contains less than 0,1 % w/w benzene (Einecs No 200-753-7), in which case a classification in accordance with Title II of this Regulation shall be performed also for those hazard classes.</t>
  </si>
  <si>
    <t>Where the substance is not classified as a carcinogen or mutagen, at least the precautionary statements (P102-)P260-P262-P301 + P310-P331 shall apply.</t>
  </si>
  <si>
    <t>Note Q:</t>
  </si>
  <si>
    <t>The harmonised classification as a carcinogen applies unless one of the following conditions is fulfilled:</t>
  </si>
  <si>
    <t>a short term biopersistence test by inhalation has shown that fibres longer than 20 μm have a weighted half-life less than 10 days; or</t>
  </si>
  <si>
    <t>a short term biopersistence test by intratracheal instillation has shown that the fibres longer than 20 μm have a weighted half-life less than 40</t>
  </si>
  <si>
    <t>days; or</t>
  </si>
  <si>
    <t>an appropriate intra-peritoneal test has provided no evidence of excess carcinogenicity; or</t>
  </si>
  <si>
    <t>no relevant pathogenicity or neoplastic changes are noted in a suitable long term inhalation test</t>
  </si>
  <si>
    <t>The harmonised classification as a carcinogen applies except in the case of fibres with a Length Weighted Geometric Mean Diameter (LWGMD) minus two geometric standard errors greater than 6 μm, as measured in accordance with Test method A.22 in the Annex to Commission Regulation (EC) No 440/2008 ( *4 ).</t>
  </si>
  <si>
    <t>Note S:</t>
  </si>
  <si>
    <t>This substance may not require a label according to Article 17 (see Section 1.3 of Annex I) (Table 3).</t>
  </si>
  <si>
    <t>Note T:</t>
  </si>
  <si>
    <t>This substance may be marketed in a form which does not have the physical hazards as indicated by the classification in the entry in Part 3. If the results of the relevant method or methods in accordance with Part 2 of Annex I of this Regulation show that the specific form of substance marketed does not exhibit this physical property or these physical hazards, the substance shall be classified in accordance with the result or results of this test or these tests. Relevant information, including reference to the relevant test method(s) shall be included in the safety data sheet.</t>
  </si>
  <si>
    <t>Note U (Table 3):</t>
  </si>
  <si>
    <t>When put on the market gases have to be classified as ‘Gases under pressure’, in one of the groups compressed gas, liquefied gas, refrigerated liquefied gas or dissolved gas. The group depends on the physical state in which the gas is packaged and therefore has to be assigned case by case. The following codes are assigned:</t>
  </si>
  <si>
    <t>Press. Gas (Comp.)</t>
  </si>
  <si>
    <t>Press. Gas (Liq.)</t>
  </si>
  <si>
    <t>Press. Gas (Ref. Liq.)</t>
  </si>
  <si>
    <t>Press. Gas (Diss.)</t>
  </si>
  <si>
    <t>Aerosols shall not be classified as gases under pressure (See Annex I, Part 2, Section 2.3.2.1, Note 2).</t>
  </si>
  <si>
    <t>1.1.3.2.   Notes relating to the classification and labelling of mixtures</t>
  </si>
  <si>
    <t>Note 1:</t>
  </si>
  <si>
    <t>The concentration stated or, in the absence of such concentrations, the generic concentrations set out in this Regulation are the percentages by weight of the metallic element calculated with reference to the total weight of the mixture.</t>
  </si>
  <si>
    <t>Note 2:</t>
  </si>
  <si>
    <t>The concentration of isocyanate stated is the percentage by weight of the free monomer calculated with reference to the total weight of the mixture.</t>
  </si>
  <si>
    <t>Note 3:</t>
  </si>
  <si>
    <t>The concentration stated is the percentage by weight of chromate ions dissolved in water calculated with reference to the total weight of the mixture.</t>
  </si>
  <si>
    <t>Note 5:</t>
  </si>
  <si>
    <t>The concentration limits for gaseous mixtures are expressed as volume per volume percentage.</t>
  </si>
  <si>
    <t>Note 7:</t>
  </si>
  <si>
    <t>Alloys containing nickel are classified for skin sensitisation when the release rate of 0,5  μg Ni/cm2/week, as measured by the European Standard reference test method EN 1811, is exceeded.</t>
  </si>
  <si>
    <t>Note 8:</t>
  </si>
  <si>
    <t>The classification as a carcinogen shall apply unless it can be shown that the maximum theoretical concentration of releasable formaldehyde, irrespective of the source, in the mixture as placed on the market is less than 0,1 %.</t>
  </si>
  <si>
    <t>Note 9:</t>
  </si>
  <si>
    <t>The classification as a mutagen shall apply unless it can be shown that the maximum theoretical concentration of releasable formaldehyde, irrespective of the source, in the mixture as placed on the market is less than 1 %.</t>
  </si>
  <si>
    <t>(EU) 2021/277</t>
    <phoneticPr fontId="4"/>
  </si>
  <si>
    <t>2021 GADSL Reference List Version 1.0</t>
    <phoneticPr fontId="4"/>
  </si>
  <si>
    <t>‘616-113-00-9</t>
    <phoneticPr fontId="4"/>
  </si>
  <si>
    <t>3.   PART 3: HARMONISED CLASSIFICATION AND LABELLING TABLE</t>
    <phoneticPr fontId="4"/>
  </si>
  <si>
    <t>Harmonised classification and labelling for certain hazardous substances</t>
    <phoneticPr fontId="4"/>
  </si>
  <si>
    <t>2011/37/EU</t>
  </si>
  <si>
    <r>
      <t> </t>
    </r>
    <r>
      <rPr>
        <sz val="10"/>
        <rFont val="Meiryo UI"/>
        <family val="3"/>
        <charset val="128"/>
      </rPr>
      <t>(3)</t>
    </r>
    <phoneticPr fontId="4"/>
  </si>
  <si>
    <r>
      <t>2(c)(ii).  Aluminium alloys not included in entry 2(c)(i) with a lead content up to 0,4 % by weight </t>
    </r>
    <r>
      <rPr>
        <sz val="10"/>
        <rFont val="Inherit"/>
        <family val="2"/>
      </rPr>
      <t>((1a))</t>
    </r>
  </si>
  <si>
    <r>
      <t>5(a).  Lead in batteries in high-voltage systems </t>
    </r>
    <r>
      <rPr>
        <sz val="10"/>
        <rFont val="Inherit"/>
        <family val="2"/>
      </rPr>
      <t>((2a)) that are used only for propulsion in M1 and N1 vehicles</t>
    </r>
  </si>
  <si>
    <t>IEC62474 D23.00</t>
    <phoneticPr fontId="4"/>
  </si>
  <si>
    <t>[EU] Persistent Organic Pollutants (POPs) Regulation (EU) 2019/1021</t>
  </si>
  <si>
    <t>2021-07-16</t>
  </si>
  <si>
    <t>D23.00: BasicDescription updated to include EU POPs Regulation_x000D_
D22.00: Technical update of SubstanceGroup name and Description to fit the EU POPs Annex I part A entry_x000D_
D22.00: BasicDescription refers to deletion of entry 68 of Annex XVII to Regulation (EC) No 1907/2006 and inclusion in Regulation (EU) 2019/1021_x000D_
D21.00: Editorial update of basis description to transfer PFOA regulation from REACH XVII Entry 68 to EU POPs_x000D_
D18.00: Declarable Substance Group Added</t>
  </si>
  <si>
    <t>PFOA-related compounds</t>
  </si>
  <si>
    <t>Additional substance description:_x000D_
PFOA-related compounds which, for the purposes of the Convention, are any substances that degrade to PFOA, including any substances (including salts and polymers) having a linear or branched perfluoroheptyl group with the moiety (C7F15)C as one of the structural elements. The following compounds are not included as PFOA-related compounds: _x000D_
- C8F17-X, where X = F, Cl, Br;_x000D_
- fluoropolymers that are covered by CF3[CF2]n-R’, where R’=any group, n&gt; 16;_x000D_
- perfluoroalkyl carboxylic acids (including their salts, esters, halides and anhydrides) with ≥ 8 perfluorinated carbons; _x000D_
- perfluoroalkane sulfonic acids and perfluoro phosphonic acids (including their salts, esters, halides and anhydrides) with ≥ 9 perfluorinated carbons;_x000D_
- perfluorooctane sulfonic acid and its derivatives (PFOS), as listed in Part A of Annex I of Regulation (EU) 2019/1021.</t>
  </si>
  <si>
    <t>0.0001 mass% of one or a combination of PFOA-related compounds,  in article or mixture</t>
  </si>
  <si>
    <t>D23.00: Technical update of SubstanceGroup name and Description to fit the EU POPs Annex I part A entry_x000D_
D23.00: BasicDescription refers to deletion of entry 68 of Annex XVII to Regulation (EC) No 1907/2006 and inclusion in Regulation (EU) 2019/1021_x000D_
D21.00: Editorial update of basis description to transfer PFOA regulation from REACH XVII Entry 68 to EU POPs_x000D_
D18.00: Declarable Substance Group Added</t>
  </si>
  <si>
    <t>00175</t>
  </si>
  <si>
    <t>Cobalt/Cobalt compounds</t>
  </si>
  <si>
    <t>[EU] Ecodesign requirements (EU) 2021/341 and (EU) 2019/424 pursuant to Directive 2009/125/EC</t>
  </si>
  <si>
    <t>batteries used in computer servers and online data storage products</t>
  </si>
  <si>
    <t>Responder may report actual amount or in three defined ranges as described below:_x000D_
if mass of cobalt in a battery is less than 5g -- then report mass =0 with +mass tolerance = 4.99g_x000D_
if mass of cobalt in a battery is between 5g and 25g -- then report mass =5g with +mass tolerance = 20.00g_x000D_
if mass of cobalt in a battery is greater than 25g -- then report mass =25.01g  (Note:  25.01 indicates that the actual mass may be any number greater than 25)</t>
  </si>
  <si>
    <t>D23.00: Substance Group added</t>
  </si>
  <si>
    <t>00176</t>
  </si>
  <si>
    <t>Neodymium/Neodymium compounds</t>
  </si>
  <si>
    <t>HDDs (Hard Disk Drives)</t>
  </si>
  <si>
    <t>HDDs used in computer servers and online data storage products</t>
  </si>
  <si>
    <t>Responder may report actual amount or in three defined ranges as described below:_x000D_
if mass of neodynium in the HDD  is less than 5g -- then report mass =0 with +mass tolerance = 5g_x000D_
if mass of neodynium in the HDD  is between 5g and 25g -- then report mass =5g with +mass tolerance = 20g_x000D_
if mass of neodynium in the HDD  is greater than 25g -- then report mass =25.01g  (Note:  25.01 indicates that the actual mass may be any number greater than 25)</t>
  </si>
  <si>
    <t>00177</t>
  </si>
  <si>
    <t>4,4'-(1-methylpropylidene)bisphenol</t>
  </si>
  <si>
    <t>Bisphenol B; BPB</t>
  </si>
  <si>
    <t>D23.00: Substance added</t>
  </si>
  <si>
    <t>00178</t>
  </si>
  <si>
    <t>Medium-chain chlorinated paraffins (MCCP)</t>
  </si>
  <si>
    <t>Additional substance description: UVCB substances consisting of more than or equal to 80% linear chloroalkanes with carbon chain lengths within the range from C14 to C17</t>
  </si>
  <si>
    <t>MCCP</t>
  </si>
  <si>
    <t>Flame retardant and / or plasticizer in PVC and rubber, paints and coatings, adhesives and sealants, textiles and fabric</t>
  </si>
  <si>
    <t>00179</t>
  </si>
  <si>
    <t>orthoboric acid, sodium salt</t>
  </si>
  <si>
    <t>As flame retardant/adhesive ingredients for wood, paper, cotton and other plant-derived materials; glass manufacturing</t>
  </si>
  <si>
    <t>D23.00: Substance group name changed from PFOA-related substances to PFOA-related compounds_x000D_
D18.00: Added new reference substance</t>
  </si>
  <si>
    <t>R00719</t>
  </si>
  <si>
    <t>Alkanes, C14-17, chloro</t>
  </si>
  <si>
    <t>D23.00: Added new reference substance</t>
  </si>
  <si>
    <t>R00720</t>
  </si>
  <si>
    <t>di-, tri- and tetrachlorotetradecane</t>
  </si>
  <si>
    <t>D23.00: Added new reference substance; EC number: 950-299-5</t>
  </si>
  <si>
    <t>R00721</t>
  </si>
  <si>
    <t>Tetradecane, chloro derivs.</t>
  </si>
  <si>
    <t>198840-65-2</t>
  </si>
  <si>
    <t>R00722</t>
  </si>
  <si>
    <t>Alkanes, C14-16, chloro</t>
  </si>
  <si>
    <t>1372804-76-6</t>
  </si>
  <si>
    <t>R00724</t>
  </si>
  <si>
    <t>2-Propenoic acid, 2-methyl-, 3,3,4,4,5,5,6,6,7,7,8,8,9,9,10,10,10-heptadecafluorodecyl ester</t>
  </si>
  <si>
    <t>1H,1H,2H,2H-Heptadecafluorodecyl Methacrylate (stabilized with MEHQ); 3,3,4,4,5,5,6,6,7,7,8,8,9,9,10,10,10-heptadecafluorodecyl 2-methylprop-2-enoate; 3,3,4,4,5,5,6,6,7,7,8,8,9,9,10,10,10-Heptadecafluorodecyl methacrylate</t>
  </si>
  <si>
    <t>R00725</t>
  </si>
  <si>
    <t>boric acid (H3BO3), sodium salt, hydrate</t>
  </si>
  <si>
    <t>25747-83-5</t>
  </si>
  <si>
    <t>R00726</t>
  </si>
  <si>
    <t>Boric acid (H3BO3), disodium salt</t>
  </si>
  <si>
    <t>22454-04-2</t>
  </si>
  <si>
    <t>R00727</t>
  </si>
  <si>
    <t>Trisodium orthoborate</t>
  </si>
  <si>
    <t>14312-40-4</t>
  </si>
  <si>
    <t>R00728</t>
  </si>
  <si>
    <t>Boric acid, sodium salt</t>
  </si>
  <si>
    <t>1333-73-9</t>
  </si>
  <si>
    <t>R00729</t>
  </si>
  <si>
    <t>Orthoboric acid, sodium salt</t>
  </si>
  <si>
    <t>13840-56-7</t>
  </si>
  <si>
    <t>R00730</t>
  </si>
  <si>
    <t>Boric acid (H3BO3), sodium salt (1:1)</t>
  </si>
  <si>
    <t>14890-53-0</t>
  </si>
  <si>
    <t>Global Automotive Declarable Substance List (GADSL)</t>
    <phoneticPr fontId="4"/>
  </si>
  <si>
    <t xml:space="preserve">GADSL REFERENCE LIST 2021 Version 1.0 </t>
    <phoneticPr fontId="4"/>
  </si>
  <si>
    <t>Revised 2021/2/1</t>
    <phoneticPr fontId="4"/>
  </si>
  <si>
    <t>Critical Raw Materials (CRM)</t>
    <phoneticPr fontId="4"/>
  </si>
  <si>
    <t>https://public.mdsystem.com/en/web/imds-public-pages/gadsl-crm</t>
    <phoneticPr fontId="4"/>
  </si>
  <si>
    <t>アクセス日　2021/6/1</t>
    <rPh sb="4" eb="5">
      <t>ビ</t>
    </rPh>
    <phoneticPr fontId="4"/>
  </si>
  <si>
    <t>CRM Group</t>
  </si>
  <si>
    <t>IMDS Node ID</t>
  </si>
  <si>
    <t>Name</t>
  </si>
  <si>
    <t>Borate</t>
  </si>
  <si>
    <t>22232-01-5</t>
  </si>
  <si>
    <t>Bis(2-aminoethanol), diester with boric acid</t>
  </si>
  <si>
    <t>boron-tribromide</t>
  </si>
  <si>
    <t>7440-42-8</t>
  </si>
  <si>
    <t>Boron</t>
  </si>
  <si>
    <t>17702-41-9</t>
  </si>
  <si>
    <t>Decaborane(14)</t>
  </si>
  <si>
    <t>74-94-2</t>
  </si>
  <si>
    <t>Dimethylamine-borane (1:1)</t>
  </si>
  <si>
    <t>13709-94-9</t>
  </si>
  <si>
    <t>Potassium-metaborate</t>
  </si>
  <si>
    <t>Boron or zinc compound ISO 1043-4, not declarable</t>
  </si>
  <si>
    <t>138265-88-0</t>
  </si>
  <si>
    <t>Dodecaboron tetrazinc docosaoxide heptahydrate</t>
  </si>
  <si>
    <t>16940-66-2</t>
  </si>
  <si>
    <t>Sodium-tetrahydroborate</t>
  </si>
  <si>
    <t>1332-07-6</t>
  </si>
  <si>
    <t>Boric acid, zinc salt</t>
  </si>
  <si>
    <t>19624-22-7</t>
  </si>
  <si>
    <t>Pentaborane(9)</t>
  </si>
  <si>
    <t>25481-93-0</t>
  </si>
  <si>
    <t>Boric acid (H4B2O5), tetrasodium salt, pentahydrate</t>
  </si>
  <si>
    <t>10192-46-8</t>
  </si>
  <si>
    <t>Boric acid (H3BO3), zinc salt (2:3)</t>
  </si>
  <si>
    <t>10043-11-5</t>
  </si>
  <si>
    <t>Boron nitride</t>
  </si>
  <si>
    <t>94088-77-4</t>
  </si>
  <si>
    <t>Benzyltris(dimethylaminato)phosphorus(1+) tetrafluoroborate(1-)</t>
  </si>
  <si>
    <t>12788-79-3</t>
  </si>
  <si>
    <t>Aluminium borate silicate</t>
  </si>
  <si>
    <t>Polyolefin amide alkeneamine borate</t>
  </si>
  <si>
    <t>13701-59-2</t>
  </si>
  <si>
    <t>Barium-diboron-tetraoxide</t>
  </si>
  <si>
    <t>51201-70-8</t>
  </si>
  <si>
    <t>Zinc-borate</t>
  </si>
  <si>
    <t>boron-trifluoride</t>
  </si>
  <si>
    <t>13460-50-9</t>
  </si>
  <si>
    <t>Metaboric acid (HBO2)</t>
  </si>
  <si>
    <t>68130-12-1</t>
  </si>
  <si>
    <t>Boric acid, 2-aminoethyl ester</t>
  </si>
  <si>
    <t>55199-96-7</t>
  </si>
  <si>
    <t>Ethenol, homopolymer, ester with boric acid (H3BO3)</t>
  </si>
  <si>
    <t>53587-44-3</t>
  </si>
  <si>
    <t>Orthoboric acid, compound with 1,3,5-triazine-2,4,6-triamine</t>
  </si>
  <si>
    <t>54649-97-7</t>
  </si>
  <si>
    <t>Boric acid, compd. with 1,3,5-triazine-2,4,6-triamine</t>
  </si>
  <si>
    <t>68425-67-2</t>
  </si>
  <si>
    <t>Boric acid, compd. with 2-aminoethanol</t>
  </si>
  <si>
    <t>149749-62-2</t>
  </si>
  <si>
    <t>Zinc borate oxide (Zn4(BO3)2O), monohydrate (9CI)</t>
  </si>
  <si>
    <t>93165-89-0</t>
  </si>
  <si>
    <t>Ethanol, 2-[2-(2-methoxyethoxy)ethoxy]-, ester with boric acid (H3BO3)</t>
  </si>
  <si>
    <t>15525-15-2</t>
  </si>
  <si>
    <t>Phosphonium, tetraphenyl-, tetraphenylborate(1-) (1:1)</t>
  </si>
  <si>
    <t>75-23-0</t>
  </si>
  <si>
    <t>Ethylamine-Boron trifluoride</t>
  </si>
  <si>
    <t>12447-61-9</t>
  </si>
  <si>
    <t>Boron zinc oxide (B6Zn2O11), hydrate</t>
  </si>
  <si>
    <t>7775-19-1</t>
  </si>
  <si>
    <t>Sodium metaborate, anhydrous</t>
  </si>
  <si>
    <t>30989-05-0</t>
  </si>
  <si>
    <t>Tris[2-[2-(2-methoxyethoxy)ethoxy]ethyl] orthoborate</t>
  </si>
  <si>
    <t>12045-60-2</t>
  </si>
  <si>
    <t>Boron oxide</t>
  </si>
  <si>
    <t>13319-75-0</t>
  </si>
  <si>
    <t>Borane, trifluoro-, dihydrate</t>
  </si>
  <si>
    <t>12007-56-6</t>
  </si>
  <si>
    <t>Calcium tetraborate</t>
  </si>
  <si>
    <t>Tetrafluoroboric-acid</t>
  </si>
  <si>
    <t>134758-95-5</t>
  </si>
  <si>
    <t>Amines, polyethylenepoly-, reaction products with succinic anhydride polyisobutenyl derivs., borated</t>
  </si>
  <si>
    <t>Amine borate, for Lubricants</t>
  </si>
  <si>
    <t>14075-53-7</t>
  </si>
  <si>
    <t>Potassium-tetrafluoroborate</t>
  </si>
  <si>
    <t>50815-87-7</t>
  </si>
  <si>
    <t>Sodium borate silicate</t>
  </si>
  <si>
    <t>12045-64-6</t>
  </si>
  <si>
    <t>Zirconium boride (ZrB2)</t>
  </si>
  <si>
    <t>12005-61-7</t>
  </si>
  <si>
    <t>Aluminum borate oxide (Al18(BO3)4O21) (9CI)</t>
  </si>
  <si>
    <t>14283-07-9</t>
  </si>
  <si>
    <t>Borate(1-), tetrafluoro-, lithium</t>
  </si>
  <si>
    <t>429-06-1</t>
  </si>
  <si>
    <t>Ethanaminium, N,N,N-triethyl-, tetrafluoroborate(1-)</t>
  </si>
  <si>
    <t>13453-69-5</t>
  </si>
  <si>
    <t>Lithium-metaborate</t>
  </si>
  <si>
    <t>12069-32-8</t>
  </si>
  <si>
    <t>boron-carbide</t>
  </si>
  <si>
    <t>13701-64-9</t>
  </si>
  <si>
    <t>Boric acid (HBO2), calcium salt</t>
  </si>
  <si>
    <t>12007-60-2</t>
  </si>
  <si>
    <t>Boric acid (H2B407), dilithium salt</t>
  </si>
  <si>
    <t>19287-45-7</t>
  </si>
  <si>
    <t>Diborane(6)</t>
  </si>
  <si>
    <t>124756-59-8</t>
  </si>
  <si>
    <t>Boric acid (H3BO3), compd. with 2-(2-aminoethoxy)ethanol (1:1)</t>
  </si>
  <si>
    <t>71243-41-9</t>
  </si>
  <si>
    <t>Poly(oxy-1,2-ethanediyl), alpha-hydro-omega-hydroxy-, ester with boric acid (H3BO3), methyl ether</t>
  </si>
  <si>
    <t>12008-21-8</t>
  </si>
  <si>
    <t>Lanthanum hexaboride</t>
  </si>
  <si>
    <t>12513-27-8</t>
  </si>
  <si>
    <t>Zinc borate hydrate</t>
  </si>
  <si>
    <t>32316-92-0</t>
  </si>
  <si>
    <t>Boronic acid, B-2-naphthalenyl-</t>
  </si>
  <si>
    <t>20786-60-1</t>
  </si>
  <si>
    <t>Orthoboric acid, potassium salt</t>
  </si>
  <si>
    <t>13826-88-5</t>
  </si>
  <si>
    <t>Zinc bis(tetrafluoroborate)</t>
  </si>
  <si>
    <t>161907-80-8</t>
  </si>
  <si>
    <t>Ethanol, 2-methoxy-, manuf. of, by-products from, esters with boric acid (H3BO3)</t>
  </si>
  <si>
    <t>Trimethyl-borate</t>
  </si>
  <si>
    <t>37341-47-2</t>
  </si>
  <si>
    <t>Zinc borosilicate</t>
  </si>
  <si>
    <t>69444-47-9</t>
  </si>
  <si>
    <t>Ethanaminium, N,N-diethyl-N-methyl-, tetrafluoroborate(1-) (1:1)</t>
  </si>
  <si>
    <t>10049-36-2</t>
  </si>
  <si>
    <t>Boric acid (H3BO3), compd. with 2,2',2''-nitrilotris(ethanol)</t>
  </si>
  <si>
    <t>12045-63-5</t>
  </si>
  <si>
    <t>Titanium boride</t>
  </si>
  <si>
    <t>C14-18 alpha-olefin epoxide, reaction products with boric acid</t>
  </si>
  <si>
    <t>13826-83-0</t>
  </si>
  <si>
    <t>Ammonium-tetrafluoroborate</t>
  </si>
  <si>
    <t>117947-85-0</t>
  </si>
  <si>
    <t>1-Ethyl-1-methylpyrrolidinium Tetrafluoroborate</t>
  </si>
  <si>
    <t>Borated reaction product of polybutenyl succinic anhydride with ethylenediamine-piperazine polymer (EPA TSCA 17799)</t>
  </si>
  <si>
    <t>10486-00-7</t>
  </si>
  <si>
    <t>Perboric acid (HBO(O2)), sodium salt, tetrahydrate</t>
  </si>
  <si>
    <t>10377-81-8</t>
  </si>
  <si>
    <t>2-Aminoethanol, monoester with boric acid</t>
  </si>
  <si>
    <t>26038-87-9</t>
  </si>
  <si>
    <t>Boric acid (H3BO3), compd. with 2-aminoethanol</t>
  </si>
  <si>
    <t>75783-29-8</t>
  </si>
  <si>
    <t>Siloxanes and Silicones, di-Me, polymers with boron oxide (B2O3)</t>
  </si>
  <si>
    <t>12007-89-5</t>
  </si>
  <si>
    <t>Diammonium decaborate</t>
  </si>
  <si>
    <t>13814-97-6</t>
  </si>
  <si>
    <t>Tin bis(tetrafluoroborate)</t>
  </si>
  <si>
    <t>34762-90-8</t>
  </si>
  <si>
    <t>Boron, trichloro(N,N-dimethyl-1-octanamine)-, (T-4)-</t>
  </si>
  <si>
    <t>409071-16-5</t>
  </si>
  <si>
    <t>Lithium Difluoro(oxalato)borate</t>
  </si>
  <si>
    <t>68413-80-9</t>
  </si>
  <si>
    <t>Boric acid, compd. with 2,2',2''-nitrilotris(ethanol)</t>
  </si>
  <si>
    <t>68586-07-2</t>
  </si>
  <si>
    <t>(2-Hydroxyethyl)ammonium dihydrogen orthoborate</t>
  </si>
  <si>
    <t>129211-47-8</t>
  </si>
  <si>
    <t>5-Azoniaspiro[4.4]nonane, tetrafluoroborate(1-) (1:1)</t>
  </si>
  <si>
    <t>68441-44-1</t>
  </si>
  <si>
    <t>Boric acid, reaction products with ethylene glycol and polyethylene glycol mono-Me ether</t>
  </si>
  <si>
    <t>592-39-2</t>
  </si>
  <si>
    <t>Boron, trifluoro(piperidine)-, (T-4)-</t>
  </si>
  <si>
    <t>13755-29-8</t>
  </si>
  <si>
    <t>Borate(1-), tetrafluoro-, sodium</t>
  </si>
  <si>
    <t>244761-29-3</t>
  </si>
  <si>
    <t>Borate(1-), bis(ethanedioato(2-)-kappaO1,kappaO2)-, lithium (1:1), (T-4)-</t>
  </si>
  <si>
    <t>84819-41-0</t>
  </si>
  <si>
    <t>1,3,2-Dioxaborolane, 2-hydroxy-4-tetradecyl-</t>
  </si>
  <si>
    <t>1332-77-0</t>
  </si>
  <si>
    <t>Dipotassium-tetraborate</t>
  </si>
  <si>
    <t>112022-83-0</t>
  </si>
  <si>
    <t>1H,3H-Prrolo[12,-c][1,3,2]oxazaborole, tetrahydro-1-methyl-3,3-diphenyl,-, (3aR)</t>
  </si>
  <si>
    <t>91770-03-5</t>
  </si>
  <si>
    <t>Fatty acids, tall-oil, reaction products with iminodiethanol and bor...</t>
  </si>
  <si>
    <t>11128-29-3</t>
  </si>
  <si>
    <t>Boron potassium oxide (B5KO8)</t>
  </si>
  <si>
    <t>Amines, polyethylenepoly-, reaction products with succinic anhydride polybutenyl derivs.,maleated, borated (EPA AC # 177992)</t>
  </si>
  <si>
    <t>55089-03-7</t>
  </si>
  <si>
    <t>2,2'-Oxybis(5,5-dimethyl-1,3,2-dioxaborinane)</t>
  </si>
  <si>
    <t>148861-07-8</t>
  </si>
  <si>
    <t>1,3-Propanediamine - triethylborane (1:1)</t>
  </si>
  <si>
    <t>boron-trichloride</t>
  </si>
  <si>
    <t>68425-66-1</t>
  </si>
  <si>
    <t>Boric acid, compd. with 2,2'-iminobis(ethanol)</t>
  </si>
  <si>
    <t>12007-23-7</t>
  </si>
  <si>
    <t>Hafnium boride (HfB2)</t>
  </si>
  <si>
    <t>10361-94-1</t>
  </si>
  <si>
    <t>Orthoboric acid, zinc salt</t>
  </si>
  <si>
    <t>104780-67-8</t>
  </si>
  <si>
    <t>Siloxanes and Silicones, di-Me, hydroxy-terminated, polymers with boric acid</t>
  </si>
  <si>
    <t>12006-84-7</t>
  </si>
  <si>
    <t>Iron boride (FeB)</t>
  </si>
  <si>
    <t>Norbormide</t>
  </si>
  <si>
    <t>68512-53-8</t>
  </si>
  <si>
    <t>Boric acid (H3BO3), reaction products with ethanolamine and triethanolamine</t>
  </si>
  <si>
    <t>12045-78-2</t>
  </si>
  <si>
    <t>Boron potassium oxide (B4K2O7), tetrahydrate</t>
  </si>
  <si>
    <t>(4-(1-Methylethyl)phenyl)-(4-methylphenyl)iodonium tetrakis(pentafluorophenyl)borate (1-)</t>
  </si>
  <si>
    <t>12007-92-0</t>
  </si>
  <si>
    <t>Boron sodium oxide (B5NaO8)</t>
  </si>
  <si>
    <t>12006-96-1</t>
  </si>
  <si>
    <t>Lithium tetrahydroxyborate</t>
  </si>
  <si>
    <t>373-61-5</t>
  </si>
  <si>
    <t>Dihydrogen bis(acetato-O)difluoroborate(1-)</t>
  </si>
  <si>
    <t>26038-90-4</t>
  </si>
  <si>
    <t>1-Aminopropan-2-ol, compound with orthoboric acid</t>
  </si>
  <si>
    <t>135890-30-1</t>
  </si>
  <si>
    <t>Ammonium boron oxide ((NH4)B5O8), hydrate (1:4)</t>
  </si>
  <si>
    <t>68478-97-7</t>
  </si>
  <si>
    <t>2-Propanamine, compd. with boron trifluoride, reaction products with Bu glycidyl ether</t>
  </si>
  <si>
    <t>68298-96-4</t>
  </si>
  <si>
    <t>2-((2-Hydroxyethyl)amino)ethyl dihydrogen orthoborate</t>
  </si>
  <si>
    <t>12045-15-7</t>
  </si>
  <si>
    <t>Manganese boride (MnB)</t>
  </si>
  <si>
    <t>16971-82-7</t>
  </si>
  <si>
    <t>Borate(1-), bis(1,2-benzenediolato(2-)-kappaO,kappaO')-, (T-4)-, hydrogen, compd. with N,N'-bis(2-methylphenyl)guanidine (1:1)</t>
  </si>
  <si>
    <t>69444-51-5</t>
  </si>
  <si>
    <t>Pyrrolidinium, 1,1-dimethyl-, tetrafluoroborate(1-)</t>
  </si>
  <si>
    <t>Borate + Mg</t>
  </si>
  <si>
    <t>13703-82-7</t>
  </si>
  <si>
    <t>Magnesium metaborate</t>
  </si>
  <si>
    <t>Cobalt</t>
  </si>
  <si>
    <t>2376890-34-3</t>
  </si>
  <si>
    <t>Cobalt, [29H,31H-phthalocyaninato(2-)-kN29,kN30,kN31,kN32]-, chloro derivs.</t>
  </si>
  <si>
    <t>91672-74-1</t>
  </si>
  <si>
    <t>C.I.  Solvent Black 48</t>
  </si>
  <si>
    <t>113066-89-0</t>
  </si>
  <si>
    <t>Lithium Nickel Cobalt Oxide</t>
  </si>
  <si>
    <t>189139-63-7</t>
  </si>
  <si>
    <t>Cobalt(2+) manganese(2+) nickel(2+) hydroxide (1:1:1:6)</t>
  </si>
  <si>
    <t>Germanium</t>
  </si>
  <si>
    <t>7440-56-4</t>
  </si>
  <si>
    <t>7782-65-2</t>
  </si>
  <si>
    <t>Germanium-tetrahydride</t>
  </si>
  <si>
    <t>1310-53-8</t>
  </si>
  <si>
    <t>Germanium dioxide</t>
  </si>
  <si>
    <t>Heavy Rare Earth Elements &amp; Light Rare Earth Elements</t>
  </si>
  <si>
    <t>1314-36-9</t>
  </si>
  <si>
    <t>Yttrium-oxide</t>
  </si>
  <si>
    <t>7440-00-8</t>
  </si>
  <si>
    <t>Neodymium</t>
  </si>
  <si>
    <t>7440-10-0</t>
  </si>
  <si>
    <t>Praseodymium</t>
  </si>
  <si>
    <t>7440-65-5</t>
  </si>
  <si>
    <t>yttrium</t>
  </si>
  <si>
    <t>1306-38-3</t>
  </si>
  <si>
    <t>Cerium-dioxide</t>
  </si>
  <si>
    <t>7429-91-6</t>
  </si>
  <si>
    <t>Dysprosium</t>
  </si>
  <si>
    <t>1312-81-8</t>
  </si>
  <si>
    <t>Lanthanum Oxide</t>
  </si>
  <si>
    <t>1313-97-9</t>
  </si>
  <si>
    <t>Neodymium-oxide</t>
  </si>
  <si>
    <t>7440-19-9</t>
  </si>
  <si>
    <t>Samarium</t>
  </si>
  <si>
    <t>12037-29-5</t>
  </si>
  <si>
    <t>Praseodymium(III,IV) oxide</t>
  </si>
  <si>
    <t>7440-45-1</t>
  </si>
  <si>
    <t>Cerium</t>
  </si>
  <si>
    <t>12064-62-9</t>
  </si>
  <si>
    <t>Digadolinium-trioxide</t>
  </si>
  <si>
    <t>12014-56-1</t>
  </si>
  <si>
    <t>Cerium-tetrahydroxide</t>
  </si>
  <si>
    <t>7439-91-0</t>
  </si>
  <si>
    <t>Lanthanum</t>
  </si>
  <si>
    <t>7440-27-9</t>
  </si>
  <si>
    <t>Terbium</t>
  </si>
  <si>
    <t>12005-21-9</t>
  </si>
  <si>
    <t>Aluminum yttrium oxide</t>
  </si>
  <si>
    <t>12058-94-5</t>
  </si>
  <si>
    <t>Neodymium Titanate</t>
  </si>
  <si>
    <t>12037-01-3</t>
  </si>
  <si>
    <t>Terbium oxide (Tb4O7)</t>
  </si>
  <si>
    <t>7440-64-4</t>
  </si>
  <si>
    <t>Ytterbium</t>
  </si>
  <si>
    <t>1314-37-0</t>
  </si>
  <si>
    <t>Ytterbium (III) oxide</t>
  </si>
  <si>
    <t>12031-47-9</t>
  </si>
  <si>
    <t>Dilanthanum dititanium heptaoxide</t>
  </si>
  <si>
    <t>95823-34-0</t>
  </si>
  <si>
    <t>Phosphoric acid, lanthanum salt, cerium terbium-doped</t>
  </si>
  <si>
    <t>7440-54-2</t>
  </si>
  <si>
    <t>Gadolinium</t>
  </si>
  <si>
    <t>7440-60-0</t>
  </si>
  <si>
    <t>Holmium</t>
  </si>
  <si>
    <t>12060-58-1</t>
  </si>
  <si>
    <t>Samarium (III) oxide</t>
  </si>
  <si>
    <t>68585-82-0</t>
  </si>
  <si>
    <t>Yttrium oxide (Y2O3), europium-doped</t>
  </si>
  <si>
    <t>12032-20-1</t>
  </si>
  <si>
    <t>Lutetium oxide</t>
  </si>
  <si>
    <t>12035-31-3</t>
  </si>
  <si>
    <t>Neodymium titanium oxide (Nd2Ti2O7)</t>
  </si>
  <si>
    <t>12014-93-6</t>
  </si>
  <si>
    <t>Dicerium-trisulfide</t>
  </si>
  <si>
    <t>lanthanum titanate</t>
  </si>
  <si>
    <t>1308-96-9</t>
  </si>
  <si>
    <t>Europium oxide (Eu2O3)</t>
  </si>
  <si>
    <t>12201-04-6</t>
  </si>
  <si>
    <t>Lanthanum titanium trioxide</t>
  </si>
  <si>
    <t>68585-83-1</t>
  </si>
  <si>
    <t>Yttrium oxide (Y2O3), ytterbium-doped</t>
  </si>
  <si>
    <t>7440-30-4</t>
  </si>
  <si>
    <t>Thulium</t>
  </si>
  <si>
    <t>7435-02-1</t>
  </si>
  <si>
    <t>Octanoic acid, cerium salt</t>
  </si>
  <si>
    <t>24593-34-8</t>
  </si>
  <si>
    <t>2-Ethylhexanoic acid, cerium salt</t>
  </si>
  <si>
    <t>13813-24-6</t>
  </si>
  <si>
    <t>Neodymium iodide (NdI3)</t>
  </si>
  <si>
    <t>1308-87-8</t>
  </si>
  <si>
    <t>Dysprosium oxide (Dy2O3)</t>
  </si>
  <si>
    <t>1355228-63-5</t>
  </si>
  <si>
    <t>Aluminum calcium europium nitrogen silicon oxide</t>
  </si>
  <si>
    <t>7440-53-1</t>
  </si>
  <si>
    <t>Europium</t>
  </si>
  <si>
    <t>68188-85-2</t>
  </si>
  <si>
    <t>Rare earth fluorides</t>
  </si>
  <si>
    <t>132086-17-0</t>
  </si>
  <si>
    <t>Iron samarium nitride (Fe17Sm2N3)</t>
  </si>
  <si>
    <t>7440-52-0</t>
  </si>
  <si>
    <t>Erbium</t>
  </si>
  <si>
    <t>13760-80-0</t>
  </si>
  <si>
    <t>Ytterbium fluoride</t>
  </si>
  <si>
    <t>54451-24-0</t>
  </si>
  <si>
    <t>Carbonic acid, lanthanum (3 ) salt (3:2), hydrate</t>
  </si>
  <si>
    <t>37247-99-7</t>
  </si>
  <si>
    <t>Dysprosium oxide</t>
  </si>
  <si>
    <t>12005-19-5</t>
  </si>
  <si>
    <t>Aluminum terbium oxide</t>
  </si>
  <si>
    <t>12031-49-1</t>
  </si>
  <si>
    <t>Dilanthanum-trisulfide</t>
  </si>
  <si>
    <t>12063-74-0</t>
  </si>
  <si>
    <t>Iron, compound with neodymium (17:2)</t>
  </si>
  <si>
    <t>13709-49-4</t>
  </si>
  <si>
    <t>Yttrium fluoride</t>
  </si>
  <si>
    <t>12020-58-5</t>
  </si>
  <si>
    <t>Europium nitride</t>
  </si>
  <si>
    <t>11141-21-2</t>
  </si>
  <si>
    <t>Didymium oxide</t>
  </si>
  <si>
    <t>37382-23-3</t>
  </si>
  <si>
    <t>Cerium hydroxide</t>
  </si>
  <si>
    <t>25764-10-7</t>
  </si>
  <si>
    <t>Lanthanum nitride</t>
  </si>
  <si>
    <t>25764-08-3</t>
  </si>
  <si>
    <t>Cerium nitride</t>
  </si>
  <si>
    <t>1418209-79-6</t>
  </si>
  <si>
    <t>Cerium lanthanum yttrium nitride silicide</t>
  </si>
  <si>
    <t>64417-98-7</t>
  </si>
  <si>
    <t>Yttrium zirconium oxide</t>
  </si>
  <si>
    <t>7439-94-3</t>
  </si>
  <si>
    <t>Lutetium</t>
  </si>
  <si>
    <t>1616092-02-4</t>
  </si>
  <si>
    <t>Aluminum europium lithium nitrogen silicon oxide</t>
  </si>
  <si>
    <t>16454-60-7</t>
  </si>
  <si>
    <t>Neodymium(III) nitrate, hexahydrate (1:3:6)</t>
  </si>
  <si>
    <t>1306-08-7</t>
  </si>
  <si>
    <t>Columbite ((Fe0-1Mg0-1Mn0-1)(Nb0.5-1Ta0-0.5)2O6)</t>
  </si>
  <si>
    <t>1350827-55-2</t>
  </si>
  <si>
    <t>Lutetium Aluminum Oxide</t>
  </si>
  <si>
    <t>55072-55-4</t>
  </si>
  <si>
    <t>Barium lanthanum titanium oxide</t>
  </si>
  <si>
    <t>Cerium-Iron oxide Isostearate</t>
  </si>
  <si>
    <t>10277-43-7</t>
  </si>
  <si>
    <t>Lanthanum nitrate hexahydrate</t>
  </si>
  <si>
    <t>12003-65-5</t>
  </si>
  <si>
    <t>Aluminium lanthanum trioxide</t>
  </si>
  <si>
    <t>12063-54-6</t>
  </si>
  <si>
    <t>Iron lanthanum oxide</t>
  </si>
  <si>
    <t>13709-38-1</t>
  </si>
  <si>
    <t>Lanthanum fluoride</t>
  </si>
  <si>
    <t>53169-24-7</t>
  </si>
  <si>
    <t>Cerium zirconium oxide (CeZrO4)</t>
  </si>
  <si>
    <t>13566-12-6</t>
  </si>
  <si>
    <t>Vanadium yttrium tetraoxide</t>
  </si>
  <si>
    <t>1239902-45-4</t>
  </si>
  <si>
    <t>Indium manganese yttrium oxide</t>
  </si>
  <si>
    <t>1347656-34-1</t>
  </si>
  <si>
    <t>Aluminum Calcium Chloride Nitride Silicide, Europium-doped</t>
  </si>
  <si>
    <t>163584-80-3</t>
  </si>
  <si>
    <t>Aluminum cerium yttrium oxide</t>
  </si>
  <si>
    <t>Heavy Rare Earth Elements &amp; Light Rare Earth Elements + Borate</t>
  </si>
  <si>
    <t>Reaction mass of boron and iron and neodymium</t>
  </si>
  <si>
    <t>Heavy Rare Earth Elements &amp; Light Rare Earth Elements + Mg</t>
  </si>
  <si>
    <t>102110-19-0</t>
  </si>
  <si>
    <t>Aluminum oxide (Al2O3), solid soln. with cerium oxide (CeO2) and magnesium oxide, terbium-doped</t>
  </si>
  <si>
    <t>102110-17-8</t>
  </si>
  <si>
    <t>Aluminum oxide (Al2O3), solid soln. with barium oxide and magnesium oxide, europium-doped</t>
  </si>
  <si>
    <t>Heavy Rare Earth Elements &amp; Light Rare Earth Elements + Mg + Strontium</t>
  </si>
  <si>
    <t>101356-94-9</t>
  </si>
  <si>
    <t>Barium oxide (BaO), solid soln. with calcium oxide, magnesium oxide, phosphorus oxide (P2O5), strontium oxide and zinc oxide, ceriumand manganese-doped</t>
  </si>
  <si>
    <t>944044-88-6</t>
  </si>
  <si>
    <t>Barium europium magnesium silicon strontium oxide</t>
  </si>
  <si>
    <t>Heavy Rare Earth Elements &amp; Light Rare Earth Elements + Strontium</t>
  </si>
  <si>
    <t>374783-70-7</t>
  </si>
  <si>
    <t>Barium calcium europium strontium silicate (Ba1.3Ca0.2Eu0.1Sr0.4(SiO4)) (9CI)</t>
  </si>
  <si>
    <t>1272659-22-9</t>
  </si>
  <si>
    <t>Europium-doped (aluminum calcium strontium nitride silicide)</t>
  </si>
  <si>
    <t>201426-52-0</t>
  </si>
  <si>
    <t>Strontium Aluminium Oxide Spinels (SrAl2O4), europium-doped</t>
  </si>
  <si>
    <t>Magnesium</t>
  </si>
  <si>
    <t>14807-96-6</t>
  </si>
  <si>
    <t>Talc</t>
  </si>
  <si>
    <t>1309-48-4</t>
  </si>
  <si>
    <t>Magnesium-oxide</t>
  </si>
  <si>
    <t>Magnesium (metal)</t>
  </si>
  <si>
    <t>Talc (Magnesium silicate)</t>
  </si>
  <si>
    <t>1309-42-8</t>
  </si>
  <si>
    <t>Magnesium hydroxide</t>
  </si>
  <si>
    <t>557-04-0</t>
  </si>
  <si>
    <t>Magnesium distearate</t>
  </si>
  <si>
    <t>53320-86-8</t>
  </si>
  <si>
    <t>Silicic acid, lithium magnesium sodium salt</t>
  </si>
  <si>
    <t>12032-30-3</t>
  </si>
  <si>
    <t>Magnesium-titanate</t>
  </si>
  <si>
    <t>11097-59-9</t>
  </si>
  <si>
    <t>[Carbonato(2-)]hexadecahydroxybis(aluminium)hexamagnesium</t>
  </si>
  <si>
    <t>7791-18-6</t>
  </si>
  <si>
    <t>Magnesium chloride, hexahydrate</t>
  </si>
  <si>
    <t>1318-59-8</t>
  </si>
  <si>
    <t>Chlorite-group minerals</t>
  </si>
  <si>
    <t>Aluminum magnesium zinc carbonate hydroxide</t>
  </si>
  <si>
    <t>13776-74-4</t>
  </si>
  <si>
    <t>Magnesium silicate</t>
  </si>
  <si>
    <t>12304-65-3</t>
  </si>
  <si>
    <t>Hydrotalcite</t>
  </si>
  <si>
    <t>63800-37-3</t>
  </si>
  <si>
    <t>Sepiolite</t>
  </si>
  <si>
    <t>546-93-0</t>
  </si>
  <si>
    <t>Magnesium-carbonate</t>
  </si>
  <si>
    <t>7760-50-1</t>
  </si>
  <si>
    <t>Tetra[carbonato(2-)]dihydroxypentamagnesium</t>
  </si>
  <si>
    <t>12068-86-9</t>
  </si>
  <si>
    <t>Diiron-magnesium-tetraoxide</t>
  </si>
  <si>
    <t>7783-40-6</t>
  </si>
  <si>
    <t>Magnesium fluoride</t>
  </si>
  <si>
    <t>12040-43-6</t>
  </si>
  <si>
    <t>Silicic acid, aluminum magnesium sodium salt</t>
  </si>
  <si>
    <t>12207-97-5</t>
  </si>
  <si>
    <t>Magnesium oxide silicate (Mg3O(Si2O5)2), monohydrate (9CI)</t>
  </si>
  <si>
    <t>1343-90-4</t>
  </si>
  <si>
    <t>Magnesium-silicate-hydrate</t>
  </si>
  <si>
    <t>56450-90-9</t>
  </si>
  <si>
    <t>Magnesium sodium fluoride silicate</t>
  </si>
  <si>
    <t>1343-88-0</t>
  </si>
  <si>
    <t>Silicic acid, magnesium salt</t>
  </si>
  <si>
    <t>12125-28-9</t>
  </si>
  <si>
    <t>Magnesium-carbonate-hydroxide</t>
  </si>
  <si>
    <t>63774-55-0</t>
  </si>
  <si>
    <t>Aluminum barium magnesium oxide</t>
  </si>
  <si>
    <t>7487-88-9</t>
  </si>
  <si>
    <t>Magnesium-sulphate</t>
  </si>
  <si>
    <t>10043-83-1</t>
  </si>
  <si>
    <t>Phosphoric acid, magnesium salt</t>
  </si>
  <si>
    <t>Magnesium-hexafluorosilicate</t>
  </si>
  <si>
    <t>39290-90-9</t>
  </si>
  <si>
    <t>Magnesium potassium titanium oxide</t>
  </si>
  <si>
    <t>12032-52-9</t>
  </si>
  <si>
    <t>Magnesium titanium oxide (Mg2TiO4)</t>
  </si>
  <si>
    <t>91031-63-9</t>
  </si>
  <si>
    <t>Fatty acids, C16-18, magnesium salts</t>
  </si>
  <si>
    <t>7786-30-3</t>
  </si>
  <si>
    <t>Magnesium-chloride</t>
  </si>
  <si>
    <t>12363-58-5</t>
  </si>
  <si>
    <t>Aluminate (Al(OH)63-), (OC-6-11)-, magnesium carbonate hydroxide, hydrate (2:6:1:4:4)</t>
  </si>
  <si>
    <t>142-72-3</t>
  </si>
  <si>
    <t>Magnesium acetate</t>
  </si>
  <si>
    <t>12508-61-1</t>
  </si>
  <si>
    <t>Magnesium hydroxide sulfate (Mg6(OH)10(SO4)), hydrate (1:3)</t>
  </si>
  <si>
    <t>14987-04-3</t>
  </si>
  <si>
    <t>Dimagnesium trisilicon octaoxide</t>
  </si>
  <si>
    <t>1327-43-1</t>
  </si>
  <si>
    <t>Silicic acid, aluminum magnesium salt</t>
  </si>
  <si>
    <t>40277-04-1</t>
  </si>
  <si>
    <t>Magnesium(2+) 12-hydroxyoctadecanoate</t>
  </si>
  <si>
    <t>12539-23-0</t>
  </si>
  <si>
    <t>Aluminum magnesium carbonate hydroxide hydrate</t>
  </si>
  <si>
    <t>10377-60-3</t>
  </si>
  <si>
    <t>Magnesium-nitrate</t>
  </si>
  <si>
    <t>7757-86-0</t>
  </si>
  <si>
    <t>Magnesium hydrogenorthophosphate</t>
  </si>
  <si>
    <t>315689-16-8</t>
  </si>
  <si>
    <t>Aluminate (AlO21-), magnesium (2:1)</t>
  </si>
  <si>
    <t>83897-85-2</t>
  </si>
  <si>
    <t>Magnesite (Mg(CO3)), calcined</t>
  </si>
  <si>
    <t>11137-98-7</t>
  </si>
  <si>
    <t>Aluminum magnesium oxide</t>
  </si>
  <si>
    <t>10034-99-8</t>
  </si>
  <si>
    <t>Magnesium(II), sulfate, heptahydrate</t>
  </si>
  <si>
    <t>150226-40-7</t>
  </si>
  <si>
    <t>Formaldehyde, polymer with 4-(1,1-dimethylethyl)phenol, 4,4'-(1-methylethylidene)bis(phenol) and 4-methylphenol, magnesium oxide complex</t>
  </si>
  <si>
    <t>13446-53-2</t>
  </si>
  <si>
    <t>Magnesium bromide (MgBr2), hexahydrate (9CI)</t>
  </si>
  <si>
    <t>37296-97-2</t>
  </si>
  <si>
    <t>Magnesium silicon sodium fluoride hydroxide oxide</t>
  </si>
  <si>
    <t>100209-15-2</t>
  </si>
  <si>
    <t>Hexamagnesium heptasodium dohectaoxodibismuthatepentatriacontasilicatetridecaaluminate(19-)</t>
  </si>
  <si>
    <t>13446-18-9</t>
  </si>
  <si>
    <t>Magnesium-nitrate-hexahydrate</t>
  </si>
  <si>
    <t>71786-47-5</t>
  </si>
  <si>
    <t>Benzenesulfonic acid, mono- and dialkyl derivs., magnesium salts</t>
  </si>
  <si>
    <t>273730-58-8</t>
  </si>
  <si>
    <t>Magnesium potassium silicon fluoride hydroxide oxide</t>
  </si>
  <si>
    <t>Silicon(4+) dialuminium(3+) calcium magnesium(2+) heptaoxidandiide</t>
  </si>
  <si>
    <t>39409-82-0</t>
  </si>
  <si>
    <t>Magnesium carbonate basic</t>
  </si>
  <si>
    <t>7757-87-1</t>
  </si>
  <si>
    <t>Phosphoric acid, magnesium salt (2:3)</t>
  </si>
  <si>
    <t>93028-29-6</t>
  </si>
  <si>
    <t>Benzenesulfonic acid, C10-60-alkyl derivs., magnesium salts</t>
  </si>
  <si>
    <t>59114-54-4</t>
  </si>
  <si>
    <t>Calcium magnesium titanium oxide</t>
  </si>
  <si>
    <t>26686-77-1</t>
  </si>
  <si>
    <t>Silicic acid (H4SiO4), magnesium salt (8CI, 9CI)</t>
  </si>
  <si>
    <t>12072-90-1</t>
  </si>
  <si>
    <t>Hydromagnesite</t>
  </si>
  <si>
    <t>595585-15-2</t>
  </si>
  <si>
    <t>D-Glucurono-6-deoxy-L-manno-D-glucan, acetate, calcium magnesium potassium sodium salt</t>
  </si>
  <si>
    <t>28015-99-8</t>
  </si>
  <si>
    <t>Magnesium bis(dinonylnaphthalenesulphonate)</t>
  </si>
  <si>
    <t>84929-98-6</t>
  </si>
  <si>
    <t>Magnesium, bis(2-hydroxybenzoato-O1,O2)-, ar,ar'-di-C&gt;13-alkyl derivs.</t>
  </si>
  <si>
    <t>13092-66-5</t>
  </si>
  <si>
    <t>Magnesium bis(dihydrogenorthophosphate)</t>
  </si>
  <si>
    <t>12068-51-8</t>
  </si>
  <si>
    <t>Dialuminium magnesium tetraoxide</t>
  </si>
  <si>
    <t>64294-89-9</t>
  </si>
  <si>
    <t>C.I. Pigment Brown 11</t>
  </si>
  <si>
    <t>22677-47-0</t>
  </si>
  <si>
    <t>Magnesium-diricinoleate</t>
  </si>
  <si>
    <t>7789-48-2</t>
  </si>
  <si>
    <t>Magnesium bromide</t>
  </si>
  <si>
    <t>10034-94-3</t>
  </si>
  <si>
    <t>Magnesium orthosilicate</t>
  </si>
  <si>
    <t>15490-91-2</t>
  </si>
  <si>
    <t>Magnesium ammonium phosphate hexahydrate</t>
  </si>
  <si>
    <t>7095-16-1</t>
  </si>
  <si>
    <t>Magnesium methacrylate</t>
  </si>
  <si>
    <t>71205-22-6</t>
  </si>
  <si>
    <t>Magnesium aluminosilicate (MgAl2Si2O8) hydrate</t>
  </si>
  <si>
    <t>68611-24-5</t>
  </si>
  <si>
    <t>Phenol, polymer with formaldehyde, magnesium oxide complex</t>
  </si>
  <si>
    <t>171171-80-5</t>
  </si>
  <si>
    <t>Magnesium, bis(2-(hydroxy-kappaO)benzoato-kappaO)-, ar, ar'-di-C14-18-alkyl derivs.</t>
  </si>
  <si>
    <t>155553-85-8</t>
  </si>
  <si>
    <t>Magnesium silicon oxide</t>
  </si>
  <si>
    <t>Natural graphite</t>
  </si>
  <si>
    <t>7782-42-5</t>
  </si>
  <si>
    <t>Graphite</t>
  </si>
  <si>
    <t>Niobium</t>
  </si>
  <si>
    <t>7440-03-1</t>
  </si>
  <si>
    <t>1313-96-8</t>
  </si>
  <si>
    <t>Diniobium-pentaoxide</t>
  </si>
  <si>
    <t>68611-42-7</t>
  </si>
  <si>
    <t>Chrome-niobium-titanium-buff-rutile</t>
  </si>
  <si>
    <t>12059-63-1</t>
  </si>
  <si>
    <t>Niobium oxide</t>
  </si>
  <si>
    <t>12031-63-9</t>
  </si>
  <si>
    <t>Lithium niobium oxide (LiNbO3)</t>
  </si>
  <si>
    <t>12034-57-0</t>
  </si>
  <si>
    <t>Niobium oxide (NbO)</t>
  </si>
  <si>
    <t>12069-94-2</t>
  </si>
  <si>
    <t>Niobium Carbide</t>
  </si>
  <si>
    <t>24621-21-4</t>
  </si>
  <si>
    <t>Niobium nitride (NbN)</t>
  </si>
  <si>
    <t>1374645-21-2</t>
  </si>
  <si>
    <t>Niobium sulfur tin zinc oxide</t>
  </si>
  <si>
    <t>12396-77-9</t>
  </si>
  <si>
    <t>Niobium Thallium Trioxide</t>
  </si>
  <si>
    <t>12034-77-4</t>
  </si>
  <si>
    <t>Niobium selenide (NbSe2)</t>
  </si>
  <si>
    <t>Platinum Group Metals</t>
  </si>
  <si>
    <t>7440-05-3</t>
  </si>
  <si>
    <t>Palladium</t>
  </si>
  <si>
    <t>12036-10-1</t>
  </si>
  <si>
    <t>Ruthenium(IV)oxide</t>
  </si>
  <si>
    <t>7440-06-4</t>
  </si>
  <si>
    <t>Platinum</t>
  </si>
  <si>
    <t>13444-93-4</t>
  </si>
  <si>
    <t>Osmium-trichloride</t>
  </si>
  <si>
    <t>Osmium-tetraoxide</t>
  </si>
  <si>
    <t>7440-18-8</t>
  </si>
  <si>
    <t>Ruthenium</t>
  </si>
  <si>
    <t>7440-16-6</t>
  </si>
  <si>
    <t>Rhodium</t>
  </si>
  <si>
    <t>1314-08-5</t>
  </si>
  <si>
    <t>Palladium-monoxide</t>
  </si>
  <si>
    <t>12036-35-0</t>
  </si>
  <si>
    <t>Dirhodium-trioxide</t>
  </si>
  <si>
    <t>68412-56-6</t>
  </si>
  <si>
    <t>Platinum, chloro octanol complexes</t>
  </si>
  <si>
    <t>7439-88-5</t>
  </si>
  <si>
    <t>Iridium</t>
  </si>
  <si>
    <t>68478-92-2</t>
  </si>
  <si>
    <t>Platinum, 1,3-diethenyl-1,1,3,3-tetramethyldisiloxane complexes</t>
  </si>
  <si>
    <t>7647-10-1</t>
  </si>
  <si>
    <t>Palladium-dichloride</t>
  </si>
  <si>
    <t>7440-04-2</t>
  </si>
  <si>
    <t>Osmium</t>
  </si>
  <si>
    <t>12035-82-4</t>
  </si>
  <si>
    <t>Platinum oxide</t>
  </si>
  <si>
    <t>10102-05-3</t>
  </si>
  <si>
    <t>Nitric acid, palladium(2+) salt</t>
  </si>
  <si>
    <t>32740-79-7</t>
  </si>
  <si>
    <t>Ruthenium oxide (RuO2), hydrate (8CI, 9CI)</t>
  </si>
  <si>
    <t>73018-55-0</t>
  </si>
  <si>
    <t>Platinum, dicarbonyldichloro-, reaction products with 2,4,6-triethenyl-2,4,6-trimethylcyclotrisiloxane</t>
  </si>
  <si>
    <t>10139-58-9</t>
  </si>
  <si>
    <t>Nitric acid, rhodium(3+) salt</t>
  </si>
  <si>
    <t>12030-49-8</t>
  </si>
  <si>
    <t>Iridium oxide (IrO2)</t>
  </si>
  <si>
    <t>167693-36-9</t>
  </si>
  <si>
    <t>Rhodium, bis(acetonitrile)tetrakis[m-[methyl 2-(oxo-kO)-4-oxazolidinecarboxylato-kN3]]di-, (Rh-Rh), stereoisomer (9CI)</t>
  </si>
  <si>
    <t>13815-17-3</t>
  </si>
  <si>
    <t>Palladium(2+), tetraammine-, chloride (1:2), (SP-4-1)-</t>
  </si>
  <si>
    <t>30980-84-8</t>
  </si>
  <si>
    <t>Iridium(IV) oxide dihydrate</t>
  </si>
  <si>
    <t>15604-96-3</t>
  </si>
  <si>
    <t>Iridium, dichlorotris(dimethylphenylphosphine)(thiocyanato-S)-, (OC-6-13)- (9CI)</t>
  </si>
  <si>
    <t>20845-92-5</t>
  </si>
  <si>
    <t>Rhodium tris(2-ethylhexanoate)</t>
  </si>
  <si>
    <t>359415-47-7</t>
  </si>
  <si>
    <t>2,6-bis(4-carboxylato-2-pyridyl)pyridine-4-carboxylate, ruthenium(II), tetrabutylammonium, triisothiocyanate</t>
  </si>
  <si>
    <t>Scandium</t>
  </si>
  <si>
    <t>7440-20-2</t>
  </si>
  <si>
    <t>14474-33-0</t>
  </si>
  <si>
    <t>Scandium iodide (ScI3)</t>
  </si>
  <si>
    <t>Strontium</t>
  </si>
  <si>
    <t>1314-11-0</t>
  </si>
  <si>
    <t>Strontium-oxide</t>
  </si>
  <si>
    <t>12023-91-5</t>
  </si>
  <si>
    <t>Dodecairon-strontium-nonadecaoxide</t>
  </si>
  <si>
    <t>7440-24-6</t>
  </si>
  <si>
    <t>12060-59-2</t>
  </si>
  <si>
    <t>Strontium titanium oxide (SrTiO3)</t>
  </si>
  <si>
    <t>1633-05-2</t>
  </si>
  <si>
    <t>Strontium-carbonate</t>
  </si>
  <si>
    <t>12430-73-8</t>
  </si>
  <si>
    <t>Barium strontium dititanate(2-)</t>
  </si>
  <si>
    <t>10042-76-9</t>
  </si>
  <si>
    <t>Strontium-nitrate</t>
  </si>
  <si>
    <t>15782-05-5</t>
  </si>
  <si>
    <t>Strontium 4-[(5-chloro-4-methyl-2-sulphonatophenyl)azo]-3-hydroxy-2-naphthoate (1:1)</t>
  </si>
  <si>
    <t>7759-02-6</t>
  </si>
  <si>
    <t>Strontium sulfate</t>
  </si>
  <si>
    <t>12036-39-4</t>
  </si>
  <si>
    <t>Strontium zirconium oxide (SrZrO3)</t>
  </si>
  <si>
    <t>42617-47-0</t>
  </si>
  <si>
    <t>Aluminum strontium oxide (9CI)</t>
  </si>
  <si>
    <t>7783-48-4</t>
  </si>
  <si>
    <t>Strontium fluoride</t>
  </si>
  <si>
    <t>13450-99-2</t>
  </si>
  <si>
    <t>Phosphoric acid, strontium salt (1:1)</t>
  </si>
  <si>
    <t>37185-09-4</t>
  </si>
  <si>
    <t>Barium strontium niobate</t>
  </si>
  <si>
    <t>12033-82-8</t>
  </si>
  <si>
    <t>Strontium nitride (Sr3N2)</t>
  </si>
  <si>
    <t>1314-18-7</t>
  </si>
  <si>
    <t>Strontium peroxide</t>
  </si>
  <si>
    <t>202873-03-8</t>
  </si>
  <si>
    <t>Phosphonic acid, strontium zinc salt (2:1:1)</t>
  </si>
  <si>
    <t>12004-37-4</t>
  </si>
  <si>
    <t>Aluminum strontium oxide (Al2SrO4)</t>
  </si>
  <si>
    <t>10476-85-4</t>
  </si>
  <si>
    <t>Strontium chloride</t>
  </si>
  <si>
    <t>14332-40-2</t>
  </si>
  <si>
    <t>Phosphonic acid, strontium salt (1:1) (8CI, 9CI)</t>
  </si>
  <si>
    <t>73263-40-8</t>
  </si>
  <si>
    <t>Strontium bis[2-chloro-5-[(2-hydroxy-1-naphthyl)azo]toluene-4-sulpho...</t>
  </si>
  <si>
    <t>1003049-92-0</t>
  </si>
  <si>
    <t>Barium europium strontium silicate ((Ba,Eu,Sr)2(SiO4))</t>
  </si>
  <si>
    <t>250640-08-5</t>
  </si>
  <si>
    <t>C.I. Pigment Orange 79</t>
  </si>
  <si>
    <t>814-95-9</t>
  </si>
  <si>
    <t>Strontium oxalate</t>
  </si>
  <si>
    <t>2457-02-5</t>
  </si>
  <si>
    <t>Strontium bis(2-ethylhexanoate)</t>
  </si>
  <si>
    <t>C:2021-07-08, 
A:(EU) 2020/2160</t>
    <phoneticPr fontId="4"/>
  </si>
  <si>
    <t>Candidate List ：ECHA Webサイト提供のリスト　　決定書D(2021)4569-DC (08/07/2021) まで
REACH ANNEX XIV  ：　EU官報［15/02/2021統合版］　　(EU) 2020/2160 改訂まで</t>
    <phoneticPr fontId="4"/>
  </si>
  <si>
    <t>Phenol, alkylation products (mainly in para position) with C12-rich branched alkyl chains from oligomerisation, covering any individual isomers and/ or combinations thereof (PDDP)</t>
  </si>
  <si>
    <t>08/07/2021</t>
  </si>
  <si>
    <t>Substance name</t>
  </si>
  <si>
    <t>Description</t>
  </si>
  <si>
    <t>EC No.</t>
  </si>
  <si>
    <t>CAS No.</t>
  </si>
  <si>
    <t>Reason for inclusion</t>
  </si>
  <si>
    <t>Date of inclusion</t>
  </si>
  <si>
    <t>IUCLID dataset</t>
  </si>
  <si>
    <t>Support document</t>
  </si>
  <si>
    <t>Response to comments</t>
  </si>
  <si>
    <t>Remarks</t>
  </si>
  <si>
    <t>https://echa.europa.eu/documents/10162/6c954d43-13d4-b12b-4c0a-bc6c1f35fc72</t>
  </si>
  <si>
    <t>https://echa.europa.eu/documents/10162/6823656a-b163-5985-75c4-a768a67b9d3c</t>
  </si>
  <si>
    <t>https://echa.europa.eu/documents/10162/6a83bb36-00c4-3b6a-74a4-76a1223aacd9</t>
  </si>
  <si>
    <t>https://echa.europa.eu/documents/10162/7c788805-871e-9568-78a8-402f94541ae0</t>
  </si>
  <si>
    <t>Phenol, dodecyl-, branched</t>
  </si>
  <si>
    <t>310-154-3</t>
  </si>
  <si>
    <t>Phenol, 4-dodecyl, branched</t>
  </si>
  <si>
    <t>4-isododecylphenol</t>
  </si>
  <si>
    <t>27459-10-5</t>
  </si>
  <si>
    <t>Phenol, tetrapropylene-</t>
  </si>
  <si>
    <t>57427-55-1</t>
  </si>
  <si>
    <t>Phenol, 4-isododecyl-</t>
  </si>
  <si>
    <t>27147-75-7</t>
  </si>
  <si>
    <t>https://echa.europa.eu/documents/10162/2ffc10a7-fe57-2c75-9af2-001cb5f5aa1e</t>
  </si>
  <si>
    <t>https://echa.europa.eu/documents/10162/0b757d38-e10b-6692-2e56-b6d26b366dc8</t>
  </si>
  <si>
    <t>https://echa.europa.eu/documents/10162/c4c5aa8d-8f61-51ef-d120-6f54b5d9a0c0</t>
  </si>
  <si>
    <t>https://echa.europa.eu/documents/10162/4b353aba-79ac-3605-690c-e6f1ca320647</t>
  </si>
  <si>
    <t>238-253-6</t>
  </si>
  <si>
    <t>215-604-1</t>
  </si>
  <si>
    <t>237-560-2</t>
  </si>
  <si>
    <t>UVCB substances consisting of more than or equal to 80% linear chloroalkanes with carbon chain lengths within the range from C14 to C17</t>
  </si>
  <si>
    <t>https://echa.europa.eu/documents/10162/af3efea2-1518-3bbe-0bf5-3867131c2f4c</t>
  </si>
  <si>
    <t>https://echa.europa.eu/documents/10162/799da465-c1f4-00ea-e771-53d405fee8af</t>
  </si>
  <si>
    <t>https://echa.europa.eu/documents/10162/98611952-49d5-b0be-d4b9-3df6579315c9</t>
  </si>
  <si>
    <t>950-299-5</t>
  </si>
  <si>
    <t>glutaral</t>
  </si>
  <si>
    <t>https://echa.europa.eu/documents/10162/f8bab22e-f605-bbed-66eb-1332835436f9</t>
  </si>
  <si>
    <t>https://echa.europa.eu/documents/10162/b5ed1907-5313-68e0-c7a7-751d9de47330</t>
  </si>
  <si>
    <t>https://echa.europa.eu/documents/10162/c02d3fc8-772e-14d0-1eda-2db650aa0b8f</t>
  </si>
  <si>
    <t>https://echa.europa.eu/documents/10162/6e8721b5-cda7-662b-17e5-2f395fe0d521</t>
  </si>
  <si>
    <t>201-025-1</t>
  </si>
  <si>
    <t>https://echa.europa.eu/documents/10162/ab77aafb-7b98-5cbb-3416-fc28e393a48e</t>
  </si>
  <si>
    <t>https://echa.europa.eu/documents/10162/6755b6f5-11e8-ba1f-8168-6325fad64bce</t>
  </si>
  <si>
    <t>https://echa.europa.eu/documents/10162/dd9e01dd-8aac-8ecd-4c39-4da6c92c2ec8</t>
  </si>
  <si>
    <t>https://echa.europa.eu/documents/10162/141706c5-95f0-5197-6ab0-3287bc0e7f46</t>
  </si>
  <si>
    <t>2-(4-tert-butylbenzyl)propionaldehyde and its individual stereoisomers</t>
  </si>
  <si>
    <t>https://echa.europa.eu/documents/10162/142cc638-9c2b-b2d2-09da-b38806ba7565</t>
  </si>
  <si>
    <t>https://echa.europa.eu/documents/10162/17f27f86-efe0-c723-32b5-ff774ae31a16</t>
  </si>
  <si>
    <t>https://echa.europa.eu/documents/10162/fc185a73-227f-328a-c6c2-e77f848f53c6</t>
  </si>
  <si>
    <t>https://echa.europa.eu/documents/10162/276ad049-1ceb-e417-b4a7-2c72322e0ce5</t>
  </si>
  <si>
    <t>(2R)-3-(4-tert-butylphenyl)-2-methylpropanal</t>
  </si>
  <si>
    <t>75166-31-3</t>
  </si>
  <si>
    <t>(2S)-3-(4-tert-butylphenyl)-2-methylpropanal</t>
  </si>
  <si>
    <t>75166-30-2</t>
  </si>
  <si>
    <t>2,2-bis(bromomethyl)propane-1,3-diol (BMP); 2,2-dimethylpropan-1-ol, tribromo derivative/3-bromo-2,2-bis(bromomethyl)-1-propanol (TBNPA); 2,3-dibromo-1-propanol (2,3-DBPA)</t>
  </si>
  <si>
    <t>https://echa.europa.eu/documents/10162/27d5b22f-c74a-00c5-e988-d0d4db720822</t>
  </si>
  <si>
    <t>https://echa.europa.eu/documents/10162/12706f21-c551-9d0e-7b28-0c07bfcd89be</t>
  </si>
  <si>
    <t>https://echa.europa.eu/documents/10162/22d07e1a-0a10-7050-3dd7-c28264224db0</t>
  </si>
  <si>
    <t>https://echa.europa.eu/documents/10162/97e7c76f-99ad-ae48-dda3-fe76c5098e3f</t>
  </si>
  <si>
    <t>2,2-dimethylpropan-1-ol, tribromo derivative (TBNPA)</t>
  </si>
  <si>
    <t>253-057-0</t>
  </si>
  <si>
    <t>3-bromo-2,2-bis(bromomethyl)-1-propanol (TBNPA)</t>
  </si>
  <si>
    <t>1522-92-5</t>
  </si>
  <si>
    <t>2,2-bis(bromomethyl)propane-1,3-diol (BMP)</t>
  </si>
  <si>
    <t>2,3-dibromo-1-propanol (2,3-DBPA)</t>
  </si>
  <si>
    <t>https://echa.europa.eu/documents/10162/17ab47c9-f60e-ecbc-da78-474468076133</t>
  </si>
  <si>
    <t>https://echa.europa.eu/documents/10162/031ccf23-e060-c12b-5978-757b21f51ef5</t>
  </si>
  <si>
    <t>https://echa.europa.eu/documents/10162/ce76bdd9-006a-19fc-05eb-4bb60daa0256</t>
  </si>
  <si>
    <t>https://echa.europa.eu/documents/10162/9b5464f1-ef30-7e57-5184-10291c44328e</t>
  </si>
  <si>
    <t>19/01/2021</t>
  </si>
  <si>
    <t>https://echa.europa.eu/documents/10162/7fc5894b-3785-4c7f-bba8-5a172ad287a7</t>
  </si>
  <si>
    <t>https://echa.europa.eu/documents/10162/3daf4bfd-78b4-7e5a-717f-f8169e350d65</t>
  </si>
  <si>
    <t>https://echa.europa.eu/documents/10162/879129fe-2615-0c9f-e91b-00b900d26c17</t>
  </si>
  <si>
    <t>https://echa.europa.eu/documents/10162/77d1fdea-6e60-9311-7e9e-301686ef38c6</t>
  </si>
  <si>
    <t>293-901-5</t>
  </si>
  <si>
    <t>222-883-3</t>
  </si>
  <si>
    <t>https://echa.europa.eu/documents/10162/854c5708-b10f-7b75-52e7-968e7c448992</t>
  </si>
  <si>
    <t>https://echa.europa.eu/documents/10162/b3398d8d-f30d-1db5-1cbc-094de67753cf</t>
  </si>
  <si>
    <t>https://echa.europa.eu/documents/10162/c99c2be3-8ba4-0a7c-4711-423639029884</t>
  </si>
  <si>
    <t>https://echa.europa.eu/documents/10162/3bdbc35b-91e1-3a8a-302a-2ba6313cc50e</t>
  </si>
  <si>
    <t>https://echa.europa.eu/documents/10162/10861be8-f130-266d-ca8f-c6c7139fe6d9</t>
  </si>
  <si>
    <t>https://echa.europa.eu/documents/10162/6f88822c-faae-8f80-7121-9e64752668dc</t>
  </si>
  <si>
    <t>https://echa.europa.eu/documents/10162/741c3cb4-34b1-3dc3-a12b-07d651f6eb53</t>
  </si>
  <si>
    <t>https://echa.europa.eu/documents/10162/cd37b495-7065-d09f-74b4-40b39eef4e82</t>
  </si>
  <si>
    <t>Butyl 4-hydroxybenzoate</t>
  </si>
  <si>
    <t>https://echa.europa.eu/documents/10162/9227ca75-c14c-29ab-81ff-ee86058dd7a7</t>
  </si>
  <si>
    <t>https://echa.europa.eu/documents/10162/59ed15a3-66ee-b8c8-1384-54277d0223eb</t>
  </si>
  <si>
    <t>https://echa.europa.eu/documents/10162/c61a924a-4b3a-d122-1343-d5557deb3029#https://echa.europa.eu/documents/10162/9c45b069-0fbf-c247-08c0-d0567c58a43e</t>
  </si>
  <si>
    <t>https://echa.europa.eu/documents/10162/d4447c8f-c2f4-df26-c06e-c0a4e93b20e9</t>
  </si>
  <si>
    <t>https://echa.europa.eu/documents/10162/31fcbd73-6d35-06d9-35cd-42dc09362aa1</t>
  </si>
  <si>
    <t>https://echa.europa.eu/documents/10162/99d34015-c23f-882d-ba9e-8404434bb456</t>
  </si>
  <si>
    <t>https://echa.europa.eu/documents/10162/03e937e3-2f19-ad9d-6bd5-ab9ceae0d0c6</t>
  </si>
  <si>
    <t>https://echa.europa.eu/documents/10162/23a73a48-dbec-b764-c3e0-f3f45a7cd36d</t>
  </si>
  <si>
    <t>https://echa.europa.eu/documents/10162/4b662f2b-020e-e3a9-c398-3a6d79b65c35</t>
  </si>
  <si>
    <t>https://echa.europa.eu/documents/10162/24d19609-35d1-edaa-4aac-07db7025edde</t>
  </si>
  <si>
    <t>https://echa.europa.eu/documents/10162/ce50a489-acc9-3908-e6af-d43fa4af292b</t>
  </si>
  <si>
    <t>https://echa.europa.eu/documents/10162/36a36d48-2f35-cfe6-4bca-07870d3c65fd</t>
  </si>
  <si>
    <t>https://echa.europa.eu/documents/10162/079c04a0-2464-4168-f132-a22ffb04d910</t>
  </si>
  <si>
    <t>https://echa.europa.eu/documents/10162/53791353-6577-a9e8-5600-c5ef51864652</t>
  </si>
  <si>
    <t>https://echa.europa.eu/documents/10162/891ab33d-d263-cc4b-0f2d-d84cfb7f424a</t>
  </si>
  <si>
    <t>https://echa.europa.eu/documents/10162/84d51ffb-f3ac-f182-10f2-31c4d9386ab9</t>
  </si>
  <si>
    <t>The combined intrinsic properties justifying the inclusion as a substance for which there is scientific evidence of probable serious effects to human health and the environment which give rise to an equivalent level of concern are the following: very high persistence, high mobility in water and soil, high potential for long-range transport, and difficulty of remediation and water purification as well as moderate bioaccumulation in humans. The observed probable serious effects for human health and the environment are thyroid hormonal disturbances and reproductive toxicity seen in rodents, and effects on liver, kidney and haematological system in rats, hormonal disturbances and effects on reproduction in marine medaka fish and effects on expression of hormone receptors in tadpoles. Together, these elements lead to a very high potential for irreversible effects.</t>
  </si>
  <si>
    <t>bis(4-t-butylphenyl)iodonium perfluorobutanesulfonate</t>
  </si>
  <si>
    <t>432-660-4</t>
  </si>
  <si>
    <t>dimethyl(phenyl)sulfanium perfluorobutanesulfonate</t>
  </si>
  <si>
    <t>452-310-4</t>
  </si>
  <si>
    <t>220133-51-7</t>
  </si>
  <si>
    <t>1-(4-butoxy-1-naphthalenyl)tetrahydrothiophenium 1,1,2,2,3,3,4,4,4-nonafluoro-1-butanesulfonate</t>
  </si>
  <si>
    <t>468-770-4</t>
  </si>
  <si>
    <t>Triphenylsulfanium perfluorobutane sulfonate</t>
  </si>
  <si>
    <t>478-340-8</t>
  </si>
  <si>
    <t>144317-44-2</t>
  </si>
  <si>
    <t>206-793-1</t>
  </si>
  <si>
    <t>lithium perfluorobutanesulfonate</t>
  </si>
  <si>
    <t>131651-65-5</t>
  </si>
  <si>
    <t>morpholinium perfluorobutanesulfonate</t>
  </si>
  <si>
    <t>503155-89-3</t>
  </si>
  <si>
    <t>N,N,N-triethylethanaminium 1,1,2,2,3,3,4,4,4-nonafluorobutane-1-sulfonate</t>
  </si>
  <si>
    <t>Potassium 1,1,2,2,3,3,4,4,4-nonafluorobutane-1-sulphonate</t>
  </si>
  <si>
    <t>249-616-3</t>
  </si>
  <si>
    <t>Ammonium 1,1,2,2,3,3,4,4,4-nonafluorobutane-1-sulphonate</t>
  </si>
  <si>
    <t>269-513-7</t>
  </si>
  <si>
    <t>68259-10-9</t>
  </si>
  <si>
    <t>magnesium perfluorobutanesulfonate</t>
  </si>
  <si>
    <t>507453-86-3</t>
  </si>
  <si>
    <t>https://echa.europa.eu/documents/10162/802ed481-8bf1-0096-61a4-0bbd2f9b573c</t>
  </si>
  <si>
    <t>https://echa.europa.eu/documents/10162/c9adbb8d-3989-2380-cb54-f34940de0002</t>
  </si>
  <si>
    <t>https://echa.europa.eu/documents/10162/cc11a6e1-0b26-8a5d-189d-417eb06a60d4</t>
  </si>
  <si>
    <t>https://echa.europa.eu/documents/10162/9f133792-ce5e-da2c-6a2c-8616ec336f6e</t>
  </si>
  <si>
    <t>https://echa.europa.eu/documents/10162/7d1e26b8-37af-4f0b-0d0f-5edb0b6e5a7f</t>
  </si>
  <si>
    <t>https://echa.europa.eu/documents/10162/e31382a6-3e8a-a858-da3d-614c10f6c75d</t>
  </si>
  <si>
    <t>https://echa.europa.eu/documents/10162/e4917be1-32fd-dbd6-e305-90f269d446dd</t>
  </si>
  <si>
    <t>https://echa.europa.eu/documents/10162/4bd29548-f917-95c6-3c59-d6afd1e0901d</t>
  </si>
  <si>
    <t>https://echa.europa.eu/documents/10162/ba42270a-93fe-7cde-6d41-7f7af4e00e66</t>
  </si>
  <si>
    <t>https://echa.europa.eu/documents/10162/dfd0d651-604f-f33f-0831-3672c1cbb580</t>
  </si>
  <si>
    <t>https://echa.europa.eu/documents/10162/6d5c6d89-bd66-3c04-4a31-f580476b88b4</t>
  </si>
  <si>
    <t>https://echa.europa.eu/documents/10162/54890824-f79f-c051-6c29-2efb018be01a</t>
  </si>
  <si>
    <t>https://echa.europa.eu/documents/10162/a661cbe6-c805-b9c7-1287-53dee5cd1df5</t>
  </si>
  <si>
    <t>https://echa.europa.eu/documents/10162/8da7df6b-e62f-47f7-d9d1-154f8db267f8</t>
  </si>
  <si>
    <t>https://echa.europa.eu/documents/10162/ceb2fc2c-78f2-627f-29ae-b37c0e91bc69</t>
  </si>
  <si>
    <t>https://echa.europa.eu/documents/10162/70879c79-2312-31bd-09e5-558df06f19e2</t>
  </si>
  <si>
    <t>Phenol, 4-nonyl-, phosphite (3:1)</t>
  </si>
  <si>
    <t>tris(4-nonylphenyl, branched) phosphite</t>
  </si>
  <si>
    <t>Phenol, p-isononyl-, phosphite (3:1)</t>
  </si>
  <si>
    <t>https://echa.europa.eu/documents/10162/ca2542ab-a35b-1c00-5490-708d59332c38#https://echa.europa.eu/documents/10162/99a7e1c6-2aa4-0c35-acc3-35ec26bb1ee8</t>
  </si>
  <si>
    <t>https://echa.europa.eu/documents/10162/fedde563-03f7-51f0-85fd-1fceb0eaa18f</t>
  </si>
  <si>
    <t>https://echa.europa.eu/documents/10162/41de4b52-51f3-84e9-3f9c-fa6f868139ad</t>
  </si>
  <si>
    <t>https://echa.europa.eu/documents/10162/2c66d98c-d2a2-e146-265e-b8a1615e5c17</t>
  </si>
  <si>
    <t>https://echa.europa.eu/documents/10162/b7bc601c-ad77-4e90-0cdf-2701a59478fb</t>
  </si>
  <si>
    <t>https://echa.europa.eu/documents/10162/eea50979-c40b-f00f-b767-891e93941ee1</t>
  </si>
  <si>
    <t>https://echa.europa.eu/documents/10162/874297f1-6d65-b808-a62e-5d23cc5f1e5c</t>
  </si>
  <si>
    <t>https://echa.europa.eu/documents/10162/7357fc26-f169-a309-95b1-7693dada001b</t>
  </si>
  <si>
    <t>https://echa.europa.eu/documents/10162/fc76aefc-fc86-a5fc-b5c4-e358467ca832</t>
  </si>
  <si>
    <t>https://echa.europa.eu/documents/10162/c07bc76c-4d62-7799-d0d4-17e43508aeb0</t>
  </si>
  <si>
    <t>https://echa.europa.eu/documents/10162/53fa6a5b-e95f-3128-ea9d-fa27f43b18bc</t>
  </si>
  <si>
    <t>https://echa.europa.eu/documents/10162/5d5500fc-b935-f95c-02c7-d7722d1b795d</t>
  </si>
  <si>
    <t>The combined intrinsic properties justifying the inclusion for the Member State Committee as a substance for which there is scientific evidence of probable serious effects to human health and the environment which give rise to an equivalent level of concern are the following:
Persistence, mobility, potential for long-range transport, observed adverse effects (at least the following probable effects for human health: effects on the liver, the kidney, and the haematological and immune systems and effects on development; at least the following probable effects for the environment: population relevant effects on birds and mammals); as well as low adsorption potential and high water solubility rendering the substance fully bioavailable for uptake via (drinking) water. Together, these elements lead to a very high potential for irreversible effects.</t>
  </si>
  <si>
    <t>potassium 2,3,3,3-tetrafluoro-2-(heptafluoropropoxy)propionate</t>
  </si>
  <si>
    <t>266-578-3</t>
  </si>
  <si>
    <t>67118-55-2</t>
  </si>
  <si>
    <t>2,3,3,3-tetrafluoro-2-(heptafluoropropoxy)propionyl fluoride</t>
  </si>
  <si>
    <t>218-173-8</t>
  </si>
  <si>
    <t>2062-98-8</t>
  </si>
  <si>
    <t>ammonium 2,3,3,3-tetrafluoro-2-(heptafluoropropoxy)propanoate</t>
  </si>
  <si>
    <t>62037-80-3</t>
  </si>
  <si>
    <t>2,3,3,3-tetrafluoro-2-(heptafluoropropoxy)propionic acid</t>
  </si>
  <si>
    <t>236-236-8</t>
  </si>
  <si>
    <t>13252-13-6</t>
  </si>
  <si>
    <t>Propanoic acid, 2,3,3,3-tetrafluoro-2-(heptafluoropropoxy)-, (-)-</t>
  </si>
  <si>
    <t>75579-40-7</t>
  </si>
  <si>
    <t>Propanoic acid, 2,3,3,3-tetrafluoro-2-(heptafluoropropoxy)-, (+)-</t>
  </si>
  <si>
    <t>75579-39-4</t>
  </si>
  <si>
    <t>https://echa.europa.eu/documents/10162/d6b1b306-6f05-9765-204a-689334527ef9</t>
  </si>
  <si>
    <t>https://echa.europa.eu/documents/10162/bf9b02a4-6e4b-b1bf-2c58-6d61f5998817</t>
  </si>
  <si>
    <t>https://echa.europa.eu/documents/10162/47121daf-04a7-6d4a-b0b6-595794d3e66c</t>
  </si>
  <si>
    <t>https://echa.europa.eu/documents/10162/e824171c-1263-b1a2-4438-c5add37de2fa</t>
  </si>
  <si>
    <t>https://echa.europa.eu/documents/10162/91535066-71da-d9b4-71cc-8d4003b7f983</t>
  </si>
  <si>
    <t>https://echa.europa.eu/documents/10162/efc23200-6f59-12c6-4b18-533a80aa7b4f</t>
  </si>
  <si>
    <t>https://echa.europa.eu/documents/10162/c62a1c4a-ceec-3a00-52a4-0a298f7d8bb3</t>
  </si>
  <si>
    <t>https://echa.europa.eu/documents/10162/12db6a91-9ac9-c4f6-4046-d6896ad9b3b2</t>
  </si>
  <si>
    <t>https://echa.europa.eu/documents/10162/21272691-d1a0-3334-fde9-a0782d9354a2</t>
  </si>
  <si>
    <t>https://echa.europa.eu/documents/10162/375e39c4-c59b-bfbd-d156-a1bf2a959108</t>
  </si>
  <si>
    <t>https://echa.europa.eu/documents/10162/0d1ee6d4-1a47-0737-35c7-3503f0fca417</t>
  </si>
  <si>
    <t>https://echa.europa.eu/documents/10162/b525e382-e27e-c609-2abf-ddd77d07ec44</t>
  </si>
  <si>
    <t>https://echa.europa.eu/documents/10162/afa7d75c-b83f-fef0-ae10-41e70a1e57f7</t>
  </si>
  <si>
    <t>https://echa.europa.eu/documents/10162/ae8cba56-9884-9e35-34c7-0369a4703600</t>
  </si>
  <si>
    <t>https://echa.europa.eu/documents/10162/06cc1281-efd9-9845-0215-e6b0c94c94db</t>
  </si>
  <si>
    <t>https://echa.europa.eu/documents/10162/f72dc11d-5ff2-c4d8-c19c-40ec8dadddac</t>
  </si>
  <si>
    <t>https://echa.europa.eu/documents/10162/562afdb1-00aa-32ab-1022-721917185b12</t>
  </si>
  <si>
    <t>https://echa.europa.eu/documents/10162/8ec5e70d-db99-d21c-c54b-9de01c41f435</t>
  </si>
  <si>
    <t>https://echa.europa.eu/documents/10162/76cf3fb1-07eb-ff40-f41c-251f8c657b33</t>
  </si>
  <si>
    <t>https://echa.europa.eu/documents/10162/26b55c4f-92c0-e4b6-fa1a-973bd625ae0f</t>
  </si>
  <si>
    <t>https://echa.europa.eu/documents/10162/db2f223c-20a1-5318-d6b1-7a147d7f08c3#https://echa.europa.eu/documents/10162/56d708da-69e5-a7d1-e970-780352b8ed6a</t>
  </si>
  <si>
    <t>https://echa.europa.eu/documents/10162/22f73d01-dfc1-15d5-a8fe-a29b460fa108</t>
  </si>
  <si>
    <t>https://echa.europa.eu/documents/10162/84e7e600-0f73-6a4a-b246-19482576aa20#https://echa.europa.eu/documents/10162/2e1c96ea-2918-90d2-9c23-e07effac4ec9#https://echa.europa.eu/documents/10162/0c80cbbd-998f-b415-f9be-9e3ced41f333</t>
  </si>
  <si>
    <t>https://echa.europa.eu/documents/10162/ca1d3937-2301-7a43-4b9e-1008ca84d3f6</t>
  </si>
  <si>
    <t>https://echa.europa.eu/documents/10162/fc78f7e5-8f8a-de84-1141-499c5e021d31</t>
  </si>
  <si>
    <t>https://echa.europa.eu/documents/10162/b30abea4-5ba0-e195-f595-a617687ad1c1</t>
  </si>
  <si>
    <t>https://echa.europa.eu/documents/10162/fb7a9167-7d65-dd4c-2aa2-b8182d4a8e37</t>
  </si>
  <si>
    <t>https://echa.europa.eu/documents/10162/421a040e-320b-5d39-8582-118bf23054f9</t>
  </si>
  <si>
    <t>https://echa.europa.eu/documents/10162/2be7bcbf-f797-c28c-2c67-939664155c7c</t>
  </si>
  <si>
    <t>https://echa.europa.eu/documents/10162/1c5dc0f3-cd5c-7b71-044a-9167e3b03d99</t>
  </si>
  <si>
    <t>https://echa.europa.eu/documents/10162/115f70a9-a387-1525-d49f-b715e84996e4</t>
  </si>
  <si>
    <t>https://echa.europa.eu/documents/10162/e654e7d3-031c-0f5f-eae5-673c1dd03432</t>
  </si>
  <si>
    <t>https://echa.europa.eu/documents/10162/61ac8d81-6ea2-6ad0-ffef-95037c9182ce</t>
  </si>
  <si>
    <t>https://echa.europa.eu/documents/10162/79eec48e-c0b6-0d58-5218-ddb32ce0d22d</t>
  </si>
  <si>
    <t>https://echa.europa.eu/documents/10162/07a87920-1b8f-b0d9-b6a7-1c0b1c16c8c4</t>
  </si>
  <si>
    <t>https://echa.europa.eu/documents/10162/aec05f99-6be1-d615-732f-ec4f68ab66e2</t>
  </si>
  <si>
    <t>https://echa.europa.eu/documents/10162/2ed8a7b4-8e9f-2e3e-407d-819dbdaa1623</t>
  </si>
  <si>
    <t>https://echa.europa.eu/documents/10162/0fa2b79d-e520-b857-6572-61c49095b5a3</t>
  </si>
  <si>
    <t>https://echa.europa.eu/documents/10162/f0a61fa4-64d1-2d19-35ed-d98134aec10d</t>
  </si>
  <si>
    <t>https://echa.europa.eu/documents/10162/060c2b77-ce67-26fd-5117-43c52d6d7188</t>
  </si>
  <si>
    <t>https://echa.europa.eu/documents/10162/b11de9bc-6e60-01f9-cdeb-20fa3b7e864e</t>
  </si>
  <si>
    <t>https://echa.europa.eu/documents/10162/9061869f-7e55-aaac-9ea5-761b9050a952</t>
  </si>
  <si>
    <t>https://echa.europa.eu/documents/10162/a9682f4b-fc3e-cd99-3db9-b0f9f383c3c5</t>
  </si>
  <si>
    <t>https://echa.europa.eu/documents/10162/45532e5e-8bbe-a3ee-bd1c-6c1640984c27</t>
  </si>
  <si>
    <t>https://echa.europa.eu/documents/10162/74a5fdff-6a00-d3b4-4056-a5b24ee9ba6e</t>
  </si>
  <si>
    <t>https://echa.europa.eu/documents/10162/62353089-57f4-c7c7-64f9-291364883323</t>
  </si>
  <si>
    <t>https://echa.europa.eu/documents/10162/24e48bb3-3a68-1dfa-ef39-6e9f4ef92720</t>
  </si>
  <si>
    <t>https://echa.europa.eu/documents/10162/da7779d3-8314-7357-b82b-e6044a5dd6be</t>
  </si>
  <si>
    <t>https://echa.europa.eu/documents/10162/1be86650-c2d6-326e-1991-735cbf66ecbf</t>
  </si>
  <si>
    <t>https://echa.europa.eu/documents/10162/a0f00120-5e32-7c74-0b7f-9c92f84cb38c</t>
  </si>
  <si>
    <t>https://echa.europa.eu/documents/10162/1b8ab766-b3ff-840f-a0bd-f1ade391745d</t>
  </si>
  <si>
    <t>https://echa.europa.eu/documents/10162/32855182-9c49-d41f-150a-b6a6aa012fff</t>
  </si>
  <si>
    <t>https://echa.europa.eu/documents/10162/ddd97c9a-fe79-6f50-ff1a-c1d4bf305aab</t>
  </si>
  <si>
    <t>https://echa.europa.eu/documents/10162/4c47a1f3-3513-d688-6f46-32a4023415a5</t>
  </si>
  <si>
    <t>https://echa.europa.eu/documents/10162/ef81b8a3-7ec8-1380-d2ff-db1ceae26073</t>
  </si>
  <si>
    <t>https://echa.europa.eu/documents/10162/16752063-ed16-d532-0418-8613beeceab0</t>
  </si>
  <si>
    <t>https://echa.europa.eu/documents/10162/b45e78cd-5d70-0dd9-e895-e9fa89ab43d0</t>
  </si>
  <si>
    <t>https://echa.europa.eu/documents/10162/2d44cd37-2ac3-7cfc-a643-670a075df973</t>
  </si>
  <si>
    <t>https://echa.europa.eu/documents/10162/996c1b49-d6f7-5899-c94a-43a04d98ef94#https://echa.europa.eu/documents/10162/a6547852-e697-84ec-512c-5ba264ecf09e</t>
  </si>
  <si>
    <t>https://echa.europa.eu/documents/10162/358de08d-e71f-b578-e833-71fec1df75d2</t>
  </si>
  <si>
    <t>https://echa.europa.eu/documents/10162/c2b11ef6-5ca8-ba78-da4b-38baa59ac416#https://echa.europa.eu/documents/10162/e3f5cdaa-1633-1c3e-a50f-9fae7da39104#https://echa.europa.eu/documents/10162/4a628698-2072-0f8c-336e-4a20965aa7a5</t>
  </si>
  <si>
    <t>https://echa.europa.eu/documents/10162/63cd8fa3-4a72-4ddb-b4b0-100ef95048e0</t>
  </si>
  <si>
    <t>https://echa.europa.eu/documents/10162/339e0894-361d-ab6c-615f-7e201376d128</t>
  </si>
  <si>
    <t>https://echa.europa.eu/documents/10162/c8ea7b6a-06bc-eeaf-ae4d-3d980a6078bc</t>
  </si>
  <si>
    <t>https://echa.europa.eu/documents/10162/2064f792-8443-873c-27de-eae18f593b59#https://echa.europa.eu/documents/10162/b33d78f4-946c-1d4d-e923-1ade7869c464</t>
  </si>
  <si>
    <t>https://echa.europa.eu/documents/10162/662821c8-16be-e02e-e52f-6e214b6041d5</t>
  </si>
  <si>
    <t>Formaldehyde, reaction products with branched and linear heptylphenol, carbon disulfide and hydrazine</t>
  </si>
  <si>
    <t>300-298-5</t>
  </si>
  <si>
    <t>93925-00-9</t>
  </si>
  <si>
    <t>Reaction product of 1,3,4-thiadiazolidine-2,5-dithione, formaldehyde and phenol, heptyl derivs.</t>
  </si>
  <si>
    <t>1471311-26-8</t>
  </si>
  <si>
    <t>https://echa.europa.eu/documents/10162/a7438bc1-a7fd-caef-d74a-ca33fc0f3610</t>
  </si>
  <si>
    <t>https://echa.europa.eu/documents/10162/2b898da9-812d-8a07-e059-e81d2c2883cb</t>
  </si>
  <si>
    <t>https://echa.europa.eu/documents/10162/92791ee1-40a6-f4dd-a2fe-927f6f1cb478</t>
  </si>
  <si>
    <t>https://echa.europa.eu/documents/10162/e3f6792d-7e59-654f-b90e-2149525906cd</t>
  </si>
  <si>
    <t>https://echa.europa.eu/documents/10162/d1e3a2d5-13a6-c5da-62cf-2d581d94b87d</t>
  </si>
  <si>
    <t>https://echa.europa.eu/documents/10162/8b38c499-dad0-ee30-11ab-198b55b2e69d</t>
  </si>
  <si>
    <t>https://echa.europa.eu/documents/10162/ac791555-9e63-3208-e176-cd0fdb4fbdf0</t>
  </si>
  <si>
    <t>https://echa.europa.eu/documents/10162/264dda83-c2e5-7c7b-0c1f-57a7cc32afe4</t>
  </si>
  <si>
    <t>https://echa.europa.eu/documents/10162/deb481e6-b2f3-9792-7d2b-260a1f383dc1</t>
  </si>
  <si>
    <t>https://echa.europa.eu/documents/10162/d6ad39ad-bbf7-562c-2042-a823ed29cc1e</t>
  </si>
  <si>
    <t>https://echa.europa.eu/documents/10162/38688481-353e-bac2-e83e-68f4c772aac7</t>
  </si>
  <si>
    <t>https://echa.europa.eu/documents/10162/0252778f-258a-2b3d-7765-0291f9fe3c45</t>
  </si>
  <si>
    <t>https://echa.europa.eu/documents/10162/53cefde3-40e9-8d3d-b52d-87a9d828871d</t>
  </si>
  <si>
    <t>https://echa.europa.eu/documents/10162/31f9a47b-191c-526e-0446-f10162fd312c</t>
  </si>
  <si>
    <t>https://echa.europa.eu/documents/10162/acc7ace6-0118-6d74-4446-38f5bbe0b6b6</t>
  </si>
  <si>
    <t>https://echa.europa.eu/documents/10162/c26799d3-6187-0494-1cc4-af9c9645b1b3</t>
  </si>
  <si>
    <t>https://echa.europa.eu/documents/10162/6adbea83-2790-92a4-06cd-ce39c4bf3211</t>
  </si>
  <si>
    <t>https://echa.europa.eu/documents/10162/7d8ac604-d716-4a97-8682-d3d5e5c4158f</t>
  </si>
  <si>
    <t>https://echa.europa.eu/documents/10162/75ad552f-1e59-2599-e379-55ecec998d3f</t>
  </si>
  <si>
    <t>https://echa.europa.eu/documents/10162/efef93e7-63f5-75b8-9f6e-d260b0c595ab</t>
  </si>
  <si>
    <t>https://echa.europa.eu/documents/10162/48495b62-d4d3-e6fc-bf86-f42fd4f2e6dc</t>
  </si>
  <si>
    <t>https://echa.europa.eu/documents/10162/78fb98fd-a8e7-31a3-f910-f2bad587d8a6</t>
  </si>
  <si>
    <t>https://echa.europa.eu/documents/10162/9aa77dde-f0fc-4422-2c00-55b620e57552#https://echa.europa.eu/documents/10162/97b3c3bf-f38a-f3e2-6b53-45654bcc02dc</t>
  </si>
  <si>
    <t>https://echa.europa.eu/documents/10162/72b812a4-77eb-be74-c5bb-694b20017d58</t>
  </si>
  <si>
    <t>1,6,7,8,9,14,15,16,17,17,18,18-dodecachloropentacyclo[12.2.1.16,9.02,13.05,10]octadeca-7,15-diene</t>
  </si>
  <si>
    <t>236-948-9</t>
  </si>
  <si>
    <t>rel-(1R,4S,4aS,6aS,7S,10R,10aR,12aR)-1,2,3,4,7,8,9,10,13,13,14,14-dodecachloro-1,4,4a,5,6,6a,7,10,10a,11,12,12a-dodecahydro-1,4:7,10-dimethanodibenzo[a,e]cyclooctene</t>
  </si>
  <si>
    <t>rel-(1R,4S,4aS,6aR,7R,10S,10aS,12aR)-1,2,3,4,7,8,9,10,13,13,14,14-dodecachloro-1,4,4a,5,6,6a,7,10,10a,11,12,12a-dodecahydro-1,4:7,10-dimethanodibenzo[a,e]cyclooctene</t>
  </si>
  <si>
    <t>https://echa.europa.eu/documents/10162/20a23653-34b1-bb48-4887-7ea77bedc637</t>
  </si>
  <si>
    <t>https://echa.europa.eu/documents/10162/a118329d-6a4f-f820-bbc0-94c640c0a9fa</t>
  </si>
  <si>
    <t>https://echa.europa.eu/documents/10162/149c1af7-6375-9ad5-a141-ec53d76b4707#https://echa.europa.eu/documents/10162/1f48372e-97dd-db9f-4335-8cec7ae55eee</t>
  </si>
  <si>
    <t>https://echa.europa.eu/documents/10162/9cbe10e5-9e87-4992-4097-ea127ca394e2</t>
  </si>
  <si>
    <t>tridecafluorohexanesulphonic acid, compound with 2,2'-iminodiethanol (1:1)</t>
  </si>
  <si>
    <t>274-462-9</t>
  </si>
  <si>
    <t>70225-16-0</t>
  </si>
  <si>
    <t>269-511-6</t>
  </si>
  <si>
    <t>223-393-2</t>
  </si>
  <si>
    <t>perfluorohexane-1-sulphonic acid</t>
  </si>
  <si>
    <t>206-587-1</t>
  </si>
  <si>
    <t>Ethanaminium, N-[4-[[4-(diethylamino)phenyl][4-(ethylamino)-1-naphthalenyl]methylene]-2,5-cyclohexadien-1-ylidene]-N-ethyl-, 1,1,2,2,3,3,4,4,5,5,6,6,6-tridecafluoro-1-hexanesulfonate (1:1)</t>
  </si>
  <si>
    <t>1310480-24-0</t>
  </si>
  <si>
    <t>Methanaminium, N-[4-[[4-(dimethylamino)phenyl][4-(ethylamino)-1-naphthalenyl]methylene]-2,5-cyclohexadien-1-ylidene]-N-methyl-, 1,1,2,2,3,3,4,4,5,5,6,6,6-tridecafluoro-1-hexanesulfonate (1:1)</t>
  </si>
  <si>
    <t>1310480-27-3</t>
  </si>
  <si>
    <t>Methanaminium, N-[4-[[4-(dimethylamino)phenyl][4-(phenylamino)-1-naphthalenyl]methylene]-2,5-cyclohexadien-1-ylidene]-N-methyl-, 1,1,2,2,3,3,4,4,5,5,6,6,6-tridecafluoro-1-hexanesulfonate (1:1)</t>
  </si>
  <si>
    <t>1310480-28-4</t>
  </si>
  <si>
    <t>Beta-Cyclodextrin, compd. with 1,1,2,2,3,3,4,4,5,5,6,6,6-tridecafluoro-1-hexanesulfonic acid ion(1-)(1:1)</t>
  </si>
  <si>
    <t>1329995-45-0</t>
  </si>
  <si>
    <t>Gamma-Cyclodextrin, compd. with 1,1,2,2,3,3,4,4,5,5,6,6,6-tridecafluoro-1-hexanesulfonic acid ion(1-)(1:1)</t>
  </si>
  <si>
    <t>1329995-69-8</t>
  </si>
  <si>
    <t>Sulfonium, (thiodi-4,1-phenylene)bis[diphenyl-, salt with 1,1,2,2,3,3,4,4,5,5,6,6,6-tridecafluoro-1-hexanesulfonic acid (1:2)</t>
  </si>
  <si>
    <t>421555-73-9</t>
  </si>
  <si>
    <t>Iodonium, bis[4-(1,1-dimethylpropyl)phenyl]-, salt with 1,1,2,2,3,3,4,4,5,5,6,6,6-tridecafluoro-1-hexanesulfonic</t>
  </si>
  <si>
    <t>421555-74-0</t>
  </si>
  <si>
    <t>Sulfonium, tris[4-(1,1-dimethylethyl)phenyl]-, 1,1,2,2,3,3,4,4,5,5,6,6,6-tridecafluoro-1-hexanesulfonate (1:1)</t>
  </si>
  <si>
    <t>425670-70-8</t>
  </si>
  <si>
    <t>1-Hexanesulfonic acid, 1,1,2,2,3,3,4,4,5,5,6,6,6-tridecafluoro-, lithium salt (1:1)</t>
  </si>
  <si>
    <t>55120-77-9</t>
  </si>
  <si>
    <t>1-Hexanesulfonic acid, 1,1,2,2,3,3,4,4,5,5,6,6,6-tridecafluoro-, zinc salt</t>
  </si>
  <si>
    <t>70136-72-0</t>
  </si>
  <si>
    <t>1-Hexanesulfonic acid, 1,1,2,2,3,3,4,4,5,5,6,6,6-tridecafluoro-, compd. with N,N-diethylethanamine (1:1)</t>
  </si>
  <si>
    <t>72033-41-1</t>
  </si>
  <si>
    <t>Iodonium, bis[(1,1-dimethylethyl)phenyl]-, salt with 1,1,2,2,3,3,4,4,5,5,6,6,6-tridecafluoro-1-hexanesulfonic acid (1:1) (9CI)</t>
  </si>
  <si>
    <t>866621-50-3</t>
  </si>
  <si>
    <t>Sulfonium, (4-methylphenyl)diphenyl-, 1,1,2,2,3,3,4,4,5,5,6,6,6-tridecafluoro-1-hexanesulfonate (1:1)</t>
  </si>
  <si>
    <t>910606-39-2</t>
  </si>
  <si>
    <t>Sulfonium, [4-[(2-methyl-1-oxo-2-propen-1-yl)oxy]phenyl]diphenyl-, 1,1,2,2,3,3,4,4,5,5,6,6,6-tridecafluoro-1-hexanesulfonate (1:1)</t>
  </si>
  <si>
    <t>911027-68-4</t>
  </si>
  <si>
    <t>Sulfonium, [4-[(2-methyl-1-oxo-2-propenyl)oxy]phenyl]diphenyl-, salt with 1,1,2,2,3,3,4,4,5,5,6,6,6-tridecafluoro-1-hexanesulfonic acid (1:1), polymer with 2-ethyltricyclo[3.3.1.13,7]dec-2-yl 2-methyl-2-propenoate, 3-hydroxytricyclo[3.3.1.13,7]dec-1-yl 2-methyl-2-propenoate and tetrahydro-2-oxo-3-furanyl 2-methyl-2-propenoate</t>
  </si>
  <si>
    <t>911027-69-5</t>
  </si>
  <si>
    <t>1-Hexanesulfonic acid, 1,1,2,2,3,3,4,4,5,5,6,6,6-tridecafluoro-, cesium salt (1:1)</t>
  </si>
  <si>
    <t>92011-17-1</t>
  </si>
  <si>
    <t>Dibenzo[k,n][1,4,7,10,13]tetraoxathiacyclopentadecinium, 19-[4-(1,1-dimethylethyl)phenyl]-6,7,9,10,12,13-hexahydro-, 1,1,2,2,3,3,4,4,5,5,6,6,6-tridecafluoro-1-hexanesulfonate (1:1)</t>
  </si>
  <si>
    <t>928049-42-7</t>
  </si>
  <si>
    <t>Sulfonium, triphenyl-, 1,1,2,2,3,3,4,4,5,5,6,6,6-tridecafluoro-1-hexanesulfonate (1:1)</t>
  </si>
  <si>
    <t>144116-10-9</t>
  </si>
  <si>
    <t>Quinolinium, 1-(carboxymethyl)-4-[2-[4-[4-(2,2-diphenylethenyl)phenyl]-1,2,3,3a,4,8b-hexahydrocyclopent[b]indol-7-yl]ethenyl]-, 1,1,2,2,3,3,4,4,5,5,6,6,6-tridecafluoro-1-hexanesulfonate (1:1)</t>
  </si>
  <si>
    <t>1462414-59-0</t>
  </si>
  <si>
    <t>Iodonium, diphenyl-, 1,1,2,2,3,3,4,4,5,5,6,6,6-tridecafluoro-1-hexanesulfonate (1:1)</t>
  </si>
  <si>
    <t>153443-35-7</t>
  </si>
  <si>
    <t>Methanaminium, N,N,N-trimethyl-, salt with 1,1,2,2,3,3,4,4,5,5,6,6,6-tridecafluoro-1-hexanesulfonic acid (1:1)</t>
  </si>
  <si>
    <t>189274-31-5</t>
  </si>
  <si>
    <t>1-Hexanesulfonic acid, 1,1,2,2,3,3,4,4,5,5,6,6,6-tridecafluoro-, compd.with 2-methyl-2-propanamine (1:1)</t>
  </si>
  <si>
    <t>202189-84-2</t>
  </si>
  <si>
    <t>Iodonium, bis[4-(1,1-dimethylethyl)phenyl]-, 1,1,2,2,3,3,4,4,5,5,6,6,6-tridecafluoro-1-hexanesulfonate (1:1)</t>
  </si>
  <si>
    <t>213740-81-9</t>
  </si>
  <si>
    <t>1-Hexanesulfonic acid, 1,1,2,2,3,3,4,4,5,5,6,6,6-tridecafluoro-, gallium salt (9CI)</t>
  </si>
  <si>
    <t>341035-71-0</t>
  </si>
  <si>
    <t>Sulfonium, bis(4-methylphenyl)phenyl-, 1,1,2,2,3,3,4,4,5,5,6,6,6-tridecafluoro-1-hexanesulfonate (1:1)</t>
  </si>
  <si>
    <t>341548-85-4</t>
  </si>
  <si>
    <t>1-Hexanesulfonic acid, 1,1,2,2,3,3,4,4,5,5,6,6,6-tridecafluoro-, scandium(3+) salt (3:1)</t>
  </si>
  <si>
    <t>350836-93-0</t>
  </si>
  <si>
    <t>1-Hexanesulfonic acid, 1,1,2,2,3,3,4,4,5,5,6,6,6-tridecafluoro-, neodymium(3+) salt (3:1)</t>
  </si>
  <si>
    <t>41184-65-0</t>
  </si>
  <si>
    <t>1-Hexanesulfonic acid, 1,1,2,2,3,3,4,4,5,5,6,6,6-tridecafluoro-, yttrium(3+) salt (3:1)</t>
  </si>
  <si>
    <t>41242-12-0</t>
  </si>
  <si>
    <t>1-Hexanesulfonic acid, 1,1,2,2,3,3,4,4,5,5,6,6,6-tridecafluoro-, compd. With pyrrolidine (1:1)</t>
  </si>
  <si>
    <t>1187817-57-7</t>
  </si>
  <si>
    <t>Ethanaminium, N,N,N-triethyl-, salt with1,1,2,2,3,3,4,4,5,5,6,6,6-tridecafluoro-1-hexanesulfonic acid (1:1)</t>
  </si>
  <si>
    <t>108427-55-0</t>
  </si>
  <si>
    <t>1-Butanaminium, N,N,N-tributyl-, salt with 1,1,2,2,3,3,4,4,5,5,6,6,6-tridecafluoro-1-hexanesulfonic acid</t>
  </si>
  <si>
    <t>108427-54-9</t>
  </si>
  <si>
    <t>Phosphonium, triphenyl(phenylmethyl)-, 1,1,2,2,3,3,4,4,5,5,6,6,6-tridecafluoro-1-hexanesulfonate (1:1)</t>
  </si>
  <si>
    <t>1000597-52-3</t>
  </si>
  <si>
    <t>1-Hexanesulfonic acid, 1,1,2,2,3,3,4,4,5,5,6,6,6-tridecafluoro-, sodium salt</t>
  </si>
  <si>
    <t>82382-12-5</t>
  </si>
  <si>
    <t>https://echa.europa.eu/documents/10162/c11b5b68-67f4-8044-53a6-26759a106c80</t>
  </si>
  <si>
    <t>https://echa.europa.eu/documents/10162/c6fa630c-af6f-0df1-8f5d-ec0b890e58a3</t>
  </si>
  <si>
    <t>https://echa.europa.eu/documents/10162/d19dd624-e601-fbae-dd35-036f9335aef9</t>
  </si>
  <si>
    <t>https://echa.europa.eu/documents/10162/df3daa02-0c97-2c3a-2c7b-90c267642086</t>
  </si>
  <si>
    <t>https://echa.europa.eu/documents/10162/a1000164-695a-311d-3eb0-71c09e92dc84</t>
  </si>
  <si>
    <t>206-400-3</t>
  </si>
  <si>
    <t>sodium nonadecafluorodecanoate</t>
  </si>
  <si>
    <t>221-470-5</t>
  </si>
  <si>
    <t>https://echa.europa.eu/documents/10162/0f8c5cf3-ccb7-3df6-c351-1c2df00cbc91</t>
  </si>
  <si>
    <t>https://echa.europa.eu/documents/10162/32f515fd-4785-d96a-5394-ace770b72b97</t>
  </si>
  <si>
    <t>https://echa.europa.eu/documents/10162/9ec084eb-b304-e40b-acd4-23761f9bb6cd</t>
  </si>
  <si>
    <t>4-heptylphenol</t>
  </si>
  <si>
    <t>217-862-0</t>
  </si>
  <si>
    <t>1987-50-4</t>
  </si>
  <si>
    <t>Phenol, heptyl derivs.</t>
  </si>
  <si>
    <t>276-743-1</t>
  </si>
  <si>
    <t>72624-02-3</t>
  </si>
  <si>
    <t>Phenol, 4-(1,1-diethylpropyl)-</t>
  </si>
  <si>
    <t>37872-24-5</t>
  </si>
  <si>
    <t>Phenol, 4-(1,1-dimethylpentyl)-</t>
  </si>
  <si>
    <t>30784-31-7</t>
  </si>
  <si>
    <t>Phenol, 4-(1,2,2-trimethylbutyl)-</t>
  </si>
  <si>
    <t>911371-06-7</t>
  </si>
  <si>
    <t>Phenol, 4-(1,2-dimethylpentyl)-</t>
  </si>
  <si>
    <t>854904-93-1</t>
  </si>
  <si>
    <t>Phenol, 4-(1,3,3-trimethylbutyl)-</t>
  </si>
  <si>
    <t>911371-07-8</t>
  </si>
  <si>
    <t>Phenol, 4-(1,3-dimethylpentyl)-</t>
  </si>
  <si>
    <t>71945-81-8</t>
  </si>
  <si>
    <t>Phenol, 4-(1,4-dimethylpentyl)-</t>
  </si>
  <si>
    <t>857629-71-1</t>
  </si>
  <si>
    <t>Phenol, 4-(1-ethyl-2,2-dimethylpropyl)-</t>
  </si>
  <si>
    <t>861010-65-3</t>
  </si>
  <si>
    <t>Phenol, 4-(1-ethyl-1,2-dimethylpropyl)-</t>
  </si>
  <si>
    <t>30784-27-1</t>
  </si>
  <si>
    <t>Phenol, 4-(1-ethylpentyl)-</t>
  </si>
  <si>
    <t>6465-74-3</t>
  </si>
  <si>
    <t>Phenol, 4-(1-methylhexyl)-</t>
  </si>
  <si>
    <t>6863-24-7</t>
  </si>
  <si>
    <t>Phenol, 4-(1-propylbutyl)-</t>
  </si>
  <si>
    <t>6465-71-0</t>
  </si>
  <si>
    <t>Phenol, 4-(3-ethylpentyl)-</t>
  </si>
  <si>
    <t>911370-98-4</t>
  </si>
  <si>
    <t>Phenol, 4-(3-methylhexyl)-</t>
  </si>
  <si>
    <t>102570-52-5</t>
  </si>
  <si>
    <t>Phenol, 4-(4-methylhexyl)-</t>
  </si>
  <si>
    <t>1139800-98-8</t>
  </si>
  <si>
    <t>Phenol, 4-(5-methylhexyl)-</t>
  </si>
  <si>
    <t>100532-36-3</t>
  </si>
  <si>
    <t>Phenol, 4-[2-methyl-1-(1-methylethyl)propyl]-</t>
  </si>
  <si>
    <t>1824346-00-0</t>
  </si>
  <si>
    <t>4-(2,3-dimethylpentan-2-yl)phenol</t>
  </si>
  <si>
    <t>854-135-2</t>
  </si>
  <si>
    <t>861011-60-1</t>
  </si>
  <si>
    <t>4-(3-methylhexan-3-yl)phenol</t>
  </si>
  <si>
    <t>854-958-7</t>
  </si>
  <si>
    <t>30784-32-8</t>
  </si>
  <si>
    <t>Phenol, 4-tert-heptyl-</t>
  </si>
  <si>
    <t>288864-02-8</t>
  </si>
  <si>
    <t>Phenol, 4-(1,1,3-trimethylbutyl)-</t>
  </si>
  <si>
    <t>33104-11-9</t>
  </si>
  <si>
    <t>Phenol, 4-(1,1,2,2-tetramethylpropyl)-</t>
  </si>
  <si>
    <t>72861-06-4</t>
  </si>
  <si>
    <t>Phenol, 4-(1-ethyl-3-methylbutyl)-</t>
  </si>
  <si>
    <t>854904-92-0</t>
  </si>
  <si>
    <t>https://echa.europa.eu/documents/10162/a6dc6937-ccec-1024-8282-8304a76549fa</t>
  </si>
  <si>
    <t>https://echa.europa.eu/documents/10162/4b054c5b-8511-4a30-8ef8-35ab143b4fd0</t>
  </si>
  <si>
    <t>https://echa.europa.eu/documents/10162/75ad6d26-78d9-4903-b06a-cf69953713dc</t>
  </si>
  <si>
    <t>https://echa.europa.eu/documents/10162/985e117f-38e2-4d45-9d0c-94413dd0462e</t>
  </si>
  <si>
    <t>https://echa.europa.eu/documents/10162/040bf73f-9e4f-57c7-d32b-43bd8880702d</t>
  </si>
  <si>
    <t>https://echa.europa.eu/documents/10162/725df6cb-070c-48c9-89a5-500ee2dabe16</t>
  </si>
  <si>
    <t>https://echa.europa.eu/documents/10162/2aa67f6e-621e-4337-84aa-076f0de11f4e</t>
  </si>
  <si>
    <t>https://echa.europa.eu/documents/10162/48ae5fe3-9436-4a10-a533-ed642b92ce47</t>
  </si>
  <si>
    <t>https://echa.europa.eu/documents/10162/d6543a35-481d-c564-314b-e2080bb787b6</t>
  </si>
  <si>
    <t>206-801-3</t>
  </si>
  <si>
    <t>Sodium salts of perfluorononan-1-oic-acid</t>
  </si>
  <si>
    <t>-, 21049-39-8</t>
  </si>
  <si>
    <t>Ammonium salts of perfluorononan-1-oic-acid</t>
  </si>
  <si>
    <t>-, 4149-60-4</t>
  </si>
  <si>
    <t>https://echa.europa.eu/documents/10162/bcde2926-a00e-4389-8e48-67122bceba67</t>
  </si>
  <si>
    <t>https://echa.europa.eu/documents/10162/d51c9722-aed2-47a0-8356-831db2066b0a</t>
  </si>
  <si>
    <t>https://echa.europa.eu/documents/10162/d71ba080-df7e-42e6-a76f-4eec3880ebe5</t>
  </si>
  <si>
    <t>https://echa.europa.eu/documents/10162/d0e3c2a3-d273-70ee-3191-d939681c22f4</t>
  </si>
  <si>
    <t>https://echa.europa.eu/documents/10162/aca017f7-ce9f-4bce-a991-7c9e911a3ddd</t>
  </si>
  <si>
    <t>https://echa.europa.eu/documents/10162/2721734c-c482-493b-82e8-3b4d131a6507</t>
  </si>
  <si>
    <t>https://echa.europa.eu/documents/10162/13121440-8260-4e04-bc10-5dcad34c7ac0</t>
  </si>
  <si>
    <t>https://echa.europa.eu/documents/10162/118b1880-d7bc-b1ed-3539-bf39a3fda3bb</t>
  </si>
  <si>
    <t>https://echa.europa.eu/documents/10162/86a55090-a222-4389-83d6-4859f9efb875</t>
  </si>
  <si>
    <t>https://echa.europa.eu/documents/10162/b9c11f35-3120-4aa0-abec-d80c9aeb3786</t>
  </si>
  <si>
    <t>https://echa.europa.eu/documents/10162/5d71b975-bba0-482d-9a5e-a102c7a0fc0d</t>
  </si>
  <si>
    <t>https://echa.europa.eu/documents/10162/2a1e557b-3091-610d-3175-3b08da084dbd</t>
  </si>
  <si>
    <t>https://echa.europa.eu/documents/10162/513d6dfe-b82b-a513-687a-d7a8ce6e8a59</t>
  </si>
  <si>
    <t>https://echa.europa.eu/documents/10162/ab2bd960-50e9-44b4-a02d-4a3c9a622bdc</t>
  </si>
  <si>
    <t>https://echa.europa.eu/documents/10162/08f7169e-1697-4323-b13a-b037046eff96</t>
  </si>
  <si>
    <t>https://echa.europa.eu/documents/10162/22a7e514-1415-8815-b17d-a91d4e671812</t>
  </si>
  <si>
    <t>https://echa.europa.eu/documents/10162/f7c78fc1-bc3e-4913-9a8f-1f57e03326e4</t>
  </si>
  <si>
    <t>https://echa.europa.eu/documents/10162/c87c2930-58af-20dd-8394-afcd0d96ee3f</t>
  </si>
  <si>
    <t>https://echa.europa.eu/documents/10162/a4fac134-09e6-43c1-a65f-dfaee5f85731</t>
  </si>
  <si>
    <t>https://echa.europa.eu/documents/10162/8831bc31-c2e0-f702-ef41-fb3a49ec0789</t>
  </si>
  <si>
    <t>Reaction mass of 5-sec-butyl-2-(2,4-dimethylcyclohex-3-en-1-yl)-5-methyl-1,3-dioxane and 5-sec-butyl-2-(4,6-dimethylcyclohex-3-en-1-yl)-5-methyl-1,3-dioxane</t>
  </si>
  <si>
    <t>413-720-9</t>
  </si>
  <si>
    <t>117933-89-8</t>
  </si>
  <si>
    <t>1,3-Dioxane, 2-[(1S,2S)-2,4-dimethyl-3-cyclohexen-1-yl]-5-methyl-5-(1-methylpropyl)-, trans-</t>
  </si>
  <si>
    <t>676367-06-9</t>
  </si>
  <si>
    <t>5-sec-butyl-2-(2,4-dimethylcyclohex-3-en-1-yl)-5-methyl-1,3-dioxane</t>
  </si>
  <si>
    <t>5-sec-butyl-2-(4,6-dimethylcyclohex-3-en-1-yl)-5-methyl-1,3-dioxane</t>
  </si>
  <si>
    <t>1,3-Dioxane, 2-(2,4-dimethyl-3-cyclohexen-1-yl)-5-methyl-5-(1-methylpropyl)-</t>
  </si>
  <si>
    <t>186309-28-4</t>
  </si>
  <si>
    <t>1,3-Dioxane, 2-[(1R,2R)-2,4-dimethyl-3-cyclohexen-1-yl]-5-methyl-5-(1-methylpropyl)-, cis-</t>
  </si>
  <si>
    <t>676367-05-8</t>
  </si>
  <si>
    <t>1,3-Dioxane, 2-[(1R,2R)-2,4-dimethyl-3-cyclohexen-1-yl]-5-methyl-5-(1-methylpropyl)-, cis-rel-</t>
  </si>
  <si>
    <t>343934-04-3</t>
  </si>
  <si>
    <t>1,3-Dioxane, 2-[(1R,2R)-2,4-dimethyl-3-cyclohexen-1-yl]-5-methyl-5-(1-methylpropyl)-, trans-</t>
  </si>
  <si>
    <t>676367-09-2</t>
  </si>
  <si>
    <t>1,3-Dioxane, 2-[(1R,2R)-2,4-dimethyl-3-cyclohexen-1-yl]-5-methyl-5-(1-methylpropyl)-, trans-rel-</t>
  </si>
  <si>
    <t>343934-05-4</t>
  </si>
  <si>
    <t>1,3-Dioxane, 2-[(1R,2S)-2,4-dimethyl-3-cyclohexen-1-yl]-5-methyl-5-(1-methylpropyl)-, cis-</t>
  </si>
  <si>
    <t>676367-04-7</t>
  </si>
  <si>
    <t>1,3-Dioxane, 2-[(1R,2S)-2,4-dimethyl-3-cyclohexen-1-yl]-5-methyl-5-(1-methylpropyl)-, trans-</t>
  </si>
  <si>
    <t>676367-08-1</t>
  </si>
  <si>
    <t>1,3-Dioxane, 2-[(1S,2R)-2,4-dimethyl-3-cyclohexen-1-yl]-5-methyl-5-(1-methylpropyl)-, cis-</t>
  </si>
  <si>
    <t>676367-03-6</t>
  </si>
  <si>
    <t>1,3-Dioxane, 2-[(1S,2R)-2,4-dimethyl-3-cyclohexen-1-yl]-5-methyl-5-(1-methylpropyl)-, trans-</t>
  </si>
  <si>
    <t>676367-07-0</t>
  </si>
  <si>
    <t>1,3-Dioxane, 2-[(1S,2S)-2,4-dimethyl-3-cyclohexen-1-yl]-5-methyl-5-(1-methylpropyl)-, cis-</t>
  </si>
  <si>
    <t>676367-02-5</t>
  </si>
  <si>
    <t>Reaction mass of 5-[(2R)-butan-2-yl]-2-[(1R,2R)-2,4-dimethylcyclohex-3-en-1-yl]-5-methyl-1,3-dioxane and 5-[(2R)-butan-2-yl]-2-[(1R,6R)-4,6-dimethylcyclohex-3-en-1-yl]-5-methyl-1,3-dioxane and 5-[(2S)-butan-2-yl]-2-[(1R,2R)-2,4-dimethylcyclohex-3-en-1-yl]-5-methyl-1,3-dioxane and 5-[(2S)-butan-2-yl]-2-[(1S,2R)-2,4-dimethylcyclohex-3-en-1-yl]-5-methyl-1,3-dioxane and 5-[(2S)-butan-2-yl]-2-[(1S,6R)-4,6-dimethylcyclohex-3-en-1-yl]-5-methyl-1,3-dioxane</t>
  </si>
  <si>
    <t>https://echa.europa.eu/documents/10162/af844510-0d70-6a9e-4fd5-714632a0f988</t>
  </si>
  <si>
    <t>https://echa.europa.eu/documents/10162/0d1991c8-23cf-4779-9e08-b9208bd40338#https://echa.europa.eu/documents/10162/f5495229-3f8c-4321-817c-dd498912310e</t>
  </si>
  <si>
    <t>https://echa.europa.eu/documents/10162/2b4a5011-39c9-4eb0-9309-9aa6b10981ab</t>
  </si>
  <si>
    <t>https://echa.europa.eu/documents/10162/c79982ce-adc9-d5c8-e42a-d8bc025c9f93</t>
  </si>
  <si>
    <t>1,2-Benzenedicarboxylic acid, mixed decyl and hexyl and octyl diesters</t>
  </si>
  <si>
    <t>272-013-1</t>
  </si>
  <si>
    <t>1,2-Benzenedicarboxylic acid, di-C6-10-alkyl esters</t>
  </si>
  <si>
    <t>271-094-0</t>
  </si>
  <si>
    <t>https://echa.europa.eu/documents/10162/917a0639-8b9d-43ce-802c-b4e82a7f20e3</t>
  </si>
  <si>
    <t>https://echa.europa.eu/documents/10162/371b4814-2cbd-429d-88b9-905c19d0d299</t>
  </si>
  <si>
    <t>https://echa.europa.eu/documents/10162/a410b50c-11f9-49ca-9e8f-54f2a674b032</t>
  </si>
  <si>
    <t>https://echa.europa.eu/documents/10162/ba3a1dda-f1bb-0323-6067-257f1d310652</t>
  </si>
  <si>
    <t>https://echa.europa.eu/documents/10162/9e3c41d5-088a-47e7-944a-2ccb112493b3</t>
  </si>
  <si>
    <t>https://echa.europa.eu/documents/10162/bbe26e5b-facf-4668-bc8c-38a175be4c62</t>
  </si>
  <si>
    <t>https://echa.europa.eu/documents/10162/037ede8d-4f3a-030c-8663-8b04336272ad</t>
  </si>
  <si>
    <t>https://echa.europa.eu/documents/10162/8418e3af-5df2-d281-49bf-5ce691521e86</t>
  </si>
  <si>
    <t>https://echa.europa.eu/documents/10162/e333469a-fca7-48c2-a88f-52eaa8e7ad7e</t>
  </si>
  <si>
    <t>https://echa.europa.eu/documents/10162/0bba6429-659f-448b-9623-c6737291a3b1</t>
  </si>
  <si>
    <t>https://echa.europa.eu/documents/10162/6eb02b71-b691-4b53-b0f1-c8c68b2b3083</t>
  </si>
  <si>
    <t>https://echa.europa.eu/documents/10162/c185b4bd-150f-f36b-d3a4-48cf45d1e5fb</t>
  </si>
  <si>
    <t>https://echa.europa.eu/documents/10162/8f7e275c-c02c-4357-90d9-59a37b14337a</t>
  </si>
  <si>
    <t>https://echa.europa.eu/documents/10162/0a3e8564-b077-46a7-a90e-2f59f458932f</t>
  </si>
  <si>
    <t>https://echa.europa.eu/documents/10162/04d23d27-3484-48c9-862c-0637e30642a1</t>
  </si>
  <si>
    <t>https://echa.europa.eu/documents/10162/80eac049-4076-f96d-cd11-0d8477cb12dc</t>
  </si>
  <si>
    <t>https://echa.europa.eu/documents/10162/27d9317d-3aeb-41d5-9116-1e07696d90cd</t>
  </si>
  <si>
    <t>https://echa.europa.eu/documents/10162/96387d49-cb01-423c-bd6e-927a7b6c434f</t>
  </si>
  <si>
    <t>https://echa.europa.eu/documents/10162/33c375a1-c4de-4f14-a143-cff986175d76</t>
  </si>
  <si>
    <t>https://echa.europa.eu/documents/10162/6ac88f0e-1962-78d3-a7ed-cfb4f89b9aa7</t>
  </si>
  <si>
    <t>https://echa.europa.eu/documents/10162/c6a0c43b-adba-4351-a093-66b36d470de3</t>
  </si>
  <si>
    <t>https://echa.europa.eu/documents/10162/0ca781ed-adf7-4d40-95b7-a7ea17543f5c</t>
  </si>
  <si>
    <t>https://echa.europa.eu/documents/10162/31f2c070-ad6f-4de9-b17d-402eedb05eac</t>
  </si>
  <si>
    <t>https://echa.europa.eu/documents/10162/e324f17f-e945-74ac-a7ea-9471cc2bfdec</t>
  </si>
  <si>
    <t>https://echa.europa.eu/documents/10162/55e1c126-a528-440f-8c10-49a31b82eda3</t>
  </si>
  <si>
    <t>https://echa.europa.eu/documents/10162/59b315b3-efb1-4ffa-b4bb-3c2c1259da45</t>
  </si>
  <si>
    <t>https://echa.europa.eu/documents/10162/46e192c7-457f-43fc-b93f-14d2ce0347f9</t>
  </si>
  <si>
    <t>https://echa.europa.eu/documents/10162/993ec24b-d88d-8fc4-97af-6c71fca118fa</t>
  </si>
  <si>
    <t>Perboric acid (H3BO2(O2)), monosodium salt, trihydrate</t>
  </si>
  <si>
    <t>603-902-8</t>
  </si>
  <si>
    <t>13517-20-9</t>
  </si>
  <si>
    <t>Borate(2-), tetrahydroxybis[μ-(peroxy-κO1:κO2)]di-, sodium (1:2)</t>
  </si>
  <si>
    <t>90568-23-3</t>
  </si>
  <si>
    <t>Sodium perborate</t>
  </si>
  <si>
    <t>239-172-9</t>
  </si>
  <si>
    <t>15120-21-5</t>
  </si>
  <si>
    <t>Perboric acid, sodium salt</t>
  </si>
  <si>
    <t>234-390-0</t>
  </si>
  <si>
    <t>11138-47-9</t>
  </si>
  <si>
    <t>Borate(2-), tetrahydroxybis[μ-(peroxy-κO1:κO2)]di-, sodium, hydrate (1:2:6)</t>
  </si>
  <si>
    <t>125022-34-6</t>
  </si>
  <si>
    <t>https://echa.europa.eu/documents/10162/e2bc867c-de85-4d6d-a9d6-d856ab51685c</t>
  </si>
  <si>
    <t>https://echa.europa.eu/documents/10162/a7d0fcf7-deb2-402e-af3b-c3b1759615f9</t>
  </si>
  <si>
    <t>https://echa.europa.eu/documents/10162/a210c4dd-6ef4-4f76-9fd9-5b35a7482c1b</t>
  </si>
  <si>
    <t>https://echa.europa.eu/documents/10162/dc9015af-635b-c359-b9d4-56d7725b9d58</t>
  </si>
  <si>
    <t>https://echa.europa.eu/documents/10162/34533e6e-84d2-4a40-815d-7a02dac17041</t>
  </si>
  <si>
    <t>https://echa.europa.eu/documents/10162/4ffa71cf-34d5-4968-9b46-58d2398a211a</t>
  </si>
  <si>
    <t>https://echa.europa.eu/documents/10162/f2fc61d4-7e23-4a9a-a52d-10ae36e9987e</t>
  </si>
  <si>
    <t>https://echa.europa.eu/documents/10162/e4456f95-477d-9cf9-2fcb-3db6f05ca8ab</t>
  </si>
  <si>
    <t>https://echa.europa.eu/documents/10162/464f639f-6e07-4966-b63a-081ac8040e63</t>
  </si>
  <si>
    <t>https://echa.europa.eu/documents/10162/e764d667-57dc-4956-8628-6245f36d5552</t>
  </si>
  <si>
    <t>https://echa.europa.eu/documents/10162/aa428e86-ed97-4450-8e78-cdbb06e46c8f</t>
  </si>
  <si>
    <t>https://echa.europa.eu/documents/10162/3e37f35a-48a7-7ce9-a97d-7659def7e080</t>
  </si>
  <si>
    <t>https://echa.europa.eu/documents/10162/ff4184dc-c595-4dc8-8241-941c073f2221</t>
  </si>
  <si>
    <t>https://echa.europa.eu/documents/10162/86ace337-8153-47fb-b0b0-8193c621c433</t>
  </si>
  <si>
    <t>https://echa.europa.eu/documents/10162/49fa197b-8a06-4d92-abf4-f40ad0a6f815</t>
  </si>
  <si>
    <t>https://echa.europa.eu/documents/10162/c0a30142-49b9-a857-0d20-e1a6f6da0525</t>
  </si>
  <si>
    <t>https://echa.europa.eu/documents/10162/e01d8301-5596-4905-98ad-f17eb9455241</t>
  </si>
  <si>
    <t>https://echa.europa.eu/documents/10162/85a2311e-2252-4f8a-b987-451846cee286</t>
  </si>
  <si>
    <t>https://echa.europa.eu/documents/10162/24751f9c-5206-4190-bcc9-3ca9418e0e31</t>
  </si>
  <si>
    <t>https://echa.europa.eu/documents/10162/f6d7dd12-593f-57e5-8026-a2f9cccf561f</t>
  </si>
  <si>
    <t>https://echa.europa.eu/documents/10162/6ab9d8cb-2d82-4dba-a68b-8752a00c4c76</t>
  </si>
  <si>
    <t>https://echa.europa.eu/documents/10162/d04de1ae-26e0-45ac-969c-259a0cdd5338</t>
  </si>
  <si>
    <t>https://echa.europa.eu/documents/10162/ef1f3daa-fc8b-4bf5-8bd1-71e80a2adf62</t>
  </si>
  <si>
    <t>https://echa.europa.eu/documents/10162/2261c554-cdf2-4ed1-9205-e54d68d6e20f</t>
  </si>
  <si>
    <t>https://echa.europa.eu/documents/10162/f9d799e8-5a32-44d1-b383-4c9695085cbf</t>
  </si>
  <si>
    <t>https://echa.europa.eu/documents/10162/fd83a2e5-21ca-4ec4-a4d2-2465637f90c0</t>
  </si>
  <si>
    <t>https://echa.europa.eu/documents/10162/cf3a4398-3305-424e-ab1e-a02fbc548431</t>
  </si>
  <si>
    <t>https://echa.europa.eu/documents/10162/e306453a-92c1-0aa9-469d-acde10267249</t>
  </si>
  <si>
    <t>https://echa.europa.eu/documents/10162/d90bb47a-7e33-43c3-82ad-18a55d39d502</t>
  </si>
  <si>
    <t>https://echa.europa.eu/documents/10162/eecf78d5-f23d-44b0-a3db-0357c698ae4b</t>
  </si>
  <si>
    <t>https://echa.europa.eu/documents/10162/65336c46-c178-4b71-a927-15437e8b303a</t>
  </si>
  <si>
    <t>https://echa.europa.eu/documents/10162/fa40d148-4f2d-9cbe-7295-c2ada7db7356</t>
  </si>
  <si>
    <t>https://echa.europa.eu/documents/10162/204bc9fa-0673-4753-bd0e-e3503b4a1956</t>
  </si>
  <si>
    <t>https://echa.europa.eu/documents/10162/f30a9a9a-9ce1-429e-96fb-7f24fe4de850</t>
  </si>
  <si>
    <t>https://echa.europa.eu/documents/10162/2aceee75-6b50-416c-aa30-d3131c5eeee3</t>
  </si>
  <si>
    <t>https://echa.europa.eu/documents/10162/8cce0a23-b9bf-a13d-afa1-a42e946b4390</t>
  </si>
  <si>
    <t>https://echa.europa.eu/documents/10162/092663e6-b14a-4a06-aadf-fc0e56bc0a23</t>
  </si>
  <si>
    <t>https://echa.europa.eu/documents/10162/facda3f9-a050-4f29-91f1-358175b67a39</t>
  </si>
  <si>
    <t>https://echa.europa.eu/documents/10162/8059e342-1092-410f-bd85-80118a5526f5</t>
  </si>
  <si>
    <t>https://echa.europa.eu/documents/10162/730a8511-d866-e91a-d3ad-1f700ea36b8b</t>
  </si>
  <si>
    <t>https://echa.europa.eu/documents/10162/365998db-beb8-47b6-b080-ca5549397cd9</t>
  </si>
  <si>
    <t>https://echa.europa.eu/documents/10162/8a80cf7b-cce9-4152-89f4-e8ad58ce6fde</t>
  </si>
  <si>
    <t>https://echa.europa.eu/documents/10162/11bbf18f-02ac-4b12-a715-056df904057c</t>
  </si>
  <si>
    <t>https://echa.europa.eu/documents/10162/7f0bea3d-3432-0528-6f36-53f3a2bef27a</t>
  </si>
  <si>
    <t>https://echa.europa.eu/documents/10162/2fb75d7e-485c-4edb-8c72-4204f224bbca</t>
  </si>
  <si>
    <t>https://echa.europa.eu/documents/10162/a03b1b4e-3090-455e-9cb0-1dc52005f7c0</t>
  </si>
  <si>
    <t>https://echa.europa.eu/documents/10162/f09f23c5-98fc-4e56-abc2-feae96de0f3d</t>
  </si>
  <si>
    <t>https://echa.europa.eu/documents/10162/cf1074c6-b588-f914-90aa-85f885d3c8a4</t>
  </si>
  <si>
    <t>https://echa.europa.eu/documents/10162/49a335ae-1ec4-40e5-88fb-3b08702da95c</t>
  </si>
  <si>
    <t>https://echa.europa.eu/documents/10162/b252eefb-8012-46bb-8a47-74ff66a0a8d4</t>
  </si>
  <si>
    <t>https://echa.europa.eu/documents/10162/a048359b-de39-4b7e-8602-51272a55aeae</t>
  </si>
  <si>
    <t>https://echa.europa.eu/documents/10162/a852ca1e-50fb-c3a4-f14d-2fee19c69701</t>
  </si>
  <si>
    <t>https://echa.europa.eu/documents/10162/b06436fd-6367-4a2f-b6a2-2b8ffa183ae9</t>
  </si>
  <si>
    <t>https://echa.europa.eu/documents/10162/df602a5b-2df3-490f-ad1c-e2e782ad7dc9</t>
  </si>
  <si>
    <t>https://echa.europa.eu/documents/10162/5e2c1e53-be98-4104-8b96-9cd88655a92a</t>
  </si>
  <si>
    <t>https://echa.europa.eu/documents/10162/8cf84645-353d-7cb2-bdc3-c44d12e19c84</t>
  </si>
  <si>
    <t>https://echa.europa.eu/documents/10162/fd80f890-fb73-4201-8e2f-06dc04eaf5a9</t>
  </si>
  <si>
    <t>https://echa.europa.eu/documents/10162/90d219f2-cd83-4e2b-bb9e-3ed6d5ff91bf</t>
  </si>
  <si>
    <t>https://echa.europa.eu/documents/10162/9af34d5f-cd2f-4e63-859c-529bb39da7ae#https://echa.europa.eu/documents/10162/33836bb4-e6b9-b686-1dc9-e8618ee32db5</t>
  </si>
  <si>
    <t>https://echa.europa.eu/documents/10162/0ef7af92-b74c-b38b-aa95-3730bf89372d</t>
  </si>
  <si>
    <t>Nonylphenol, ethoxylated</t>
  </si>
  <si>
    <t>500-024-6</t>
  </si>
  <si>
    <t>500-045-0</t>
  </si>
  <si>
    <t>2-[2-[2-[2-(4-nonylphenoxy)ethoxy]ethoxy]ethoxy]ethanol</t>
  </si>
  <si>
    <t>230-770-5</t>
  </si>
  <si>
    <t>2-[2-(4-nonylphenoxy)ethoxy]ethanol</t>
  </si>
  <si>
    <t>243-816-4</t>
  </si>
  <si>
    <t>20-(4-nonylphenoxy)-3,6,9,12,15,18-hexaoxaicosan-1-ol</t>
  </si>
  <si>
    <t>248-743-1</t>
  </si>
  <si>
    <t>26-(4-Nonylphenoxy)-3,6,9,12,15,18,21,24- octaoxahexacosan -1-ol</t>
  </si>
  <si>
    <t>Poly(oxy-1,2-ethanediyl), α-(nonylphenyl)-ω-hydroxy-, branched</t>
  </si>
  <si>
    <t>Poly (oxy-1,2-ethanediyl), alpha -(nonylphenyl)-omega-hydroxy-, branched (CAS# 68412-54-4)</t>
  </si>
  <si>
    <t>932-337-2</t>
  </si>
  <si>
    <t>Nonylphenol, ethoxylated (15-EO) (9016-45-9)</t>
  </si>
  <si>
    <t>931-756-8</t>
  </si>
  <si>
    <t>Nonylphenol, ethoxylated (10-EO) (9016-45-9)</t>
  </si>
  <si>
    <t>931-755-2</t>
  </si>
  <si>
    <t>Nonylphenol, ethoxylated (8-EO) (9016-45-9)</t>
  </si>
  <si>
    <t>931-754-7</t>
  </si>
  <si>
    <t>Nonylphenol, ethoxylated (6,5-EO) (9016-45-9)</t>
  </si>
  <si>
    <t>931-753-1</t>
  </si>
  <si>
    <t>500-209-1</t>
  </si>
  <si>
    <t>2-[4-(3,6-dimethylheptan-3-yl)phenoxy]ethanol</t>
  </si>
  <si>
    <t>687-832-3</t>
  </si>
  <si>
    <t>1119449-37-4</t>
  </si>
  <si>
    <t>14-(nonylphenoxy)-3,6,9,12-tetraoxatetradecan-1-ol</t>
  </si>
  <si>
    <t>247-555-7</t>
  </si>
  <si>
    <t>Nonylphenol, ethoxylated (polymer)</t>
  </si>
  <si>
    <t>938-618-6</t>
  </si>
  <si>
    <t>Nonylphenol, ethoxylated (EO = 4)</t>
  </si>
  <si>
    <t>939-975-0</t>
  </si>
  <si>
    <t>Nonylphenol, ethoxylated (EO = 10)</t>
  </si>
  <si>
    <t>939-993-9</t>
  </si>
  <si>
    <t>Nonylphenolpolyglycolether</t>
  </si>
  <si>
    <t>932-998-7</t>
  </si>
  <si>
    <t>26-(nonylphenoxy)-3,6,9,12,15,18,21,24-octaoxahexacosan-1-ol</t>
  </si>
  <si>
    <t>247-816-5</t>
  </si>
  <si>
    <t>4-Nonylphenol, branched, ethoxylated (CAS: 127087-87-0)</t>
  </si>
  <si>
    <t>932-098-4</t>
  </si>
  <si>
    <t>3,6,9,12-Tetraoxatetradecan-1-ol, 14-(4-nonylphenoxy)-</t>
  </si>
  <si>
    <t>Isononylphenol, ethoxylated</t>
  </si>
  <si>
    <t>609-346-2</t>
  </si>
  <si>
    <t>Poly(oxy-1,2-ethanediyl), a-(nonylphenyl)-w-hydroxy- (CAS 9016-45-9)</t>
  </si>
  <si>
    <t>931-562-3</t>
  </si>
  <si>
    <t>500-315-8</t>
  </si>
  <si>
    <t>23-(nonylphenoxy)-3,6,9,12,15,18,21-heptaoxatricosan-1-ol</t>
  </si>
  <si>
    <t>248-293-6</t>
  </si>
  <si>
    <t>2-{2-[4-(3,6-dimethylheptan-3-yl)phenoxy]ethoxy}ethanol</t>
  </si>
  <si>
    <t>687-833-9</t>
  </si>
  <si>
    <t>1119449-38-5</t>
  </si>
  <si>
    <t>https://echa.europa.eu/documents/10162/af3610a5-f180-4fcd-95b7-636e43da9198</t>
  </si>
  <si>
    <t>https://echa.europa.eu/documents/10162/57804b85-bfe3-4fb3-ba6e-85681ae9a946</t>
  </si>
  <si>
    <t>https://echa.europa.eu/documents/10162/0b3bffdb-ee49-4d1d-9ef7-7e1aeed13818</t>
  </si>
  <si>
    <t>https://echa.europa.eu/documents/10162/e890ef44-027b-69a9-123e-020a2e1ed3fd</t>
  </si>
  <si>
    <t>https://echa.europa.eu/documents/10162/bd13bb56-cf5a-4eee-b7a2-367ba3838e86</t>
  </si>
  <si>
    <t>https://echa.europa.eu/documents/10162/e8388e88-796e-48d6-b857-92e1de8cba7b</t>
  </si>
  <si>
    <t>https://echa.europa.eu/documents/10162/4641a546-af85-9bd7-f550-8a6269bd02f8</t>
  </si>
  <si>
    <t>https://echa.europa.eu/documents/10162/2620a423-631b-ddac-0985-f657f444b4be</t>
  </si>
  <si>
    <t>https://echa.europa.eu/documents/10162/dd827b99-e744-4d49-84c3-00b82732059b</t>
  </si>
  <si>
    <t>https://echa.europa.eu/documents/10162/10982bb6-eb4f-4b49-8ae2-934e051c4227</t>
  </si>
  <si>
    <t>https://echa.europa.eu/documents/10162/44fd0731-2211-0216-b984-e3cd0f32d5ca</t>
  </si>
  <si>
    <t>https://echa.europa.eu/documents/10162/ed8c31e6-8c70-9a9f-6861-06cd4d493c09</t>
  </si>
  <si>
    <t>https://echa.europa.eu/documents/10162/f56110e1-a0d6-4a1e-8c7d-9940d5ec8d91</t>
  </si>
  <si>
    <t>https://echa.europa.eu/documents/10162/08f78ab7-6708-418d-ab77-adf1100ab429</t>
  </si>
  <si>
    <t>https://echa.europa.eu/documents/10162/735b9afe-5a6a-41d2-9b7b-7758ec3c5702</t>
  </si>
  <si>
    <t>https://echa.europa.eu/documents/10162/1339c831-6e8e-da3a-a622-55892c08ebc0</t>
  </si>
  <si>
    <t>https://echa.europa.eu/documents/10162/0b417b76-b533-42a1-9bd2-519f1dc1990d</t>
  </si>
  <si>
    <t>https://echa.europa.eu/documents/10162/118d71ba-5734-45ac-9dfe-ab74edca7803</t>
  </si>
  <si>
    <t>https://echa.europa.eu/documents/10162/136a8d6e-ebac-4000-8183-ad9176fd134b</t>
  </si>
  <si>
    <t>https://echa.europa.eu/documents/10162/35c5243b-558d-85ff-94f8-e54babec4986</t>
  </si>
  <si>
    <t>https://echa.europa.eu/documents/10162/486d5d7c-c872-48cf-9392-e86ecff34c04</t>
  </si>
  <si>
    <t>https://echa.europa.eu/documents/10162/44b75647-0300-4836-a312-f11ba9574ece</t>
  </si>
  <si>
    <t>https://echa.europa.eu/documents/10162/cc6c0ca7-538e-4a5b-88fe-b1a635241a45</t>
  </si>
  <si>
    <t>https://echa.europa.eu/documents/10162/679974d0-99da-fb52-5344-70942eaf0b21</t>
  </si>
  <si>
    <t>https://echa.europa.eu/documents/10162/a7314719-5b08-47ef-9ee7-daca71e06f54</t>
  </si>
  <si>
    <t>https://echa.europa.eu/documents/10162/8a921407-3b0f-471a-a684-131dfba77523</t>
  </si>
  <si>
    <t>https://echa.europa.eu/documents/10162/13a5f189-b83e-e1b4-b201-084b82fd7a68</t>
  </si>
  <si>
    <t>https://echa.europa.eu/documents/10162/426137d8-a88b-d850-0610-3eab583446ad</t>
  </si>
  <si>
    <t>https://echa.europa.eu/documents/10162/6bd3a623-dcbc-43ff-a5fa-8f710fc4053b</t>
  </si>
  <si>
    <t>https://echa.europa.eu/documents/10162/d0de0c48-5768-4589-8dd4-dbcafce8e7dd</t>
  </si>
  <si>
    <t>https://echa.europa.eu/documents/10162/ca9a6d0f-2618-bf67-6c3b-63bc706422bc</t>
  </si>
  <si>
    <t>https://echa.europa.eu/documents/10162/602a0aad-a902-c5b7-421b-56a30dc89a4a</t>
  </si>
  <si>
    <t>https://echa.europa.eu/documents/10162/9e101a56-02e0-481f-babb-e4f62d36912b</t>
  </si>
  <si>
    <t>https://echa.europa.eu/documents/10162/3da568db-d1e1-4082-b0c7-78246ccb1489</t>
  </si>
  <si>
    <t>https://echa.europa.eu/documents/10162/1014fa88-d28e-4385-8530-fe2c38032c27</t>
  </si>
  <si>
    <t>https://echa.europa.eu/documents/10162/d19da13c-65ed-6bcc-6922-e499ef3caba7</t>
  </si>
  <si>
    <t>https://echa.europa.eu/documents/10162/664946a7-1fba-487d-8d28-f47de7fb3a5c</t>
  </si>
  <si>
    <t>https://echa.europa.eu/documents/10162/adc19a74-9ef0-4920-93c5-0b25d600b8c4</t>
  </si>
  <si>
    <t>https://echa.europa.eu/documents/10162/5a790e77-efd4-4c56-84bb-b00a92b732b4</t>
  </si>
  <si>
    <t>https://echa.europa.eu/documents/10162/690d1df2-8058-e37f-235f-ca184e88ea88</t>
  </si>
  <si>
    <t>https://echa.europa.eu/documents/10162/0df4a67b-03ac-4468-b6b5-6526237f92ba</t>
  </si>
  <si>
    <t>https://echa.europa.eu/documents/10162/111dde32-185d-4e50-9112-5c1c019b920a</t>
  </si>
  <si>
    <t>https://echa.europa.eu/documents/10162/4894dac8-608d-c1ab-2473-f67e2e314d39</t>
  </si>
  <si>
    <t>https://echa.europa.eu/documents/10162/b2524815-0623-1a5e-6bea-1f908ea9123f</t>
  </si>
  <si>
    <t>https://echa.europa.eu/documents/10162/97af2122-f294-472c-9cc8-978f116c6929</t>
  </si>
  <si>
    <t>https://echa.europa.eu/documents/10162/aab36e2a-90e2-46b0-b940-07e4cf119f05</t>
  </si>
  <si>
    <t>https://echa.europa.eu/documents/10162/28065aee-33ca-5892-0d45-484e326f6700</t>
  </si>
  <si>
    <t>https://echa.europa.eu/documents/10162/9d2032aa-9839-6ab3-dc80-3b9227d496b0</t>
  </si>
  <si>
    <t>https://echa.europa.eu/documents/10162/953517bb-4055-4a5b-9ed7-4bb69c3b96e7</t>
  </si>
  <si>
    <t>https://echa.europa.eu/documents/10162/c4e9db39-8285-48d9-87b3-29c15c861802</t>
  </si>
  <si>
    <t>https://echa.europa.eu/documents/10162/2963ade6-f093-4c8c-b9b2-604f538a3131</t>
  </si>
  <si>
    <t>https://echa.europa.eu/documents/10162/40cff30c-61e5-7020-5613-2c1960a359f0</t>
  </si>
  <si>
    <t>https://echa.europa.eu/documents/10162/d7aaf254-b61a-48a2-9f03-9c49bd0164c1</t>
  </si>
  <si>
    <t>https://echa.europa.eu/documents/10162/d1a365c6-34d1-4fda-81c7-09c7f4b07a77</t>
  </si>
  <si>
    <t>https://echa.europa.eu/documents/10162/b94dedbc-8af4-4223-b68e-fcddccee3119</t>
  </si>
  <si>
    <t>https://echa.europa.eu/documents/10162/6b9044f3-d941-fb0d-096b-286a4dd77761</t>
  </si>
  <si>
    <t>https://echa.europa.eu/documents/10162/d54fc5db-a2c6-4b1c-9000-e398645ad294</t>
  </si>
  <si>
    <t>https://echa.europa.eu/documents/10162/c33869fc-43f1-44c2-812f-0c6ad82104c6</t>
  </si>
  <si>
    <t>https://echa.europa.eu/documents/10162/73ef6184-8578-44dc-ac23-8034f1db5471</t>
  </si>
  <si>
    <t>https://echa.europa.eu/documents/10162/604ad38f-b652-c9af-2d99-88eba89b1809</t>
  </si>
  <si>
    <t>https://echa.europa.eu/documents/10162/2d6d4c98-5c55-41ff-89e0-6557aed1c003</t>
  </si>
  <si>
    <t>https://echa.europa.eu/documents/10162/cd5a3079-1069-4f2f-815c-a628714f76a7</t>
  </si>
  <si>
    <t>https://echa.europa.eu/documents/10162/df25f106-5e4c-4f4b-baed-fc2251e9d233</t>
  </si>
  <si>
    <t>https://echa.europa.eu/documents/10162/45f25c3e-6382-15e2-b6cc-d981bb3caa0f</t>
  </si>
  <si>
    <t>https://echa.europa.eu/documents/10162/52c73750-c192-457c-9c48-2bd9776cec88</t>
  </si>
  <si>
    <t>https://echa.europa.eu/documents/10162/e3a1814f-6a8c-4c02-858e-74f98d525824</t>
  </si>
  <si>
    <t>https://echa.europa.eu/documents/10162/64875a92-e9c1-3d65-6722-0fab6c7283b3</t>
  </si>
  <si>
    <t>https://echa.europa.eu/documents/10162/f9d62a48-e855-fb93-e3dc-aa5187fabd7f</t>
  </si>
  <si>
    <t>https://echa.europa.eu/documents/10162/005a9afb-2a53-41df-8711-5c28765c6e6b</t>
  </si>
  <si>
    <t>https://echa.europa.eu/documents/10162/38636e85-49ef-4b37-890c-65ba488e7521</t>
  </si>
  <si>
    <t>https://echa.europa.eu/documents/10162/60dcbe57-a21b-4420-9e9a-33780223b72e</t>
  </si>
  <si>
    <t>https://echa.europa.eu/documents/10162/0d327156-85d3-bcf9-7b7c-96e26eaa10c9</t>
  </si>
  <si>
    <t>https://echa.europa.eu/documents/10162/afb7a0e1-9222-4385-88cf-71c0b06191d0</t>
  </si>
  <si>
    <t>https://echa.europa.eu/documents/10162/2a9e3fcd-2243-4357-b837-9532235a307f</t>
  </si>
  <si>
    <t>https://echa.europa.eu/documents/10162/0be0390a-a33a-d8f0-7aa5-5fee34deff20</t>
  </si>
  <si>
    <t>https://echa.europa.eu/documents/10162/280be7f8-c3f1-1589-ddaa-a203f59faad7</t>
  </si>
  <si>
    <t>https://echa.europa.eu/documents/10162/01818c6d-bcc9-4136-9eec-888823ae5fb0</t>
  </si>
  <si>
    <t>https://echa.europa.eu/documents/10162/b655b355-0ced-4795-a2d2-76c912c7acca</t>
  </si>
  <si>
    <t>https://echa.europa.eu/documents/10162/319be01e-c34d-7d76-1b3a-7e463c763751</t>
  </si>
  <si>
    <t>https://echa.europa.eu/documents/10162/fedc8ac1-2c73-5364-2e71-4bde22939b55</t>
  </si>
  <si>
    <t>https://echa.europa.eu/documents/10162/933f22c2-cfa6-4126-b0a5-3ba33ce75487</t>
  </si>
  <si>
    <t>https://echa.europa.eu/documents/10162/d69baa79-6ed9-4c3e-9aed-584577c19696</t>
  </si>
  <si>
    <t>https://echa.europa.eu/documents/10162/a1fbea0a-5718-38cc-c08a-66341ecb969e</t>
  </si>
  <si>
    <t>https://echa.europa.eu/documents/10162/c5034009-0357-8d59-0128-23c99dddeb4b</t>
  </si>
  <si>
    <t>https://echa.europa.eu/documents/10162/23bfbbe6-9985-42fe-b401-a7df81ec12cc</t>
  </si>
  <si>
    <t>https://echa.europa.eu/documents/10162/50822d59-490c-4e01-88c3-c8ff8d2d389a</t>
  </si>
  <si>
    <t>https://echa.europa.eu/documents/10162/0362e7d9-bcb5-41bc-945c-19365594480f</t>
  </si>
  <si>
    <t>https://echa.europa.eu/documents/10162/58651835-2c5c-28bb-0653-9e13a2f98666</t>
  </si>
  <si>
    <t>https://echa.europa.eu/documents/10162/ea71029e-f8de-4e5d-a393-6961aefd6e14</t>
  </si>
  <si>
    <t>https://echa.europa.eu/documents/10162/86c143a2-eb69-44bd-9710-73ab2aca57fc</t>
  </si>
  <si>
    <t>https://echa.europa.eu/documents/10162/229a3cca-ceeb-101d-1247-2e824784f473</t>
  </si>
  <si>
    <t>https://echa.europa.eu/documents/10162/e456243a-65e4-5d07-6332-fd323cdd406e</t>
  </si>
  <si>
    <t>https://echa.europa.eu/documents/10162/e1c55ba4-1f9a-4633-b4c3-fdaba005b095</t>
  </si>
  <si>
    <t>https://echa.europa.eu/documents/10162/97c17507-b6bc-42d7-8aac-59c0c0e9c21b</t>
  </si>
  <si>
    <t>https://echa.europa.eu/documents/10162/be34d0ca-8d1e-488f-8b49-35063b0054b3</t>
  </si>
  <si>
    <t>https://echa.europa.eu/documents/10162/c3be9101-a646-b11c-7aaa-427d650ea242</t>
  </si>
  <si>
    <t>https://echa.europa.eu/documents/10162/a6f8212c-590f-469a-b6c1-f40f234e4518</t>
  </si>
  <si>
    <t>https://echa.europa.eu/documents/10162/0225706b-6dbf-4b6f-94f8-fa3e8fc24ff6</t>
  </si>
  <si>
    <t>https://echa.europa.eu/documents/10162/7f3131c3-b63f-49e8-9717-68dc7883b549</t>
  </si>
  <si>
    <t>https://echa.europa.eu/documents/10162/1f7fc65b-4cfc-ebc2-f9ac-73d043977553</t>
  </si>
  <si>
    <t>https://echa.europa.eu/documents/10162/56f43ea4-a623-4d5e-b741-fee1fef7e771</t>
  </si>
  <si>
    <t>https://echa.europa.eu/documents/10162/0d9b7449-9ec1-4c1e-a117-294cccc4aa9d</t>
  </si>
  <si>
    <t>https://echa.europa.eu/documents/10162/3d78e51f-bd96-fd06-4cd4-9d268d040478</t>
  </si>
  <si>
    <t>https://echa.europa.eu/documents/10162/5257f061-6e42-e233-84f3-1904b0529ce0</t>
  </si>
  <si>
    <t>https://echa.europa.eu/documents/10162/81052549-dd49-40b5-9388-b5a72a1a3fb3</t>
  </si>
  <si>
    <t>https://echa.europa.eu/documents/10162/bd282c4d-91b6-4537-9f27-b65a5fccbd48#https://echa.europa.eu/documents/10162/670b8e64-298e-4ed7-939f-67da04164a42#https://echa.europa.eu/documents/10162/7e96ce49-1e77-4333-8e0e-35892531aa5c#https://echa.europa.eu/documents/10162/081b759a-1aae-42d9-9f62-4051fb9187bc</t>
  </si>
  <si>
    <t>https://echa.europa.eu/documents/10162/abbc92cc-984a-16e1-efce-37b665ecb79a</t>
  </si>
  <si>
    <t>https://echa.europa.eu/documents/10162/723209fe-d033-bc5e-b307-9066ccf0426d</t>
  </si>
  <si>
    <t>247-094-1</t>
  </si>
  <si>
    <t>260-566-1</t>
  </si>
  <si>
    <t>256-356-4</t>
  </si>
  <si>
    <t>243-072-0</t>
  </si>
  <si>
    <t>https://echa.europa.eu/documents/10162/bb2caa51-1bcc-407b-b587-91d4ac23b564</t>
  </si>
  <si>
    <t>https://echa.europa.eu/documents/10162/de2ad408-ea06-484e-9015-ac6af581863c</t>
  </si>
  <si>
    <t>https://echa.europa.eu/documents/10162/08046ee8-0933-a564-0df2-da48cda2bc6b</t>
  </si>
  <si>
    <t>https://echa.europa.eu/documents/10162/76c2d4f3-1d2e-f263-c819-74f4373a976c</t>
  </si>
  <si>
    <t>https://echa.europa.eu/documents/10162/02881bec-75ad-4e83-a9bb-c9f6dc81042e</t>
  </si>
  <si>
    <t>https://echa.europa.eu/documents/10162/60adb1fb-d001-4a2a-b8bf-a0e05e29d156</t>
  </si>
  <si>
    <t>https://echa.europa.eu/documents/10162/9bcff514-6625-baa9-edd9-80ee9e82c86a</t>
  </si>
  <si>
    <t>https://echa.europa.eu/documents/10162/bd48b5f6-b407-60e1-f06e-76dd605d92ae</t>
  </si>
  <si>
    <t>https://echa.europa.eu/documents/10162/1986ed9a-a382-4409-8faf-abd0f9af440a</t>
  </si>
  <si>
    <t>https://echa.europa.eu/documents/10162/f2a41a5f-68db-44e9-a925-2446de4ec9b1</t>
  </si>
  <si>
    <t>https://echa.europa.eu/documents/10162/8ab8b38b-26e8-49b7-9f04-b83c457023ec</t>
  </si>
  <si>
    <t>https://echa.europa.eu/documents/10162/783a7398-0b23-d9ab-4afb-da6a77d2dfcb</t>
  </si>
  <si>
    <t>https://echa.europa.eu/documents/10162/7f59b681-ee89-484b-bec2-3412f3f7d0e5</t>
  </si>
  <si>
    <t>https://echa.europa.eu/documents/10162/575f1c14-49f5-4a3d-9368-ebbb989edcf4</t>
  </si>
  <si>
    <t>https://echa.europa.eu/documents/10162/13e375d0-709b-4203-b851-7cb5e0a87c80</t>
  </si>
  <si>
    <t>https://echa.europa.eu/documents/10162/6e6bc1b6-4695-bfb6-8746-445a90dad5ff</t>
  </si>
  <si>
    <t>https://echa.europa.eu/documents/10162/b3332ac2-958d-4b79-86be-12a13f9cd8c8</t>
  </si>
  <si>
    <t>https://echa.europa.eu/documents/10162/2b533763-b36b-481c-a7b2-ff28b898d343</t>
  </si>
  <si>
    <t>https://echa.europa.eu/documents/10162/01088b8d-0195-44cf-8760-f1797c18e789</t>
  </si>
  <si>
    <t>https://echa.europa.eu/documents/10162/3ce25576-1795-cda5-ea46-acdb9741089a</t>
  </si>
  <si>
    <t>https://echa.europa.eu/documents/10162/b23de2c1-7142-43ec-9fba-ee150ed98bb1</t>
  </si>
  <si>
    <t>https://echa.europa.eu/documents/10162/876747a8-aa98-42f4-bf6c-7ca2be3fed59</t>
  </si>
  <si>
    <t>https://echa.europa.eu/documents/10162/34ec55f2-27d2-47d6-94f1-d39acaf3634f</t>
  </si>
  <si>
    <t>https://echa.europa.eu/documents/10162/f90845a4-dc67-9a63-a3cb-57787b8b97e3</t>
  </si>
  <si>
    <t>https://echa.europa.eu/documents/10162/40a80d81-ac48-4ce6-891c-53b7a3779646</t>
  </si>
  <si>
    <t>https://echa.europa.eu/documents/10162/5182ed44-1e76-4374-898d-0e8cef94f7cb</t>
  </si>
  <si>
    <t>https://echa.europa.eu/documents/10162/8fcaf1f0-ea6d-4ec8-a129-f0405def7c33</t>
  </si>
  <si>
    <t>https://echa.europa.eu/documents/10162/4e7ad358-f6e0-ea83-0681-94a9e414f29b</t>
  </si>
  <si>
    <t>https://echa.europa.eu/documents/10162/917ec7f1-d611-4dad-8cf7-36c1ca07a400</t>
  </si>
  <si>
    <t>https://echa.europa.eu/documents/10162/cf490b69-0c28-453b-a531-e8c2ad32d22c</t>
  </si>
  <si>
    <t>https://echa.europa.eu/documents/10162/34d906a5-2558-4faa-ba85-65a765aef016</t>
  </si>
  <si>
    <t>https://echa.europa.eu/documents/10162/5836c6ce-0043-af59-0755-2f8262791d64</t>
  </si>
  <si>
    <t>https://echa.europa.eu/documents/10162/3f6a4989-b155-4827-abfc-51e3fa7e352d</t>
  </si>
  <si>
    <t>https://echa.europa.eu/documents/10162/296efee3-75ed-4ead-a79c-28a3f48d2d90</t>
  </si>
  <si>
    <t>https://echa.europa.eu/documents/10162/470b7f44-e538-40b0-9110-4575a5726d14</t>
  </si>
  <si>
    <t>https://echa.europa.eu/documents/10162/27b4f21d-3bb0-bde6-d9ba-4faadc87aaab</t>
  </si>
  <si>
    <t>https://echa.europa.eu/documents/10162/046189d5-908b-447f-b91b-b3f97c9de5b5</t>
  </si>
  <si>
    <t>https://echa.europa.eu/documents/10162/f06ebc42-a92c-43a4-828a-a7c95ea2c961</t>
  </si>
  <si>
    <t>https://echa.europa.eu/documents/10162/2cbcb185-4207-1270-7189-6b9009db7b45</t>
  </si>
  <si>
    <t>https://echa.europa.eu/documents/10162/f92c8584-d0c2-ebb6-58a6-135b7f3d6f07</t>
  </si>
  <si>
    <t>https://echa.europa.eu/documents/10162/4739d799-2888-4031-b3eb-73a9d475347b</t>
  </si>
  <si>
    <t>https://echa.europa.eu/documents/10162/055d66a6-9924-4386-900c-62c52c42bc62</t>
  </si>
  <si>
    <t>https://echa.europa.eu/documents/10162/a8f3a173-0bb2-cb27-d9ae-fafe356c329c</t>
  </si>
  <si>
    <t>https://echa.europa.eu/documents/10162/b9b09f2a-7230-5ddc-921e-9b0de3c6a956</t>
  </si>
  <si>
    <t>https://echa.europa.eu/documents/10162/b7a93309-0b81-4dbf-90e0-859bc0f41ce4</t>
  </si>
  <si>
    <t>https://echa.europa.eu/documents/10162/542f4e26-c203-4587-a498-fbf33c9edeba#https://echa.europa.eu/documents/10162/d0d33d3f-8361-48a5-b5a9-5db91928b4c5#https://echa.europa.eu/documents/10162/dca0c593-37d7-4257-9ad9-14059e525771</t>
  </si>
  <si>
    <t>https://echa.europa.eu/documents/10162/555606e7-97e2-592e-c100-03f5639a82f4</t>
  </si>
  <si>
    <t>https://echa.europa.eu/documents/10162/acfa14cb-0ed3-5a82-5366-964eeaab14cb</t>
  </si>
  <si>
    <t>cis-cyclohexane-1,2-dicarboxylic anhydride</t>
  </si>
  <si>
    <t>236-086-3</t>
  </si>
  <si>
    <t>13149-00-3</t>
  </si>
  <si>
    <t>trans-cyclohexane-1,2-dicarboxylic anhydride</t>
  </si>
  <si>
    <t>238-009-9</t>
  </si>
  <si>
    <t>14166-21-3</t>
  </si>
  <si>
    <t>201-604-9</t>
  </si>
  <si>
    <t>85-42-7</t>
  </si>
  <si>
    <t>https://echa.europa.eu/documents/10162/7de8998e-c87a-4fa6-82fa-927fffb0fe79</t>
  </si>
  <si>
    <t>https://echa.europa.eu/documents/10162/64b5b9c4-c549-4254-a917-0ff1b7c9fa1b</t>
  </si>
  <si>
    <t>https://echa.europa.eu/documents/10162/046e853b-03a0-99e4-a682-f5842bef9a1c</t>
  </si>
  <si>
    <t>https://echa.europa.eu/documents/10162/f919b5a9-8dac-e913-a862-a87cb5e00787</t>
  </si>
  <si>
    <t>https://echa.europa.eu/documents/10162/cefb8a85-ed61-4751-a722-2b3510d5f7a0</t>
  </si>
  <si>
    <t>https://echa.europa.eu/documents/10162/22458f36-2a5f-4c1c-83b8-b8a9c45bda95</t>
  </si>
  <si>
    <t>https://echa.europa.eu/documents/10162/9d518786-9c9a-4d61-b841-45ff84ed54cc</t>
  </si>
  <si>
    <t>https://echa.europa.eu/documents/10162/1520b492-61af-d235-ffb1-532532fd8c5b</t>
  </si>
  <si>
    <t>https://echa.europa.eu/documents/10162/a68aa6d7-bc05-4f79-9445-4dd0ecabc1bb</t>
  </si>
  <si>
    <t>https://echa.europa.eu/documents/10162/5848ac0e-7286-4ec4-9185-49042cf54408</t>
  </si>
  <si>
    <t>https://echa.europa.eu/documents/10162/e27fbdcb-b252-4912-8965-a5bb89711203</t>
  </si>
  <si>
    <t>https://echa.europa.eu/documents/10162/32f33799-9835-71d0-b0d2-be45c318decc</t>
  </si>
  <si>
    <t>https://echa.europa.eu/documents/10162/490c7cfa-ae94-48a0-83c9-99bc3c0a5e13</t>
  </si>
  <si>
    <t>https://echa.europa.eu/documents/10162/430ee50c-c98e-4e96-a689-d556fdd06665</t>
  </si>
  <si>
    <t>https://echa.europa.eu/documents/10162/e91058f4-7ab4-4648-91e3-3220f7ee6e8c</t>
  </si>
  <si>
    <t>https://echa.europa.eu/documents/10162/8b848bd8-4151-2f61-c674-7da51d88aa8f</t>
  </si>
  <si>
    <t>https://echa.europa.eu/documents/10162/251a17a0-cc98-4151-9b3f-3526c667a90e</t>
  </si>
  <si>
    <t>https://echa.europa.eu/documents/10162/5c6a3acb-99f9-4561-a0a5-47b33f13c1f0</t>
  </si>
  <si>
    <t>https://echa.europa.eu/documents/10162/9ee4bdb4-62a8-4ff5-a4f0-f0ced371f88f</t>
  </si>
  <si>
    <t>https://echa.europa.eu/documents/10162/691261ea-6df2-8037-1230-7bdc04b1494c</t>
  </si>
  <si>
    <t>https://echa.europa.eu/documents/10162/dea74d46-dc8e-4b10-947b-51a19d890153</t>
  </si>
  <si>
    <t>https://echa.europa.eu/documents/10162/80751a04-fdb3-4bef-aabe-cc49da2a1148</t>
  </si>
  <si>
    <t>https://echa.europa.eu/documents/10162/bc140e0b-b407-fd1c-f750-6d43c99f82a4#https://echa.europa.eu/documents/10162/3b60b4bc-0376-a9ea-bffd-65da8e2c9602</t>
  </si>
  <si>
    <t>https://echa.europa.eu/documents/10162/1984ccdb-3321-2890-c598-5735786e5eb2</t>
  </si>
  <si>
    <t>p-(1-methyloctyl)phenol</t>
  </si>
  <si>
    <t>241-427-4</t>
  </si>
  <si>
    <t>p-nonylphenol</t>
  </si>
  <si>
    <t>203-199-4</t>
  </si>
  <si>
    <t>p-(1,1-dimethylheptyl)phenol</t>
  </si>
  <si>
    <t>250-339-5</t>
  </si>
  <si>
    <t>4-(1-ethyl-1-methylhexyl)phenol</t>
  </si>
  <si>
    <t>257-907-1</t>
  </si>
  <si>
    <t>p-isononylphenol</t>
  </si>
  <si>
    <t>247-770-6</t>
  </si>
  <si>
    <t>Phenol, 4-nonyl-, branched</t>
  </si>
  <si>
    <t>284-325-5</t>
  </si>
  <si>
    <t>4-(1,1,5-Trimethylhexyl)phenol</t>
  </si>
  <si>
    <t>521947-27-3</t>
  </si>
  <si>
    <t>Isononylphenol</t>
  </si>
  <si>
    <t>234-284-4</t>
  </si>
  <si>
    <t>11066-49-2</t>
  </si>
  <si>
    <t>Phenol, nonyl-, branched</t>
  </si>
  <si>
    <t>291-844-0</t>
  </si>
  <si>
    <t>90481-04-2</t>
  </si>
  <si>
    <t>4-(3-ethylheptan-2-yl)phenol</t>
  </si>
  <si>
    <t>635-696-0</t>
  </si>
  <si>
    <t>186825-39-8</t>
  </si>
  <si>
    <t>Nonylphenol</t>
  </si>
  <si>
    <t>246-672-0</t>
  </si>
  <si>
    <t>25154-52-3</t>
  </si>
  <si>
    <t>https://echa.europa.eu/documents/10162/e7bb9247-f300-4887-9565-574dad453b71</t>
  </si>
  <si>
    <t>https://echa.europa.eu/documents/10162/0ffceb1b-180c-4965-a526-0b2d4b73c675</t>
  </si>
  <si>
    <t>https://echa.europa.eu/documents/10162/98b66e79-3f52-4792-aa74-1e9a1c674db4</t>
  </si>
  <si>
    <t>https://echa.europa.eu/documents/10162/b73979f8-961d-dc60-232e-2a8b4626e547</t>
  </si>
  <si>
    <t>https://echa.europa.eu/documents/10162/9cf3cd45-97d2-455a-a58b-86d721fb4f54</t>
  </si>
  <si>
    <t>https://echa.europa.eu/documents/10162/4740aca7-2e63-4f48-adf0-8c98bb12244c</t>
  </si>
  <si>
    <t>https://echa.europa.eu/documents/10162/bd560d2d-2ea1-4e93-950f-cca356500dbb</t>
  </si>
  <si>
    <t>https://echa.europa.eu/documents/10162/1ec37243-f332-a43a-fc36-9aac9cbd485a</t>
  </si>
  <si>
    <t>https://echa.europa.eu/documents/10162/b823f588-7c35-4bad-9e3c-b639b627df8f</t>
  </si>
  <si>
    <t>https://echa.europa.eu/documents/10162/f6ae4ec7-0a73-45eb-bafb-43e37bd3b42e</t>
  </si>
  <si>
    <t>https://echa.europa.eu/documents/10162/430c2613-588f-8b08-8a72-df4013727ef8</t>
  </si>
  <si>
    <t>https://echa.europa.eu/documents/10162/e3830756-209a-a21c-95ea-fad990b6748a</t>
  </si>
  <si>
    <t>Poly(oxy-1,2-ethanediyl), α-[(1,1,3,3-tetramethylbutyl)phenyl]-ω-hydroxy-</t>
  </si>
  <si>
    <t>Polyethylene glycol p-(1,1,3,3-tetramethylbutyl)phenyl ether</t>
  </si>
  <si>
    <t>20-[4-(1,1,3,3-tetramethylbutyl)phenoxy]-3,6,9,12,15,18-hexaoxaicosan-1-ol</t>
  </si>
  <si>
    <t>219-682-8</t>
  </si>
  <si>
    <t>2497-59-8</t>
  </si>
  <si>
    <t>2-[4-(1,1,3,3-tetramethylbutyl)phenoxy]ethanol</t>
  </si>
  <si>
    <t>2315-67-5</t>
  </si>
  <si>
    <t>2-[2-[4-(1,1,3,3-tetramethylbutyl)phenoxy]ethoxy]ethanol, 2-{2-[4-(2,4,4-trimethylpentan-2-yl)phenoxy]ethoxy}ethanol</t>
  </si>
  <si>
    <t>621-341-7</t>
  </si>
  <si>
    <t>2315-61-9</t>
  </si>
  <si>
    <t>https://echa.europa.eu/documents/10162/7e13f20e-aa4c-4ab9-9b57-f0bd3cf750c9</t>
  </si>
  <si>
    <t>https://echa.europa.eu/documents/10162/390a50ab-4461-49fb-87da-b366f77c105b</t>
  </si>
  <si>
    <t>https://echa.europa.eu/documents/10162/80464fce-e4ae-4e28-b6a0-8e332daaeb95</t>
  </si>
  <si>
    <t>https://echa.europa.eu/documents/10162/2b197fb5-9330-3567-b9af-f10f7ef30cc6</t>
  </si>
  <si>
    <t>https://echa.europa.eu/documents/10162/aa8680a2-aecb-4b86-b4e9-e6d6ba41ed42</t>
  </si>
  <si>
    <t>https://echa.europa.eu/documents/10162/7fabc585-9a8c-4105-99ad-4083a41b2310</t>
  </si>
  <si>
    <t>https://echa.europa.eu/documents/10162/42094854-61af-4a51-abc4-0f85ef9bd51e</t>
  </si>
  <si>
    <t>https://echa.europa.eu/documents/10162/a16f7d17-5558-227d-65bc-d628d6209328</t>
  </si>
  <si>
    <t>https://echa.europa.eu/documents/10162/2e6fa094-c665-4367-b4d6-d61b841e82c3</t>
  </si>
  <si>
    <t>https://echa.europa.eu/documents/10162/c2ba8775-69b2-4dbe-b725-54e8219f10ae</t>
  </si>
  <si>
    <t>https://echa.europa.eu/documents/10162/782e61c7-07e8-42be-bfb7-99c2bdab913a</t>
  </si>
  <si>
    <t>https://echa.europa.eu/documents/10162/45e26414-e789-45a9-302a-4ce0ddef9981</t>
  </si>
  <si>
    <t>https://echa.europa.eu/documents/10162/322977d5-5c50-467b-a5aa-14dd621301af</t>
  </si>
  <si>
    <t>https://echa.europa.eu/documents/10162/0fde3877-5c84-4343-ad20-a3327752a13a</t>
  </si>
  <si>
    <t>https://echa.europa.eu/documents/10162/cfa3375a-66c2-02a7-43c1-3760fb518448</t>
  </si>
  <si>
    <t>https://echa.europa.eu/documents/10162/fb68a467-fa8f-3ea3-3735-3dde15221666</t>
  </si>
  <si>
    <t>https://echa.europa.eu/documents/10162/c5d3b97f-9168-4c49-aa69-9197cd899a8d</t>
  </si>
  <si>
    <t>https://echa.europa.eu/documents/10162/8393ce5a-9456-4abb-b6ba-008e68941823</t>
  </si>
  <si>
    <t>https://echa.europa.eu/documents/10162/8c04401d-d0bb-409c-9250-c6e574f47305</t>
  </si>
  <si>
    <t>https://echa.europa.eu/documents/10162/53a23e4f-6934-d9d1-a3cb-3d8bcffbf224</t>
  </si>
  <si>
    <t>https://echa.europa.eu/documents/10162/cdf66098-5920-44ea-9d26-aaa390c5d5ef</t>
  </si>
  <si>
    <t>https://echa.europa.eu/documents/10162/6f9bf9c8-8442-48fe-b38e-4dca50adea4c</t>
  </si>
  <si>
    <t>https://echa.europa.eu/documents/10162/329c8367-0ec9-426b-bcfe-27ddf27fb777</t>
  </si>
  <si>
    <t>https://echa.europa.eu/documents/10162/28bc2e86-e6e2-569b-45ab-724e664a3b24</t>
  </si>
  <si>
    <t>https://echa.europa.eu/documents/10162/6ea9ffc1-a165-4afc-b504-af2bc3694c64</t>
  </si>
  <si>
    <t>https://echa.europa.eu/documents/10162/09c5c1e5-3d1f-4c79-8d8a-f142e7dc42ab</t>
  </si>
  <si>
    <t>https://echa.europa.eu/documents/10162/d3bc3564-1f27-4b6b-b076-695ee0a3ad10</t>
  </si>
  <si>
    <t>https://echa.europa.eu/documents/10162/15746c0a-be4d-7014-cf24-9b893fc46146</t>
  </si>
  <si>
    <t>https://echa.europa.eu/documents/10162/55c7a0fd-13f8-41bd-b1b2-123cdeef4434</t>
  </si>
  <si>
    <t>https://echa.europa.eu/documents/10162/bb71dff3-cbb8-42e4-8d18-529e5876b710</t>
  </si>
  <si>
    <t>https://echa.europa.eu/documents/10162/14f93f87-28aa-4295-a2a6-6b18e53abbf2</t>
  </si>
  <si>
    <t>https://echa.europa.eu/documents/10162/39e9a04b-b21f-83a5-c892-0922c59f6570</t>
  </si>
  <si>
    <t>https://echa.europa.eu/documents/10162/670a5290-68d3-4b88-83e8-6c06a4e430a8</t>
  </si>
  <si>
    <t>https://echa.europa.eu/documents/10162/71993287-68f1-43c4-a13e-326ad171b80c</t>
  </si>
  <si>
    <t>https://echa.europa.eu/documents/10162/ec18fb5f-b968-4e34-a146-e696fccad746</t>
  </si>
  <si>
    <t>https://echa.europa.eu/documents/10162/2cba9d62-81b9-7a72-e33f-4d0674fd7aff</t>
  </si>
  <si>
    <t>https://echa.europa.eu/documents/10162/64c72b55-a1da-47ef-b47d-edad9c9f124e</t>
  </si>
  <si>
    <t>https://echa.europa.eu/documents/10162/a330365d-7a44-43a1-a896-0fec7f34c4e6</t>
  </si>
  <si>
    <t>https://echa.europa.eu/documents/10162/4ff18575-7bcc-4e02-96db-1090a1bdd3a1</t>
  </si>
  <si>
    <t>https://echa.europa.eu/documents/10162/ed0578c2-0153-12b5-fe8f-b9e1b2923a40</t>
  </si>
  <si>
    <t>https://echa.europa.eu/documents/10162/c42c7cd8-b8d9-4a53-987e-55f8b377ea03</t>
  </si>
  <si>
    <t>https://echa.europa.eu/documents/10162/de509422-112a-4234-8e67-3260d2051364</t>
  </si>
  <si>
    <t>https://echa.europa.eu/documents/10162/6b35228c-45c4-4ed8-88b0-823fafb0d795</t>
  </si>
  <si>
    <t>https://echa.europa.eu/documents/10162/07417d9a-29c2-61e2-135b-2084d2c8d350</t>
  </si>
  <si>
    <t>https://echa.europa.eu/documents/10162/4575515a-f67b-447e-afb0-9de9bdf2d8b4</t>
  </si>
  <si>
    <t>https://echa.europa.eu/documents/10162/e788094b-c091-40fc-af06-0cb993da22ef</t>
  </si>
  <si>
    <t>https://echa.europa.eu/documents/10162/4005564c-2ff2-4ea5-941d-04525939d70b</t>
  </si>
  <si>
    <t>https://echa.europa.eu/documents/10162/03e30fbb-e4b7-4ff1-8c54-cfba9e21d505</t>
  </si>
  <si>
    <t>https://echa.europa.eu/documents/10162/9c2106dd-ab9a-415d-8b47-039c5b5b223a</t>
  </si>
  <si>
    <t>https://echa.europa.eu/documents/10162/2b47d136-adc9-46de-88c8-4ac990880005</t>
  </si>
  <si>
    <t>https://echa.europa.eu/documents/10162/a3290dc9-a3e1-4a9d-8e58-102dca785d19</t>
  </si>
  <si>
    <t>https://echa.europa.eu/documents/10162/67b63e21-6302-ef0d-b8b9-fa3c26a9e2bf</t>
  </si>
  <si>
    <t>https://echa.europa.eu/documents/10162/fb031b0c-5e13-438a-a0ad-334a822c2e04</t>
  </si>
  <si>
    <t>https://echa.europa.eu/documents/10162/a32d3dd2-1045-457b-9a6b-988bc641e662</t>
  </si>
  <si>
    <t>https://echa.europa.eu/documents/10162/3cbcf0fc-f6bc-4d08-8dcf-b2837657e1c5</t>
  </si>
  <si>
    <t>https://echa.europa.eu/documents/10162/f793511d-97cb-70a6-6fa7-ae48395ce858</t>
  </si>
  <si>
    <t>https://echa.europa.eu/documents/10162/bcf29e5e-c152-4f88-8df9-1f9515582e3e</t>
  </si>
  <si>
    <t>https://echa.europa.eu/documents/10162/0bc3c72f-1e50-45e7-98c4-595639fe3010</t>
  </si>
  <si>
    <t>https://echa.europa.eu/documents/10162/4300b1a0-79ae-4d90-bcac-07a34691c435</t>
  </si>
  <si>
    <t>https://echa.europa.eu/documents/10162/3905164d-a630-516a-720a-ebaf0b47d0c1</t>
  </si>
  <si>
    <t>https://echa.europa.eu/documents/10162/b396da4a-879d-4d97-88c0-f2a97c3160e2</t>
  </si>
  <si>
    <t>https://echa.europa.eu/documents/10162/1b1db3da-9d3c-4dd9-aec6-82e5f2bb9681</t>
  </si>
  <si>
    <t>https://echa.europa.eu/documents/10162/9c7289c0-b92d-46cb-9007-6a919f003935</t>
  </si>
  <si>
    <t>https://echa.europa.eu/documents/10162/94969b35-04d7-5cc9-d1b0-bd120223a3c2</t>
  </si>
  <si>
    <t>https://echa.europa.eu/documents/10162/f4f2cac7-9277-4dd0-bcfc-a0b3134331a3</t>
  </si>
  <si>
    <t>https://echa.europa.eu/documents/10162/5e64cc7a-5599-48af-86ea-4cd5d853cb9a</t>
  </si>
  <si>
    <t>https://echa.europa.eu/documents/10162/b0f7fcea-3dd5-4281-ab06-fd46c48d2ec2</t>
  </si>
  <si>
    <t>https://echa.europa.eu/documents/10162/41e3ed1d-b112-e10c-31e1-11fd05c61743</t>
  </si>
  <si>
    <t>https://echa.europa.eu/documents/10162/1797f7da-12f2-4db5-95ee-d8b2f119255b</t>
  </si>
  <si>
    <t>https://echa.europa.eu/documents/10162/077454da-571b-43dd-98c6-ce04427310e9</t>
  </si>
  <si>
    <t>https://echa.europa.eu/documents/10162/04a4b3ea-09d6-439a-bf05-079784355127</t>
  </si>
  <si>
    <t>https://echa.europa.eu/documents/10162/08fead86-7723-14f9-4c68-fad56f67e321</t>
  </si>
  <si>
    <t>https://echa.europa.eu/documents/10162/8baf4265-833f-467d-bb3d-cf3dfe92be88</t>
  </si>
  <si>
    <t>https://echa.europa.eu/documents/10162/964d2219-db3d-4fd4-8fb4-5264b7cea5ab</t>
  </si>
  <si>
    <t>https://echa.europa.eu/documents/10162/466dce51-6adf-4936-874b-2c1fe8c9de5e</t>
  </si>
  <si>
    <t>https://echa.europa.eu/documents/10162/1d689ed5-8d41-62e9-16c9-6d687bf28377</t>
  </si>
  <si>
    <t>https://echa.europa.eu/documents/10162/0d43d978-af14-4acf-9613-95d028fef958#https://echa.europa.eu/documents/10162/46da04ed-c0ac-482e-aa63-c75553312e84</t>
  </si>
  <si>
    <t>https://echa.europa.eu/documents/10162/a9f47855-ffbe-4312-84f9-8d74aa409f00</t>
  </si>
  <si>
    <t>https://echa.europa.eu/documents/10162/8190e8e4-e315-4bcb-91f5-1548fbe46bc1</t>
  </si>
  <si>
    <t>https://echa.europa.eu/documents/10162/93002806-25a6-a48a-adf8-1626177e6722</t>
  </si>
  <si>
    <t>Refractories, fibers, aluminosilicate</t>
  </si>
  <si>
    <t>https://echa.europa.eu/documents/10162/f94e0b50-062a-4150-8652-f5d3ac218fcd</t>
  </si>
  <si>
    <t>https://echa.europa.eu/documents/10162/18ce9105-2407-45b5-852b-5329e6042900</t>
  </si>
  <si>
    <t>https://echa.europa.eu/documents/10162/69699398-ddf0-4188-988f-a2464175a019</t>
  </si>
  <si>
    <t>https://echa.europa.eu/documents/10162/cbc1bcf1-2910-4813-a818-9f2069f69b3c</t>
  </si>
  <si>
    <t>https://echa.europa.eu/documents/10162/2869cfe1-049b-43b2-a1b0-c8503d2c2586</t>
  </si>
  <si>
    <t>https://echa.europa.eu/documents/10162/fb533ed0-2765-4ad3-acf7-79d9ca8a5b02</t>
  </si>
  <si>
    <t>https://echa.europa.eu/documents/10162/82f1b187-86e9-a2c1-05ce-37037c0d42c8</t>
  </si>
  <si>
    <t>https://echa.europa.eu/documents/10162/37893eb4-a79b-4982-a3f0-34438dc72904</t>
  </si>
  <si>
    <t>https://echa.europa.eu/documents/10162/2cc034c5-ecbf-4c6c-8de4-9085c3e4f2a0</t>
  </si>
  <si>
    <t>https://echa.europa.eu/documents/10162/1f29b212-4a70-40c0-94de-8dfce7791aa9</t>
  </si>
  <si>
    <t>https://echa.europa.eu/documents/10162/e77f71f2-2587-e6a6-3e18-41c44ad031cf</t>
  </si>
  <si>
    <t>https://echa.europa.eu/documents/10162/756bf74c-275b-4779-8d92-83fc3ac27318</t>
  </si>
  <si>
    <t>https://echa.europa.eu/documents/10162/3acce581-104b-4f80-8b0b-94728b9d501c</t>
  </si>
  <si>
    <t>https://echa.europa.eu/documents/10162/ce28c0be-379f-461e-9197-3af36d5c7f53</t>
  </si>
  <si>
    <t>https://echa.europa.eu/documents/10162/15a09341-5a63-825f-9677-995a7685a951</t>
  </si>
  <si>
    <t>https://echa.europa.eu/documents/10162/65231f68-fe7a-4712-9f3a-99a9fdfb7dea</t>
  </si>
  <si>
    <t>https://echa.europa.eu/documents/10162/f3d28fdc-113a-454a-9de2-e5fa2bb7786d</t>
  </si>
  <si>
    <t>https://echa.europa.eu/documents/10162/42751bc8-cad5-4035-82ea-a91c0efe5768</t>
  </si>
  <si>
    <t>https://echa.europa.eu/documents/10162/2349dc58-0d76-f548-d77f-a2d40eab4bb3</t>
  </si>
  <si>
    <t>https://echa.europa.eu/documents/10162/9f6e771e-a50c-4079-9a1a-1d2441ed0033</t>
  </si>
  <si>
    <t>https://echa.europa.eu/documents/10162/940e8b74-d5c3-446e-a041-b86297a880c6</t>
  </si>
  <si>
    <t>https://echa.europa.eu/documents/10162/fbb1d8a9-4e09-4c36-8e79-c46f9a73bb7c</t>
  </si>
  <si>
    <t>https://echa.europa.eu/documents/10162/1518f0d7-21c6-797c-1e0f-99db6a1c573c</t>
  </si>
  <si>
    <t>https://echa.europa.eu/documents/10162/3a01a0ae-69e4-4b0c-8d87-e5c42e8586a3</t>
  </si>
  <si>
    <t>https://echa.europa.eu/documents/10162/0a46d3e7-e3be-46bc-886b-d04e944ad448</t>
  </si>
  <si>
    <t>https://echa.europa.eu/documents/10162/8a7c6915-0578-4c50-8fea-5208e237e0a7</t>
  </si>
  <si>
    <t>https://echa.europa.eu/documents/10162/047d6d28-1493-63ea-5c06-69f94dda35dd</t>
  </si>
  <si>
    <t>https://echa.europa.eu/documents/10162/defeb72b-e314-4707-b01d-dd25464eb5f1</t>
  </si>
  <si>
    <t>https://echa.europa.eu/documents/10162/cacccb51-ab67-4ee5-803f-f147d01feddc</t>
  </si>
  <si>
    <t>https://echa.europa.eu/documents/10162/9890a34b-0a57-4286-a2ab-b226ba3dfef3</t>
  </si>
  <si>
    <t>https://echa.europa.eu/documents/10162/72716893-7cd5-259b-b02e-27a8251b3d16</t>
  </si>
  <si>
    <t>https://echa.europa.eu/documents/10162/f5ad72aa-57b0-456b-acca-080ea744a5d1</t>
  </si>
  <si>
    <t>https://echa.europa.eu/documents/10162/3ccc2258-f2d9-4330-b218-b781178c00a2</t>
  </si>
  <si>
    <t>https://echa.europa.eu/documents/10162/9cd084c9-8c83-4cf4-81c9-f43d5c1f1fe8</t>
  </si>
  <si>
    <t>https://echa.europa.eu/documents/10162/9ccd6638-ecf1-3cd8-1f64-f7b0c6e931a4</t>
  </si>
  <si>
    <t>https://echa.europa.eu/documents/10162/b5600741-d5d7-413c-9755-625a596d1ee1</t>
  </si>
  <si>
    <t>https://echa.europa.eu/documents/10162/3d86d90e-9593-4987-9856-639068f57402</t>
  </si>
  <si>
    <t>https://echa.europa.eu/documents/10162/6426d317-2c05-40ba-90ae-0fbd67774f53</t>
  </si>
  <si>
    <t>https://echa.europa.eu/documents/10162/2e3dc8f8-6055-183f-fc46-f86b85b089b6</t>
  </si>
  <si>
    <t>https://echa.europa.eu/documents/10162/cb4e87e7-ebdc-4a02-8333-7b30084a9be4</t>
  </si>
  <si>
    <t>https://echa.europa.eu/documents/10162/00c3ba78-f33e-461f-9fdd-4c365f2b5b23</t>
  </si>
  <si>
    <t>https://echa.europa.eu/documents/10162/ccc629ba-7feb-462d-bce8-86ac200de8f5</t>
  </si>
  <si>
    <t>https://echa.europa.eu/documents/10162/79ea9462-05c3-e0bd-c4ca-5fe289ab6a86</t>
  </si>
  <si>
    <t>https://echa.europa.eu/documents/10162/18fc6f65-fb18-4151-b737-45ba0aefb181</t>
  </si>
  <si>
    <t>https://echa.europa.eu/documents/10162/5d0a79ed-4557-4a6c-8017-fda04a4eb326</t>
  </si>
  <si>
    <t>https://echa.europa.eu/documents/10162/bee2930b-03bb-4293-bda1-89381f8da2a6</t>
  </si>
  <si>
    <t>https://echa.europa.eu/documents/10162/d4c509f3-22a8-ae10-60b3-84c2b574e4e2</t>
  </si>
  <si>
    <t>https://echa.europa.eu/documents/10162/ee023359-daa8-43a2-8c82-242f0a7588f7</t>
  </si>
  <si>
    <t>https://echa.europa.eu/documents/10162/169db6b2-a42d-46f3-8daf-a7d8385e84b4</t>
  </si>
  <si>
    <t>https://echa.europa.eu/documents/10162/2e6c10fa-03d5-47b2-9337-e047743554b9</t>
  </si>
  <si>
    <t>https://echa.europa.eu/documents/10162/da73be84-553c-2cdb-6c20-6f329649af7c</t>
  </si>
  <si>
    <t>https://echa.europa.eu/documents/10162/3646fac6-947b-41ea-b3bf-e231511be65c</t>
  </si>
  <si>
    <t>https://echa.europa.eu/documents/10162/c61d2694-b4f4-41c0-93da-68e959341b9c</t>
  </si>
  <si>
    <t>https://echa.europa.eu/documents/10162/bc77d03b-2f02-4084-8fab-2b8d586f342a</t>
  </si>
  <si>
    <t>https://echa.europa.eu/documents/10162/704cd872-1329-10b8-7326-3d93eea4c147</t>
  </si>
  <si>
    <t>https://echa.europa.eu/documents/10162/df7f314c-bda4-496c-8d86-04fe2421e157#https://echa.europa.eu/documents/10162/9c0854f5-3f46-4dc5-9776-72ac20f908e2</t>
  </si>
  <si>
    <t>https://echa.europa.eu/documents/10162/71a6c340-4c9c-41d9-8c26-6e8d3236e456</t>
  </si>
  <si>
    <t>https://echa.europa.eu/documents/10162/611cb779-7564-4a89-b381-c5a126b5a04b</t>
  </si>
  <si>
    <t>https://echa.europa.eu/documents/10162/c7882d5b-b6f3-94ca-c81a-756cf2d5c130</t>
  </si>
  <si>
    <t>https://echa.europa.eu/documents/10162/189c55b4-d54b-4271-9e50-ce798faf9f4c</t>
  </si>
  <si>
    <t>https://echa.europa.eu/documents/10162/4c196bd6-2a91-4cb1-82ae-c65cb8a637ac</t>
  </si>
  <si>
    <t>https://echa.europa.eu/documents/10162/4c6cccfd-d366-4a00-87e5-65aa77181fb6</t>
  </si>
  <si>
    <t>https://echa.europa.eu/documents/10162/a08e8cda-06ee-de39-c975-5f36973dbb63</t>
  </si>
  <si>
    <t>https://echa.europa.eu/documents/10162/30d99b89-85a5-45d1-8701-1ad0680afb1e</t>
  </si>
  <si>
    <t>https://echa.europa.eu/documents/10162/80f2ea14-b438-4ae6-bbcd-b6b214c7ae04</t>
  </si>
  <si>
    <t>https://echa.europa.eu/documents/10162/faf9ec9a-af59-4c1d-b944-cc831b3b52b3</t>
  </si>
  <si>
    <t>https://echa.europa.eu/documents/10162/1b56118d-d4af-2d06-d15c-6e2354ff4990</t>
  </si>
  <si>
    <t>https://echa.europa.eu/documents/10162/0a89c9f0-1da4-406b-8285-9db907cdb66a</t>
  </si>
  <si>
    <t>https://echa.europa.eu/documents/10162/40909414-f320-4c4d-8519-3b9895c794e1</t>
  </si>
  <si>
    <t>https://echa.europa.eu/documents/10162/6f0cee92-fe4f-492d-b8e1-78ac46ee1a85</t>
  </si>
  <si>
    <t>https://echa.europa.eu/documents/10162/883f8b33-697f-5708-dbec-fa3e4979fa57</t>
  </si>
  <si>
    <t>https://echa.europa.eu/documents/10162/55390ac1-1267-4141-af33-67c787b50a0d</t>
  </si>
  <si>
    <t>https://echa.europa.eu/documents/10162/9e0c9155-9ec9-489a-976d-4312ab5838cf</t>
  </si>
  <si>
    <t>https://echa.europa.eu/documents/10162/a40ec08f-918f-4f60-b1f4-43a9517f6433</t>
  </si>
  <si>
    <t>https://echa.europa.eu/documents/10162/77829f20-a0f1-adb8-fb45-4450e9db64b7</t>
  </si>
  <si>
    <t>https://echa.europa.eu/documents/10162/8003d372-68f9-4a5a-9094-4e6d0b58169c</t>
  </si>
  <si>
    <t>https://echa.europa.eu/documents/10162/dbf5f0a3-13f7-4dcc-9638-be11aa9796bc</t>
  </si>
  <si>
    <t>https://echa.europa.eu/documents/10162/b404f6d6-e6a2-412a-8362-542d297fd1bd</t>
  </si>
  <si>
    <t>https://echa.europa.eu/documents/10162/98b171ab-1ab9-d334-ccea-76179abd24f6</t>
  </si>
  <si>
    <t>https://echa.europa.eu/documents/10162/c5b972a9-f57f-4fd5-8177-04b4e46c5e93</t>
  </si>
  <si>
    <t>https://echa.europa.eu/documents/10162/8c489ab1-cc43-4655-9fdf-9ba8faffec98</t>
  </si>
  <si>
    <t>https://echa.europa.eu/documents/10162/dcbad586-92e2-496c-bf17-f2d4fd7a7e5e</t>
  </si>
  <si>
    <t>https://echa.europa.eu/documents/10162/8077c3d0-b547-5cec-dd34-0804abf35d93</t>
  </si>
  <si>
    <t>https://echa.europa.eu/documents/10162/4b69d66f-b3f9-4b3d-a1fb-a90c4825f7d5</t>
  </si>
  <si>
    <t>https://echa.europa.eu/documents/10162/a4d1618e-1de0-45ee-95d4-7c0b97f8f4bb</t>
  </si>
  <si>
    <t>https://echa.europa.eu/documents/10162/e3566164-121d-4007-9f6c-eeb1bbe67c14</t>
  </si>
  <si>
    <t>https://echa.europa.eu/documents/10162/4143edd3-cb57-c9f6-f0d4-2c859a736be8</t>
  </si>
  <si>
    <t>https://echa.europa.eu/documents/10162/2d6cdfd7-e924-45fa-85d4-4450a7b4bf5a</t>
  </si>
  <si>
    <t>https://echa.europa.eu/documents/10162/2a739583-e50d-458f-860b-2170d391621d</t>
  </si>
  <si>
    <t>https://echa.europa.eu/documents/10162/1c4e3474-34ee-4c15-aaef-dafd1cb47779</t>
  </si>
  <si>
    <t>https://echa.europa.eu/documents/10162/e8ed4407-d09b-02bd-441e-f02950db4f74</t>
  </si>
  <si>
    <t>https://echa.europa.eu/documents/10162/e0602e69-f758-4eef-88c6-6e9c7a0359e6</t>
  </si>
  <si>
    <t>https://echa.europa.eu/documents/10162/607fe319-a2a5-412f-9411-7fe86a8dd261</t>
  </si>
  <si>
    <t>https://echa.europa.eu/documents/10162/9064c470-918c-4459-b1de-f6112da0a8ec</t>
  </si>
  <si>
    <t>https://echa.europa.eu/documents/10162/0ee9eaa7-282e-aaf9-03d7-58a70984249e</t>
  </si>
  <si>
    <t>https://echa.europa.eu/documents/10162/1d278ff8-5bc6-4fa4-8b6a-6847121fcc9d</t>
  </si>
  <si>
    <t>https://echa.europa.eu/documents/10162/23661523-674a-4366-bf5d-8597e97f09a5</t>
  </si>
  <si>
    <t>https://echa.europa.eu/documents/10162/4ecec0c5-de0a-403e-8bad-bb2439aed1cd</t>
  </si>
  <si>
    <t>https://echa.europa.eu/documents/10162/caf060a0-d277-1665-a24d-335d971a255a</t>
  </si>
  <si>
    <t>https://echa.europa.eu/documents/10162/6b5d8cc7-e37e-46e1-9d91-0f8d529ca833</t>
  </si>
  <si>
    <t>https://echa.europa.eu/documents/10162/5c763e23-3df9-4568-990f-df7d38977711</t>
  </si>
  <si>
    <t>https://echa.europa.eu/documents/10162/e8d4bcbd-81c1-4a59-a97d-d1cb30c29ec8</t>
  </si>
  <si>
    <t>https://echa.europa.eu/documents/10162/16196c31-ff09-f53e-9f78-aef429e56548</t>
  </si>
  <si>
    <t>https://echa.europa.eu/documents/10162/034150e5-fa99-4659-a208-3492fed19012</t>
  </si>
  <si>
    <t>https://echa.europa.eu/documents/10162/6156179b-31de-4d5a-8bde-4c596e132251</t>
  </si>
  <si>
    <t>https://echa.europa.eu/documents/10162/5fa87d07-2872-4502-b07c-4186797aa442</t>
  </si>
  <si>
    <t>https://echa.europa.eu/documents/10162/2609fc0f-7c31-ebb9-50cd-293fa9f76238</t>
  </si>
  <si>
    <t>https://echa.europa.eu/documents/10162/93d2146d-6f41-43f1-9e4c-6c65ee52bfee</t>
  </si>
  <si>
    <t>https://echa.europa.eu/documents/10162/b0db8920-3429-46d7-9788-9f327712301d</t>
  </si>
  <si>
    <t>https://echa.europa.eu/documents/10162/a6ff4bdb-6aa3-48ff-b9b4-6f086d8f35fa</t>
  </si>
  <si>
    <t>https://echa.europa.eu/documents/10162/48eb838f-79f0-3322-7ccc-c2a198040538</t>
  </si>
  <si>
    <t>https://echa.europa.eu/documents/10162/454374bb-5c3a-4716-bce2-2bf2879536d3</t>
  </si>
  <si>
    <t>https://echa.europa.eu/documents/10162/b7623ce3-4a1d-4b72-8bd3-b40872dde269</t>
  </si>
  <si>
    <t>https://echa.europa.eu/documents/10162/f68e76b3-751d-48b4-a225-4a23c0ee6249</t>
  </si>
  <si>
    <t>https://echa.europa.eu/documents/10162/725dc1e5-4900-4e07-e15c-c41633ddd11f</t>
  </si>
  <si>
    <t>https://echa.europa.eu/documents/10162/75006cd4-1dc6-47de-bc84-dd92e07201a9</t>
  </si>
  <si>
    <t>https://echa.europa.eu/documents/10162/8724ec6d-5db0-4768-a9a9-43174499cde5</t>
  </si>
  <si>
    <t>https://echa.europa.eu/documents/10162/efdc02e9-f1e6-47c7-872b-7d6285457495</t>
  </si>
  <si>
    <t>https://echa.europa.eu/documents/10162/2a97b8e1-274e-0df6-24de-1791868ff37c</t>
  </si>
  <si>
    <t>https://echa.europa.eu/documents/10162/6b11ec66-9d90-400a-a61a-90de9a0fd8b1</t>
  </si>
  <si>
    <t>https://echa.europa.eu/documents/10162/26e69088-ff48-41b2-86be-ad93559d4c1d</t>
  </si>
  <si>
    <t>https://echa.europa.eu/documents/10162/6b7798d0-6e23-4e72-a1ea-ec989ef1e9b6</t>
  </si>
  <si>
    <t>https://echa.europa.eu/documents/10162/412bacac-471b-5982-5db4-dbe5b67f947b</t>
  </si>
  <si>
    <t>https://echa.europa.eu/documents/10162/7ec3a9eb-a9f6-4e82-9e7d-99794b3dc95e</t>
  </si>
  <si>
    <t>https://echa.europa.eu/documents/10162/e49af511-8109-4671-87c9-d1929bd1f9df#https://echa.europa.eu/documents/10162/b3342013-b216-403f-b9f6-ea2d704d45e3</t>
  </si>
  <si>
    <t>https://echa.europa.eu/documents/10162/b4e7126f-3045-4159-8142-958061cf13ac</t>
  </si>
  <si>
    <t>https://echa.europa.eu/documents/10162/bf1c6776-60e5-cd31-7fc2-8a073e592fcb</t>
  </si>
  <si>
    <t>231-801-5</t>
  </si>
  <si>
    <t>236-881-5</t>
  </si>
  <si>
    <t>https://echa.europa.eu/documents/10162/d0434782-81cb-43af-ba42-88c301aeb105</t>
  </si>
  <si>
    <t>https://echa.europa.eu/documents/10162/2c32ce81-9fe4-4bec-ab99-cefb0db64f70</t>
  </si>
  <si>
    <t>https://echa.europa.eu/documents/10162/de7fb120-e51b-408c-9753-5c605be53de9</t>
  </si>
  <si>
    <t>https://echa.europa.eu/documents/10162/97777174-b86f-1e5e-fb0a-92a7ab4e1fda</t>
  </si>
  <si>
    <t>https://echa.europa.eu/documents/10162/f25b7ab7-c339-4b4a-900b-7a2d38c32c1f</t>
  </si>
  <si>
    <t>https://echa.europa.eu/documents/10162/16b140dd-f4a7-4b4c-a7c4-696ff16785ea</t>
  </si>
  <si>
    <t>https://echa.europa.eu/documents/10162/b8b0b5ed-43be-4c24-8d81-96b799916955</t>
  </si>
  <si>
    <t>https://echa.europa.eu/documents/10162/7c99a5c1-5dad-1d72-f660-e4c451739bbf</t>
  </si>
  <si>
    <t>https://echa.europa.eu/documents/10162/d54e4381-eebe-41dd-9eb5-5794d383f043</t>
  </si>
  <si>
    <t>https://echa.europa.eu/documents/10162/bf5436ce-44ed-49c8-b7e6-51804d3cb0a5</t>
  </si>
  <si>
    <t>https://echa.europa.eu/documents/10162/8bbf5e70-f0a4-46c0-84db-f2340c74d64e</t>
  </si>
  <si>
    <t>https://echa.europa.eu/documents/10162/50be92c9-8f8f-8cb9-3b52-12d018a788b7</t>
  </si>
  <si>
    <t>https://echa.europa.eu/documents/10162/4ed94bb5-533a-4a8a-823f-6348859263d1</t>
  </si>
  <si>
    <t>https://echa.europa.eu/documents/10162/b743c746-3dd3-4ddb-83f9-8446d5615222</t>
  </si>
  <si>
    <t>https://echa.europa.eu/documents/10162/a049f842-ad66-4b06-b1ec-39fd6c6f47ba</t>
  </si>
  <si>
    <t>https://echa.europa.eu/documents/10162/e893fee3-07e0-8f9b-a3be-29c7c75008f2</t>
  </si>
  <si>
    <t>https://echa.europa.eu/documents/10162/f7a917fb-3073-4f18-93db-d49e3587df84</t>
  </si>
  <si>
    <t>https://echa.europa.eu/documents/10162/604acc0d-b03f-4c88-b9e1-574a0709b463</t>
  </si>
  <si>
    <t>https://echa.europa.eu/documents/10162/c5d6f8de-bbe1-4b31-b7c4-d8e5b8d65517</t>
  </si>
  <si>
    <t>https://echa.europa.eu/documents/10162/7bfc757c-3719-2959-1ffd-f2bdb7160259</t>
  </si>
  <si>
    <t>https://echa.europa.eu/documents/10162/0f342468-8b83-48af-b1ce-c46eb9e011bf</t>
  </si>
  <si>
    <t>https://echa.europa.eu/documents/10162/cb89dff1-a881-4c96-98aa-058ddaf85532</t>
  </si>
  <si>
    <t>https://echa.europa.eu/documents/10162/3ac167c4-9f8e-4375-92f6-285a2911cee0</t>
  </si>
  <si>
    <t>https://echa.europa.eu/documents/10162/a1656dde-4912-2cfb-8605-690a46b7b790</t>
  </si>
  <si>
    <t>https://echa.europa.eu/documents/10162/4116dc63-d4ff-4465-b598-a81622c5f58b</t>
  </si>
  <si>
    <t>https://echa.europa.eu/documents/10162/6ca9ac30-7102-4c5a-9eb8-bbcefc64c411</t>
  </si>
  <si>
    <t>https://echa.europa.eu/documents/10162/e6da86f5-0988-4fb2-9dcf-84087571c5af</t>
  </si>
  <si>
    <t>https://echa.europa.eu/documents/10162/3384d4c1-6650-fae8-5f86-22be13577d99</t>
  </si>
  <si>
    <t>https://echa.europa.eu/documents/10162/4912ba63-c1c1-4698-b1a0-3b58f6024cd5</t>
  </si>
  <si>
    <t>https://echa.europa.eu/documents/10162/423223b2-23c6-4203-a1c5-c1e4cf47e854</t>
  </si>
  <si>
    <t>https://echa.europa.eu/documents/10162/04e29ef1-f56d-4926-96f6-c2865c5e10a7</t>
  </si>
  <si>
    <t>https://echa.europa.eu/documents/10162/9004f5d0-c545-42ce-8839-e07b8f938e7a</t>
  </si>
  <si>
    <t>https://echa.europa.eu/documents/10162/6877f24b-c82b-4021-b05b-a25af94185c0</t>
  </si>
  <si>
    <t>https://echa.europa.eu/documents/10162/cad21145-7d6a-4c1f-b640-80cfe475b45c#https://echa.europa.eu/documents/10162/910d71c0-785a-4b54-997a-6b4396389739</t>
  </si>
  <si>
    <t>https://echa.europa.eu/documents/10162/d51fd473-40ec-4831-bc2d-6f53bdf9cbbe</t>
  </si>
  <si>
    <t>https://echa.europa.eu/documents/10162/2991b041-b25e-7f6a-0900-2ebef8c9e030</t>
  </si>
  <si>
    <t>Boric acid, crude natural</t>
  </si>
  <si>
    <t>234-343-4</t>
  </si>
  <si>
    <t>233-139-2</t>
  </si>
  <si>
    <t>https://echa.europa.eu/documents/10162/ff5cd363-1d18-4b42-a208-b0aa4034348e</t>
  </si>
  <si>
    <t>https://echa.europa.eu/documents/10162/e3fb1a7c-4bd5-4540-9997-fc9f040c1a2f</t>
  </si>
  <si>
    <t>https://echa.europa.eu/documents/10162/b09ce051-1fe5-425a-bdd0-0f6eb628230b</t>
  </si>
  <si>
    <t>https://echa.europa.eu/documents/10162/875e5e2d-586f-5c6a-5440-b40ed7024aee</t>
  </si>
  <si>
    <t>https://echa.europa.eu/documents/10162/b280c0f2-f957-44d9-9584-097444464b22</t>
  </si>
  <si>
    <t>https://echa.europa.eu/documents/10162/13141b6e-f285-44bf-9868-d5e089875101</t>
  </si>
  <si>
    <t>https://echa.europa.eu/documents/10162/7f1a698d-9910-4e8a-a6a7-0806427abd26</t>
  </si>
  <si>
    <t>https://echa.europa.eu/documents/10162/4c9a4bdf-23eb-bd23-7a56-9d34b5641826</t>
  </si>
  <si>
    <t>https://echa.europa.eu/documents/10162/78d8ecfd-5e83-4299-9f16-15681ee11bbb</t>
  </si>
  <si>
    <t>https://echa.europa.eu/documents/10162/d36f5718-6e5c-4fca-9e31-efed9c50d0d0</t>
  </si>
  <si>
    <t>https://echa.europa.eu/documents/10162/6d09755f-7fcb-4a00-b7ce-91ab45a2e5af</t>
  </si>
  <si>
    <t>https://echa.europa.eu/documents/10162/da069526-8af2-c6c3-3d6d-2c06b7446f82</t>
  </si>
  <si>
    <t>https://echa.europa.eu/documents/10162/30488018-7d14-42b1-90eb-8235974bf023</t>
  </si>
  <si>
    <t>https://echa.europa.eu/documents/10162/d3d19672-64d5-47f4-aa47-66729f6990ec</t>
  </si>
  <si>
    <t>https://echa.europa.eu/documents/10162/73d246d4-8c2a-4150-b656-c15948bf0e77</t>
  </si>
  <si>
    <t>https://echa.europa.eu/documents/10162/9762a7b3-6123-562f-0bdf-2213e07a427d</t>
  </si>
  <si>
    <t>https://echa.europa.eu/documents/10162/7d4b0549-413a-4642-ac69-069566c2f624</t>
  </si>
  <si>
    <t>https://echa.europa.eu/documents/10162/cbb77a48-22b8-4888-b485-8e85731648d2</t>
  </si>
  <si>
    <t>https://echa.europa.eu/documents/10162/cd44c55f-3473-4c73-a356-ce732b2f3d87</t>
  </si>
  <si>
    <t>https://echa.europa.eu/documents/10162/8dbe3010-814b-d92b-8bb1-353fa4c32f9f</t>
  </si>
  <si>
    <t>https://echa.europa.eu/documents/10162/9a10159e-0846-488b-8fdb-5162e2bf97f4</t>
  </si>
  <si>
    <t>https://echa.europa.eu/documents/10162/efa8a662-a744-45f7-a507-14a3dcfc3d15</t>
  </si>
  <si>
    <t>https://echa.europa.eu/documents/10162/624c2151-d7f2-47d7-ab26-7f4996e81e36</t>
  </si>
  <si>
    <t>https://echa.europa.eu/documents/10162/d46d12dd-a1a3-e556-549a-e81aac3b5905</t>
  </si>
  <si>
    <t>https://echa.europa.eu/documents/10162/1f928dd4-69c2-494d-8d94-08699be302e5</t>
  </si>
  <si>
    <t>https://echa.europa.eu/documents/10162/df3d989f-4229-497e-942c-44763337dcf2</t>
  </si>
  <si>
    <t>https://echa.europa.eu/documents/10162/25e3a7a4-41a4-4f72-8d0f-2ab06a6bf51a</t>
  </si>
  <si>
    <t>https://echa.europa.eu/documents/10162/5f086082-c721-442d-8b7b-a6eb49ffb3ab</t>
  </si>
  <si>
    <t>https://echa.europa.eu/documents/10162/566bf9dd-444f-e07f-877f-cc0f53e596b7</t>
  </si>
  <si>
    <t>https://echa.europa.eu/documents/10162/709cf01f-1445-4606-a0f2-1940a468dab6</t>
  </si>
  <si>
    <t>https://echa.europa.eu/documents/10162/ce2619c5-654b-4934-a835-a3e2b00d4e13</t>
  </si>
  <si>
    <t>https://echa.europa.eu/documents/10162/3e5e6a56-dd4f-4951-b26e-985b7f692624</t>
  </si>
  <si>
    <t>https://echa.europa.eu/documents/10162/621cceb7-32a6-81b3-a5e6-d31f01cf4ce4</t>
  </si>
  <si>
    <t>Does not meet the criteria for identification as a carcinogen if it contains &amp;lt; 0.005 % (w/w) benzo[a]pyrene (EINECS No 200-028-5) and &amp;lt; 0.1 % w/w benzene (EINECS No 200-753-7). Does not meet the criteria for identification as a mutagen if it contains &amp;lt; 0.1 % w/w benzene (EINECS No 200-753-7).</t>
  </si>
  <si>
    <t>https://echa.europa.eu/documents/10162/960a181f-7094-4be7-b02f-c49513a0442e</t>
  </si>
  <si>
    <t>https://echa.europa.eu/documents/10162/2a5afd0a-9ce1-4b37-acc9-942143c01c7a</t>
  </si>
  <si>
    <t>https://echa.europa.eu/documents/10162/f0ff9790-013c-49b3-ae93-ac11d2177bf9</t>
  </si>
  <si>
    <t>https://echa.europa.eu/documents/10162/3879120b-4739-bfb8-40dc-ed001dbc2f09</t>
  </si>
  <si>
    <t>https://echa.europa.eu/documents/10162/b5013ad5-8980-478b-aa32-4859860f9aef</t>
  </si>
  <si>
    <t>https://echa.europa.eu/documents/10162/4efcaa35-8b9f-4b19-9f81-9f1fb98533b2</t>
  </si>
  <si>
    <t>https://echa.europa.eu/documents/10162/8de3cd61-aae1-4864-b694-8928dcdea7fd</t>
  </si>
  <si>
    <t>https://echa.europa.eu/documents/10162/3c6d1b64-fe59-72a7-699d-1735d3c4ec48</t>
  </si>
  <si>
    <t>https://echa.europa.eu/documents/10162/df5aecc8-d928-4a70-9bf0-90ca5953bc44</t>
  </si>
  <si>
    <t>https://echa.europa.eu/documents/10162/ad049eea-4aeb-4741-9574-ae6c4bd02b66</t>
  </si>
  <si>
    <t>https://echa.europa.eu/documents/10162/1995aafa-663a-43a0-ae2a-285c842d7f53</t>
  </si>
  <si>
    <t>https://echa.europa.eu/documents/10162/c517a94d-eed3-8371-3308-508060b19c7f</t>
  </si>
  <si>
    <t>https://echa.europa.eu/documents/10162/f7cfbd7b-2a5a-49aa-9d16-61689ad3a8e3</t>
  </si>
  <si>
    <t>https://echa.europa.eu/documents/10162/91cfe38e-ed0d-4c28-b970-bded2289de26</t>
  </si>
  <si>
    <t>https://echa.europa.eu/documents/10162/ef47ccc5-0786-4bf5-b16c-2f13c6c49385</t>
  </si>
  <si>
    <t>https://echa.europa.eu/documents/10162/70eb45c5-9fec-0871-e281-e1adeace762b</t>
  </si>
  <si>
    <t>Does not meet the criteria for identification as a carcinogen if it contains &amp;lt; 0.005 % (w/w) benzo[a]pyrene (EINECS No 200-028-5)</t>
  </si>
  <si>
    <t>https://echa.europa.eu/documents/10162/7700e235-3ba5-44d4-9ab9-5ace916ca7b3</t>
  </si>
  <si>
    <t>https://echa.europa.eu/documents/10162/a8b8d40f-1cea-4daf-9f49-af3a2b2d50d9</t>
  </si>
  <si>
    <t>https://echa.europa.eu/documents/10162/b5db559d-a89d-4fc4-a273-dba250fb4201</t>
  </si>
  <si>
    <t>https://echa.europa.eu/documents/10162/2bca3e81-17de-68e1-47ad-f34f0e3dd1de</t>
  </si>
  <si>
    <t>https://echa.europa.eu/documents/10162/6d48ec99-f364-44de-92a5-62d505ea3724</t>
  </si>
  <si>
    <t>https://echa.europa.eu/documents/10162/e7756763-29b1-4135-8aa6-2b20d8e672a1</t>
  </si>
  <si>
    <t>https://echa.europa.eu/documents/10162/d3a393bf-e221-4fa1-8d81-082c2ac3cf8f</t>
  </si>
  <si>
    <t>https://echa.europa.eu/documents/10162/0594aba7-e06e-45bd-807d-3eb9bd74024c</t>
  </si>
  <si>
    <t>https://echa.europa.eu/documents/10162/03566bd3-3a60-40b1-8a7d-86ea5737a0f6</t>
  </si>
  <si>
    <t>https://echa.europa.eu/documents/10162/52c64496-821b-4a74-bc1a-d9fc2040b651</t>
  </si>
  <si>
    <t>https://echa.europa.eu/documents/10162/23a67aca-ee8c-be65-16b8-cf4b1ea48c67</t>
  </si>
  <si>
    <t>https://echa.europa.eu/documents/10162/ebdb28e4-ea63-4f11-8b2e-c299ad5ebd07</t>
  </si>
  <si>
    <t>https://echa.europa.eu/documents/10162/f1ac3df6-c52a-4870-847b-1d6a74e1b034</t>
  </si>
  <si>
    <t>https://echa.europa.eu/documents/10162/ee0a9b5c-6f5e-43d7-8ef5-76b068bb4732</t>
  </si>
  <si>
    <t>https://echa.europa.eu/documents/10162/7b55c9ab-6322-4ebe-2deb-6914e6e0ec87</t>
  </si>
  <si>
    <t>https://echa.europa.eu/documents/10162/471aceac-4e5e-4c53-a4b2-23159a290893</t>
  </si>
  <si>
    <t>https://echa.europa.eu/documents/10162/df4ad28a-899d-4e76-8529-eda8bc6591ae#https://echa.europa.eu/documents/10162/938b85d2-d87c-480a-b697-bad2e5eced3d#https://echa.europa.eu/documents/10162/0412300e-9170-4eb7-87c4-9bd3bad4ca42#https://echa.europa.eu/documents/10162/7b768673-ea38-4822-9712-45b7dca0c2d8#https://echa.europa.eu/documents/10162/63d654f6-5400-449d-81bb-1aa6518d7ca3</t>
  </si>
  <si>
    <t>https://echa.europa.eu/documents/10162/1fc837ef-f922-476e-8e00-825ab60213c0</t>
  </si>
  <si>
    <t>https://echa.europa.eu/documents/10162/e109c7be-6fd0-e12e-4c92-7e12d56fead8</t>
  </si>
  <si>
    <t>247-148-4</t>
  </si>
  <si>
    <t>1,2,5,6,9,10-hexabromocyclododecane</t>
  </si>
  <si>
    <t>https://echa.europa.eu/documents/10162/431cf3aa-7e2f-43d5-ad4c-6b80ad7fbc91</t>
  </si>
  <si>
    <t>https://echa.europa.eu/documents/10162/173eff20-d119-4ed5-258a-1e613480c3ce</t>
  </si>
  <si>
    <t>https://echa.europa.eu/documents/10162/d502da18-827f-408d-aa24-9fe0c7e6ed1b</t>
  </si>
  <si>
    <t>https://echa.europa.eu/documents/10162/03f099fc-0057-49d9-a816-24c44d69b5c1</t>
  </si>
  <si>
    <t>https://echa.europa.eu/documents/10162/8730b910-c1d4-4b87-b3e3-a94ce47fbc9b</t>
  </si>
  <si>
    <t>https://echa.europa.eu/documents/10162/7dc14675-1df3-e89a-e05d-798e5f51749e</t>
  </si>
  <si>
    <t>https://echa.europa.eu/documents/10162/7b11c857-a72d-4a8b-9efb-68d99ead7902</t>
  </si>
  <si>
    <t>https://echa.europa.eu/documents/10162/76037d34-1e8c-405e-b594-8fe837e6095e</t>
  </si>
  <si>
    <t>https://echa.europa.eu/documents/10162/91206b72-787f-4a2d-aa80-9d6f1f22fc55</t>
  </si>
  <si>
    <t>https://echa.europa.eu/documents/10162/d1ff5c51-11a5-7aca-a48e-2393f45ce653</t>
  </si>
  <si>
    <t>https://echa.europa.eu/documents/10162/383cf518-9e20-495c-bbcf-8875b9373714</t>
  </si>
  <si>
    <t>https://echa.europa.eu/documents/10162/1c469e55-cee2-7841-84f3-2d6abc372ed8</t>
  </si>
  <si>
    <t>https://echa.europa.eu/documents/10162/1b18d017-1056-4c92-aeeb-f190ad674174</t>
  </si>
  <si>
    <t>https://echa.europa.eu/documents/10162/e7faa0f6-cb40-4930-8931-537d261e43ff</t>
  </si>
  <si>
    <t>https://echa.europa.eu/documents/10162/52f3fc94-c78f-436f-98ca-e0f845f37a9a</t>
  </si>
  <si>
    <t>https://echa.europa.eu/documents/10162/6e66a086-935f-ab28-012c-262f5df9ef3b</t>
  </si>
  <si>
    <t>https://echa.europa.eu/documents/10162/331e209a-627f-4533-8690-fd33b74f305d</t>
  </si>
  <si>
    <t>https://echa.europa.eu/documents/10162/9cc2ee2d-89f9-39c8-718e-c961a65d3fb9</t>
  </si>
  <si>
    <t>https://echa.europa.eu/documents/10162/20b09a46-f289-4e35-92d2-9cd039e71ba5</t>
  </si>
  <si>
    <t>https://echa.europa.eu/documents/10162/77871a51-ef10-f53b-a903-a1f37266a674</t>
  </si>
  <si>
    <t>https://echa.europa.eu/documents/10162/143cd93d-ee58-40c1-b0f1-3713cbb11535</t>
  </si>
  <si>
    <t>https://echa.europa.eu/documents/10162/c5f3267f-609d-4ccb-8645-5b7e02d3946c</t>
  </si>
  <si>
    <t>https://echa.europa.eu/documents/10162/f7c1321a-6709-40d6-b683-1fb870fb0ac4</t>
  </si>
  <si>
    <t>https://echa.europa.eu/documents/10162/79e1b8f9-85e4-63d0-b3b2-51da407473b7</t>
  </si>
  <si>
    <t>https://echa.europa.eu/documents/10162/e9713dc8-1855-4dab-9635-72ca8be244ae</t>
  </si>
  <si>
    <t>https://echa.europa.eu/documents/10162/c0c51b06-7e2e-4934-b46f-0ba82015047c</t>
  </si>
  <si>
    <t>https://echa.europa.eu/documents/10162/2edcfedb-ec53-4754-8598-e787a8ff7a58</t>
  </si>
  <si>
    <t>https://echa.europa.eu/documents/10162/8eada19b-b66d-d5bf-d47c-76e934b88015</t>
  </si>
  <si>
    <t>https://echa.europa.eu/documents/10162/e3747ed6-99b4-43d1-92ae-9c837ded241d</t>
  </si>
  <si>
    <t>https://echa.europa.eu/documents/10162/e8716cf9-db7f-4073-88fa-18dd4480c61f</t>
  </si>
  <si>
    <t>https://echa.europa.eu/documents/10162/909dd42e-2554-4f59-911a-729a2da1d529</t>
  </si>
  <si>
    <t>https://echa.europa.eu/documents/10162/c85e5b93-3e53-a492-9e5e-677066967516</t>
  </si>
  <si>
    <t>https://echa.europa.eu/documents/10162/68f50f10-f55f-40be-9d1b-4fbbfdec7f96</t>
  </si>
  <si>
    <t>https://echa.europa.eu/documents/10162/1c864bd5-399d-49a2-880b-a8ad54d458b5</t>
  </si>
  <si>
    <t>https://echa.europa.eu/documents/10162/d36424e7-b12d-4dd8-832e-6d7e3e283fc3</t>
  </si>
  <si>
    <t>https://echa.europa.eu/documents/10162/f243739c-1e71-3e19-9fa0-f2f15f861d23</t>
  </si>
  <si>
    <t>Candidate List of SVHC for authorisation</t>
    <phoneticPr fontId="4"/>
  </si>
  <si>
    <t>§751.401   General.</t>
    <phoneticPr fontId="4"/>
  </si>
  <si>
    <t>233-139-2 [1]</t>
    <phoneticPr fontId="4"/>
  </si>
  <si>
    <t>215-125-8</t>
    <phoneticPr fontId="4"/>
  </si>
  <si>
    <t>189-64-0’</t>
    <phoneticPr fontId="4"/>
  </si>
  <si>
    <t>EUにおける化学品の登録・評価・認可および制限に関する規則(REACH; Registration, Evaluation,  Authorisation and Restriction of Chemicals,  2007年6月1日発効)に基づき、EU加盟国または欧州化学品庁（ECHA）が高懸念物質（SVHC;Substances of Very High Concern）のクライテリアを満たす物質から特定した物質で、REACH規則のAnnex XIVの認可対象物質リスト(Authorisation List)に収載されている物質及びその候補として認可対象候補物質リスト（CandidateList,  chemSHERPAでSVHCとは、こちらを指す。）に収載されている物質。Annex XIVの認可対象物質リストに収載された物質は、同規則56条で、上市及び使用について認可の対象とされている。また認可対象候補物質リストに収載された物質を成形品に含有する場合、一定要件下で届出義務(第7条)と情報伝達義務（第33条）が課されている。
なお、認可対象物質リストに収載されても、認可対象候補物質リストから削除されるわけではない。</t>
  </si>
  <si>
    <t>Authentic version: Only the Candidate List published on this website is deemed authentic. Companies may have immediate legal obligations following the inclusion of a substance in the Candidate List on this website including in particular Articles 7,  31 and 33 of the REACH Regulation.</t>
  </si>
  <si>
    <t xml:space="preserve">Other numerical identifiers: For those entries with "-" in the EC number and CAS number columns,  a non-exhaustive inventory of EC and/or CAS Registry numbers describing substances or groups of substances considered to fall within the scope of the Candidate List entry is included,  where practicably possible. This information can be accessed through the "Details" button of the selected entry. </t>
  </si>
  <si>
    <t>Toxic for reproduction (Article 57c), Endocrine disrupting properties (Article 57(f) - environment), Endocrine disrupting properties (Article 57(f) - human health)</t>
  </si>
  <si>
    <t>PBT (Article 57d), vPvB (Article 57e)</t>
  </si>
  <si>
    <t>https://echa.europa.eu/documents/10162/2b9b5c86-8980-3ce8-5bda-77928392642c, https://echa.europa.eu/documents/10162/a47cba77-d86d-006e-80e5-bbd3a103a193, https://echa.europa.eu/documents/10162/5a99cbfc-fd8b-df56-af12-c39a5c6cc8ce</t>
  </si>
  <si>
    <t>Endocrine disrupting properties (Article 57(f) - environment), Endocrine disrupting properties (Article 57(f) - human health)</t>
  </si>
  <si>
    <t>Carcinogenic (Article 57a), Equivalent level of concern having probable serious effects to human health (Article 57(f) - human health), Equivalent level of concern having probable serious effects to the environment (Article 57(f) - environment)</t>
  </si>
  <si>
    <t>Equivalent level of concern having probable serious effects to human health (Article 57(f) - human health), Equivalent level of concern having probable serious effects to the environment (Article 57(f) - environment)</t>
  </si>
  <si>
    <t>Carcinogenic (Article 57a), PBT (Article 57d), vPvB (Article 57e)</t>
  </si>
  <si>
    <t>Toxic for reproduction (Article 57c), Endocrine disrupting properties (Article 57(f) - human health)</t>
  </si>
  <si>
    <t>https://echa.europa.eu/documents/10162/8c434af5-cfbe-c87e-aa51-65893e385d1f, https://echa.europa.eu/documents/10162/2fe151f3-d425-cff3-fe31-d13c11afcc7a</t>
  </si>
  <si>
    <t>https://echa.europa.eu/documents/10162/919d3291-e835-609a-0800-03f64cda86b5, https://echa.europa.eu/documents/10162/b2995010-92b6-183f-2a3c-e5b823b537c9, https://echa.europa.eu/documents/10162/73c5f83c-3fe6-e1a0-b756-9dfcebf1eb85</t>
  </si>
  <si>
    <t>Carcinogenic (Article 57a), Mutagenic (Article 57b), Specific target organ toxicity after repeated exposure (Article 57(f) - human health)</t>
  </si>
  <si>
    <t>Toxic for reproduction (Article 57c), PBT (Article 57d)</t>
  </si>
  <si>
    <t>https://echa.europa.eu/documents/10162/36834f25-582c-0855-37fb-bd20b409382c, https://echa.europa.eu/documents/10162/eeed2c09-2263-25ad-49cd-a0926736c877, https://echa.europa.eu/documents/10162/ede153a4-db00-daf6-120f-6b6ccce0c539</t>
  </si>
  <si>
    <t>https://echa.europa.eu/documents/10162/b10d6a00-8e47-9b14-4f61-c779a8dc8450, https://echa.europa.eu/documents/10162/908badc9-e65d-3bae-933a-3512a9262e59, https://echa.europa.eu/documents/10162/769b2777-19cd-9fff-33c4-54fe6d8290d5</t>
  </si>
  <si>
    <t>https://echa.europa.eu/documents/10162/9abf8b9b-9f39-f9fb-ad06-6f90ed3a7a5e, https://echa.europa.eu/documents/10162/fef2066e-2d2b-677b-71c9-2ea81f517ada, https://echa.europa.eu/documents/10162/4b8caa8c-125d-c1d2-fb59-06b2f0545fbb</t>
  </si>
  <si>
    <t>Carcinogenic (Article 57a), Mutagenic (Article 57b), Toxic for reproduction (Article 57c), PBT (Article 57d), vPvB (Article 57e)</t>
  </si>
  <si>
    <t>Carcinogenic (Article 57a), Mutagenic (Article 57b), Toxic for reproduction (Article 57c), Specific target organ toxicity after repeated exposure (Article 57(f) - human health)</t>
  </si>
  <si>
    <t>2-benzotriazol-2-yl-4, 6-di-tert-butylphenol (UV-320)</t>
  </si>
  <si>
    <t>2-(2H-benzotriazol-2-yl)-4, 6-ditertpentylphenol (UV-328)</t>
  </si>
  <si>
    <t>Carcinogenic (Article 57a), Specific target organ toxicity after repeated exposure (Article 57(f) - human health)</t>
  </si>
  <si>
    <t>Carcinogenic (Article 57a), Mutagenic (Article 57b)</t>
  </si>
  <si>
    <t>Carcinogenic (Article 57a), Toxic for reproduction (Article 57c)</t>
  </si>
  <si>
    <t>Carcinogenic (Article 57a), Mutagenic (Article 57b), Toxic for reproduction (Article 57c)</t>
  </si>
  <si>
    <t>https://echa.europa.eu/documents/10162/8f861ec5-40ca-43d6-be8a-7bc22b96f84f, https://echa.europa.eu/documents/10162/a956b752-1a1b-1316-6ed7-a01d09cd52cd, https://echa.europa.eu/documents/10162/22021d20-ffe6-5b92-8961-4420d5788c06</t>
  </si>
  <si>
    <t>https://echa.europa.eu/documents/10162/96caf4ad-1095-4929-a1b9-84aeea1aff00, https://echa.europa.eu/documents/10162/872ff9cf-52a5-49f4-1e0a-da6ce3e9e074</t>
  </si>
  <si>
    <t>Carcinogenic (Article 57a), Mutagenic (Article 57b), PBT (Article 57d), vPvB (Article 57e)</t>
  </si>
  <si>
    <t>https://echa.europa.eu/documents/10162/d33fd29e-5170-440f-8c16-10ecd87cf472, https://echa.europa.eu/documents/10162/2f10864f-e748-0e86-9bc4-2b3964fbdace, https://echa.europa.eu/documents/10162/326a8103-bc47-fb36-0871-22b46ec9d66f</t>
  </si>
  <si>
    <t>https://echa.europa.eu/documents/10162/f36205a8-df0a-4e94-8763-2a6a02f0228c, https://echa.europa.eu/documents/10162/6b0b59e9-8ba8-03de-e8e9-735414f0611d</t>
  </si>
  <si>
    <t>https://echa.europa.eu/documents/10162/5633d67c-a61b-4bab-b6c5-c4a61cc99e00, https://echa.europa.eu/documents/10162/39173d0d-3258-4f23-ab18-a586bcb39567</t>
  </si>
  <si>
    <t>https://echa.europa.eu/documents/10162/7d541979-6f03-421b-91bb-039bfb326de1, https://echa.europa.eu/documents/10162/fdbfa509-c244-4537-85eb-07994f393f23</t>
  </si>
  <si>
    <t>https://echa.europa.eu/documents/10162/c2ecc989-445d-40b9-a054-28671849b092, https://echa.europa.eu/documents/10162/30b654ce-1de3-487a-8696-e05617c3173b, https://echa.europa.eu/documents/10162/3b0d2893-b8db-86b9-6db0-6e06dc9aa10e, https://echa.europa.eu/documents/10162/88c20879-606b-03a6-11e4-9edb90e7e615</t>
  </si>
  <si>
    <t>https://echa.europa.eu/documents/10162/9e33725c-05fc-41af-b06d-bb969c91b0ab, https://echa.europa.eu/documents/10162/fa429d23-21e7-4764-b223-6c8c98f8a01c, https://echa.europa.eu/documents/10162/3f5d91bc-0a63-04f8-8f62-ccc9c8265e7d</t>
  </si>
  <si>
    <t>https://echa.europa.eu/documents/10162/7cad31ee-4818-4166-9212-b39ca33240bb, https://echa.europa.eu/documents/10162/dd4a532e-e277-5b52-9ba2-a94be60b7f17, https://echa.europa.eu/documents/10162/cfb492f3-424f-712c-130b-01c6e2d5074a</t>
  </si>
  <si>
    <t>https://echa.europa.eu/documents/10162/b4024445-00ce-4849-9ab0-69aed88c51f2, https://echa.europa.eu/documents/10162/076491e2-fd0e-50be-61b4-908c663d0245</t>
  </si>
  <si>
    <t>concerning the Registration,  Evaluation,  Authorisation and Restriction of Chemicals (REACH),  establishing a European Chemicals Agency,  amending Directive 1999/45/EC and repealing Council Regulation (EEC) No 793/93 and Commission Regulation (EC) No 1488/94 as well as Council Directive 76/769/EEC and Commission Directives 91/155/EEC,  93/67/EEC,  93/105/EC and 2000/21/EC</t>
  </si>
  <si>
    <t>(OJ L 396 30.12.2006,  p. 1)</t>
  </si>
  <si>
    <t>5-tert-butyl-2, 4, 6-trinitro-m-xylene</t>
  </si>
  <si>
    <t>4, 4’-Diaminodiphenylmethane</t>
  </si>
  <si>
    <t xml:space="preserve">221-695-9, </t>
  </si>
  <si>
    <t xml:space="preserve">247-148-4, </t>
  </si>
  <si>
    <t xml:space="preserve">CAS No: 134237-50-6, </t>
  </si>
  <si>
    <t>Uses in the immediate packaging of medicinal products covered under Regulation (EC) No 726/2004,  Directive 2001/82/EC,  and/or Directive 2001/83/EC.</t>
  </si>
  <si>
    <t>2, 4-Dinitrotoluene (2, 4-DNT)</t>
  </si>
  <si>
    <t>Formaldehyde,  oligomeric reaction products with aniline (technical MDA)</t>
  </si>
  <si>
    <t>1, 2-dichloroethane (EDC)</t>
  </si>
  <si>
    <t>2, 2′-dichloro-4, 4′-methylenedianiline (MOCA)</t>
  </si>
  <si>
    <t>1, 2-Benzenedicarboxylic acid,  di-C6-8-branched alkyl esters,  C7 rich</t>
  </si>
  <si>
    <t>1, 2-Benzenedicarboxylic acid,  di-C7-11-branched and linear alkyl esters</t>
  </si>
  <si>
    <t>1, 2-Benzenedicarboxylic acid,  dipentylester,  branched and linear</t>
  </si>
  <si>
    <t>(category 1B) (*3),  PBT,  vPvB</t>
  </si>
  <si>
    <t>Pitch,  coal tar,  high temp.</t>
  </si>
  <si>
    <t>(category 1B),  PBT,  vPvB</t>
  </si>
  <si>
    <t>4-(1, 1, 3, 3-Tetramethylbutyl)phenol,  ethoxylated</t>
  </si>
  <si>
    <t>(covering well-defined substances and UVCB substances,  polymers and homologues)</t>
  </si>
  <si>
    <t>(b)  by way of derogation from point (a),  22 June 2022 for uses as follows:</t>
  </si>
  <si>
    <t>(b)  by way of derogation from point (a),  22 December 2023 for uses as follows:</t>
  </si>
  <si>
    <t xml:space="preserve">— for the research,  development and production of medicinal products falling within the scope of Directive 2001/83/EC or medical devices or accessories to medical devices falling within the scope of Directive 93/42/EEC,  Regulation (EU) 2017/745,  Directive 98/79/EC or Regulation (EU) 2017/746 of the European Parliament and of the Council (*4),  in view of their use for the diagnosis,  treatment or prevention of the coronavirus disease (COVID-19), </t>
  </si>
  <si>
    <t xml:space="preserve">— for the research,  development and production of medicinal products falling within the scope of Directive 2001/83/EC or medical devices or accessories to medical devices falling within the scope of Directive 93/42/EEC,  Regulation (EU) 2017/745,  Directive 98/79/EC or Regulation (EU) 2017/746,  in view of their use for the diagnosis,  treatment or prevention of COVID-19, </t>
  </si>
  <si>
    <t>— in medical devices or accessories to medical devices falling within the scope of Directive 93/42/EEC,  Regulation (EU) 2017/745,  Directive 98/79/EC or Regulation (EU) 2017/746,  for the diagnosis,  treatment or prevention of COVID-19.</t>
  </si>
  <si>
    <t>4-Nonylphenol,  branched and linear,  ethoxylated</t>
  </si>
  <si>
    <t>(substances with a linear and/or branched alkyl chain with a carbon number of 9 covalently bound in position 4 to phenol,  ethoxylated covering UVCB- and well-defined substances,  polymers and homologues,  which include any of the individual isomers and/or combinations thereof)</t>
  </si>
  <si>
    <t>1, 2-Benzenedicarboxylic acid,  dihexyl ester,  branched and linear</t>
  </si>
  <si>
    <t>1, 2-benzenedicarboxylic acid,  di-C6-10-alkyl esters; 1, 2-benzenedicarboxylic acid,  mixed decyl and hexyl and octyl diesters with ≥ 0, 3 % of dihexyl phthalate (EC No 201-559-5)</t>
  </si>
  <si>
    <t>Sodium perborate; perboric acid,  sodium salt</t>
  </si>
  <si>
    <t>5-sec-butyl-2-(2, 4-dimethylcyclohex-3-en-1-yl)-5-methyl-1, 3-dioxane [1],  5-sec-butyl-2-(4, 6-dimethylcyclohex-3-en-1-yl)-5-methyl-1, 3-dioxane [2] [covering any of the individual stereoisomers of [1] and [2] or any combination thereof]</t>
  </si>
  <si>
    <t>PBT,  vPvB</t>
  </si>
  <si>
    <t>2, 4-di-tert-butyl-6-(5-chlorobenzotriazol-2-yl)phenol (UV-327)</t>
  </si>
  <si>
    <t>►M56   1 September 2021 for the use of the substance in the production of spare parts as articles or as complex products for the repair of articles or complex products,  the production of which ceased or will have ceased before the sunset date indicated in the entry for that substance,  where that substance was used in the production of those articles or complex products and these cannot function as intended without that spare part and the spare part cannot be produced without that substance,  and for the use of the substance (on its own or in a mixture) for the repair of such articles or complex products where that substance on its own or in a mixture was used in the production of those articles or complex products and they cannot be repaired otherwise than by using that substance.</t>
  </si>
  <si>
    <t>1 March 2023 for the use of the substance in the production of spare parts as articles or as complex products for the repair of articles or complex products the production of which ceased or will have ceased before the sunset date indicated in the entry for that substance,  where that substance was used in the production of those articles or complex products and these cannot function as intended without those spare parts and the spare part cannot be produced without that substance,  and for the use of the substance (on its own or in a mixture) for the repair of such articles or complex products,  where that substance on its own or in a mixture was used in the production of those articles or complex products and they cannot be repaired otherwise than by using that substance.</t>
  </si>
  <si>
    <t>Does not meet the criteria for identification as a carcinogen if it contains &lt; 0, 005 % (w/w) benzo[a]pyrene (Einecs No 200-028-5). ◄</t>
  </si>
  <si>
    <t>Regulation (EU) 2017/746 of the European Parliament and of the Council of 5 April 2017 on in vitro diagnostic medical devices and repealing Directive 98/79/EC and Commission Decision 2010/227/EU (OJ L 117,  5.5.2017,  p. 176).</t>
  </si>
  <si>
    <r>
      <t xml:space="preserve">Tris(4-nonylphenyl, branched and linear) phosphite (TNPP) with </t>
    </r>
    <r>
      <rPr>
        <b/>
        <sz val="11"/>
        <color rgb="FF000000"/>
        <rFont val="ＭＳ Ｐ明朝"/>
        <family val="1"/>
        <charset val="128"/>
      </rPr>
      <t>≥</t>
    </r>
    <r>
      <rPr>
        <b/>
        <sz val="11"/>
        <color rgb="FF000000"/>
        <rFont val="Arial"/>
        <family val="2"/>
      </rPr>
      <t xml:space="preserve"> 0.1% w/w of 4-nonylphenol, branched and linear (4-NP)</t>
    </r>
  </si>
  <si>
    <r>
      <t xml:space="preserve">Dodecamethylcyclohexasiloxane (D6) meets the criteria of Article 57 (d) of Regulation (EC) 1907/2006 (REACH) as a substance which is persistent, bioaccumulative and toxic when it contains </t>
    </r>
    <r>
      <rPr>
        <sz val="11"/>
        <color rgb="FF000000"/>
        <rFont val="ＭＳ Ｐ明朝"/>
        <family val="1"/>
        <charset val="128"/>
      </rPr>
      <t>≥</t>
    </r>
    <r>
      <rPr>
        <sz val="11"/>
        <color rgb="FF000000"/>
        <rFont val="Arial"/>
        <family val="2"/>
      </rPr>
      <t xml:space="preserve"> 0.1 % w/w octamethylcyclotetrasiloxane (D4) (EC No. 209-136-7). In addition to its intrinsic properties, it also meets the criteria of Article 57 (e) of Regulation (EC) 1907/2006 (REACH) as a substance which is very persistent and very bioaccumulative (vPvB) when it contains </t>
    </r>
    <r>
      <rPr>
        <sz val="11"/>
        <color rgb="FF000000"/>
        <rFont val="ＭＳ Ｐ明朝"/>
        <family val="1"/>
        <charset val="128"/>
      </rPr>
      <t>≥</t>
    </r>
    <r>
      <rPr>
        <sz val="11"/>
        <color rgb="FF000000"/>
        <rFont val="Arial"/>
        <family val="2"/>
      </rPr>
      <t xml:space="preserve"> 0.1 % w/w decamethylcyclopentasiloxane (D5) (EC No. 208-764-9) or </t>
    </r>
    <r>
      <rPr>
        <sz val="11"/>
        <color rgb="FF000000"/>
        <rFont val="ＭＳ Ｐ明朝"/>
        <family val="1"/>
        <charset val="128"/>
      </rPr>
      <t>≥</t>
    </r>
    <r>
      <rPr>
        <sz val="11"/>
        <color rgb="FF000000"/>
        <rFont val="Arial"/>
        <family val="2"/>
      </rPr>
      <t xml:space="preserve"> 0.1% w/w octamethylcyclotetrasiloxane (D4) (EC No. 209-136-7). </t>
    </r>
  </si>
  <si>
    <r>
      <t xml:space="preserve">Decamethylcyclopentasiloxane (D5) meets the criteria of Article 57 (d) of Regulation (EC) 1907/2006 (REACH) as a substance which is persistent, bioaccumulative and toxic when it contains </t>
    </r>
    <r>
      <rPr>
        <sz val="11"/>
        <color rgb="FF000000"/>
        <rFont val="ＭＳ Ｐ明朝"/>
        <family val="1"/>
        <charset val="128"/>
      </rPr>
      <t>≥</t>
    </r>
    <r>
      <rPr>
        <sz val="11"/>
        <color rgb="FF000000"/>
        <rFont val="Arial"/>
        <family val="2"/>
      </rPr>
      <t xml:space="preserve"> 0.1 % w/w octamethylcyclotetrasiloxane (D4) (EC No: 209-136-7).</t>
    </r>
  </si>
  <si>
    <r>
      <t xml:space="preserve">with </t>
    </r>
    <r>
      <rPr>
        <sz val="11"/>
        <color rgb="FF000000"/>
        <rFont val="ＭＳ Ｐ明朝"/>
        <family val="1"/>
        <charset val="128"/>
      </rPr>
      <t>≥</t>
    </r>
    <r>
      <rPr>
        <sz val="11"/>
        <color rgb="FF000000"/>
        <rFont val="Arial"/>
        <family val="2"/>
      </rPr>
      <t>0.1% w/w 4-heptylphenol, branched and linear (4-HPbl)</t>
    </r>
  </si>
  <si>
    <r>
      <t>(1S,2S,5S,6S,9R,10R,13R,14R)-1,6,7,8,9,14,15,16,17,17,18,18-Dodecachloropentacyclo[12.2.1.1</t>
    </r>
    <r>
      <rPr>
        <b/>
        <sz val="11"/>
        <color rgb="FF000000"/>
        <rFont val="ＭＳ Ｐ明朝"/>
        <family val="1"/>
        <charset val="128"/>
      </rPr>
      <t>⁶</t>
    </r>
    <r>
      <rPr>
        <b/>
        <sz val="11"/>
        <color rgb="FF000000"/>
        <rFont val="Arial"/>
        <family val="2"/>
      </rPr>
      <t>,</t>
    </r>
    <r>
      <rPr>
        <b/>
        <sz val="11"/>
        <color rgb="FF000000"/>
        <rFont val="ＭＳ Ｐ明朝"/>
        <family val="1"/>
        <charset val="128"/>
      </rPr>
      <t>⁹</t>
    </r>
    <r>
      <rPr>
        <b/>
        <sz val="11"/>
        <color rgb="FF000000"/>
        <rFont val="Arial"/>
        <family val="2"/>
      </rPr>
      <t>.0²,¹³.0</t>
    </r>
    <r>
      <rPr>
        <b/>
        <sz val="11"/>
        <color rgb="FF000000"/>
        <rFont val="ＭＳ Ｐ明朝"/>
        <family val="1"/>
        <charset val="128"/>
      </rPr>
      <t>⁵</t>
    </r>
    <r>
      <rPr>
        <b/>
        <sz val="11"/>
        <color rgb="FF000000"/>
        <rFont val="Arial"/>
        <family val="2"/>
      </rPr>
      <t>,¹</t>
    </r>
    <r>
      <rPr>
        <b/>
        <sz val="11"/>
        <color rgb="FF000000"/>
        <rFont val="ＭＳ Ｐ明朝"/>
        <family val="1"/>
        <charset val="128"/>
      </rPr>
      <t>⁰</t>
    </r>
    <r>
      <rPr>
        <b/>
        <sz val="11"/>
        <color rgb="FF000000"/>
        <rFont val="Arial"/>
        <family val="2"/>
      </rPr>
      <t>]octadeca-7,15-diene</t>
    </r>
  </si>
  <si>
    <r>
      <t>(1S,2S,5R,6R,9S,10S,13R,14R)-1,6,7,8,9,14,15,16,17,17,18,18-Dodecachloropentacyclo[12.2.1.1</t>
    </r>
    <r>
      <rPr>
        <b/>
        <sz val="11"/>
        <color rgb="FF000000"/>
        <rFont val="ＭＳ Ｐ明朝"/>
        <family val="1"/>
        <charset val="128"/>
      </rPr>
      <t>⁶</t>
    </r>
    <r>
      <rPr>
        <b/>
        <sz val="11"/>
        <color rgb="FF000000"/>
        <rFont val="Arial"/>
        <family val="2"/>
      </rPr>
      <t>,</t>
    </r>
    <r>
      <rPr>
        <b/>
        <sz val="11"/>
        <color rgb="FF000000"/>
        <rFont val="ＭＳ Ｐ明朝"/>
        <family val="1"/>
        <charset val="128"/>
      </rPr>
      <t>⁹</t>
    </r>
    <r>
      <rPr>
        <b/>
        <sz val="11"/>
        <color rgb="FF000000"/>
        <rFont val="Arial"/>
        <family val="2"/>
      </rPr>
      <t>.0²,¹³.0</t>
    </r>
    <r>
      <rPr>
        <b/>
        <sz val="11"/>
        <color rgb="FF000000"/>
        <rFont val="ＭＳ Ｐ明朝"/>
        <family val="1"/>
        <charset val="128"/>
      </rPr>
      <t>⁵</t>
    </r>
    <r>
      <rPr>
        <b/>
        <sz val="11"/>
        <color rgb="FF000000"/>
        <rFont val="Arial"/>
        <family val="2"/>
      </rPr>
      <t>,¹</t>
    </r>
    <r>
      <rPr>
        <b/>
        <sz val="11"/>
        <color rgb="FF000000"/>
        <rFont val="ＭＳ Ｐ明朝"/>
        <family val="1"/>
        <charset val="128"/>
      </rPr>
      <t>⁰</t>
    </r>
    <r>
      <rPr>
        <b/>
        <sz val="11"/>
        <color rgb="FF000000"/>
        <rFont val="Arial"/>
        <family val="2"/>
      </rPr>
      <t>]octadeca-7,15-diene</t>
    </r>
  </si>
  <si>
    <r>
      <t xml:space="preserve">with </t>
    </r>
    <r>
      <rPr>
        <sz val="11"/>
        <color rgb="FF000000"/>
        <rFont val="ＭＳ Ｐ明朝"/>
        <family val="1"/>
        <charset val="128"/>
      </rPr>
      <t>≥</t>
    </r>
    <r>
      <rPr>
        <sz val="11"/>
        <color rgb="FF000000"/>
        <rFont val="Arial"/>
        <family val="2"/>
      </rPr>
      <t xml:space="preserve"> 0.3% of dihexyl phthalate (EC No. 201-559-5)</t>
    </r>
  </si>
  <si>
    <r>
      <t xml:space="preserve">with </t>
    </r>
    <r>
      <rPr>
        <sz val="11"/>
        <color rgb="FF000000"/>
        <rFont val="ＭＳ Ｐ明朝"/>
        <family val="1"/>
        <charset val="128"/>
      </rPr>
      <t>≥</t>
    </r>
    <r>
      <rPr>
        <sz val="11"/>
        <color rgb="FF000000"/>
        <rFont val="Arial"/>
        <family val="2"/>
      </rPr>
      <t xml:space="preserve"> 0.1% of Michler's ketone (EC No. 202-027-5) or Michler's base (EC No. 202-959-2)</t>
    </r>
  </si>
  <si>
    <t>IEC 62474 DSL updated on July 18, 2021. DSL/RSL: D23.00</t>
    <phoneticPr fontId="4"/>
  </si>
  <si>
    <t>(EU) 2021/57  *2</t>
    <phoneticPr fontId="4"/>
  </si>
  <si>
    <r>
      <t>現時点での対象基準と、</t>
    </r>
    <r>
      <rPr>
        <sz val="10"/>
        <color theme="1"/>
        <rFont val="Meiryo UI"/>
        <family val="3"/>
        <charset val="128"/>
      </rPr>
      <t>Ver2.04.00</t>
    </r>
    <r>
      <rPr>
        <sz val="10"/>
        <rFont val="Meiryo UI"/>
        <family val="3"/>
        <charset val="128"/>
      </rPr>
      <t>の対象範囲は下表に示す通りです。</t>
    </r>
    <rPh sb="0" eb="3">
      <t>ゲンジテン</t>
    </rPh>
    <rPh sb="5" eb="7">
      <t>タイショウ</t>
    </rPh>
    <rPh sb="7" eb="9">
      <t>キジュン</t>
    </rPh>
    <rPh sb="22" eb="24">
      <t>タイショウ</t>
    </rPh>
    <rPh sb="24" eb="26">
      <t>ハンイ</t>
    </rPh>
    <rPh sb="27" eb="29">
      <t>カヒョウ</t>
    </rPh>
    <rPh sb="30" eb="31">
      <t>シメ</t>
    </rPh>
    <rPh sb="32" eb="33">
      <t>トオ</t>
    </rPh>
    <phoneticPr fontId="4"/>
  </si>
  <si>
    <t>Ver.2.04.00の対象範囲</t>
    <phoneticPr fontId="4"/>
  </si>
  <si>
    <t>CLP:(EU) 2021/849,
SVHC: 2021-07-8,
BPR:-</t>
    <phoneticPr fontId="4"/>
  </si>
  <si>
    <t>https://www.gadsl.org/</t>
    <phoneticPr fontId="4"/>
  </si>
  <si>
    <t>http://www.meti.go.jp/policy/chemical_management/kasinhou/files/ippantou/class1specified_chemicals_list.pdf</t>
    <phoneticPr fontId="4"/>
  </si>
  <si>
    <t>http://www.meti.go.jp/policy/chemical_management/kasinhou/about/class1specified_index.html</t>
    <phoneticPr fontId="4"/>
  </si>
  <si>
    <t>https://echa.europa.eu/candidate-list-table</t>
    <phoneticPr fontId="4"/>
  </si>
  <si>
    <t>https://eur-lex.europa.eu/legal-content/EN/ALL/?uri=CELEX:32006R1907</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409]d\-mmm\-yyyy;@"/>
    <numFmt numFmtId="177" formatCode="[$-409]d\-mmm\-yy;@"/>
    <numFmt numFmtId="178" formatCode="0.0%"/>
    <numFmt numFmtId="179" formatCode="yyyy/mm/dd;@"/>
    <numFmt numFmtId="180" formatCode="0.00000%"/>
    <numFmt numFmtId="181" formatCode="m/d/yy;@"/>
    <numFmt numFmtId="182" formatCode="0.000%"/>
  </numFmts>
  <fonts count="140">
    <font>
      <sz val="11"/>
      <name val="ＭＳ Ｐゴシック"/>
      <family val="3"/>
      <charset val="128"/>
    </font>
    <font>
      <sz val="10"/>
      <color theme="1"/>
      <name val="Meiryo UI"/>
      <family val="2"/>
      <charset val="128"/>
    </font>
    <font>
      <sz val="11"/>
      <name val="ＭＳ Ｐゴシック"/>
      <family val="3"/>
      <charset val="128"/>
    </font>
    <font>
      <sz val="10"/>
      <name val="ＭＳ Ｐゴシック"/>
      <family val="3"/>
      <charset val="128"/>
    </font>
    <font>
      <sz val="6"/>
      <name val="ＭＳ Ｐゴシック"/>
      <family val="3"/>
      <charset val="128"/>
    </font>
    <font>
      <sz val="10"/>
      <color theme="1"/>
      <name val="ＭＳ Ｐゴシック"/>
      <family val="2"/>
      <charset val="128"/>
      <scheme val="minor"/>
    </font>
    <font>
      <sz val="10"/>
      <color theme="1"/>
      <name val="ＭＳ Ｐゴシック"/>
      <family val="3"/>
      <charset val="128"/>
      <scheme val="minor"/>
    </font>
    <font>
      <sz val="10"/>
      <name val="ＭＳ Ｐゴシック"/>
      <family val="3"/>
      <charset val="128"/>
      <scheme val="minor"/>
    </font>
    <font>
      <sz val="10"/>
      <name val="Arial"/>
      <family val="2"/>
    </font>
    <font>
      <b/>
      <sz val="11"/>
      <name val="Microsoft JhengHei"/>
      <family val="2"/>
      <charset val="136"/>
    </font>
    <font>
      <b/>
      <sz val="11"/>
      <name val="Microsoft JhengHei"/>
      <family val="2"/>
    </font>
    <font>
      <sz val="12"/>
      <color theme="1"/>
      <name val="Arial"/>
      <family val="2"/>
    </font>
    <font>
      <sz val="11"/>
      <color indexed="8"/>
      <name val="ＭＳ Ｐゴシック"/>
      <family val="3"/>
      <charset val="128"/>
    </font>
    <font>
      <u/>
      <sz val="11"/>
      <color theme="10"/>
      <name val="ＭＳ Ｐゴシック"/>
      <family val="3"/>
      <charset val="128"/>
    </font>
    <font>
      <b/>
      <sz val="9"/>
      <name val="Meiryo UI"/>
      <family val="3"/>
      <charset val="128"/>
    </font>
    <font>
      <sz val="9"/>
      <name val="Meiryo UI"/>
      <family val="3"/>
      <charset val="128"/>
    </font>
    <font>
      <b/>
      <i/>
      <sz val="9"/>
      <name val="Meiryo UI"/>
      <family val="3"/>
      <charset val="128"/>
    </font>
    <font>
      <b/>
      <sz val="14"/>
      <name val="ＭＳ Ｐゴシック"/>
      <family val="3"/>
      <charset val="128"/>
      <scheme val="major"/>
    </font>
    <font>
      <b/>
      <sz val="14"/>
      <color theme="1"/>
      <name val="ＭＳ Ｐゴシック"/>
      <family val="3"/>
      <charset val="128"/>
      <scheme val="major"/>
    </font>
    <font>
      <b/>
      <sz val="10"/>
      <name val="ＭＳ Ｐゴシック"/>
      <family val="3"/>
      <charset val="128"/>
    </font>
    <font>
      <sz val="10"/>
      <color theme="1"/>
      <name val="ＭＳ Ｐゴシック"/>
      <family val="3"/>
      <charset val="128"/>
    </font>
    <font>
      <sz val="9.5"/>
      <name val="ＭＳ Ｐゴシック"/>
      <family val="3"/>
      <charset val="128"/>
    </font>
    <font>
      <b/>
      <sz val="7.5"/>
      <name val="ＭＳ Ｐゴシック"/>
      <family val="3"/>
      <charset val="128"/>
    </font>
    <font>
      <b/>
      <sz val="6.5"/>
      <name val="ＭＳ Ｐゴシック"/>
      <family val="3"/>
      <charset val="128"/>
    </font>
    <font>
      <b/>
      <sz val="11.5"/>
      <name val="ＭＳ Ｐゴシック"/>
      <family val="3"/>
      <charset val="128"/>
    </font>
    <font>
      <b/>
      <sz val="8"/>
      <name val="ＭＳ Ｐゴシック"/>
      <family val="3"/>
      <charset val="128"/>
    </font>
    <font>
      <sz val="11"/>
      <color theme="1"/>
      <name val="ＭＳ Ｐゴシック"/>
      <family val="2"/>
      <scheme val="minor"/>
    </font>
    <font>
      <sz val="11"/>
      <color theme="1"/>
      <name val="Arial Unicode MS"/>
      <family val="3"/>
      <charset val="128"/>
    </font>
    <font>
      <sz val="9"/>
      <color theme="1"/>
      <name val="Meiryo UI"/>
      <family val="3"/>
      <charset val="128"/>
    </font>
    <font>
      <sz val="11"/>
      <color indexed="8"/>
      <name val="ＭＳ Ｐゴシック"/>
      <family val="2"/>
      <scheme val="minor"/>
    </font>
    <font>
      <sz val="10"/>
      <name val="Meiryo UI"/>
      <family val="3"/>
      <charset val="128"/>
    </font>
    <font>
      <sz val="6"/>
      <name val="ＭＳ Ｐゴシック"/>
      <family val="2"/>
      <charset val="128"/>
    </font>
    <font>
      <b/>
      <sz val="14"/>
      <name val="Meiryo UI"/>
      <family val="3"/>
      <charset val="128"/>
    </font>
    <font>
      <b/>
      <sz val="14"/>
      <color theme="1"/>
      <name val="Meiryo UI"/>
      <family val="3"/>
      <charset val="128"/>
    </font>
    <font>
      <sz val="10"/>
      <color theme="1"/>
      <name val="Meiryo UI"/>
      <family val="3"/>
      <charset val="128"/>
    </font>
    <font>
      <b/>
      <sz val="11"/>
      <color theme="1"/>
      <name val="Meiryo UI"/>
      <family val="3"/>
      <charset val="128"/>
    </font>
    <font>
      <sz val="11"/>
      <color theme="1"/>
      <name val="Meiryo UI"/>
      <family val="3"/>
      <charset val="128"/>
    </font>
    <font>
      <i/>
      <sz val="10"/>
      <color rgb="FF444444"/>
      <name val="Meiryo UI"/>
      <family val="3"/>
      <charset val="128"/>
    </font>
    <font>
      <b/>
      <sz val="10"/>
      <color rgb="FF444444"/>
      <name val="Meiryo UI"/>
      <family val="3"/>
      <charset val="128"/>
    </font>
    <font>
      <b/>
      <sz val="10"/>
      <name val="Meiryo UI"/>
      <family val="3"/>
      <charset val="128"/>
    </font>
    <font>
      <b/>
      <i/>
      <sz val="10"/>
      <name val="Meiryo UI"/>
      <family val="3"/>
      <charset val="128"/>
    </font>
    <font>
      <i/>
      <sz val="10"/>
      <name val="Meiryo UI"/>
      <family val="3"/>
      <charset val="128"/>
    </font>
    <font>
      <vertAlign val="subscript"/>
      <sz val="10"/>
      <name val="Meiryo UI"/>
      <family val="3"/>
      <charset val="128"/>
    </font>
    <font>
      <sz val="10"/>
      <color rgb="FF000000"/>
      <name val="Meiryo UI"/>
      <family val="3"/>
      <charset val="128"/>
    </font>
    <font>
      <b/>
      <sz val="10"/>
      <color theme="1"/>
      <name val="Meiryo UI"/>
      <family val="3"/>
      <charset val="128"/>
    </font>
    <font>
      <i/>
      <sz val="10"/>
      <color theme="1"/>
      <name val="Meiryo UI"/>
      <family val="3"/>
      <charset val="128"/>
    </font>
    <font>
      <i/>
      <sz val="12"/>
      <name val="Times New Roman"/>
      <family val="1"/>
    </font>
    <font>
      <b/>
      <sz val="12"/>
      <name val="Inherit"/>
      <family val="2"/>
    </font>
    <font>
      <sz val="12"/>
      <name val="Inherit"/>
      <family val="2"/>
    </font>
    <font>
      <b/>
      <sz val="10"/>
      <name val="Inherit"/>
      <family val="2"/>
    </font>
    <font>
      <sz val="10"/>
      <name val="Inherit"/>
      <family val="2"/>
    </font>
    <font>
      <vertAlign val="superscript"/>
      <sz val="7"/>
      <name val="Inherit"/>
      <family val="2"/>
    </font>
    <font>
      <b/>
      <sz val="12"/>
      <name val="Times New Roman"/>
      <family val="1"/>
    </font>
    <font>
      <i/>
      <sz val="10"/>
      <name val="Inherit"/>
      <family val="2"/>
    </font>
    <font>
      <sz val="12"/>
      <name val="Times New Roman"/>
      <family val="1"/>
    </font>
    <font>
      <sz val="9.5"/>
      <color theme="1"/>
      <name val="ＭＳ Ｐゴシック"/>
      <family val="3"/>
      <charset val="128"/>
    </font>
    <font>
      <b/>
      <sz val="9.5"/>
      <color theme="1"/>
      <name val="ＭＳ Ｐゴシック"/>
      <family val="3"/>
      <charset val="128"/>
    </font>
    <font>
      <i/>
      <sz val="11"/>
      <color rgb="FF444444"/>
      <name val="Meiryo UI"/>
      <family val="3"/>
      <charset val="128"/>
    </font>
    <font>
      <sz val="11"/>
      <name val="Meiryo UI"/>
      <family val="3"/>
      <charset val="128"/>
    </font>
    <font>
      <b/>
      <sz val="11"/>
      <color rgb="FF3366CC"/>
      <name val="Meiryo UI"/>
      <family val="3"/>
      <charset val="128"/>
    </font>
    <font>
      <b/>
      <sz val="11"/>
      <color rgb="FF444444"/>
      <name val="Meiryo UI"/>
      <family val="3"/>
      <charset val="128"/>
    </font>
    <font>
      <sz val="11"/>
      <color rgb="FF444444"/>
      <name val="Meiryo UI"/>
      <family val="3"/>
      <charset val="128"/>
    </font>
    <font>
      <u/>
      <sz val="11"/>
      <color theme="10"/>
      <name val="Meiryo UI"/>
      <family val="3"/>
      <charset val="128"/>
    </font>
    <font>
      <i/>
      <sz val="11"/>
      <name val="Meiryo UI"/>
      <family val="3"/>
      <charset val="128"/>
    </font>
    <font>
      <b/>
      <sz val="11"/>
      <name val="Meiryo UI"/>
      <family val="3"/>
      <charset val="128"/>
    </font>
    <font>
      <u/>
      <sz val="11"/>
      <name val="Meiryo UI"/>
      <family val="3"/>
      <charset val="128"/>
    </font>
    <font>
      <b/>
      <sz val="12"/>
      <name val="Meiryo UI"/>
      <family val="3"/>
      <charset val="128"/>
    </font>
    <font>
      <b/>
      <sz val="12"/>
      <color theme="1"/>
      <name val="Meiryo UI"/>
      <family val="3"/>
      <charset val="128"/>
    </font>
    <font>
      <sz val="12"/>
      <color theme="1"/>
      <name val="Meiryo UI"/>
      <family val="3"/>
      <charset val="128"/>
    </font>
    <font>
      <sz val="12"/>
      <name val="Meiryo UI"/>
      <family val="3"/>
      <charset val="128"/>
    </font>
    <font>
      <i/>
      <sz val="12"/>
      <color rgb="FF000000"/>
      <name val="Times New Roman"/>
      <family val="1"/>
    </font>
    <font>
      <b/>
      <sz val="12"/>
      <color rgb="FF000000"/>
      <name val="Times New Roman"/>
      <family val="1"/>
    </font>
    <font>
      <sz val="12"/>
      <color rgb="FF000000"/>
      <name val="Inherit"/>
      <family val="2"/>
    </font>
    <font>
      <b/>
      <sz val="10"/>
      <color theme="1"/>
      <name val="Inherit"/>
      <family val="2"/>
    </font>
    <font>
      <sz val="10"/>
      <color theme="1"/>
      <name val="Inherit"/>
      <family val="2"/>
    </font>
    <font>
      <b/>
      <sz val="10"/>
      <color rgb="FF3366CC"/>
      <name val="Inherit"/>
      <family val="2"/>
    </font>
    <font>
      <sz val="10"/>
      <color rgb="FF3366CC"/>
      <name val="Inherit"/>
      <family val="2"/>
    </font>
    <font>
      <vertAlign val="subscript"/>
      <sz val="7"/>
      <color theme="1"/>
      <name val="Inherit"/>
      <family val="2"/>
    </font>
    <font>
      <sz val="6"/>
      <name val="Meiryo UI"/>
      <family val="2"/>
      <charset val="128"/>
    </font>
    <font>
      <vertAlign val="superscript"/>
      <sz val="7"/>
      <color theme="1"/>
      <name val="Inherit"/>
      <family val="2"/>
    </font>
    <font>
      <vertAlign val="superscript"/>
      <sz val="7"/>
      <color rgb="FF3366CC"/>
      <name val="Inherit"/>
      <family val="2"/>
    </font>
    <font>
      <u/>
      <sz val="10"/>
      <name val="Meiryo UI"/>
      <family val="3"/>
      <charset val="128"/>
    </font>
    <font>
      <b/>
      <sz val="12"/>
      <color rgb="FF000000"/>
      <name val="Inherit"/>
      <family val="2"/>
    </font>
    <font>
      <sz val="10"/>
      <color rgb="FF000000"/>
      <name val="Inherit"/>
      <family val="2"/>
    </font>
    <font>
      <sz val="10"/>
      <name val="Meiryo UI"/>
      <family val="2"/>
      <charset val="128"/>
    </font>
    <font>
      <vertAlign val="superscript"/>
      <sz val="10"/>
      <name val="Inherit"/>
      <family val="2"/>
    </font>
    <font>
      <u/>
      <sz val="10"/>
      <color theme="10"/>
      <name val="Meiryo UI"/>
      <family val="3"/>
      <charset val="128"/>
    </font>
    <font>
      <vertAlign val="subscript"/>
      <sz val="7"/>
      <name val="Inherit"/>
      <family val="2"/>
    </font>
    <font>
      <i/>
      <sz val="11"/>
      <name val="Inherit"/>
      <family val="2"/>
    </font>
    <font>
      <sz val="11"/>
      <name val="Times New Roman"/>
      <family val="1"/>
    </font>
    <font>
      <b/>
      <sz val="11"/>
      <name val="Inherit"/>
      <family val="2"/>
    </font>
    <font>
      <vertAlign val="subscript"/>
      <sz val="10"/>
      <name val="Inherit"/>
      <family val="2"/>
    </font>
    <font>
      <b/>
      <sz val="18"/>
      <name val="Meiryo UI"/>
      <family val="3"/>
      <charset val="128"/>
    </font>
    <font>
      <b/>
      <sz val="14"/>
      <color rgb="FF000000"/>
      <name val="Meiryo UI"/>
      <family val="3"/>
      <charset val="128"/>
    </font>
    <font>
      <sz val="11"/>
      <color rgb="FF000000"/>
      <name val="Meiryo UI"/>
      <family val="3"/>
      <charset val="128"/>
    </font>
    <font>
      <i/>
      <sz val="11"/>
      <color rgb="FF000000"/>
      <name val="Meiryo UI"/>
      <family val="3"/>
      <charset val="128"/>
    </font>
    <font>
      <b/>
      <sz val="12"/>
      <color rgb="FF000000"/>
      <name val="Meiryo UI"/>
      <family val="3"/>
      <charset val="128"/>
    </font>
    <font>
      <sz val="9"/>
      <color rgb="FF000000"/>
      <name val="Meiryo UI"/>
      <family val="3"/>
      <charset val="128"/>
    </font>
    <font>
      <b/>
      <sz val="10"/>
      <color theme="1"/>
      <name val="Inherit"/>
    </font>
    <font>
      <b/>
      <sz val="10"/>
      <color rgb="FF3366CC"/>
      <name val="Meiryo UI"/>
      <family val="3"/>
      <charset val="128"/>
    </font>
    <font>
      <vertAlign val="superscript"/>
      <sz val="7"/>
      <color theme="1"/>
      <name val="Meiryo UI"/>
      <family val="3"/>
      <charset val="128"/>
    </font>
    <font>
      <vertAlign val="subscript"/>
      <sz val="7"/>
      <color theme="1"/>
      <name val="Meiryo UI"/>
      <family val="3"/>
      <charset val="128"/>
    </font>
    <font>
      <sz val="10"/>
      <color rgb="FF3366CC"/>
      <name val="Meiryo UI"/>
      <family val="3"/>
      <charset val="128"/>
    </font>
    <font>
      <vertAlign val="superscript"/>
      <sz val="7"/>
      <color rgb="FF3366CC"/>
      <name val="Meiryo UI"/>
      <family val="3"/>
      <charset val="128"/>
    </font>
    <font>
      <sz val="10"/>
      <color rgb="FF444444"/>
      <name val="Meiryo UI"/>
      <family val="3"/>
      <charset val="128"/>
    </font>
    <font>
      <vertAlign val="subscript"/>
      <sz val="10"/>
      <color rgb="FF444444"/>
      <name val="Meiryo UI"/>
      <family val="3"/>
      <charset val="128"/>
    </font>
    <font>
      <vertAlign val="superscript"/>
      <sz val="10"/>
      <color rgb="FF444444"/>
      <name val="Meiryo UI"/>
      <family val="3"/>
      <charset val="128"/>
    </font>
    <font>
      <b/>
      <sz val="11"/>
      <color theme="1"/>
      <name val="Inherit"/>
      <family val="2"/>
    </font>
    <font>
      <b/>
      <sz val="12"/>
      <color theme="1"/>
      <name val="Inherit"/>
    </font>
    <font>
      <b/>
      <sz val="12"/>
      <color theme="1"/>
      <name val="Inherit"/>
      <family val="2"/>
    </font>
    <font>
      <i/>
      <sz val="11"/>
      <color theme="1"/>
      <name val="Inherit"/>
    </font>
    <font>
      <sz val="11"/>
      <color theme="1"/>
      <name val="Inherit"/>
      <family val="2"/>
    </font>
    <font>
      <b/>
      <i/>
      <sz val="12"/>
      <color rgb="FF000000"/>
      <name val="Inherit"/>
      <family val="2"/>
    </font>
    <font>
      <b/>
      <i/>
      <sz val="11"/>
      <name val="Meiryo UI"/>
      <family val="3"/>
      <charset val="128"/>
    </font>
    <font>
      <i/>
      <sz val="11"/>
      <color theme="1"/>
      <name val="Meiryo UI"/>
      <family val="3"/>
      <charset val="128"/>
    </font>
    <font>
      <b/>
      <u/>
      <sz val="10"/>
      <name val="Meiryo UI"/>
      <family val="3"/>
      <charset val="128"/>
    </font>
    <font>
      <i/>
      <sz val="10"/>
      <color rgb="FF000000"/>
      <name val="Meiryo UI"/>
      <family val="3"/>
      <charset val="128"/>
    </font>
    <font>
      <b/>
      <i/>
      <sz val="10"/>
      <color indexed="12"/>
      <name val="Meiryo UI"/>
      <family val="3"/>
      <charset val="128"/>
    </font>
    <font>
      <b/>
      <sz val="8"/>
      <name val="Meiryo UI"/>
      <family val="3"/>
      <charset val="128"/>
    </font>
    <font>
      <strike/>
      <sz val="10"/>
      <name val="Meiryo UI"/>
      <family val="3"/>
      <charset val="128"/>
    </font>
    <font>
      <b/>
      <vertAlign val="subscript"/>
      <sz val="10"/>
      <name val="Meiryo UI"/>
      <family val="3"/>
      <charset val="128"/>
    </font>
    <font>
      <u/>
      <sz val="10"/>
      <color indexed="12"/>
      <name val="Meiryo UI"/>
      <family val="3"/>
      <charset val="128"/>
    </font>
    <font>
      <b/>
      <strike/>
      <sz val="10"/>
      <name val="Meiryo UI"/>
      <family val="3"/>
      <charset val="128"/>
    </font>
    <font>
      <b/>
      <sz val="10"/>
      <color rgb="FFFF0000"/>
      <name val="Meiryo UI"/>
      <family val="3"/>
      <charset val="128"/>
    </font>
    <font>
      <u/>
      <sz val="10"/>
      <color theme="8"/>
      <name val="Meiryo UI"/>
      <family val="3"/>
      <charset val="128"/>
    </font>
    <font>
      <sz val="10"/>
      <color rgb="FF000000"/>
      <name val="Meiryo"/>
      <family val="3"/>
      <charset val="128"/>
    </font>
    <font>
      <u/>
      <sz val="10"/>
      <color theme="10"/>
      <name val="Meiryo UI"/>
      <family val="2"/>
      <charset val="128"/>
    </font>
    <font>
      <sz val="10"/>
      <name val="Inherit"/>
    </font>
    <font>
      <b/>
      <sz val="11"/>
      <name val="ＭＳ Ｐゴシック"/>
      <family val="3"/>
      <charset val="128"/>
    </font>
    <font>
      <sz val="10"/>
      <color rgb="FF000000"/>
      <name val="Arial"/>
      <family val="2"/>
    </font>
    <font>
      <sz val="11"/>
      <color indexed="8"/>
      <name val="Arial Unicode MS"/>
      <family val="2"/>
    </font>
    <font>
      <b/>
      <sz val="11"/>
      <color rgb="FF000000"/>
      <name val="游ゴシック"/>
      <family val="2"/>
    </font>
    <font>
      <sz val="11"/>
      <color rgb="FF000000"/>
      <name val="Arial"/>
      <family val="2"/>
    </font>
    <font>
      <sz val="10"/>
      <color theme="1"/>
      <name val="Arial"/>
      <family val="2"/>
    </font>
    <font>
      <b/>
      <sz val="11"/>
      <color rgb="FF000000"/>
      <name val="ＭＳ Ｐ明朝"/>
      <family val="1"/>
      <charset val="128"/>
    </font>
    <font>
      <sz val="11"/>
      <color rgb="FF000000"/>
      <name val="ＭＳ Ｐ明朝"/>
      <family val="1"/>
      <charset val="128"/>
    </font>
    <font>
      <b/>
      <sz val="11"/>
      <color rgb="FF000000"/>
      <name val="Arial"/>
      <family val="2"/>
    </font>
    <font>
      <b/>
      <sz val="10"/>
      <color theme="1"/>
      <name val="Arial"/>
      <family val="2"/>
    </font>
    <font>
      <b/>
      <sz val="9"/>
      <color theme="1"/>
      <name val="Meiryo UI"/>
      <family val="3"/>
      <charset val="128"/>
    </font>
    <font>
      <u/>
      <sz val="10"/>
      <color theme="10"/>
      <name val="ＭＳ Ｐゴシック"/>
      <family val="3"/>
      <charset val="128"/>
    </font>
  </fonts>
  <fills count="10">
    <fill>
      <patternFill patternType="none"/>
    </fill>
    <fill>
      <patternFill patternType="gray125"/>
    </fill>
    <fill>
      <patternFill patternType="solid">
        <fgColor theme="0" tint="-0.34998626667073579"/>
        <bgColor indexed="64"/>
      </patternFill>
    </fill>
    <fill>
      <patternFill patternType="solid">
        <fgColor indexed="22"/>
        <bgColor indexed="64"/>
      </patternFill>
    </fill>
    <fill>
      <patternFill patternType="solid">
        <fgColor rgb="FFD9D9D9"/>
        <bgColor indexed="64"/>
      </patternFill>
    </fill>
    <fill>
      <patternFill patternType="solid">
        <fgColor rgb="FFF9F9FD"/>
        <bgColor indexed="64"/>
      </patternFill>
    </fill>
    <fill>
      <patternFill patternType="solid">
        <fgColor theme="0" tint="-0.14999847407452621"/>
        <bgColor indexed="64"/>
      </patternFill>
    </fill>
    <fill>
      <patternFill patternType="solid">
        <fgColor rgb="FFFFFFFF"/>
        <bgColor indexed="64"/>
      </patternFill>
    </fill>
    <fill>
      <patternFill patternType="solid">
        <fgColor theme="0"/>
        <bgColor indexed="64"/>
      </patternFill>
    </fill>
    <fill>
      <patternFill patternType="solid">
        <fgColor indexed="22"/>
        <bgColor indexed="0"/>
      </patternFill>
    </fill>
  </fills>
  <borders count="95">
    <border>
      <left/>
      <right/>
      <top/>
      <bottom/>
      <diagonal/>
    </border>
    <border>
      <left style="thin">
        <color indexed="64"/>
      </left>
      <right style="thin">
        <color indexed="64"/>
      </right>
      <top style="thin">
        <color indexed="64"/>
      </top>
      <bottom style="thin">
        <color indexed="64"/>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
      <left style="thin">
        <color rgb="FF000000"/>
      </left>
      <right style="thin">
        <color rgb="FF000000"/>
      </right>
      <top/>
      <bottom style="thin">
        <color rgb="FF000000"/>
      </bottom>
      <diagonal/>
    </border>
    <border>
      <left style="thin">
        <color rgb="FF000000"/>
      </left>
      <right style="thin">
        <color rgb="FF000000"/>
      </right>
      <top/>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top style="thin">
        <color indexed="64"/>
      </top>
      <bottom/>
      <diagonal/>
    </border>
    <border>
      <left style="thin">
        <color indexed="64"/>
      </left>
      <right/>
      <top style="thin">
        <color indexed="64"/>
      </top>
      <bottom style="thin">
        <color indexed="64"/>
      </bottom>
      <diagonal/>
    </border>
    <border>
      <left/>
      <right/>
      <top style="thin">
        <color indexed="64"/>
      </top>
      <bottom/>
      <diagonal/>
    </border>
    <border>
      <left style="thin">
        <color indexed="64"/>
      </left>
      <right/>
      <top/>
      <bottom style="hair">
        <color indexed="64"/>
      </bottom>
      <diagonal/>
    </border>
    <border>
      <left style="thin">
        <color indexed="64"/>
      </left>
      <right style="thin">
        <color indexed="64"/>
      </right>
      <top/>
      <bottom style="hair">
        <color indexed="64"/>
      </bottom>
      <diagonal/>
    </border>
    <border>
      <left style="thin">
        <color indexed="64"/>
      </left>
      <right/>
      <top style="hair">
        <color indexed="64"/>
      </top>
      <bottom/>
      <diagonal/>
    </border>
    <border>
      <left style="thin">
        <color indexed="64"/>
      </left>
      <right style="thin">
        <color indexed="64"/>
      </right>
      <top style="hair">
        <color indexed="64"/>
      </top>
      <bottom/>
      <diagonal/>
    </border>
    <border>
      <left style="thin">
        <color indexed="64"/>
      </left>
      <right style="thin">
        <color indexed="64"/>
      </right>
      <top style="dotted">
        <color indexed="64"/>
      </top>
      <bottom/>
      <diagonal/>
    </border>
    <border>
      <left/>
      <right style="thin">
        <color indexed="64"/>
      </right>
      <top style="dotted">
        <color indexed="64"/>
      </top>
      <bottom/>
      <diagonal/>
    </border>
    <border>
      <left/>
      <right/>
      <top style="hair">
        <color indexed="64"/>
      </top>
      <bottom/>
      <diagonal/>
    </border>
    <border>
      <left style="thin">
        <color indexed="64"/>
      </left>
      <right style="thin">
        <color indexed="64"/>
      </right>
      <top/>
      <bottom style="dotted">
        <color indexed="64"/>
      </bottom>
      <diagonal/>
    </border>
    <border>
      <left/>
      <right style="thin">
        <color indexed="64"/>
      </right>
      <top/>
      <bottom style="dotted">
        <color indexed="64"/>
      </bottom>
      <diagonal/>
    </border>
    <border>
      <left style="thin">
        <color indexed="64"/>
      </left>
      <right style="thin">
        <color indexed="64"/>
      </right>
      <top style="dotted">
        <color indexed="64"/>
      </top>
      <bottom style="thin">
        <color indexed="64"/>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
      <left style="thin">
        <color rgb="FF000000"/>
      </left>
      <right/>
      <top style="thin">
        <color rgb="FF000000"/>
      </top>
      <bottom/>
      <diagonal/>
    </border>
    <border>
      <left/>
      <right/>
      <top style="thin">
        <color rgb="FF000000"/>
      </top>
      <bottom/>
      <diagonal/>
    </border>
    <border>
      <left/>
      <right style="thin">
        <color rgb="FF000000"/>
      </right>
      <top style="thin">
        <color rgb="FF000000"/>
      </top>
      <bottom/>
      <diagonal/>
    </border>
    <border>
      <left style="thin">
        <color rgb="FF000000"/>
      </left>
      <right/>
      <top/>
      <bottom/>
      <diagonal/>
    </border>
    <border>
      <left/>
      <right style="thin">
        <color rgb="FF000000"/>
      </right>
      <top/>
      <bottom/>
      <diagonal/>
    </border>
    <border>
      <left style="thin">
        <color rgb="FF000000"/>
      </left>
      <right/>
      <top/>
      <bottom style="thin">
        <color rgb="FF000000"/>
      </bottom>
      <diagonal/>
    </border>
    <border>
      <left/>
      <right/>
      <top/>
      <bottom style="thin">
        <color rgb="FF000000"/>
      </bottom>
      <diagonal/>
    </border>
    <border>
      <left/>
      <right style="thin">
        <color rgb="FF000000"/>
      </right>
      <top/>
      <bottom style="thin">
        <color rgb="FF000000"/>
      </bottom>
      <diagonal/>
    </border>
    <border>
      <left style="medium">
        <color rgb="FF000000"/>
      </left>
      <right style="medium">
        <color rgb="FF000000"/>
      </right>
      <top style="medium">
        <color rgb="FF000000"/>
      </top>
      <bottom/>
      <diagonal/>
    </border>
    <border>
      <left/>
      <right style="medium">
        <color rgb="FF000000"/>
      </right>
      <top/>
      <bottom/>
      <diagonal/>
    </border>
    <border>
      <left style="medium">
        <color rgb="FF000000"/>
      </left>
      <right style="medium">
        <color rgb="FF000000"/>
      </right>
      <top/>
      <bottom style="medium">
        <color rgb="FF000000"/>
      </bottom>
      <diagonal/>
    </border>
    <border>
      <left/>
      <right style="medium">
        <color rgb="FF000000"/>
      </right>
      <top/>
      <bottom style="medium">
        <color rgb="FF000000"/>
      </bottom>
      <diagonal/>
    </border>
    <border>
      <left style="medium">
        <color rgb="FF000000"/>
      </left>
      <right style="medium">
        <color rgb="FF000000"/>
      </right>
      <top style="medium">
        <color rgb="FF000000"/>
      </top>
      <bottom style="double">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hair">
        <color indexed="64"/>
      </right>
      <top style="medium">
        <color indexed="64"/>
      </top>
      <bottom style="medium">
        <color indexed="64"/>
      </bottom>
      <diagonal/>
    </border>
    <border>
      <left style="medium">
        <color indexed="64"/>
      </left>
      <right style="hair">
        <color indexed="64"/>
      </right>
      <top style="medium">
        <color indexed="64"/>
      </top>
      <bottom/>
      <diagonal/>
    </border>
    <border>
      <left style="medium">
        <color indexed="64"/>
      </left>
      <right style="hair">
        <color indexed="64"/>
      </right>
      <top/>
      <bottom style="medium">
        <color indexed="64"/>
      </bottom>
      <diagonal/>
    </border>
    <border>
      <left style="hair">
        <color indexed="64"/>
      </left>
      <right/>
      <top style="medium">
        <color indexed="64"/>
      </top>
      <bottom style="medium">
        <color indexed="64"/>
      </bottom>
      <diagonal/>
    </border>
    <border>
      <left style="hair">
        <color indexed="64"/>
      </left>
      <right/>
      <top/>
      <bottom style="medium">
        <color indexed="64"/>
      </bottom>
      <diagonal/>
    </border>
    <border>
      <left style="medium">
        <color indexed="64"/>
      </left>
      <right style="hair">
        <color indexed="64"/>
      </right>
      <top/>
      <bottom/>
      <diagonal/>
    </border>
    <border>
      <left style="medium">
        <color rgb="FF000000"/>
      </left>
      <right style="medium">
        <color rgb="FF000000"/>
      </right>
      <top style="medium">
        <color rgb="FF000000"/>
      </top>
      <bottom style="medium">
        <color rgb="FF000000"/>
      </bottom>
      <diagonal/>
    </border>
    <border>
      <left/>
      <right style="medium">
        <color rgb="FF000000"/>
      </right>
      <top style="medium">
        <color rgb="FF000000"/>
      </top>
      <bottom style="medium">
        <color rgb="FF000000"/>
      </bottom>
      <diagonal/>
    </border>
    <border>
      <left style="medium">
        <color rgb="FF000000"/>
      </left>
      <right style="medium">
        <color rgb="FF000000"/>
      </right>
      <top/>
      <bottom/>
      <diagonal/>
    </border>
    <border>
      <left style="hair">
        <color indexed="64"/>
      </left>
      <right/>
      <top style="medium">
        <color indexed="64"/>
      </top>
      <bottom/>
      <diagonal/>
    </border>
    <border>
      <left style="hair">
        <color indexed="64"/>
      </left>
      <right/>
      <top/>
      <bottom/>
      <diagonal/>
    </border>
    <border>
      <left/>
      <right/>
      <top/>
      <bottom style="hair">
        <color indexed="64"/>
      </bottom>
      <diagonal/>
    </border>
    <border>
      <left style="medium">
        <color indexed="64"/>
      </left>
      <right style="medium">
        <color rgb="FF000000"/>
      </right>
      <top style="medium">
        <color indexed="64"/>
      </top>
      <bottom style="medium">
        <color indexed="64"/>
      </bottom>
      <diagonal/>
    </border>
    <border>
      <left/>
      <right style="medium">
        <color rgb="FF000000"/>
      </right>
      <top style="medium">
        <color indexed="64"/>
      </top>
      <bottom style="medium">
        <color indexed="64"/>
      </bottom>
      <diagonal/>
    </border>
    <border>
      <left style="medium">
        <color rgb="FF000000"/>
      </left>
      <right/>
      <top style="medium">
        <color rgb="FF000000"/>
      </top>
      <bottom style="medium">
        <color rgb="FF000000"/>
      </bottom>
      <diagonal/>
    </border>
    <border>
      <left/>
      <right/>
      <top style="medium">
        <color rgb="FF000000"/>
      </top>
      <bottom style="medium">
        <color rgb="FF000000"/>
      </bottom>
      <diagonal/>
    </border>
    <border>
      <left/>
      <right/>
      <top style="medium">
        <color rgb="FF000000"/>
      </top>
      <bottom/>
      <diagonal/>
    </border>
    <border>
      <left style="medium">
        <color indexed="64"/>
      </left>
      <right style="medium">
        <color indexed="64"/>
      </right>
      <top style="medium">
        <color indexed="64"/>
      </top>
      <bottom style="medium">
        <color indexed="64"/>
      </bottom>
      <diagonal/>
    </border>
    <border>
      <left/>
      <right/>
      <top/>
      <bottom style="medium">
        <color rgb="FF000000"/>
      </bottom>
      <diagonal/>
    </border>
    <border>
      <left style="medium">
        <color rgb="FF000000"/>
      </left>
      <right style="medium">
        <color rgb="FF000000"/>
      </right>
      <top style="double">
        <color rgb="FF000000"/>
      </top>
      <bottom style="medium">
        <color rgb="FF000000"/>
      </bottom>
      <diagonal/>
    </border>
    <border>
      <left style="medium">
        <color indexed="64"/>
      </left>
      <right style="medium">
        <color indexed="64"/>
      </right>
      <top style="medium">
        <color indexed="64"/>
      </top>
      <bottom/>
      <diagonal/>
    </border>
    <border>
      <left style="medium">
        <color rgb="FF000000"/>
      </left>
      <right style="medium">
        <color rgb="FF000000"/>
      </right>
      <top style="medium">
        <color rgb="FF000000"/>
      </top>
      <bottom style="medium">
        <color indexed="64"/>
      </bottom>
      <diagonal/>
    </border>
    <border>
      <left style="thin">
        <color auto="1"/>
      </left>
      <right style="thin">
        <color auto="1"/>
      </right>
      <top style="thin">
        <color auto="1"/>
      </top>
      <bottom style="thin">
        <color auto="1"/>
      </bottom>
      <diagonal/>
    </border>
    <border>
      <left style="hair">
        <color indexed="64"/>
      </left>
      <right style="medium">
        <color indexed="64"/>
      </right>
      <top style="medium">
        <color indexed="64"/>
      </top>
      <bottom/>
      <diagonal/>
    </border>
    <border>
      <left style="hair">
        <color indexed="64"/>
      </left>
      <right style="medium">
        <color indexed="64"/>
      </right>
      <top/>
      <bottom style="medium">
        <color indexed="64"/>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indexed="64"/>
      </top>
      <bottom style="thin">
        <color auto="1"/>
      </bottom>
      <diagonal/>
    </border>
    <border>
      <left style="thin">
        <color auto="1"/>
      </left>
      <right style="medium">
        <color indexed="64"/>
      </right>
      <top style="medium">
        <color indexed="64"/>
      </top>
      <bottom style="thin">
        <color auto="1"/>
      </bottom>
      <diagonal/>
    </border>
    <border>
      <left style="medium">
        <color indexed="64"/>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indexed="8"/>
      </left>
      <right style="thin">
        <color indexed="8"/>
      </right>
      <top style="thin">
        <color indexed="8"/>
      </top>
      <bottom style="thin">
        <color indexed="8"/>
      </bottom>
      <diagonal/>
    </border>
    <border>
      <left style="thin">
        <color indexed="22"/>
      </left>
      <right style="thin">
        <color indexed="22"/>
      </right>
      <top style="thin">
        <color indexed="22"/>
      </top>
      <bottom style="thin">
        <color indexed="22"/>
      </bottom>
      <diagonal/>
    </border>
  </borders>
  <cellStyleXfs count="25">
    <xf numFmtId="0" fontId="0" fillId="0" borderId="0">
      <alignment vertical="center"/>
    </xf>
    <xf numFmtId="0" fontId="5" fillId="0" borderId="0">
      <alignment vertical="center"/>
    </xf>
    <xf numFmtId="0" fontId="5" fillId="0" borderId="0">
      <alignment vertical="center"/>
    </xf>
    <xf numFmtId="0" fontId="5" fillId="0" borderId="0">
      <alignment vertical="center"/>
    </xf>
    <xf numFmtId="0" fontId="5" fillId="0" borderId="0">
      <alignment vertical="center"/>
    </xf>
    <xf numFmtId="0" fontId="5" fillId="0" borderId="0">
      <alignment vertical="center"/>
    </xf>
    <xf numFmtId="0" fontId="5" fillId="0" borderId="0">
      <alignment vertical="center"/>
    </xf>
    <xf numFmtId="0" fontId="2" fillId="0" borderId="0">
      <alignment vertical="center"/>
    </xf>
    <xf numFmtId="0" fontId="8" fillId="0" borderId="0" applyNumberFormat="0" applyFont="0" applyFill="0" applyBorder="0" applyAlignment="0" applyProtection="0"/>
    <xf numFmtId="0" fontId="2" fillId="0" borderId="0">
      <alignment vertical="center"/>
    </xf>
    <xf numFmtId="0" fontId="8" fillId="0" borderId="0"/>
    <xf numFmtId="0" fontId="8" fillId="0" borderId="0" applyNumberFormat="0" applyFont="0" applyFill="0" applyBorder="0" applyAlignment="0" applyProtection="0"/>
    <xf numFmtId="0" fontId="5" fillId="0" borderId="0">
      <alignment vertical="center"/>
    </xf>
    <xf numFmtId="0" fontId="8" fillId="0" borderId="0"/>
    <xf numFmtId="0" fontId="11" fillId="0" borderId="0"/>
    <xf numFmtId="0" fontId="12" fillId="0" borderId="0"/>
    <xf numFmtId="0" fontId="8" fillId="0" borderId="0"/>
    <xf numFmtId="0" fontId="13" fillId="0" borderId="0" applyNumberFormat="0" applyFill="0" applyBorder="0" applyAlignment="0" applyProtection="0">
      <alignment vertical="center"/>
    </xf>
    <xf numFmtId="0" fontId="13" fillId="0" borderId="0" applyNumberFormat="0" applyFill="0" applyBorder="0" applyAlignment="0" applyProtection="0">
      <alignment vertical="center"/>
    </xf>
    <xf numFmtId="0" fontId="26" fillId="0" borderId="0"/>
    <xf numFmtId="0" fontId="8" fillId="0" borderId="0"/>
    <xf numFmtId="0" fontId="26" fillId="0" borderId="0"/>
    <xf numFmtId="0" fontId="29" fillId="0" borderId="0"/>
    <xf numFmtId="0" fontId="1" fillId="0" borderId="0">
      <alignment vertical="center"/>
    </xf>
    <xf numFmtId="0" fontId="129" fillId="0" borderId="0"/>
  </cellStyleXfs>
  <cellXfs count="1284">
    <xf numFmtId="0" fontId="0" fillId="0" borderId="0" xfId="0">
      <alignment vertical="center"/>
    </xf>
    <xf numFmtId="49" fontId="3" fillId="0" borderId="0" xfId="0" applyNumberFormat="1" applyFont="1">
      <alignment vertical="center"/>
    </xf>
    <xf numFmtId="0" fontId="3" fillId="0" borderId="0" xfId="0" applyFont="1">
      <alignment vertical="center"/>
    </xf>
    <xf numFmtId="0" fontId="3" fillId="0" borderId="0" xfId="0" applyNumberFormat="1" applyFont="1">
      <alignment vertical="center"/>
    </xf>
    <xf numFmtId="49" fontId="6" fillId="0" borderId="0" xfId="2" applyNumberFormat="1" applyFont="1">
      <alignment vertical="center"/>
    </xf>
    <xf numFmtId="0" fontId="5" fillId="0" borderId="0" xfId="3" applyNumberFormat="1">
      <alignment vertical="center"/>
    </xf>
    <xf numFmtId="49" fontId="3" fillId="0" borderId="0" xfId="0" applyNumberFormat="1" applyFont="1" applyAlignment="1">
      <alignment vertical="center"/>
    </xf>
    <xf numFmtId="49" fontId="6" fillId="0" borderId="0" xfId="4" applyNumberFormat="1" applyFont="1">
      <alignment vertical="center"/>
    </xf>
    <xf numFmtId="0" fontId="5" fillId="0" borderId="0" xfId="6" applyNumberFormat="1">
      <alignment vertical="center"/>
    </xf>
    <xf numFmtId="49" fontId="5" fillId="0" borderId="0" xfId="6" applyNumberFormat="1">
      <alignment vertical="center"/>
    </xf>
    <xf numFmtId="49" fontId="7" fillId="0" borderId="0" xfId="2" applyNumberFormat="1" applyFont="1">
      <alignment vertical="center"/>
    </xf>
    <xf numFmtId="49" fontId="8" fillId="0" borderId="0" xfId="8" applyNumberFormat="1" applyFont="1" applyFill="1" applyBorder="1" applyAlignment="1"/>
    <xf numFmtId="49" fontId="5" fillId="0" borderId="0" xfId="3" applyNumberFormat="1">
      <alignment vertical="center"/>
    </xf>
    <xf numFmtId="0" fontId="3" fillId="0" borderId="0" xfId="8" applyNumberFormat="1" applyFont="1" applyFill="1" applyBorder="1" applyAlignment="1"/>
    <xf numFmtId="49" fontId="3" fillId="0" borderId="0" xfId="0" applyNumberFormat="1" applyFont="1" applyFill="1" applyAlignment="1">
      <alignment vertical="center"/>
    </xf>
    <xf numFmtId="0" fontId="8" fillId="0" borderId="0" xfId="8" applyNumberFormat="1" applyFont="1" applyFill="1" applyBorder="1" applyAlignment="1"/>
    <xf numFmtId="0" fontId="9" fillId="0" borderId="0" xfId="0" applyFont="1" applyFill="1" applyBorder="1" applyAlignment="1">
      <alignment horizontal="left" vertical="top"/>
    </xf>
    <xf numFmtId="0" fontId="0" fillId="0" borderId="0" xfId="0" applyFill="1" applyBorder="1" applyAlignment="1">
      <alignment horizontal="left" vertical="top"/>
    </xf>
    <xf numFmtId="0" fontId="0" fillId="0" borderId="0" xfId="0" applyAlignment="1">
      <alignment horizontal="left" vertical="center" wrapText="1"/>
    </xf>
    <xf numFmtId="0" fontId="15" fillId="5" borderId="47" xfId="0" applyFont="1" applyFill="1" applyBorder="1" applyAlignment="1">
      <alignment horizontal="center" vertical="center" wrapText="1"/>
    </xf>
    <xf numFmtId="0" fontId="14" fillId="4" borderId="49" xfId="0" applyFont="1" applyFill="1" applyBorder="1" applyAlignment="1">
      <alignment horizontal="center" vertical="center" wrapText="1"/>
    </xf>
    <xf numFmtId="0" fontId="16" fillId="4" borderId="49" xfId="0" applyFont="1" applyFill="1" applyBorder="1" applyAlignment="1">
      <alignment horizontal="center" vertical="center" wrapText="1"/>
    </xf>
    <xf numFmtId="49" fontId="3" fillId="0" borderId="9" xfId="0" applyNumberFormat="1" applyFont="1" applyBorder="1">
      <alignment vertical="center"/>
    </xf>
    <xf numFmtId="0" fontId="3" fillId="0" borderId="59" xfId="0" applyNumberFormat="1" applyFont="1" applyBorder="1">
      <alignment vertical="center"/>
    </xf>
    <xf numFmtId="49" fontId="3" fillId="0" borderId="60" xfId="4" applyNumberFormat="1" applyFont="1" applyBorder="1" applyAlignment="1">
      <alignment vertical="center"/>
    </xf>
    <xf numFmtId="0" fontId="3" fillId="0" borderId="9" xfId="0" applyNumberFormat="1" applyFont="1" applyBorder="1">
      <alignment vertical="center"/>
    </xf>
    <xf numFmtId="0" fontId="17" fillId="0" borderId="0" xfId="0" applyFont="1" applyAlignment="1">
      <alignment horizontal="left" vertical="center"/>
    </xf>
    <xf numFmtId="0" fontId="17" fillId="0" borderId="0" xfId="0" applyNumberFormat="1" applyFont="1">
      <alignment vertical="center"/>
    </xf>
    <xf numFmtId="0" fontId="17" fillId="0" borderId="0" xfId="0" applyFont="1">
      <alignment vertical="center"/>
    </xf>
    <xf numFmtId="49" fontId="17" fillId="0" borderId="0" xfId="8" applyNumberFormat="1" applyFont="1" applyFill="1" applyBorder="1" applyAlignment="1"/>
    <xf numFmtId="0" fontId="17" fillId="0" borderId="0" xfId="8" applyNumberFormat="1" applyFont="1" applyFill="1" applyBorder="1" applyAlignment="1"/>
    <xf numFmtId="49" fontId="18" fillId="0" borderId="0" xfId="3" applyNumberFormat="1" applyFont="1">
      <alignment vertical="center"/>
    </xf>
    <xf numFmtId="0" fontId="18" fillId="0" borderId="0" xfId="3" applyNumberFormat="1" applyFont="1">
      <alignment vertical="center"/>
    </xf>
    <xf numFmtId="49" fontId="17" fillId="0" borderId="0" xfId="2" applyNumberFormat="1" applyFont="1">
      <alignment vertical="center"/>
    </xf>
    <xf numFmtId="49" fontId="18" fillId="0" borderId="0" xfId="2" applyNumberFormat="1" applyFont="1">
      <alignment vertical="center"/>
    </xf>
    <xf numFmtId="49" fontId="18" fillId="0" borderId="0" xfId="6" applyNumberFormat="1" applyFont="1">
      <alignment vertical="center"/>
    </xf>
    <xf numFmtId="0" fontId="18" fillId="0" borderId="0" xfId="6" applyNumberFormat="1" applyFont="1">
      <alignment vertical="center"/>
    </xf>
    <xf numFmtId="49" fontId="18" fillId="0" borderId="0" xfId="2" applyNumberFormat="1" applyFont="1" applyAlignment="1">
      <alignment horizontal="left" vertical="center"/>
    </xf>
    <xf numFmtId="49" fontId="20" fillId="0" borderId="60" xfId="4" applyNumberFormat="1" applyFont="1" applyBorder="1" applyAlignment="1">
      <alignment vertical="center" wrapText="1"/>
    </xf>
    <xf numFmtId="0" fontId="21" fillId="0" borderId="66" xfId="0" applyFont="1" applyBorder="1" applyAlignment="1">
      <alignment horizontal="center" vertical="center" wrapText="1"/>
    </xf>
    <xf numFmtId="0" fontId="21" fillId="0" borderId="67" xfId="0" applyFont="1" applyBorder="1" applyAlignment="1">
      <alignment horizontal="center" vertical="center" wrapText="1"/>
    </xf>
    <xf numFmtId="0" fontId="21" fillId="0" borderId="47" xfId="0" applyFont="1" applyBorder="1" applyAlignment="1">
      <alignment horizontal="center" vertical="center" wrapText="1"/>
    </xf>
    <xf numFmtId="0" fontId="21" fillId="0" borderId="48" xfId="0" applyFont="1" applyBorder="1" applyAlignment="1">
      <alignment horizontal="left" vertical="center" wrapText="1" indent="1"/>
    </xf>
    <xf numFmtId="0" fontId="21" fillId="0" borderId="46" xfId="0" applyFont="1" applyBorder="1" applyAlignment="1">
      <alignment horizontal="left" vertical="center" wrapText="1" indent="1"/>
    </xf>
    <xf numFmtId="0" fontId="22" fillId="0" borderId="68" xfId="0" applyFont="1" applyBorder="1" applyAlignment="1">
      <alignment vertical="center" wrapText="1"/>
    </xf>
    <xf numFmtId="0" fontId="23" fillId="0" borderId="68" xfId="0" applyFont="1" applyBorder="1" applyAlignment="1">
      <alignment vertical="center" wrapText="1"/>
    </xf>
    <xf numFmtId="0" fontId="24" fillId="0" borderId="68" xfId="0" applyFont="1" applyBorder="1" applyAlignment="1">
      <alignment vertical="center" wrapText="1"/>
    </xf>
    <xf numFmtId="0" fontId="25" fillId="0" borderId="68" xfId="0" applyFont="1" applyBorder="1" applyAlignment="1">
      <alignment vertical="center" wrapText="1"/>
    </xf>
    <xf numFmtId="0" fontId="21" fillId="0" borderId="0" xfId="0" applyFont="1">
      <alignment vertical="center"/>
    </xf>
    <xf numFmtId="49" fontId="8" fillId="0" borderId="53" xfId="8" applyNumberFormat="1" applyFont="1" applyFill="1" applyBorder="1" applyAlignment="1"/>
    <xf numFmtId="0" fontId="0" fillId="0" borderId="0" xfId="0">
      <alignment vertical="center"/>
    </xf>
    <xf numFmtId="0" fontId="15" fillId="0" borderId="48" xfId="0" applyFont="1" applyBorder="1" applyAlignment="1">
      <alignment horizontal="left" vertical="center" wrapText="1"/>
    </xf>
    <xf numFmtId="0" fontId="27" fillId="0" borderId="0" xfId="3" applyNumberFormat="1" applyFont="1">
      <alignment vertical="center"/>
    </xf>
    <xf numFmtId="49" fontId="27" fillId="0" borderId="0" xfId="3" applyNumberFormat="1" applyFont="1">
      <alignment vertical="center"/>
    </xf>
    <xf numFmtId="0" fontId="15" fillId="0" borderId="46" xfId="0" applyFont="1" applyBorder="1" applyAlignment="1">
      <alignment horizontal="left" vertical="center" wrapText="1"/>
    </xf>
    <xf numFmtId="0" fontId="15" fillId="0" borderId="73" xfId="0" applyFont="1" applyBorder="1" applyAlignment="1">
      <alignment horizontal="left" vertical="center" wrapText="1"/>
    </xf>
    <xf numFmtId="0" fontId="15" fillId="0" borderId="59" xfId="0" applyFont="1" applyBorder="1" applyAlignment="1">
      <alignment horizontal="center" vertical="center" wrapText="1"/>
    </xf>
    <xf numFmtId="0" fontId="15" fillId="0" borderId="47" xfId="0" applyFont="1" applyFill="1" applyBorder="1" applyAlignment="1">
      <alignment horizontal="center" vertical="center" wrapText="1"/>
    </xf>
    <xf numFmtId="0" fontId="15" fillId="0" borderId="45" xfId="0" applyFont="1" applyFill="1" applyBorder="1" applyAlignment="1">
      <alignment horizontal="center" vertical="center" wrapText="1"/>
    </xf>
    <xf numFmtId="0" fontId="15" fillId="0" borderId="72" xfId="0" applyFont="1" applyFill="1" applyBorder="1" applyAlignment="1">
      <alignment horizontal="center" vertical="center" wrapText="1"/>
    </xf>
    <xf numFmtId="49" fontId="17" fillId="0" borderId="0" xfId="2" applyNumberFormat="1" applyFont="1" applyAlignment="1">
      <alignment horizontal="left" vertical="center"/>
    </xf>
    <xf numFmtId="49" fontId="21" fillId="0" borderId="48" xfId="0" applyNumberFormat="1" applyFont="1" applyBorder="1" applyAlignment="1">
      <alignment horizontal="center" vertical="center" wrapText="1"/>
    </xf>
    <xf numFmtId="0" fontId="15" fillId="0" borderId="0" xfId="0" applyFont="1" applyAlignment="1">
      <alignment vertical="center" wrapText="1"/>
    </xf>
    <xf numFmtId="49" fontId="28" fillId="0" borderId="0" xfId="4" applyNumberFormat="1" applyFont="1">
      <alignment vertical="center"/>
    </xf>
    <xf numFmtId="49" fontId="33" fillId="0" borderId="0" xfId="4" applyNumberFormat="1" applyFont="1" applyAlignment="1">
      <alignment horizontal="left" vertical="center"/>
    </xf>
    <xf numFmtId="49" fontId="33" fillId="0" borderId="0" xfId="4" applyNumberFormat="1" applyFont="1">
      <alignment vertical="center"/>
    </xf>
    <xf numFmtId="49" fontId="30" fillId="0" borderId="62" xfId="4" applyNumberFormat="1" applyFont="1" applyBorder="1">
      <alignment vertical="center"/>
    </xf>
    <xf numFmtId="49" fontId="34" fillId="0" borderId="53" xfId="4" applyNumberFormat="1" applyFont="1" applyBorder="1">
      <alignment vertical="center"/>
    </xf>
    <xf numFmtId="49" fontId="34" fillId="0" borderId="0" xfId="4" applyNumberFormat="1" applyFont="1">
      <alignment vertical="center"/>
    </xf>
    <xf numFmtId="49" fontId="30" fillId="0" borderId="60" xfId="4" applyNumberFormat="1" applyFont="1" applyBorder="1" applyAlignment="1">
      <alignment vertical="center" wrapText="1"/>
    </xf>
    <xf numFmtId="49" fontId="35" fillId="0" borderId="0" xfId="4" applyNumberFormat="1" applyFont="1">
      <alignment vertical="center"/>
    </xf>
    <xf numFmtId="49" fontId="36" fillId="0" borderId="0" xfId="4" applyNumberFormat="1" applyFont="1">
      <alignment vertical="center"/>
    </xf>
    <xf numFmtId="0" fontId="34" fillId="7" borderId="66" xfId="0" applyFont="1" applyFill="1" applyBorder="1" applyAlignment="1">
      <alignment horizontal="justify" vertical="center" wrapText="1"/>
    </xf>
    <xf numFmtId="0" fontId="34" fillId="7" borderId="76" xfId="0" applyFont="1" applyFill="1" applyBorder="1" applyAlignment="1">
      <alignment horizontal="justify" vertical="center" wrapText="1"/>
    </xf>
    <xf numFmtId="49" fontId="30" fillId="0" borderId="0" xfId="4" applyNumberFormat="1" applyFont="1" applyBorder="1" applyAlignment="1">
      <alignment horizontal="left" vertical="top" wrapText="1"/>
    </xf>
    <xf numFmtId="49" fontId="34" fillId="0" borderId="0" xfId="4" applyNumberFormat="1" applyFont="1" applyAlignment="1">
      <alignment vertical="center" wrapText="1"/>
    </xf>
    <xf numFmtId="0" fontId="38" fillId="0" borderId="0" xfId="0" applyFont="1">
      <alignment vertical="center"/>
    </xf>
    <xf numFmtId="49" fontId="39" fillId="0" borderId="0" xfId="0" applyNumberFormat="1" applyFont="1" applyAlignment="1">
      <alignment horizontal="left" vertical="center"/>
    </xf>
    <xf numFmtId="49" fontId="30" fillId="0" borderId="0" xfId="0" applyNumberFormat="1" applyFont="1">
      <alignment vertical="center"/>
    </xf>
    <xf numFmtId="49" fontId="30" fillId="7" borderId="0" xfId="0" applyNumberFormat="1" applyFont="1" applyFill="1" applyAlignment="1">
      <alignment horizontal="center" vertical="center" wrapText="1"/>
    </xf>
    <xf numFmtId="49" fontId="38" fillId="0" borderId="0" xfId="0" applyNumberFormat="1" applyFont="1" applyAlignment="1">
      <alignment horizontal="center" vertical="center" wrapText="1"/>
    </xf>
    <xf numFmtId="49" fontId="39" fillId="7" borderId="45" xfId="0" applyNumberFormat="1" applyFont="1" applyFill="1" applyBorder="1" applyAlignment="1">
      <alignment horizontal="center" vertical="center" wrapText="1"/>
    </xf>
    <xf numFmtId="49" fontId="39" fillId="7" borderId="74" xfId="0" applyNumberFormat="1" applyFont="1" applyFill="1" applyBorder="1" applyAlignment="1">
      <alignment horizontal="center" vertical="center" wrapText="1"/>
    </xf>
    <xf numFmtId="49" fontId="39" fillId="7" borderId="67" xfId="0" applyNumberFormat="1" applyFont="1" applyFill="1" applyBorder="1" applyAlignment="1">
      <alignment horizontal="center" vertical="center" wrapText="1"/>
    </xf>
    <xf numFmtId="49" fontId="39" fillId="7" borderId="75" xfId="0" applyNumberFormat="1" applyFont="1" applyFill="1" applyBorder="1" applyAlignment="1">
      <alignment horizontal="center" vertical="center" wrapText="1"/>
    </xf>
    <xf numFmtId="49" fontId="39" fillId="7" borderId="47" xfId="0" applyNumberFormat="1" applyFont="1" applyFill="1" applyBorder="1" applyAlignment="1">
      <alignment horizontal="center" vertical="center" wrapText="1"/>
    </xf>
    <xf numFmtId="49" fontId="39" fillId="7" borderId="66" xfId="0" applyNumberFormat="1" applyFont="1" applyFill="1" applyBorder="1" applyAlignment="1">
      <alignment horizontal="center" vertical="center" wrapText="1"/>
    </xf>
    <xf numFmtId="49" fontId="30" fillId="7" borderId="45" xfId="0" applyNumberFormat="1" applyFont="1" applyFill="1" applyBorder="1" applyAlignment="1">
      <alignment horizontal="left" vertical="center" wrapText="1"/>
    </xf>
    <xf numFmtId="49" fontId="30" fillId="7" borderId="45" xfId="0" applyNumberFormat="1" applyFont="1" applyFill="1" applyBorder="1" applyAlignment="1">
      <alignment horizontal="justify" vertical="center" wrapText="1"/>
    </xf>
    <xf numFmtId="49" fontId="30" fillId="7" borderId="47" xfId="0" applyNumberFormat="1" applyFont="1" applyFill="1" applyBorder="1" applyAlignment="1">
      <alignment horizontal="left" vertical="center" wrapText="1"/>
    </xf>
    <xf numFmtId="49" fontId="30" fillId="7" borderId="47" xfId="0" applyNumberFormat="1" applyFont="1" applyFill="1" applyBorder="1" applyAlignment="1">
      <alignment horizontal="justify" vertical="center" wrapText="1"/>
    </xf>
    <xf numFmtId="49" fontId="30" fillId="7" borderId="68" xfId="0" applyNumberFormat="1" applyFont="1" applyFill="1" applyBorder="1" applyAlignment="1">
      <alignment horizontal="left" vertical="center" wrapText="1"/>
    </xf>
    <xf numFmtId="49" fontId="30" fillId="7" borderId="68" xfId="0" applyNumberFormat="1" applyFont="1" applyFill="1" applyBorder="1" applyAlignment="1">
      <alignment horizontal="justify" vertical="center" wrapText="1"/>
    </xf>
    <xf numFmtId="49" fontId="30" fillId="7" borderId="68" xfId="0" applyNumberFormat="1" applyFont="1" applyFill="1" applyBorder="1" applyAlignment="1">
      <alignment vertical="top" wrapText="1"/>
    </xf>
    <xf numFmtId="49" fontId="30" fillId="7" borderId="47" xfId="0" applyNumberFormat="1" applyFont="1" applyFill="1" applyBorder="1" applyAlignment="1">
      <alignment vertical="top" wrapText="1"/>
    </xf>
    <xf numFmtId="49" fontId="42" fillId="7" borderId="45" xfId="0" applyNumberFormat="1" applyFont="1" applyFill="1" applyBorder="1" applyAlignment="1">
      <alignment horizontal="left" vertical="center" wrapText="1"/>
    </xf>
    <xf numFmtId="49" fontId="30" fillId="0" borderId="76" xfId="0" applyNumberFormat="1" applyFont="1" applyBorder="1" applyAlignment="1">
      <alignment horizontal="justify" vertical="center" wrapText="1"/>
    </xf>
    <xf numFmtId="49" fontId="39" fillId="7" borderId="45" xfId="0" applyNumberFormat="1" applyFont="1" applyFill="1" applyBorder="1" applyAlignment="1">
      <alignment horizontal="left" vertical="center" wrapText="1"/>
    </xf>
    <xf numFmtId="49" fontId="39" fillId="7" borderId="68" xfId="0" applyNumberFormat="1" applyFont="1" applyFill="1" applyBorder="1" applyAlignment="1">
      <alignment horizontal="left" vertical="center" wrapText="1"/>
    </xf>
    <xf numFmtId="49" fontId="39" fillId="7" borderId="47" xfId="0" applyNumberFormat="1" applyFont="1" applyFill="1" applyBorder="1" applyAlignment="1">
      <alignment horizontal="left" vertical="center" wrapText="1"/>
    </xf>
    <xf numFmtId="0" fontId="30" fillId="0" borderId="0" xfId="0" applyFont="1">
      <alignment vertical="center"/>
    </xf>
    <xf numFmtId="0" fontId="44" fillId="7" borderId="66" xfId="0" applyFont="1" applyFill="1" applyBorder="1" applyAlignment="1">
      <alignment horizontal="center" vertical="center" wrapText="1"/>
    </xf>
    <xf numFmtId="0" fontId="34" fillId="7" borderId="45" xfId="0" applyFont="1" applyFill="1" applyBorder="1" applyAlignment="1">
      <alignment horizontal="left" vertical="center" wrapText="1"/>
    </xf>
    <xf numFmtId="0" fontId="34" fillId="7" borderId="68" xfId="0" applyFont="1" applyFill="1" applyBorder="1" applyAlignment="1">
      <alignment horizontal="left" vertical="center" wrapText="1"/>
    </xf>
    <xf numFmtId="0" fontId="30" fillId="7" borderId="47" xfId="0" applyFont="1" applyFill="1" applyBorder="1" applyAlignment="1">
      <alignment vertical="top" wrapText="1"/>
    </xf>
    <xf numFmtId="0" fontId="34" fillId="7" borderId="47" xfId="0" applyFont="1" applyFill="1" applyBorder="1" applyAlignment="1">
      <alignment horizontal="left" vertical="center" wrapText="1"/>
    </xf>
    <xf numFmtId="0" fontId="30" fillId="7" borderId="68" xfId="0" applyFont="1" applyFill="1" applyBorder="1" applyAlignment="1">
      <alignment vertical="top" wrapText="1"/>
    </xf>
    <xf numFmtId="0" fontId="45" fillId="7" borderId="68" xfId="0" applyFont="1" applyFill="1" applyBorder="1" applyAlignment="1">
      <alignment horizontal="left" vertical="center" wrapText="1"/>
    </xf>
    <xf numFmtId="0" fontId="34" fillId="7" borderId="66" xfId="0" applyFont="1" applyFill="1" applyBorder="1" applyAlignment="1">
      <alignment horizontal="left" vertical="center" wrapText="1"/>
    </xf>
    <xf numFmtId="0" fontId="34" fillId="7" borderId="76" xfId="0" applyFont="1" applyFill="1" applyBorder="1" applyAlignment="1">
      <alignment horizontal="left" vertical="center" wrapText="1"/>
    </xf>
    <xf numFmtId="0" fontId="45" fillId="7" borderId="45" xfId="0" applyFont="1" applyFill="1" applyBorder="1" applyAlignment="1">
      <alignment horizontal="left" vertical="center" wrapText="1"/>
    </xf>
    <xf numFmtId="0" fontId="45" fillId="7" borderId="47" xfId="0" applyFont="1" applyFill="1" applyBorder="1" applyAlignment="1">
      <alignment horizontal="left" vertical="center" wrapText="1"/>
    </xf>
    <xf numFmtId="0" fontId="15" fillId="0" borderId="78" xfId="0" applyFont="1" applyBorder="1" applyAlignment="1">
      <alignment horizontal="left" vertical="center" wrapText="1"/>
    </xf>
    <xf numFmtId="0" fontId="15" fillId="0" borderId="77" xfId="0" applyFont="1" applyFill="1" applyBorder="1" applyAlignment="1">
      <alignment horizontal="center" vertical="center" wrapText="1"/>
    </xf>
    <xf numFmtId="0" fontId="0" fillId="0" borderId="0" xfId="0" applyBorder="1" applyAlignment="1">
      <alignment vertical="top"/>
    </xf>
    <xf numFmtId="49" fontId="55" fillId="0" borderId="67" xfId="0" applyNumberFormat="1" applyFont="1" applyFill="1" applyBorder="1" applyAlignment="1">
      <alignment horizontal="center" vertical="center" wrapText="1"/>
    </xf>
    <xf numFmtId="49" fontId="55" fillId="0" borderId="48" xfId="0" applyNumberFormat="1" applyFont="1" applyFill="1" applyBorder="1" applyAlignment="1">
      <alignment horizontal="center" vertical="center" wrapText="1"/>
    </xf>
    <xf numFmtId="49" fontId="55" fillId="0" borderId="46" xfId="0" applyNumberFormat="1" applyFont="1" applyFill="1" applyBorder="1" applyAlignment="1">
      <alignment horizontal="center" vertical="center" wrapText="1"/>
    </xf>
    <xf numFmtId="49" fontId="55" fillId="0" borderId="48" xfId="0" applyNumberFormat="1" applyFont="1" applyBorder="1" applyAlignment="1">
      <alignment horizontal="center" vertical="center" wrapText="1"/>
    </xf>
    <xf numFmtId="49" fontId="56" fillId="0" borderId="46" xfId="0" applyNumberFormat="1" applyFont="1" applyBorder="1" applyAlignment="1">
      <alignment horizontal="center" vertical="center" wrapText="1"/>
    </xf>
    <xf numFmtId="49" fontId="55" fillId="0" borderId="46" xfId="0" applyNumberFormat="1" applyFont="1" applyBorder="1" applyAlignment="1">
      <alignment horizontal="center" vertical="center" wrapText="1"/>
    </xf>
    <xf numFmtId="49" fontId="55" fillId="0" borderId="66" xfId="0" applyNumberFormat="1" applyFont="1" applyFill="1" applyBorder="1" applyAlignment="1">
      <alignment horizontal="center" vertical="center" wrapText="1"/>
    </xf>
    <xf numFmtId="49" fontId="55" fillId="0" borderId="68" xfId="0" applyNumberFormat="1" applyFont="1" applyFill="1" applyBorder="1" applyAlignment="1">
      <alignment horizontal="center" vertical="center" wrapText="1"/>
    </xf>
    <xf numFmtId="14" fontId="15" fillId="0" borderId="79" xfId="0" applyNumberFormat="1" applyFont="1" applyBorder="1" applyAlignment="1">
      <alignment horizontal="center" vertical="center" wrapText="1"/>
    </xf>
    <xf numFmtId="0" fontId="15" fillId="0" borderId="47" xfId="0" applyFont="1" applyBorder="1" applyAlignment="1">
      <alignment horizontal="center" vertical="center" wrapText="1"/>
    </xf>
    <xf numFmtId="0" fontId="15" fillId="0" borderId="81" xfId="0" applyFont="1" applyFill="1" applyBorder="1" applyAlignment="1">
      <alignment horizontal="center" vertical="center" wrapText="1"/>
    </xf>
    <xf numFmtId="0" fontId="15" fillId="0" borderId="68" xfId="0" applyFont="1" applyBorder="1" applyAlignment="1">
      <alignment horizontal="center" vertical="center" wrapText="1"/>
    </xf>
    <xf numFmtId="0" fontId="15" fillId="0" borderId="80" xfId="0" applyFont="1" applyFill="1" applyBorder="1" applyAlignment="1">
      <alignment horizontal="center" vertical="center" wrapText="1"/>
    </xf>
    <xf numFmtId="0" fontId="15" fillId="0" borderId="80" xfId="0" applyFont="1" applyBorder="1" applyAlignment="1">
      <alignment horizontal="center" vertical="center" wrapText="1"/>
    </xf>
    <xf numFmtId="0" fontId="0" fillId="0" borderId="0" xfId="0" applyAlignment="1">
      <alignment vertical="center" wrapText="1"/>
    </xf>
    <xf numFmtId="49" fontId="34" fillId="0" borderId="59" xfId="4" applyNumberFormat="1" applyFont="1" applyBorder="1" applyAlignment="1">
      <alignment vertical="center" wrapText="1"/>
    </xf>
    <xf numFmtId="0" fontId="34" fillId="7" borderId="45" xfId="0" applyFont="1" applyFill="1" applyBorder="1" applyAlignment="1">
      <alignment horizontal="left" vertical="center" wrapText="1"/>
    </xf>
    <xf numFmtId="0" fontId="34" fillId="7" borderId="68" xfId="0" applyFont="1" applyFill="1" applyBorder="1" applyAlignment="1">
      <alignment horizontal="left" vertical="center" wrapText="1"/>
    </xf>
    <xf numFmtId="0" fontId="34" fillId="7" borderId="47" xfId="0" applyFont="1" applyFill="1" applyBorder="1" applyAlignment="1">
      <alignment horizontal="left" vertical="center" wrapText="1"/>
    </xf>
    <xf numFmtId="0" fontId="45" fillId="7" borderId="45" xfId="0" applyFont="1" applyFill="1" applyBorder="1" applyAlignment="1">
      <alignment horizontal="left" vertical="center" wrapText="1"/>
    </xf>
    <xf numFmtId="0" fontId="45" fillId="7" borderId="68" xfId="0" applyFont="1" applyFill="1" applyBorder="1" applyAlignment="1">
      <alignment horizontal="left" vertical="center" wrapText="1"/>
    </xf>
    <xf numFmtId="0" fontId="45" fillId="7" borderId="47" xfId="0" applyFont="1" applyFill="1" applyBorder="1" applyAlignment="1">
      <alignment horizontal="left" vertical="center" wrapText="1"/>
    </xf>
    <xf numFmtId="0" fontId="0" fillId="0" borderId="4" xfId="0" applyBorder="1" applyAlignment="1">
      <alignment vertical="top" wrapText="1"/>
    </xf>
    <xf numFmtId="0" fontId="0" fillId="0" borderId="5" xfId="0" applyBorder="1" applyAlignment="1">
      <alignment vertical="top" wrapText="1"/>
    </xf>
    <xf numFmtId="0" fontId="58" fillId="0" borderId="0" xfId="0" applyFont="1">
      <alignment vertical="center"/>
    </xf>
    <xf numFmtId="0" fontId="58" fillId="0" borderId="0" xfId="0" applyFont="1" applyAlignment="1">
      <alignment horizontal="center" vertical="center"/>
    </xf>
    <xf numFmtId="0" fontId="64" fillId="0" borderId="0" xfId="0" applyFont="1" applyAlignment="1">
      <alignment horizontal="center" vertical="center"/>
    </xf>
    <xf numFmtId="0" fontId="41" fillId="0" borderId="0" xfId="0" applyFont="1" applyAlignment="1">
      <alignment horizontal="center" vertical="center"/>
    </xf>
    <xf numFmtId="0" fontId="58" fillId="0" borderId="0" xfId="0" applyFont="1" applyAlignment="1">
      <alignment vertical="center" wrapText="1"/>
    </xf>
    <xf numFmtId="0" fontId="58" fillId="0" borderId="0" xfId="0" applyFont="1" applyAlignment="1">
      <alignment horizontal="center" vertical="center" wrapText="1"/>
    </xf>
    <xf numFmtId="0" fontId="34" fillId="0" borderId="60" xfId="3" applyNumberFormat="1" applyFont="1" applyBorder="1">
      <alignment vertical="center"/>
    </xf>
    <xf numFmtId="0" fontId="1" fillId="0" borderId="0" xfId="23">
      <alignment vertical="center"/>
    </xf>
    <xf numFmtId="0" fontId="84" fillId="0" borderId="0" xfId="23" applyFont="1" applyAlignment="1">
      <alignment horizontal="left" vertical="top"/>
    </xf>
    <xf numFmtId="0" fontId="50" fillId="0" borderId="0" xfId="23" applyFont="1" applyAlignment="1">
      <alignment horizontal="left" vertical="top"/>
    </xf>
    <xf numFmtId="0" fontId="1" fillId="0" borderId="0" xfId="23" applyAlignment="1">
      <alignment vertical="top"/>
    </xf>
    <xf numFmtId="0" fontId="84" fillId="0" borderId="0" xfId="23" applyFont="1">
      <alignment vertical="center"/>
    </xf>
    <xf numFmtId="0" fontId="46" fillId="0" borderId="0" xfId="23" applyFont="1" applyAlignment="1">
      <alignment horizontal="center" vertical="top" wrapText="1"/>
    </xf>
    <xf numFmtId="0" fontId="47" fillId="0" borderId="0" xfId="23" applyFont="1" applyAlignment="1">
      <alignment horizontal="left" vertical="top" wrapText="1"/>
    </xf>
    <xf numFmtId="0" fontId="52" fillId="0" borderId="0" xfId="23" applyFont="1" applyAlignment="1">
      <alignment horizontal="center" vertical="top" wrapText="1"/>
    </xf>
    <xf numFmtId="0" fontId="48" fillId="7" borderId="0" xfId="23" applyFont="1" applyFill="1" applyAlignment="1">
      <alignment horizontal="center" vertical="top" wrapText="1"/>
    </xf>
    <xf numFmtId="0" fontId="49" fillId="0" borderId="3" xfId="23" applyFont="1" applyBorder="1" applyAlignment="1">
      <alignment horizontal="center" vertical="top" wrapText="1"/>
    </xf>
    <xf numFmtId="0" fontId="49" fillId="0" borderId="3" xfId="23" applyFont="1" applyBorder="1" applyAlignment="1">
      <alignment horizontal="center" vertical="center" wrapText="1"/>
    </xf>
    <xf numFmtId="0" fontId="49" fillId="0" borderId="4" xfId="23" applyFont="1" applyBorder="1" applyAlignment="1">
      <alignment horizontal="center" vertical="top" wrapText="1"/>
    </xf>
    <xf numFmtId="0" fontId="49" fillId="0" borderId="4" xfId="23" applyFont="1" applyBorder="1" applyAlignment="1">
      <alignment horizontal="center" vertical="center" wrapText="1"/>
    </xf>
    <xf numFmtId="0" fontId="50" fillId="0" borderId="3" xfId="23" applyFont="1" applyBorder="1" applyAlignment="1">
      <alignment horizontal="justify" vertical="center" wrapText="1"/>
    </xf>
    <xf numFmtId="0" fontId="50" fillId="0" borderId="5" xfId="23" applyFont="1" applyBorder="1" applyAlignment="1">
      <alignment horizontal="justify" vertical="center" wrapText="1"/>
    </xf>
    <xf numFmtId="0" fontId="50" fillId="0" borderId="4" xfId="23" applyFont="1" applyBorder="1" applyAlignment="1">
      <alignment horizontal="justify" vertical="center" wrapText="1"/>
    </xf>
    <xf numFmtId="0" fontId="50" fillId="0" borderId="3" xfId="23" applyFont="1" applyBorder="1" applyAlignment="1">
      <alignment horizontal="justify" vertical="top" wrapText="1"/>
    </xf>
    <xf numFmtId="0" fontId="50" fillId="0" borderId="5" xfId="23" applyFont="1" applyBorder="1" applyAlignment="1">
      <alignment horizontal="justify" vertical="top" wrapText="1"/>
    </xf>
    <xf numFmtId="0" fontId="50" fillId="0" borderId="4" xfId="23" applyFont="1" applyBorder="1" applyAlignment="1">
      <alignment horizontal="justify" vertical="top" wrapText="1"/>
    </xf>
    <xf numFmtId="0" fontId="84" fillId="0" borderId="4" xfId="23" applyFont="1" applyBorder="1" applyAlignment="1">
      <alignment vertical="top" wrapText="1"/>
    </xf>
    <xf numFmtId="0" fontId="49" fillId="0" borderId="3" xfId="23" applyFont="1" applyBorder="1" applyAlignment="1">
      <alignment horizontal="left" vertical="top" wrapText="1"/>
    </xf>
    <xf numFmtId="0" fontId="50" fillId="0" borderId="3" xfId="23" applyFont="1" applyBorder="1" applyAlignment="1">
      <alignment horizontal="left" vertical="center" wrapText="1"/>
    </xf>
    <xf numFmtId="0" fontId="50" fillId="0" borderId="5" xfId="23" applyFont="1" applyBorder="1" applyAlignment="1">
      <alignment horizontal="left" vertical="top" wrapText="1"/>
    </xf>
    <xf numFmtId="0" fontId="84" fillId="0" borderId="5" xfId="23" applyFont="1" applyBorder="1" applyAlignment="1">
      <alignment vertical="top" wrapText="1"/>
    </xf>
    <xf numFmtId="0" fontId="50" fillId="0" borderId="5" xfId="23" applyFont="1" applyBorder="1" applyAlignment="1">
      <alignment vertical="top" wrapText="1"/>
    </xf>
    <xf numFmtId="0" fontId="49" fillId="0" borderId="5" xfId="23" applyFont="1" applyBorder="1" applyAlignment="1">
      <alignment vertical="top" wrapText="1"/>
    </xf>
    <xf numFmtId="0" fontId="50" fillId="0" borderId="4" xfId="23" applyFont="1" applyBorder="1" applyAlignment="1">
      <alignment vertical="top" wrapText="1"/>
    </xf>
    <xf numFmtId="0" fontId="49" fillId="0" borderId="3" xfId="23" applyFont="1" applyBorder="1" applyAlignment="1">
      <alignment horizontal="left" vertical="center" wrapText="1"/>
    </xf>
    <xf numFmtId="0" fontId="50" fillId="0" borderId="5" xfId="23" applyFont="1" applyBorder="1" applyAlignment="1">
      <alignment horizontal="left" vertical="center" wrapText="1"/>
    </xf>
    <xf numFmtId="0" fontId="84" fillId="0" borderId="0" xfId="23" applyFont="1" applyAlignment="1">
      <alignment vertical="center" wrapText="1"/>
    </xf>
    <xf numFmtId="0" fontId="50" fillId="0" borderId="3" xfId="23" applyFont="1" applyBorder="1" applyAlignment="1">
      <alignment vertical="top" wrapText="1"/>
    </xf>
    <xf numFmtId="0" fontId="53" fillId="0" borderId="5" xfId="23" applyFont="1" applyBorder="1" applyAlignment="1">
      <alignment horizontal="justify" vertical="top" wrapText="1"/>
    </xf>
    <xf numFmtId="0" fontId="50" fillId="0" borderId="4" xfId="23" applyFont="1" applyBorder="1" applyAlignment="1">
      <alignment horizontal="left" vertical="center" wrapText="1"/>
    </xf>
    <xf numFmtId="0" fontId="50" fillId="0" borderId="5" xfId="23" applyFont="1" applyBorder="1" applyAlignment="1">
      <alignment horizontal="left" vertical="center" wrapText="1" indent="1"/>
    </xf>
    <xf numFmtId="0" fontId="49" fillId="0" borderId="3" xfId="23" applyFont="1" applyBorder="1" applyAlignment="1">
      <alignment horizontal="justify" vertical="top" wrapText="1"/>
    </xf>
    <xf numFmtId="0" fontId="50" fillId="0" borderId="5" xfId="23" applyFont="1" applyBorder="1" applyAlignment="1">
      <alignment horizontal="justify" vertical="top"/>
    </xf>
    <xf numFmtId="0" fontId="50" fillId="0" borderId="4" xfId="23" applyFont="1" applyBorder="1" applyAlignment="1">
      <alignment horizontal="left" vertical="top" wrapText="1"/>
    </xf>
    <xf numFmtId="0" fontId="84" fillId="0" borderId="0" xfId="23" applyFont="1" applyAlignment="1">
      <alignment vertical="top"/>
    </xf>
    <xf numFmtId="0" fontId="52" fillId="0" borderId="0" xfId="23" applyFont="1" applyAlignment="1">
      <alignment horizontal="left" vertical="top" wrapText="1"/>
    </xf>
    <xf numFmtId="0" fontId="88" fillId="0" borderId="0" xfId="23" applyFont="1" applyAlignment="1">
      <alignment horizontal="left" vertical="top" wrapText="1"/>
    </xf>
    <xf numFmtId="0" fontId="89" fillId="0" borderId="0" xfId="23" applyFont="1" applyAlignment="1">
      <alignment vertical="top"/>
    </xf>
    <xf numFmtId="0" fontId="54" fillId="0" borderId="0" xfId="23" applyFont="1" applyAlignment="1">
      <alignment vertical="top"/>
    </xf>
    <xf numFmtId="0" fontId="88" fillId="0" borderId="0" xfId="23" applyFont="1" applyAlignment="1">
      <alignment horizontal="left" vertical="top"/>
    </xf>
    <xf numFmtId="0" fontId="84" fillId="0" borderId="0" xfId="23" applyFont="1" applyAlignment="1">
      <alignment vertical="center"/>
    </xf>
    <xf numFmtId="0" fontId="89" fillId="0" borderId="0" xfId="23" applyFont="1" applyAlignment="1">
      <alignment horizontal="left" vertical="top"/>
    </xf>
    <xf numFmtId="0" fontId="90" fillId="0" borderId="0" xfId="23" applyFont="1" applyAlignment="1">
      <alignment horizontal="left" vertical="top"/>
    </xf>
    <xf numFmtId="0" fontId="47" fillId="0" borderId="0" xfId="23" applyFont="1" applyAlignment="1">
      <alignment horizontal="center" vertical="top" wrapText="1"/>
    </xf>
    <xf numFmtId="0" fontId="49" fillId="0" borderId="2" xfId="23" applyFont="1" applyBorder="1" applyAlignment="1">
      <alignment horizontal="justify" vertical="top" wrapText="1"/>
    </xf>
    <xf numFmtId="0" fontId="49" fillId="0" borderId="2" xfId="23" applyFont="1" applyBorder="1" applyAlignment="1">
      <alignment horizontal="justify" vertical="center" wrapText="1"/>
    </xf>
    <xf numFmtId="0" fontId="50" fillId="0" borderId="2" xfId="23" applyFont="1" applyBorder="1" applyAlignment="1">
      <alignment horizontal="justify" vertical="top" wrapText="1"/>
    </xf>
    <xf numFmtId="0" fontId="50" fillId="0" borderId="2" xfId="23" applyFont="1" applyBorder="1" applyAlignment="1">
      <alignment horizontal="justify" vertical="center" wrapText="1"/>
    </xf>
    <xf numFmtId="0" fontId="49" fillId="0" borderId="2" xfId="23" applyFont="1" applyBorder="1" applyAlignment="1">
      <alignment horizontal="left" vertical="top" wrapText="1"/>
    </xf>
    <xf numFmtId="14" fontId="50" fillId="0" borderId="2" xfId="23" applyNumberFormat="1" applyFont="1" applyBorder="1" applyAlignment="1">
      <alignment horizontal="justify" vertical="center" wrapText="1"/>
    </xf>
    <xf numFmtId="0" fontId="47" fillId="0" borderId="0" xfId="23" applyFont="1" applyAlignment="1">
      <alignment horizontal="left" vertical="top"/>
    </xf>
    <xf numFmtId="0" fontId="52" fillId="0" borderId="0" xfId="23" applyFont="1" applyAlignment="1">
      <alignment horizontal="left" vertical="top"/>
    </xf>
    <xf numFmtId="0" fontId="50" fillId="7" borderId="0" xfId="23" applyFont="1" applyFill="1" applyAlignment="1">
      <alignment horizontal="justify" vertical="center" wrapText="1"/>
    </xf>
    <xf numFmtId="0" fontId="48" fillId="7" borderId="0" xfId="23" applyFont="1" applyFill="1" applyAlignment="1">
      <alignment horizontal="justify" vertical="top" wrapText="1"/>
    </xf>
    <xf numFmtId="0" fontId="84" fillId="7" borderId="0" xfId="23" applyFont="1" applyFill="1" applyAlignment="1">
      <alignment horizontal="center" vertical="top" wrapText="1"/>
    </xf>
    <xf numFmtId="0" fontId="53" fillId="0" borderId="2" xfId="23" applyFont="1" applyBorder="1" applyAlignment="1">
      <alignment horizontal="justify" vertical="top" wrapText="1"/>
    </xf>
    <xf numFmtId="0" fontId="50" fillId="0" borderId="0" xfId="23" applyFont="1" applyBorder="1" applyAlignment="1">
      <alignment horizontal="left" vertical="top"/>
    </xf>
    <xf numFmtId="0" fontId="53" fillId="0" borderId="0" xfId="23" applyFont="1" applyAlignment="1">
      <alignment horizontal="left" vertical="top"/>
    </xf>
    <xf numFmtId="0" fontId="50" fillId="0" borderId="0" xfId="23" applyFont="1" applyAlignment="1">
      <alignment horizontal="justify" vertical="center" wrapText="1"/>
    </xf>
    <xf numFmtId="0" fontId="49" fillId="0" borderId="0" xfId="23" applyFont="1" applyAlignment="1">
      <alignment horizontal="left" vertical="center"/>
    </xf>
    <xf numFmtId="0" fontId="84" fillId="0" borderId="0" xfId="23" applyFont="1" applyAlignment="1">
      <alignment horizontal="left" vertical="center"/>
    </xf>
    <xf numFmtId="0" fontId="50" fillId="0" borderId="0" xfId="23" applyFont="1" applyAlignment="1">
      <alignment horizontal="left" vertical="center"/>
    </xf>
    <xf numFmtId="49" fontId="84" fillId="0" borderId="0" xfId="23" applyNumberFormat="1" applyFont="1">
      <alignment vertical="center"/>
    </xf>
    <xf numFmtId="0" fontId="50" fillId="0" borderId="0" xfId="23" applyFont="1" applyAlignment="1">
      <alignment horizontal="right" vertical="center"/>
    </xf>
    <xf numFmtId="0" fontId="50" fillId="0" borderId="66" xfId="23" applyFont="1" applyBorder="1" applyAlignment="1">
      <alignment horizontal="left" vertical="center"/>
    </xf>
    <xf numFmtId="0" fontId="50" fillId="0" borderId="78" xfId="23" applyFont="1" applyBorder="1" applyAlignment="1">
      <alignment horizontal="left" vertical="center"/>
    </xf>
    <xf numFmtId="0" fontId="50" fillId="0" borderId="45" xfId="23" applyFont="1" applyBorder="1" applyAlignment="1">
      <alignment horizontal="left" vertical="center"/>
    </xf>
    <xf numFmtId="0" fontId="50" fillId="0" borderId="47" xfId="23" applyFont="1" applyBorder="1" applyAlignment="1">
      <alignment horizontal="left" vertical="center"/>
    </xf>
    <xf numFmtId="0" fontId="49" fillId="0" borderId="66" xfId="23" applyFont="1" applyBorder="1" applyAlignment="1">
      <alignment horizontal="left" vertical="center"/>
    </xf>
    <xf numFmtId="49" fontId="32" fillId="0" borderId="0" xfId="4" applyNumberFormat="1" applyFont="1" applyAlignment="1">
      <alignment horizontal="left" vertical="center"/>
    </xf>
    <xf numFmtId="49" fontId="30" fillId="0" borderId="60" xfId="4" applyNumberFormat="1" applyFont="1" applyBorder="1" applyAlignment="1">
      <alignment vertical="center"/>
    </xf>
    <xf numFmtId="49" fontId="30" fillId="0" borderId="0" xfId="4" applyNumberFormat="1" applyFont="1">
      <alignment vertical="center"/>
    </xf>
    <xf numFmtId="49" fontId="34" fillId="0" borderId="60" xfId="4" applyNumberFormat="1" applyFont="1" applyBorder="1" applyAlignment="1">
      <alignment vertical="center" wrapText="1"/>
    </xf>
    <xf numFmtId="49" fontId="65" fillId="0" borderId="0" xfId="17" applyNumberFormat="1" applyFont="1">
      <alignment vertical="center"/>
    </xf>
    <xf numFmtId="0" fontId="36" fillId="0" borderId="0" xfId="0" applyFont="1" applyFill="1" applyAlignment="1">
      <alignment vertical="center" wrapText="1"/>
    </xf>
    <xf numFmtId="0" fontId="63" fillId="0" borderId="0" xfId="0" applyFont="1" applyAlignment="1">
      <alignment vertical="center" wrapText="1"/>
    </xf>
    <xf numFmtId="0" fontId="93" fillId="0" borderId="0" xfId="0" applyFont="1" applyAlignment="1">
      <alignment horizontal="left" vertical="center" wrapText="1"/>
    </xf>
    <xf numFmtId="0" fontId="94" fillId="0" borderId="0" xfId="0" applyFont="1" applyAlignment="1">
      <alignment horizontal="left" vertical="center" wrapText="1"/>
    </xf>
    <xf numFmtId="0" fontId="95" fillId="0" borderId="0" xfId="0" applyFont="1" applyAlignment="1">
      <alignment horizontal="left" vertical="center" wrapText="1"/>
    </xf>
    <xf numFmtId="49" fontId="62" fillId="0" borderId="0" xfId="17" applyNumberFormat="1" applyFont="1">
      <alignment vertical="center"/>
    </xf>
    <xf numFmtId="0" fontId="66" fillId="0" borderId="0" xfId="0" applyFont="1" applyAlignment="1">
      <alignment horizontal="left" vertical="center" wrapText="1"/>
    </xf>
    <xf numFmtId="0" fontId="66" fillId="0" borderId="0" xfId="0" applyFont="1" applyAlignment="1">
      <alignment vertical="center" wrapText="1"/>
    </xf>
    <xf numFmtId="49" fontId="69" fillId="0" borderId="0" xfId="4" applyNumberFormat="1" applyFont="1" applyAlignment="1">
      <alignment vertical="center" wrapText="1"/>
    </xf>
    <xf numFmtId="0" fontId="96" fillId="0" borderId="0" xfId="0" applyFont="1" applyAlignment="1">
      <alignment horizontal="left" vertical="center" wrapText="1"/>
    </xf>
    <xf numFmtId="0" fontId="34" fillId="0" borderId="0" xfId="0" applyFont="1">
      <alignment vertical="center"/>
    </xf>
    <xf numFmtId="0" fontId="97" fillId="0" borderId="0" xfId="0" applyFont="1" applyAlignment="1">
      <alignment horizontal="left" vertical="center" wrapText="1"/>
    </xf>
    <xf numFmtId="0" fontId="36" fillId="0" borderId="0" xfId="0" applyFont="1" applyAlignment="1">
      <alignment vertical="center" wrapText="1"/>
    </xf>
    <xf numFmtId="0" fontId="67" fillId="0" borderId="0" xfId="0" applyFont="1" applyAlignment="1">
      <alignment vertical="center" wrapText="1"/>
    </xf>
    <xf numFmtId="0" fontId="68" fillId="0" borderId="0" xfId="0" applyFont="1" applyAlignment="1">
      <alignment vertical="center" wrapText="1"/>
    </xf>
    <xf numFmtId="0" fontId="34" fillId="0" borderId="0" xfId="0" applyFont="1" applyAlignment="1">
      <alignment vertical="center" wrapText="1"/>
    </xf>
    <xf numFmtId="0" fontId="62" fillId="0" borderId="0" xfId="17" applyFont="1">
      <alignment vertical="center"/>
    </xf>
    <xf numFmtId="0" fontId="62" fillId="0" borderId="0" xfId="17" applyFont="1" applyAlignment="1">
      <alignment vertical="center"/>
    </xf>
    <xf numFmtId="0" fontId="30" fillId="0" borderId="83" xfId="0" applyFont="1" applyBorder="1" applyAlignment="1">
      <alignment vertical="center" wrapText="1"/>
    </xf>
    <xf numFmtId="0" fontId="62" fillId="0" borderId="84" xfId="17" applyFont="1" applyBorder="1" applyAlignment="1">
      <alignment vertical="center" wrapText="1"/>
    </xf>
    <xf numFmtId="0" fontId="28" fillId="0" borderId="0" xfId="0" applyFont="1" applyAlignment="1">
      <alignment vertical="center" wrapText="1"/>
    </xf>
    <xf numFmtId="0" fontId="73" fillId="0" borderId="2" xfId="0" applyFont="1" applyBorder="1" applyAlignment="1">
      <alignment horizontal="justify" vertical="center" wrapText="1"/>
    </xf>
    <xf numFmtId="0" fontId="74" fillId="0" borderId="2" xfId="0" applyFont="1" applyBorder="1" applyAlignment="1">
      <alignment horizontal="justify" vertical="center" wrapText="1"/>
    </xf>
    <xf numFmtId="0" fontId="74" fillId="0" borderId="3" xfId="0" applyFont="1" applyBorder="1" applyAlignment="1">
      <alignment horizontal="justify" vertical="center" wrapText="1"/>
    </xf>
    <xf numFmtId="0" fontId="74" fillId="0" borderId="5" xfId="0" applyFont="1" applyBorder="1" applyAlignment="1">
      <alignment horizontal="justify" vertical="center" wrapText="1"/>
    </xf>
    <xf numFmtId="0" fontId="74" fillId="0" borderId="4" xfId="0" applyFont="1" applyBorder="1" applyAlignment="1">
      <alignment horizontal="justify" vertical="center" wrapText="1"/>
    </xf>
    <xf numFmtId="0" fontId="73" fillId="0" borderId="2" xfId="0" applyFont="1" applyBorder="1" applyAlignment="1">
      <alignment horizontal="left" vertical="center" wrapText="1"/>
    </xf>
    <xf numFmtId="0" fontId="74" fillId="0" borderId="2" xfId="0" applyFont="1" applyBorder="1" applyAlignment="1">
      <alignment horizontal="left" vertical="center" wrapText="1"/>
    </xf>
    <xf numFmtId="0" fontId="74" fillId="0" borderId="3" xfId="0" applyFont="1" applyBorder="1" applyAlignment="1">
      <alignment horizontal="left" vertical="center" wrapText="1"/>
    </xf>
    <xf numFmtId="0" fontId="74" fillId="0" borderId="5" xfId="0" applyFont="1" applyBorder="1" applyAlignment="1">
      <alignment horizontal="left" vertical="center" wrapText="1"/>
    </xf>
    <xf numFmtId="0" fontId="0" fillId="0" borderId="5" xfId="0" applyBorder="1" applyAlignment="1">
      <alignment horizontal="left" vertical="top" wrapText="1"/>
    </xf>
    <xf numFmtId="0" fontId="74" fillId="0" borderId="4" xfId="0" applyFont="1" applyBorder="1" applyAlignment="1">
      <alignment horizontal="left" vertical="center" wrapText="1"/>
    </xf>
    <xf numFmtId="0" fontId="0" fillId="0" borderId="4" xfId="0" applyBorder="1" applyAlignment="1">
      <alignment horizontal="left" vertical="top" wrapText="1"/>
    </xf>
    <xf numFmtId="0" fontId="73" fillId="0" borderId="0" xfId="0" applyFont="1" applyBorder="1" applyAlignment="1">
      <alignment vertical="center" wrapText="1"/>
    </xf>
    <xf numFmtId="0" fontId="74" fillId="0" borderId="0" xfId="0" applyFont="1" applyBorder="1" applyAlignment="1">
      <alignment horizontal="left" vertical="center" wrapText="1"/>
    </xf>
    <xf numFmtId="0" fontId="98" fillId="0" borderId="0" xfId="0" applyFont="1" applyBorder="1" applyAlignment="1">
      <alignment horizontal="center" vertical="center" wrapText="1"/>
    </xf>
    <xf numFmtId="49" fontId="30" fillId="0" borderId="60" xfId="2" applyNumberFormat="1" applyFont="1" applyBorder="1" applyAlignment="1">
      <alignment vertical="center"/>
    </xf>
    <xf numFmtId="49" fontId="30" fillId="0" borderId="59" xfId="2" applyNumberFormat="1" applyFont="1" applyBorder="1" applyAlignment="1">
      <alignment vertical="center" wrapText="1"/>
    </xf>
    <xf numFmtId="49" fontId="30" fillId="0" borderId="62" xfId="2" applyNumberFormat="1" applyFont="1" applyBorder="1">
      <alignment vertical="center"/>
    </xf>
    <xf numFmtId="49" fontId="86" fillId="0" borderId="57" xfId="17" applyNumberFormat="1" applyFont="1" applyBorder="1">
      <alignment vertical="center"/>
    </xf>
    <xf numFmtId="0" fontId="34" fillId="0" borderId="0" xfId="0" applyFont="1" applyAlignment="1">
      <alignment horizontal="left" vertical="center"/>
    </xf>
    <xf numFmtId="0" fontId="59" fillId="0" borderId="0" xfId="0" applyFont="1" applyAlignment="1">
      <alignment horizontal="left" vertical="center" wrapText="1"/>
    </xf>
    <xf numFmtId="0" fontId="57" fillId="0" borderId="0" xfId="0" applyFont="1" applyAlignment="1">
      <alignment horizontal="left" vertical="center" wrapText="1"/>
    </xf>
    <xf numFmtId="0" fontId="34" fillId="7" borderId="0" xfId="0" applyFont="1" applyFill="1" applyAlignment="1">
      <alignment horizontal="left" vertical="center" wrapText="1"/>
    </xf>
    <xf numFmtId="0" fontId="60" fillId="0" borderId="0" xfId="0" applyFont="1" applyAlignment="1">
      <alignment horizontal="left" vertical="center" wrapText="1"/>
    </xf>
    <xf numFmtId="0" fontId="44" fillId="0" borderId="2" xfId="0" applyFont="1" applyBorder="1" applyAlignment="1">
      <alignment horizontal="left" vertical="center" wrapText="1"/>
    </xf>
    <xf numFmtId="0" fontId="34" fillId="0" borderId="2" xfId="0" applyFont="1" applyBorder="1" applyAlignment="1">
      <alignment horizontal="left" vertical="center" wrapText="1"/>
    </xf>
    <xf numFmtId="0" fontId="34" fillId="0" borderId="3" xfId="0" applyFont="1" applyBorder="1" applyAlignment="1">
      <alignment horizontal="left" vertical="center" wrapText="1"/>
    </xf>
    <xf numFmtId="0" fontId="34" fillId="0" borderId="5" xfId="0" applyFont="1" applyBorder="1" applyAlignment="1">
      <alignment horizontal="left" vertical="center" wrapText="1"/>
    </xf>
    <xf numFmtId="0" fontId="34" fillId="0" borderId="4" xfId="0" applyFont="1" applyBorder="1" applyAlignment="1">
      <alignment horizontal="left" vertical="center" wrapText="1"/>
    </xf>
    <xf numFmtId="0" fontId="34" fillId="0" borderId="5" xfId="0" applyFont="1" applyBorder="1" applyAlignment="1">
      <alignment horizontal="left" vertical="center" wrapText="1" indent="1"/>
    </xf>
    <xf numFmtId="0" fontId="99" fillId="0" borderId="2" xfId="0" applyFont="1" applyBorder="1" applyAlignment="1">
      <alignment horizontal="left" vertical="center" wrapText="1"/>
    </xf>
    <xf numFmtId="0" fontId="34" fillId="0" borderId="5" xfId="0" applyFont="1" applyBorder="1" applyAlignment="1">
      <alignment horizontal="left" vertical="top" wrapText="1"/>
    </xf>
    <xf numFmtId="0" fontId="34" fillId="0" borderId="4" xfId="0" applyFont="1" applyBorder="1" applyAlignment="1">
      <alignment horizontal="left" vertical="top" wrapText="1"/>
    </xf>
    <xf numFmtId="0" fontId="30" fillId="0" borderId="0" xfId="0" applyFont="1" applyAlignment="1">
      <alignment horizontal="left" vertical="center" wrapText="1"/>
    </xf>
    <xf numFmtId="0" fontId="37" fillId="0" borderId="0" xfId="0" applyFont="1" applyAlignment="1">
      <alignment horizontal="left" vertical="center" wrapText="1"/>
    </xf>
    <xf numFmtId="0" fontId="104" fillId="0" borderId="0" xfId="0" applyFont="1" applyAlignment="1">
      <alignment horizontal="left" vertical="center" wrapText="1"/>
    </xf>
    <xf numFmtId="0" fontId="38" fillId="0" borderId="0" xfId="0" applyFont="1" applyAlignment="1">
      <alignment horizontal="left" vertical="center" wrapText="1"/>
    </xf>
    <xf numFmtId="0" fontId="99" fillId="0" borderId="0" xfId="0" applyFont="1" applyAlignment="1">
      <alignment horizontal="left" vertical="center" wrapText="1"/>
    </xf>
    <xf numFmtId="49" fontId="32" fillId="6" borderId="58" xfId="2" applyNumberFormat="1" applyFont="1" applyFill="1" applyBorder="1" applyAlignment="1">
      <alignment horizontal="left" vertical="center"/>
    </xf>
    <xf numFmtId="49" fontId="33" fillId="6" borderId="59" xfId="2" applyNumberFormat="1" applyFont="1" applyFill="1" applyBorder="1" applyAlignment="1">
      <alignment horizontal="left" vertical="center"/>
    </xf>
    <xf numFmtId="49" fontId="34" fillId="0" borderId="60" xfId="2" applyNumberFormat="1" applyFont="1" applyBorder="1">
      <alignment vertical="center"/>
    </xf>
    <xf numFmtId="49" fontId="34" fillId="0" borderId="59" xfId="2" applyNumberFormat="1" applyFont="1" applyBorder="1" applyAlignment="1">
      <alignment vertical="center" wrapText="1"/>
    </xf>
    <xf numFmtId="49" fontId="34" fillId="0" borderId="59" xfId="2" applyNumberFormat="1" applyFont="1" applyFill="1" applyBorder="1" applyAlignment="1">
      <alignment vertical="center" wrapText="1"/>
    </xf>
    <xf numFmtId="49" fontId="34" fillId="0" borderId="0" xfId="2" applyNumberFormat="1" applyFont="1">
      <alignment vertical="center"/>
    </xf>
    <xf numFmtId="0" fontId="64" fillId="0" borderId="0" xfId="0" applyFont="1" applyAlignment="1">
      <alignment horizontal="center" vertical="center" wrapText="1"/>
    </xf>
    <xf numFmtId="0" fontId="63" fillId="0" borderId="0" xfId="0" applyFont="1" applyAlignment="1">
      <alignment horizontal="center" vertical="center" wrapText="1"/>
    </xf>
    <xf numFmtId="49" fontId="86" fillId="0" borderId="57" xfId="17" applyNumberFormat="1" applyFont="1" applyBorder="1" applyAlignment="1">
      <alignment vertical="center" wrapText="1"/>
    </xf>
    <xf numFmtId="0" fontId="30" fillId="0" borderId="0" xfId="0" applyFont="1" applyAlignment="1">
      <alignment horizontal="center" vertical="center"/>
    </xf>
    <xf numFmtId="0" fontId="30" fillId="0" borderId="0" xfId="0" applyFont="1" applyAlignment="1">
      <alignment vertical="center" wrapText="1"/>
    </xf>
    <xf numFmtId="0" fontId="108" fillId="0" borderId="0" xfId="0" applyFont="1" applyBorder="1" applyAlignment="1">
      <alignment horizontal="center" vertical="center" wrapText="1"/>
    </xf>
    <xf numFmtId="0" fontId="109" fillId="0" borderId="0" xfId="0" applyFont="1" applyBorder="1" applyAlignment="1">
      <alignment horizontal="center" vertical="center" wrapText="1"/>
    </xf>
    <xf numFmtId="0" fontId="110" fillId="0" borderId="0" xfId="0" applyFont="1" applyBorder="1" applyAlignment="1">
      <alignment horizontal="left" vertical="center" wrapText="1"/>
    </xf>
    <xf numFmtId="0" fontId="111" fillId="0" borderId="0" xfId="0" applyFont="1" applyBorder="1" applyAlignment="1">
      <alignment horizontal="left" vertical="center" wrapText="1"/>
    </xf>
    <xf numFmtId="0" fontId="107" fillId="0" borderId="0" xfId="0" applyFont="1" applyBorder="1" applyAlignment="1">
      <alignment horizontal="left" vertical="center" wrapText="1"/>
    </xf>
    <xf numFmtId="49" fontId="111" fillId="0" borderId="0" xfId="2" applyNumberFormat="1" applyFont="1">
      <alignment vertical="center"/>
    </xf>
    <xf numFmtId="0" fontId="107" fillId="0" borderId="0" xfId="0" applyFont="1" applyBorder="1" applyAlignment="1">
      <alignment vertical="center" wrapText="1"/>
    </xf>
    <xf numFmtId="0" fontId="70" fillId="0" borderId="0" xfId="0" applyFont="1" applyAlignment="1">
      <alignment horizontal="center" vertical="center" wrapText="1"/>
    </xf>
    <xf numFmtId="0" fontId="82" fillId="0" borderId="0" xfId="0" applyFont="1" applyAlignment="1">
      <alignment horizontal="left" vertical="center" wrapText="1"/>
    </xf>
    <xf numFmtId="0" fontId="82" fillId="0" borderId="0" xfId="0" applyFont="1" applyAlignment="1">
      <alignment horizontal="left" vertical="center"/>
    </xf>
    <xf numFmtId="0" fontId="72" fillId="7" borderId="0" xfId="0" applyFont="1" applyFill="1" applyAlignment="1">
      <alignment horizontal="center" vertical="center" wrapText="1"/>
    </xf>
    <xf numFmtId="0" fontId="75" fillId="0" borderId="3" xfId="0" applyFont="1" applyBorder="1" applyAlignment="1">
      <alignment horizontal="left" vertical="center" wrapText="1"/>
    </xf>
    <xf numFmtId="0" fontId="75" fillId="0" borderId="5" xfId="0" applyFont="1" applyBorder="1" applyAlignment="1">
      <alignment horizontal="justify" vertical="center" wrapText="1"/>
    </xf>
    <xf numFmtId="0" fontId="75" fillId="0" borderId="3" xfId="0" applyFont="1" applyBorder="1" applyAlignment="1">
      <alignment horizontal="justify" vertical="center" wrapText="1"/>
    </xf>
    <xf numFmtId="0" fontId="75" fillId="0" borderId="2" xfId="0" applyFont="1" applyBorder="1" applyAlignment="1">
      <alignment horizontal="justify" vertical="center" wrapText="1"/>
    </xf>
    <xf numFmtId="0" fontId="112" fillId="0" borderId="0" xfId="0" applyFont="1" applyAlignment="1">
      <alignment horizontal="center" vertical="center" wrapText="1"/>
    </xf>
    <xf numFmtId="0" fontId="112" fillId="0" borderId="0" xfId="0" applyFont="1" applyAlignment="1">
      <alignment horizontal="left" vertical="center"/>
    </xf>
    <xf numFmtId="0" fontId="74" fillId="0" borderId="0" xfId="0" applyFont="1" applyBorder="1" applyAlignment="1">
      <alignment horizontal="justify" vertical="center" wrapText="1"/>
    </xf>
    <xf numFmtId="0" fontId="71" fillId="0" borderId="0" xfId="0" applyFont="1" applyAlignment="1">
      <alignment horizontal="left" vertical="center"/>
    </xf>
    <xf numFmtId="0" fontId="70" fillId="0" borderId="0" xfId="0" applyFont="1" applyAlignment="1">
      <alignment horizontal="left" vertical="center"/>
    </xf>
    <xf numFmtId="0" fontId="83" fillId="0" borderId="0" xfId="0" applyFont="1" applyAlignment="1">
      <alignment horizontal="left" vertical="center"/>
    </xf>
    <xf numFmtId="49" fontId="34" fillId="0" borderId="60" xfId="6" applyNumberFormat="1" applyFont="1" applyBorder="1">
      <alignment vertical="center"/>
    </xf>
    <xf numFmtId="49" fontId="30" fillId="0" borderId="60" xfId="2" applyNumberFormat="1" applyFont="1" applyBorder="1">
      <alignment vertical="center"/>
    </xf>
    <xf numFmtId="0" fontId="57" fillId="0" borderId="0" xfId="0" applyFont="1" applyAlignment="1">
      <alignment horizontal="left" vertical="center"/>
    </xf>
    <xf numFmtId="0" fontId="34" fillId="0" borderId="0" xfId="0" applyFont="1" applyAlignment="1">
      <alignment horizontal="left" vertical="center" wrapText="1"/>
    </xf>
    <xf numFmtId="0" fontId="60" fillId="0" borderId="0" xfId="0" applyFont="1" applyAlignment="1">
      <alignment horizontal="left" vertical="center"/>
    </xf>
    <xf numFmtId="0" fontId="61" fillId="7" borderId="0" xfId="0" applyFont="1" applyFill="1" applyAlignment="1">
      <alignment horizontal="center" vertical="center" wrapText="1"/>
    </xf>
    <xf numFmtId="0" fontId="34" fillId="0" borderId="1" xfId="0" applyFont="1" applyBorder="1" applyAlignment="1">
      <alignment horizontal="left" vertical="center" wrapText="1"/>
    </xf>
    <xf numFmtId="0" fontId="44" fillId="0" borderId="5" xfId="0" applyFont="1" applyBorder="1" applyAlignment="1">
      <alignment horizontal="left" vertical="center" wrapText="1"/>
    </xf>
    <xf numFmtId="0" fontId="99" fillId="0" borderId="3" xfId="0" applyFont="1" applyBorder="1" applyAlignment="1">
      <alignment horizontal="left" vertical="center" wrapText="1"/>
    </xf>
    <xf numFmtId="0" fontId="44" fillId="0" borderId="4" xfId="0" applyFont="1" applyBorder="1" applyAlignment="1">
      <alignment horizontal="left" vertical="top" wrapText="1"/>
    </xf>
    <xf numFmtId="49" fontId="33" fillId="0" borderId="0" xfId="2" applyNumberFormat="1" applyFont="1">
      <alignment vertical="center"/>
    </xf>
    <xf numFmtId="49" fontId="34" fillId="0" borderId="60" xfId="2" applyNumberFormat="1" applyFont="1" applyBorder="1" applyAlignment="1">
      <alignment horizontal="left" vertical="center"/>
    </xf>
    <xf numFmtId="49" fontId="62" fillId="0" borderId="0" xfId="18" applyNumberFormat="1" applyFont="1">
      <alignment vertical="center"/>
    </xf>
    <xf numFmtId="0" fontId="92" fillId="0" borderId="0" xfId="7" applyFont="1">
      <alignment vertical="center"/>
    </xf>
    <xf numFmtId="0" fontId="58" fillId="0" borderId="0" xfId="7" applyFont="1">
      <alignment vertical="center"/>
    </xf>
    <xf numFmtId="0" fontId="64" fillId="0" borderId="0" xfId="7" applyFont="1" applyAlignment="1">
      <alignment horizontal="justify" vertical="center"/>
    </xf>
    <xf numFmtId="0" fontId="58" fillId="0" borderId="0" xfId="7" applyFont="1" applyAlignment="1">
      <alignment horizontal="left" vertical="center" indent="1"/>
    </xf>
    <xf numFmtId="49" fontId="30" fillId="0" borderId="0" xfId="2" applyNumberFormat="1" applyFont="1">
      <alignment vertical="center"/>
    </xf>
    <xf numFmtId="49" fontId="34" fillId="0" borderId="0" xfId="2" applyNumberFormat="1" applyFont="1" applyBorder="1" applyAlignment="1">
      <alignment horizontal="left" vertical="center"/>
    </xf>
    <xf numFmtId="49" fontId="86" fillId="0" borderId="0" xfId="17" applyNumberFormat="1" applyFont="1" applyFill="1" applyBorder="1" applyAlignment="1">
      <alignment horizontal="left" vertical="center" wrapText="1"/>
    </xf>
    <xf numFmtId="49" fontId="30" fillId="0" borderId="0" xfId="17" applyNumberFormat="1" applyFont="1" applyFill="1" applyBorder="1" applyAlignment="1">
      <alignment horizontal="left" vertical="center"/>
    </xf>
    <xf numFmtId="49" fontId="114" fillId="0" borderId="0" xfId="4" applyNumberFormat="1" applyFont="1">
      <alignment vertical="center"/>
    </xf>
    <xf numFmtId="0" fontId="57" fillId="0" borderId="0" xfId="0" applyFont="1" applyAlignment="1">
      <alignment horizontal="center" vertical="center" wrapText="1"/>
    </xf>
    <xf numFmtId="49" fontId="40" fillId="0" borderId="0" xfId="7" applyNumberFormat="1" applyFont="1">
      <alignment vertical="center"/>
    </xf>
    <xf numFmtId="49" fontId="30" fillId="0" borderId="0" xfId="7" applyNumberFormat="1" applyFont="1">
      <alignment vertical="center"/>
    </xf>
    <xf numFmtId="49" fontId="115" fillId="0" borderId="3" xfId="17" applyNumberFormat="1" applyFont="1" applyBorder="1" applyAlignment="1">
      <alignment vertical="center" wrapText="1"/>
    </xf>
    <xf numFmtId="49" fontId="62" fillId="0" borderId="0" xfId="17" applyNumberFormat="1" applyFont="1" applyAlignment="1">
      <alignment vertical="center" wrapText="1"/>
    </xf>
    <xf numFmtId="49" fontId="58" fillId="0" borderId="0" xfId="0" applyNumberFormat="1" applyFont="1" applyAlignment="1">
      <alignment vertical="center" wrapText="1"/>
    </xf>
    <xf numFmtId="49" fontId="58" fillId="0" borderId="0" xfId="0" applyNumberFormat="1" applyFont="1">
      <alignment vertical="center"/>
    </xf>
    <xf numFmtId="49" fontId="44" fillId="0" borderId="3" xfId="0" applyNumberFormat="1" applyFont="1" applyBorder="1" applyAlignment="1">
      <alignment vertical="center" wrapText="1"/>
    </xf>
    <xf numFmtId="49" fontId="44" fillId="0" borderId="34" xfId="0" applyNumberFormat="1" applyFont="1" applyBorder="1" applyAlignment="1">
      <alignment vertical="center" wrapText="1"/>
    </xf>
    <xf numFmtId="49" fontId="44" fillId="0" borderId="36" xfId="0" applyNumberFormat="1" applyFont="1" applyBorder="1" applyAlignment="1">
      <alignment vertical="center" wrapText="1"/>
    </xf>
    <xf numFmtId="49" fontId="44" fillId="0" borderId="35" xfId="0" applyNumberFormat="1" applyFont="1" applyBorder="1" applyAlignment="1">
      <alignment vertical="center" wrapText="1"/>
    </xf>
    <xf numFmtId="49" fontId="44" fillId="0" borderId="12" xfId="0" applyNumberFormat="1" applyFont="1" applyBorder="1" applyAlignment="1">
      <alignment vertical="center" wrapText="1"/>
    </xf>
    <xf numFmtId="49" fontId="44" fillId="0" borderId="5" xfId="0" applyNumberFormat="1" applyFont="1" applyBorder="1" applyAlignment="1">
      <alignment vertical="center" wrapText="1"/>
    </xf>
    <xf numFmtId="49" fontId="62" fillId="0" borderId="5" xfId="17" applyNumberFormat="1" applyFont="1" applyBorder="1" applyAlignment="1">
      <alignment vertical="center" wrapText="1"/>
    </xf>
    <xf numFmtId="49" fontId="44" fillId="0" borderId="37" xfId="0" applyNumberFormat="1" applyFont="1" applyBorder="1" applyAlignment="1">
      <alignment vertical="center" wrapText="1"/>
    </xf>
    <xf numFmtId="49" fontId="44" fillId="0" borderId="10" xfId="0" applyNumberFormat="1" applyFont="1" applyBorder="1" applyAlignment="1">
      <alignment vertical="center" wrapText="1"/>
    </xf>
    <xf numFmtId="49" fontId="44" fillId="0" borderId="4" xfId="0" applyNumberFormat="1" applyFont="1" applyBorder="1" applyAlignment="1">
      <alignment vertical="center" wrapText="1"/>
    </xf>
    <xf numFmtId="49" fontId="62" fillId="0" borderId="4" xfId="17" applyNumberFormat="1" applyFont="1" applyBorder="1" applyAlignment="1">
      <alignment vertical="center" wrapText="1"/>
    </xf>
    <xf numFmtId="49" fontId="62" fillId="0" borderId="34" xfId="17" applyNumberFormat="1" applyFont="1" applyBorder="1" applyAlignment="1">
      <alignment vertical="center" wrapText="1"/>
    </xf>
    <xf numFmtId="49" fontId="62" fillId="0" borderId="35" xfId="17" applyNumberFormat="1" applyFont="1" applyBorder="1" applyAlignment="1">
      <alignment vertical="center" wrapText="1"/>
    </xf>
    <xf numFmtId="49" fontId="44" fillId="0" borderId="43" xfId="0" applyNumberFormat="1" applyFont="1" applyBorder="1" applyAlignment="1">
      <alignment vertical="center" wrapText="1"/>
    </xf>
    <xf numFmtId="49" fontId="44" fillId="0" borderId="44" xfId="0" applyNumberFormat="1" applyFont="1" applyBorder="1" applyAlignment="1">
      <alignment vertical="center" wrapText="1"/>
    </xf>
    <xf numFmtId="49" fontId="34" fillId="0" borderId="3" xfId="0" applyNumberFormat="1" applyFont="1" applyBorder="1" applyAlignment="1">
      <alignment vertical="center" wrapText="1"/>
    </xf>
    <xf numFmtId="49" fontId="34" fillId="0" borderId="5" xfId="0" applyNumberFormat="1" applyFont="1" applyBorder="1" applyAlignment="1">
      <alignment vertical="center" wrapText="1"/>
    </xf>
    <xf numFmtId="49" fontId="58" fillId="0" borderId="5" xfId="0" applyNumberFormat="1" applyFont="1" applyBorder="1" applyAlignment="1">
      <alignment vertical="top" wrapText="1"/>
    </xf>
    <xf numFmtId="49" fontId="34" fillId="0" borderId="4" xfId="0" applyNumberFormat="1" applyFont="1" applyBorder="1" applyAlignment="1">
      <alignment vertical="center" wrapText="1"/>
    </xf>
    <xf numFmtId="49" fontId="58" fillId="0" borderId="4" xfId="0" applyNumberFormat="1" applyFont="1" applyBorder="1" applyAlignment="1">
      <alignment vertical="top" wrapText="1"/>
    </xf>
    <xf numFmtId="49" fontId="62" fillId="0" borderId="36" xfId="17" applyNumberFormat="1" applyFont="1" applyBorder="1" applyAlignment="1">
      <alignment vertical="center" wrapText="1"/>
    </xf>
    <xf numFmtId="49" fontId="62" fillId="0" borderId="3" xfId="17" applyNumberFormat="1" applyFont="1" applyBorder="1" applyAlignment="1">
      <alignment vertical="center" wrapText="1"/>
    </xf>
    <xf numFmtId="49" fontId="34" fillId="0" borderId="5" xfId="0" applyNumberFormat="1" applyFont="1" applyBorder="1" applyAlignment="1">
      <alignment vertical="top" wrapText="1"/>
    </xf>
    <xf numFmtId="49" fontId="34" fillId="0" borderId="4" xfId="0" applyNumberFormat="1" applyFont="1" applyBorder="1" applyAlignment="1">
      <alignment vertical="top" wrapText="1"/>
    </xf>
    <xf numFmtId="49" fontId="58" fillId="0" borderId="5" xfId="0" applyNumberFormat="1" applyFont="1" applyBorder="1">
      <alignment vertical="center"/>
    </xf>
    <xf numFmtId="49" fontId="58" fillId="0" borderId="4" xfId="0" applyNumberFormat="1" applyFont="1" applyBorder="1">
      <alignment vertical="center"/>
    </xf>
    <xf numFmtId="49" fontId="58" fillId="0" borderId="35" xfId="0" applyNumberFormat="1" applyFont="1" applyBorder="1">
      <alignment vertical="center"/>
    </xf>
    <xf numFmtId="49" fontId="58" fillId="0" borderId="36" xfId="0" applyNumberFormat="1" applyFont="1" applyBorder="1">
      <alignment vertical="center"/>
    </xf>
    <xf numFmtId="49" fontId="34" fillId="0" borderId="3" xfId="0" applyNumberFormat="1" applyFont="1" applyBorder="1" applyAlignment="1">
      <alignment horizontal="left" vertical="center" wrapText="1" indent="1"/>
    </xf>
    <xf numFmtId="49" fontId="58" fillId="0" borderId="5" xfId="0" applyNumberFormat="1" applyFont="1" applyBorder="1" applyAlignment="1">
      <alignment horizontal="left" vertical="center" wrapText="1" indent="1"/>
    </xf>
    <xf numFmtId="49" fontId="34" fillId="0" borderId="5" xfId="0" applyNumberFormat="1" applyFont="1" applyBorder="1" applyAlignment="1">
      <alignment horizontal="left" vertical="center" wrapText="1" indent="1"/>
    </xf>
    <xf numFmtId="49" fontId="34" fillId="0" borderId="37" xfId="0" applyNumberFormat="1" applyFont="1" applyBorder="1" applyAlignment="1">
      <alignment vertical="center" wrapText="1"/>
    </xf>
    <xf numFmtId="49" fontId="58" fillId="0" borderId="38" xfId="0" applyNumberFormat="1" applyFont="1" applyBorder="1">
      <alignment vertical="center"/>
    </xf>
    <xf numFmtId="49" fontId="58" fillId="0" borderId="39" xfId="0" applyNumberFormat="1" applyFont="1" applyBorder="1">
      <alignment vertical="center"/>
    </xf>
    <xf numFmtId="49" fontId="58" fillId="0" borderId="40" xfId="0" applyNumberFormat="1" applyFont="1" applyBorder="1" applyAlignment="1">
      <alignment vertical="center" wrapText="1"/>
    </xf>
    <xf numFmtId="49" fontId="58" fillId="0" borderId="41" xfId="0" applyNumberFormat="1" applyFont="1" applyBorder="1">
      <alignment vertical="center"/>
    </xf>
    <xf numFmtId="49" fontId="34" fillId="0" borderId="40" xfId="0" applyNumberFormat="1" applyFont="1" applyBorder="1" applyAlignment="1">
      <alignment vertical="center" wrapText="1"/>
    </xf>
    <xf numFmtId="49" fontId="62" fillId="0" borderId="42" xfId="17" applyNumberFormat="1" applyFont="1" applyBorder="1" applyAlignment="1">
      <alignment vertical="center" wrapText="1"/>
    </xf>
    <xf numFmtId="49" fontId="58" fillId="0" borderId="43" xfId="0" applyNumberFormat="1" applyFont="1" applyBorder="1">
      <alignment vertical="center"/>
    </xf>
    <xf numFmtId="49" fontId="58" fillId="0" borderId="44" xfId="0" applyNumberFormat="1" applyFont="1" applyBorder="1">
      <alignment vertical="center"/>
    </xf>
    <xf numFmtId="0" fontId="39" fillId="0" borderId="0" xfId="0" applyFont="1" applyAlignment="1">
      <alignment horizontal="center" vertical="center"/>
    </xf>
    <xf numFmtId="0" fontId="41" fillId="0" borderId="0" xfId="0" applyFont="1">
      <alignment vertical="center"/>
    </xf>
    <xf numFmtId="0" fontId="63" fillId="0" borderId="0" xfId="0" applyFont="1">
      <alignment vertical="center"/>
    </xf>
    <xf numFmtId="0" fontId="116" fillId="7" borderId="0" xfId="0" applyFont="1" applyFill="1" applyBorder="1" applyAlignment="1">
      <alignment horizontal="justify" vertical="center" wrapText="1"/>
    </xf>
    <xf numFmtId="0" fontId="43" fillId="7" borderId="0" xfId="0" applyFont="1" applyFill="1" applyBorder="1" applyAlignment="1">
      <alignment horizontal="left" vertical="center"/>
    </xf>
    <xf numFmtId="0" fontId="72" fillId="7" borderId="0" xfId="0" applyFont="1" applyFill="1" applyAlignment="1">
      <alignment vertical="center" wrapText="1"/>
    </xf>
    <xf numFmtId="0" fontId="34" fillId="7" borderId="68" xfId="0" applyFont="1" applyFill="1" applyBorder="1" applyAlignment="1">
      <alignment vertical="top" wrapText="1"/>
    </xf>
    <xf numFmtId="0" fontId="34" fillId="7" borderId="47" xfId="0" applyFont="1" applyFill="1" applyBorder="1" applyAlignment="1">
      <alignment vertical="top" wrapText="1"/>
    </xf>
    <xf numFmtId="0" fontId="72" fillId="7" borderId="0" xfId="0" applyFont="1" applyFill="1" applyAlignment="1">
      <alignment horizontal="justify" vertical="center" wrapText="1"/>
    </xf>
    <xf numFmtId="0" fontId="43" fillId="7" borderId="0" xfId="0" applyFont="1" applyFill="1" applyAlignment="1">
      <alignment horizontal="left" vertical="center"/>
    </xf>
    <xf numFmtId="49" fontId="45" fillId="0" borderId="0" xfId="4" applyNumberFormat="1" applyFont="1">
      <alignment vertical="center"/>
    </xf>
    <xf numFmtId="49" fontId="34" fillId="0" borderId="0" xfId="4" applyNumberFormat="1" applyFont="1" applyBorder="1">
      <alignment vertical="center"/>
    </xf>
    <xf numFmtId="0" fontId="30" fillId="0" borderId="0" xfId="0" applyNumberFormat="1" applyFont="1" applyFill="1" applyBorder="1" applyAlignment="1"/>
    <xf numFmtId="0" fontId="30" fillId="0" borderId="60" xfId="8" applyNumberFormat="1" applyFont="1" applyFill="1" applyBorder="1" applyAlignment="1">
      <alignment horizontal="left" vertical="center"/>
    </xf>
    <xf numFmtId="0" fontId="30" fillId="0" borderId="62" xfId="8" applyNumberFormat="1" applyFont="1" applyFill="1" applyBorder="1" applyAlignment="1">
      <alignment horizontal="left" vertical="center"/>
    </xf>
    <xf numFmtId="49" fontId="30" fillId="0" borderId="56" xfId="17" applyNumberFormat="1" applyFont="1" applyBorder="1" applyAlignment="1">
      <alignment vertical="center"/>
    </xf>
    <xf numFmtId="49" fontId="30" fillId="0" borderId="9" xfId="17" applyNumberFormat="1" applyFont="1" applyBorder="1" applyAlignment="1">
      <alignment vertical="center"/>
    </xf>
    <xf numFmtId="49" fontId="64" fillId="0" borderId="0" xfId="8" applyNumberFormat="1" applyFont="1" applyFill="1" applyBorder="1" applyAlignment="1"/>
    <xf numFmtId="0" fontId="0" fillId="0" borderId="0" xfId="0" applyFont="1" applyAlignment="1">
      <alignment vertical="center"/>
    </xf>
    <xf numFmtId="0" fontId="118" fillId="0" borderId="0" xfId="0" applyFont="1" applyAlignment="1">
      <alignment horizontal="left" textRotation="61"/>
    </xf>
    <xf numFmtId="0" fontId="39" fillId="2" borderId="6" xfId="0" applyFont="1" applyFill="1" applyBorder="1" applyAlignment="1">
      <alignment horizontal="center" vertical="center" wrapText="1"/>
    </xf>
    <xf numFmtId="49" fontId="39" fillId="2" borderId="7" xfId="0" applyNumberFormat="1" applyFont="1" applyFill="1" applyBorder="1" applyAlignment="1">
      <alignment horizontal="center" vertical="center" wrapText="1"/>
    </xf>
    <xf numFmtId="0" fontId="39" fillId="2" borderId="7" xfId="0" applyFont="1" applyFill="1" applyBorder="1" applyAlignment="1">
      <alignment horizontal="center" vertical="center" wrapText="1"/>
    </xf>
    <xf numFmtId="0" fontId="39" fillId="2" borderId="9" xfId="0" applyFont="1" applyFill="1" applyBorder="1" applyAlignment="1">
      <alignment horizontal="center" vertical="center" wrapText="1"/>
    </xf>
    <xf numFmtId="176" fontId="39" fillId="3" borderId="8" xfId="0" applyNumberFormat="1" applyFont="1" applyFill="1" applyBorder="1" applyAlignment="1">
      <alignment horizontal="center" vertical="center" wrapText="1"/>
    </xf>
    <xf numFmtId="176" fontId="39" fillId="3" borderId="7" xfId="0" applyNumberFormat="1" applyFont="1" applyFill="1" applyBorder="1" applyAlignment="1">
      <alignment horizontal="center" vertical="center" wrapText="1"/>
    </xf>
    <xf numFmtId="0" fontId="39" fillId="0" borderId="0" xfId="0" applyFont="1" applyAlignment="1"/>
    <xf numFmtId="0" fontId="39" fillId="0" borderId="19" xfId="0" applyFont="1" applyBorder="1" applyAlignment="1">
      <alignment horizontal="center" vertical="center"/>
    </xf>
    <xf numFmtId="0" fontId="39" fillId="0" borderId="10" xfId="0" applyFont="1" applyBorder="1" applyAlignment="1">
      <alignment horizontal="center" vertical="center"/>
    </xf>
    <xf numFmtId="0" fontId="39" fillId="0" borderId="18" xfId="0" applyFont="1" applyBorder="1" applyAlignment="1">
      <alignment horizontal="left" vertical="center" wrapText="1"/>
    </xf>
    <xf numFmtId="0" fontId="58" fillId="0" borderId="1" xfId="0" quotePrefix="1" applyFont="1" applyBorder="1" applyAlignment="1">
      <alignment horizontal="center" vertical="center" wrapText="1"/>
    </xf>
    <xf numFmtId="0" fontId="58" fillId="0" borderId="1" xfId="0" applyFont="1" applyBorder="1" applyAlignment="1">
      <alignment horizontal="center" vertical="center" wrapText="1"/>
    </xf>
    <xf numFmtId="177" fontId="58" fillId="0" borderId="1" xfId="0" applyNumberFormat="1" applyFont="1" applyBorder="1" applyAlignment="1">
      <alignment horizontal="center" vertical="center" wrapText="1"/>
    </xf>
    <xf numFmtId="0" fontId="58" fillId="0" borderId="11" xfId="0" applyFont="1" applyBorder="1" applyAlignment="1">
      <alignment horizontal="center" vertical="center" wrapText="1"/>
    </xf>
    <xf numFmtId="176" fontId="58" fillId="0" borderId="1" xfId="0" applyNumberFormat="1" applyFont="1" applyBorder="1" applyAlignment="1">
      <alignment horizontal="center" vertical="center" wrapText="1"/>
    </xf>
    <xf numFmtId="0" fontId="58" fillId="0" borderId="0" xfId="0" applyFont="1" applyAlignment="1"/>
    <xf numFmtId="0" fontId="39" fillId="0" borderId="13" xfId="0" quotePrefix="1" applyFont="1" applyBorder="1" applyAlignment="1">
      <alignment horizontal="left" vertical="center" wrapText="1"/>
    </xf>
    <xf numFmtId="0" fontId="58" fillId="0" borderId="1" xfId="0" quotePrefix="1" applyFont="1" applyBorder="1" applyAlignment="1">
      <alignment horizontal="center" vertical="center"/>
    </xf>
    <xf numFmtId="0" fontId="58" fillId="0" borderId="1" xfId="0" applyFont="1" applyBorder="1" applyAlignment="1">
      <alignment horizontal="center" vertical="center"/>
    </xf>
    <xf numFmtId="10" fontId="58" fillId="0" borderId="1" xfId="0" applyNumberFormat="1" applyFont="1" applyBorder="1" applyAlignment="1">
      <alignment horizontal="center" vertical="center" wrapText="1"/>
    </xf>
    <xf numFmtId="176" fontId="58" fillId="0" borderId="10" xfId="0" applyNumberFormat="1" applyFont="1" applyBorder="1" applyAlignment="1">
      <alignment horizontal="center" vertical="center" wrapText="1"/>
    </xf>
    <xf numFmtId="0" fontId="39" fillId="0" borderId="13" xfId="0" applyFont="1" applyBorder="1" applyAlignment="1">
      <alignment horizontal="left" vertical="center" wrapText="1"/>
    </xf>
    <xf numFmtId="0" fontId="39" fillId="0" borderId="16" xfId="0" quotePrefix="1" applyFont="1" applyBorder="1" applyAlignment="1">
      <alignment horizontal="left" vertical="center" wrapText="1"/>
    </xf>
    <xf numFmtId="0" fontId="58" fillId="0" borderId="12" xfId="0" quotePrefix="1" applyFont="1" applyBorder="1" applyAlignment="1">
      <alignment horizontal="center" vertical="center" wrapText="1"/>
    </xf>
    <xf numFmtId="0" fontId="58" fillId="0" borderId="1" xfId="20" applyFont="1" applyBorder="1" applyAlignment="1">
      <alignment horizontal="center" vertical="center" wrapText="1"/>
    </xf>
    <xf numFmtId="0" fontId="39" fillId="0" borderId="16" xfId="0" quotePrefix="1" applyFont="1" applyFill="1" applyBorder="1" applyAlignment="1">
      <alignment horizontal="left" vertical="center" wrapText="1"/>
    </xf>
    <xf numFmtId="0" fontId="58" fillId="0" borderId="12" xfId="0" quotePrefix="1" applyFont="1" applyFill="1" applyBorder="1" applyAlignment="1">
      <alignment horizontal="center" vertical="center" wrapText="1"/>
    </xf>
    <xf numFmtId="0" fontId="58" fillId="0" borderId="1" xfId="0" applyFont="1" applyFill="1" applyBorder="1" applyAlignment="1">
      <alignment horizontal="center" vertical="center" wrapText="1"/>
    </xf>
    <xf numFmtId="0" fontId="58" fillId="0" borderId="1" xfId="20" applyFont="1" applyFill="1" applyBorder="1" applyAlignment="1">
      <alignment horizontal="center" vertical="center" wrapText="1"/>
    </xf>
    <xf numFmtId="177" fontId="58" fillId="0" borderId="1" xfId="0" applyNumberFormat="1" applyFont="1" applyFill="1" applyBorder="1" applyAlignment="1">
      <alignment horizontal="center" vertical="center" wrapText="1"/>
    </xf>
    <xf numFmtId="0" fontId="58" fillId="0" borderId="11" xfId="0" applyFont="1" applyFill="1" applyBorder="1" applyAlignment="1">
      <alignment horizontal="center" vertical="center" wrapText="1"/>
    </xf>
    <xf numFmtId="176" fontId="58" fillId="0" borderId="1" xfId="0" applyNumberFormat="1" applyFont="1" applyFill="1" applyBorder="1" applyAlignment="1">
      <alignment horizontal="center" vertical="center" wrapText="1"/>
    </xf>
    <xf numFmtId="0" fontId="39" fillId="0" borderId="16" xfId="0" quotePrefix="1" applyFont="1" applyFill="1" applyBorder="1" applyAlignment="1">
      <alignment horizontal="right" vertical="center" wrapText="1"/>
    </xf>
    <xf numFmtId="0" fontId="39" fillId="0" borderId="13" xfId="0" applyFont="1" applyBorder="1" applyAlignment="1">
      <alignment vertical="center" wrapText="1"/>
    </xf>
    <xf numFmtId="1" fontId="58" fillId="0" borderId="1" xfId="13" applyNumberFormat="1" applyFont="1" applyBorder="1" applyAlignment="1">
      <alignment horizontal="center" vertical="center" wrapText="1"/>
    </xf>
    <xf numFmtId="0" fontId="58" fillId="0" borderId="13" xfId="0" applyFont="1" applyBorder="1" applyAlignment="1">
      <alignment horizontal="center" vertical="center" wrapText="1"/>
    </xf>
    <xf numFmtId="176" fontId="58" fillId="0" borderId="1" xfId="0" applyNumberFormat="1" applyFont="1" applyBorder="1" applyAlignment="1">
      <alignment horizontal="center" vertical="center"/>
    </xf>
    <xf numFmtId="0" fontId="39" fillId="0" borderId="17" xfId="0" applyFont="1" applyBorder="1" applyAlignment="1">
      <alignment horizontal="right" vertical="center" wrapText="1"/>
    </xf>
    <xf numFmtId="0" fontId="58" fillId="0" borderId="15" xfId="0" applyFont="1" applyBorder="1" applyAlignment="1">
      <alignment horizontal="center" vertical="center"/>
    </xf>
    <xf numFmtId="0" fontId="58" fillId="0" borderId="12" xfId="0" applyFont="1" applyBorder="1" applyAlignment="1">
      <alignment horizontal="center" vertical="center" wrapText="1"/>
    </xf>
    <xf numFmtId="0" fontId="58" fillId="0" borderId="12" xfId="0" applyFont="1" applyBorder="1" applyAlignment="1">
      <alignment horizontal="center" wrapText="1"/>
    </xf>
    <xf numFmtId="177" fontId="58" fillId="0" borderId="12" xfId="0" applyNumberFormat="1" applyFont="1" applyBorder="1" applyAlignment="1">
      <alignment horizontal="center" vertical="center" wrapText="1"/>
    </xf>
    <xf numFmtId="0" fontId="58" fillId="0" borderId="16" xfId="0" applyFont="1" applyBorder="1" applyAlignment="1">
      <alignment horizontal="center" vertical="center" wrapText="1"/>
    </xf>
    <xf numFmtId="0" fontId="58" fillId="0" borderId="12" xfId="0" applyFont="1" applyBorder="1" applyAlignment="1">
      <alignment wrapText="1"/>
    </xf>
    <xf numFmtId="176" fontId="58" fillId="0" borderId="12" xfId="0" applyNumberFormat="1" applyFont="1" applyBorder="1" applyAlignment="1">
      <alignment vertical="center"/>
    </xf>
    <xf numFmtId="176" fontId="58" fillId="0" borderId="12" xfId="0" applyNumberFormat="1" applyFont="1" applyBorder="1" applyAlignment="1">
      <alignment horizontal="center" vertical="center"/>
    </xf>
    <xf numFmtId="0" fontId="58" fillId="0" borderId="14" xfId="0" applyFont="1" applyBorder="1" applyAlignment="1">
      <alignment horizontal="center" vertical="center" wrapText="1"/>
    </xf>
    <xf numFmtId="0" fontId="58" fillId="0" borderId="14" xfId="0" applyFont="1" applyBorder="1" applyAlignment="1">
      <alignment horizontal="center" wrapText="1"/>
    </xf>
    <xf numFmtId="177" fontId="58" fillId="0" borderId="14" xfId="0" applyNumberFormat="1" applyFont="1" applyBorder="1" applyAlignment="1">
      <alignment horizontal="center" vertical="center" wrapText="1"/>
    </xf>
    <xf numFmtId="0" fontId="58" fillId="0" borderId="17" xfId="0" applyFont="1" applyBorder="1" applyAlignment="1">
      <alignment horizontal="center" vertical="center" wrapText="1"/>
    </xf>
    <xf numFmtId="0" fontId="58" fillId="0" borderId="14" xfId="0" applyFont="1" applyBorder="1" applyAlignment="1">
      <alignment wrapText="1"/>
    </xf>
    <xf numFmtId="176" fontId="58" fillId="0" borderId="14" xfId="0" applyNumberFormat="1" applyFont="1" applyBorder="1" applyAlignment="1">
      <alignment vertical="center"/>
    </xf>
    <xf numFmtId="176" fontId="58" fillId="0" borderId="14" xfId="0" applyNumberFormat="1" applyFont="1" applyBorder="1" applyAlignment="1">
      <alignment horizontal="center" vertical="center"/>
    </xf>
    <xf numFmtId="0" fontId="39" fillId="0" borderId="18" xfId="0" applyFont="1" applyBorder="1" applyAlignment="1">
      <alignment horizontal="right" vertical="center" wrapText="1"/>
    </xf>
    <xf numFmtId="0" fontId="58" fillId="0" borderId="10" xfId="0" applyFont="1" applyBorder="1" applyAlignment="1">
      <alignment horizontal="center" vertical="center"/>
    </xf>
    <xf numFmtId="0" fontId="58" fillId="0" borderId="10" xfId="0" applyFont="1" applyBorder="1" applyAlignment="1">
      <alignment horizontal="center" vertical="center" wrapText="1"/>
    </xf>
    <xf numFmtId="0" fontId="58" fillId="0" borderId="10" xfId="0" applyFont="1" applyBorder="1" applyAlignment="1">
      <alignment horizontal="center" wrapText="1"/>
    </xf>
    <xf numFmtId="177" fontId="58" fillId="0" borderId="10" xfId="0" applyNumberFormat="1" applyFont="1" applyBorder="1" applyAlignment="1">
      <alignment horizontal="center" vertical="center" wrapText="1"/>
    </xf>
    <xf numFmtId="0" fontId="58" fillId="0" borderId="18" xfId="0" applyFont="1" applyBorder="1" applyAlignment="1">
      <alignment horizontal="center" vertical="center" wrapText="1"/>
    </xf>
    <xf numFmtId="0" fontId="58" fillId="0" borderId="10" xfId="0" applyFont="1" applyBorder="1" applyAlignment="1">
      <alignment wrapText="1"/>
    </xf>
    <xf numFmtId="176" fontId="58" fillId="0" borderId="10" xfId="0" applyNumberFormat="1" applyFont="1" applyBorder="1" applyAlignment="1">
      <alignment vertical="center"/>
    </xf>
    <xf numFmtId="176" fontId="58" fillId="0" borderId="10" xfId="0" applyNumberFormat="1" applyFont="1" applyBorder="1" applyAlignment="1">
      <alignment horizontal="center" vertical="center"/>
    </xf>
    <xf numFmtId="0" fontId="39" fillId="0" borderId="17" xfId="0" quotePrefix="1" applyFont="1" applyBorder="1" applyAlignment="1">
      <alignment horizontal="left" vertical="center" wrapText="1"/>
    </xf>
    <xf numFmtId="0" fontId="58" fillId="0" borderId="14" xfId="0" quotePrefix="1" applyFont="1" applyBorder="1" applyAlignment="1">
      <alignment horizontal="center" vertical="center" wrapText="1"/>
    </xf>
    <xf numFmtId="10" fontId="58" fillId="0" borderId="14" xfId="0" applyNumberFormat="1" applyFont="1" applyBorder="1" applyAlignment="1">
      <alignment horizontal="center" vertical="center" wrapText="1"/>
    </xf>
    <xf numFmtId="176" fontId="58" fillId="0" borderId="15" xfId="0" applyNumberFormat="1" applyFont="1" applyBorder="1" applyAlignment="1">
      <alignment horizontal="center" vertical="center" wrapText="1"/>
    </xf>
    <xf numFmtId="176" fontId="58" fillId="0" borderId="14" xfId="0" applyNumberFormat="1" applyFont="1" applyBorder="1" applyAlignment="1">
      <alignment horizontal="center" vertical="center" wrapText="1"/>
    </xf>
    <xf numFmtId="0" fontId="39" fillId="0" borderId="1" xfId="0" applyFont="1" applyFill="1" applyBorder="1" applyAlignment="1">
      <alignment horizontal="right" vertical="center" wrapText="1"/>
    </xf>
    <xf numFmtId="0" fontId="39" fillId="0" borderId="1" xfId="0" applyFont="1" applyBorder="1" applyAlignment="1">
      <alignment horizontal="left" vertical="center" wrapText="1"/>
    </xf>
    <xf numFmtId="0" fontId="58" fillId="0" borderId="22" xfId="0" applyFont="1" applyBorder="1" applyAlignment="1">
      <alignment horizontal="center" vertical="center" wrapText="1"/>
    </xf>
    <xf numFmtId="0" fontId="39" fillId="0" borderId="20" xfId="0" applyFont="1" applyBorder="1" applyAlignment="1">
      <alignment horizontal="left" vertical="center" wrapText="1"/>
    </xf>
    <xf numFmtId="0" fontId="58" fillId="0" borderId="1" xfId="0" applyFont="1" applyBorder="1" applyAlignment="1">
      <alignment horizontal="center" wrapText="1"/>
    </xf>
    <xf numFmtId="0" fontId="39" fillId="0" borderId="16" xfId="0" quotePrefix="1" applyFont="1" applyBorder="1" applyAlignment="1">
      <alignment horizontal="right" vertical="center" wrapText="1"/>
    </xf>
    <xf numFmtId="0" fontId="58" fillId="0" borderId="21" xfId="0" applyFont="1" applyBorder="1" applyAlignment="1">
      <alignment horizontal="center" wrapText="1"/>
    </xf>
    <xf numFmtId="176" fontId="58" fillId="0" borderId="12" xfId="0" applyNumberFormat="1" applyFont="1" applyBorder="1" applyAlignment="1">
      <alignment horizontal="center" vertical="center" wrapText="1"/>
    </xf>
    <xf numFmtId="0" fontId="39" fillId="0" borderId="17" xfId="0" quotePrefix="1" applyFont="1" applyBorder="1" applyAlignment="1">
      <alignment horizontal="right" vertical="center" wrapText="1"/>
    </xf>
    <xf numFmtId="0" fontId="58" fillId="0" borderId="15" xfId="0" applyFont="1" applyBorder="1" applyAlignment="1">
      <alignment horizontal="center" wrapText="1"/>
    </xf>
    <xf numFmtId="0" fontId="58" fillId="0" borderId="15" xfId="0" applyFont="1" applyBorder="1" applyAlignment="1">
      <alignment horizontal="center" vertical="center" wrapText="1"/>
    </xf>
    <xf numFmtId="177" fontId="58" fillId="0" borderId="17" xfId="0" applyNumberFormat="1" applyFont="1" applyBorder="1" applyAlignment="1">
      <alignment horizontal="center" vertical="center" wrapText="1"/>
    </xf>
    <xf numFmtId="10" fontId="58" fillId="0" borderId="15" xfId="0" applyNumberFormat="1" applyFont="1" applyBorder="1" applyAlignment="1">
      <alignment horizontal="center" wrapText="1"/>
    </xf>
    <xf numFmtId="0" fontId="39" fillId="0" borderId="19" xfId="0" applyFont="1" applyFill="1" applyBorder="1" applyAlignment="1">
      <alignment horizontal="center" vertical="center"/>
    </xf>
    <xf numFmtId="0" fontId="39" fillId="0" borderId="10" xfId="0" applyFont="1" applyFill="1" applyBorder="1" applyAlignment="1">
      <alignment horizontal="center" vertical="center"/>
    </xf>
    <xf numFmtId="0" fontId="39" fillId="0" borderId="13" xfId="0" applyFont="1" applyFill="1" applyBorder="1" applyAlignment="1">
      <alignment horizontal="left" vertical="center" wrapText="1"/>
    </xf>
    <xf numFmtId="0" fontId="58" fillId="0" borderId="22" xfId="0" quotePrefix="1" applyFont="1" applyFill="1" applyBorder="1" applyAlignment="1">
      <alignment horizontal="center" vertical="center" wrapText="1"/>
    </xf>
    <xf numFmtId="0" fontId="58" fillId="0" borderId="13" xfId="0" applyFont="1" applyFill="1" applyBorder="1" applyAlignment="1">
      <alignment horizontal="center" vertical="center" wrapText="1"/>
    </xf>
    <xf numFmtId="178" fontId="58" fillId="0" borderId="1" xfId="0" applyNumberFormat="1" applyFont="1" applyFill="1" applyBorder="1" applyAlignment="1">
      <alignment horizontal="center" vertical="center" wrapText="1"/>
    </xf>
    <xf numFmtId="176" fontId="58" fillId="0" borderId="20" xfId="0" applyNumberFormat="1" applyFont="1" applyFill="1" applyBorder="1" applyAlignment="1">
      <alignment horizontal="center" vertical="center" wrapText="1"/>
    </xf>
    <xf numFmtId="176" fontId="58" fillId="0" borderId="16" xfId="0" applyNumberFormat="1" applyFont="1" applyBorder="1" applyAlignment="1">
      <alignment horizontal="center" vertical="center" wrapText="1"/>
    </xf>
    <xf numFmtId="0" fontId="58" fillId="0" borderId="14" xfId="0" applyFont="1" applyBorder="1" applyAlignment="1"/>
    <xf numFmtId="0" fontId="39" fillId="0" borderId="17" xfId="0" applyFont="1" applyFill="1" applyBorder="1" applyAlignment="1">
      <alignment horizontal="right" vertical="center" wrapText="1"/>
    </xf>
    <xf numFmtId="0" fontId="58" fillId="0" borderId="17" xfId="0" applyFont="1" applyFill="1" applyBorder="1" applyAlignment="1">
      <alignment horizontal="center" vertical="center" wrapText="1"/>
    </xf>
    <xf numFmtId="0" fontId="58" fillId="0" borderId="14" xfId="0" applyFont="1" applyFill="1" applyBorder="1" applyAlignment="1">
      <alignment horizontal="center" vertical="center" wrapText="1"/>
    </xf>
    <xf numFmtId="177" fontId="58" fillId="0" borderId="14" xfId="0" applyNumberFormat="1" applyFont="1" applyFill="1" applyBorder="1" applyAlignment="1">
      <alignment horizontal="center" vertical="center" wrapText="1"/>
    </xf>
    <xf numFmtId="0" fontId="58" fillId="0" borderId="14" xfId="0" applyFont="1" applyFill="1" applyBorder="1" applyAlignment="1">
      <alignment wrapText="1"/>
    </xf>
    <xf numFmtId="176" fontId="58" fillId="0" borderId="14" xfId="0" applyNumberFormat="1" applyFont="1" applyFill="1" applyBorder="1" applyAlignment="1">
      <alignment vertical="center"/>
    </xf>
    <xf numFmtId="0" fontId="39" fillId="0" borderId="0" xfId="0" applyFont="1" applyAlignment="1">
      <alignment horizontal="right" vertical="center" wrapText="1"/>
    </xf>
    <xf numFmtId="0" fontId="58" fillId="0" borderId="14" xfId="0" applyFont="1" applyBorder="1" applyAlignment="1">
      <alignment vertical="center"/>
    </xf>
    <xf numFmtId="0" fontId="39" fillId="0" borderId="0" xfId="0" applyFont="1" applyFill="1" applyAlignment="1">
      <alignment horizontal="right" vertical="center" wrapText="1"/>
    </xf>
    <xf numFmtId="0" fontId="58" fillId="0" borderId="14" xfId="0" applyFont="1" applyFill="1" applyBorder="1" applyAlignment="1">
      <alignment vertical="center" wrapText="1"/>
    </xf>
    <xf numFmtId="176" fontId="58" fillId="0" borderId="14" xfId="0" applyNumberFormat="1" applyFont="1" applyFill="1" applyBorder="1" applyAlignment="1">
      <alignment horizontal="center" vertical="center"/>
    </xf>
    <xf numFmtId="0" fontId="39" fillId="0" borderId="20" xfId="0" applyFont="1" applyFill="1" applyBorder="1" applyAlignment="1">
      <alignment horizontal="right" vertical="center" wrapText="1"/>
    </xf>
    <xf numFmtId="0" fontId="58" fillId="0" borderId="10" xfId="0" applyFont="1" applyFill="1" applyBorder="1" applyAlignment="1">
      <alignment horizontal="center" vertical="center" wrapText="1"/>
    </xf>
    <xf numFmtId="177" fontId="58" fillId="0" borderId="10" xfId="0" applyNumberFormat="1" applyFont="1" applyFill="1" applyBorder="1" applyAlignment="1">
      <alignment horizontal="center" vertical="center" wrapText="1"/>
    </xf>
    <xf numFmtId="0" fontId="58" fillId="0" borderId="18" xfId="0" applyFont="1" applyFill="1" applyBorder="1" applyAlignment="1">
      <alignment horizontal="center" vertical="center" wrapText="1"/>
    </xf>
    <xf numFmtId="0" fontId="58" fillId="0" borderId="10" xfId="0" applyFont="1" applyFill="1" applyBorder="1" applyAlignment="1">
      <alignment vertical="top" wrapText="1"/>
    </xf>
    <xf numFmtId="176" fontId="58" fillId="0" borderId="10" xfId="0" applyNumberFormat="1" applyFont="1" applyFill="1" applyBorder="1" applyAlignment="1">
      <alignment vertical="center"/>
    </xf>
    <xf numFmtId="177" fontId="58" fillId="0" borderId="13" xfId="0" applyNumberFormat="1" applyFont="1" applyBorder="1" applyAlignment="1">
      <alignment horizontal="center" vertical="center" wrapText="1"/>
    </xf>
    <xf numFmtId="0" fontId="58" fillId="0" borderId="17" xfId="0" applyFont="1" applyBorder="1" applyAlignment="1">
      <alignment horizontal="center" vertical="center"/>
    </xf>
    <xf numFmtId="176" fontId="58" fillId="0" borderId="17" xfId="0" applyNumberFormat="1" applyFont="1" applyBorder="1" applyAlignment="1">
      <alignment horizontal="center" vertical="center" wrapText="1"/>
    </xf>
    <xf numFmtId="0" fontId="58" fillId="0" borderId="17" xfId="0" applyFont="1" applyFill="1" applyBorder="1" applyAlignment="1">
      <alignment horizontal="center" vertical="center"/>
    </xf>
    <xf numFmtId="177" fontId="58" fillId="0" borderId="17" xfId="0" applyNumberFormat="1" applyFont="1" applyFill="1" applyBorder="1" applyAlignment="1">
      <alignment horizontal="center" vertical="center" wrapText="1"/>
    </xf>
    <xf numFmtId="0" fontId="58" fillId="0" borderId="0" xfId="0" applyFont="1" applyFill="1" applyAlignment="1">
      <alignment horizontal="center" vertical="center" wrapText="1"/>
    </xf>
    <xf numFmtId="176" fontId="58" fillId="0" borderId="17" xfId="0" applyNumberFormat="1" applyFont="1" applyFill="1" applyBorder="1" applyAlignment="1">
      <alignment horizontal="center" vertical="center" wrapText="1"/>
    </xf>
    <xf numFmtId="176" fontId="58" fillId="0" borderId="14" xfId="0" applyNumberFormat="1" applyFont="1" applyFill="1" applyBorder="1" applyAlignment="1">
      <alignment horizontal="center" vertical="center" wrapText="1"/>
    </xf>
    <xf numFmtId="0" fontId="58" fillId="0" borderId="14" xfId="0" applyFont="1" applyBorder="1" applyAlignment="1">
      <alignment horizontal="center"/>
    </xf>
    <xf numFmtId="0" fontId="58" fillId="0" borderId="14" xfId="0" applyFont="1" applyFill="1" applyBorder="1" applyAlignment="1">
      <alignment horizontal="center" wrapText="1"/>
    </xf>
    <xf numFmtId="0" fontId="58" fillId="0" borderId="14" xfId="0" applyFont="1" applyFill="1" applyBorder="1" applyAlignment="1">
      <alignment horizontal="center"/>
    </xf>
    <xf numFmtId="177" fontId="58" fillId="0" borderId="13" xfId="0" applyNumberFormat="1" applyFont="1" applyFill="1" applyBorder="1" applyAlignment="1">
      <alignment horizontal="center" vertical="center" wrapText="1"/>
    </xf>
    <xf numFmtId="0" fontId="58" fillId="0" borderId="14" xfId="0" applyFont="1" applyFill="1" applyBorder="1" applyAlignment="1">
      <alignment horizontal="center" vertical="center"/>
    </xf>
    <xf numFmtId="0" fontId="58" fillId="0" borderId="14" xfId="0" applyFont="1" applyBorder="1" applyAlignment="1">
      <alignment horizontal="center" vertical="center"/>
    </xf>
    <xf numFmtId="49" fontId="58" fillId="0" borderId="14" xfId="0" applyNumberFormat="1" applyFont="1" applyBorder="1" applyAlignment="1">
      <alignment horizontal="center" vertical="center"/>
    </xf>
    <xf numFmtId="0" fontId="58" fillId="0" borderId="10" xfId="0" applyFont="1" applyBorder="1" applyAlignment="1">
      <alignment horizontal="center"/>
    </xf>
    <xf numFmtId="0" fontId="58" fillId="0" borderId="15" xfId="0" applyFont="1" applyFill="1" applyBorder="1" applyAlignment="1">
      <alignment horizontal="center" vertical="center" wrapText="1"/>
    </xf>
    <xf numFmtId="0" fontId="58" fillId="0" borderId="19" xfId="0" applyFont="1" applyBorder="1" applyAlignment="1">
      <alignment horizontal="center" vertical="center" wrapText="1"/>
    </xf>
    <xf numFmtId="177" fontId="58" fillId="0" borderId="18" xfId="0" applyNumberFormat="1" applyFont="1" applyBorder="1" applyAlignment="1">
      <alignment horizontal="center" vertical="center" wrapText="1"/>
    </xf>
    <xf numFmtId="0" fontId="58" fillId="0" borderId="20" xfId="0" applyFont="1" applyBorder="1" applyAlignment="1">
      <alignment horizontal="center" vertical="center" wrapText="1"/>
    </xf>
    <xf numFmtId="0" fontId="58" fillId="0" borderId="11" xfId="0" applyFont="1" applyFill="1" applyBorder="1" applyAlignment="1">
      <alignment vertical="center"/>
    </xf>
    <xf numFmtId="176" fontId="58" fillId="0" borderId="13" xfId="0" applyNumberFormat="1" applyFont="1" applyFill="1" applyBorder="1" applyAlignment="1">
      <alignment horizontal="center" vertical="center"/>
    </xf>
    <xf numFmtId="177" fontId="58" fillId="0" borderId="12" xfId="0" applyNumberFormat="1" applyFont="1" applyFill="1" applyBorder="1" applyAlignment="1">
      <alignment horizontal="center" vertical="center" wrapText="1"/>
    </xf>
    <xf numFmtId="0" fontId="58" fillId="0" borderId="0" xfId="0" applyFont="1" applyAlignment="1">
      <alignment horizontal="center" wrapText="1"/>
    </xf>
    <xf numFmtId="0" fontId="58" fillId="0" borderId="15" xfId="0" applyFont="1" applyBorder="1" applyAlignment="1"/>
    <xf numFmtId="176" fontId="58" fillId="0" borderId="0" xfId="0" applyNumberFormat="1" applyFont="1" applyAlignment="1">
      <alignment horizontal="center" vertical="center" wrapText="1"/>
    </xf>
    <xf numFmtId="0" fontId="39" fillId="0" borderId="14" xfId="0" applyFont="1" applyBorder="1" applyAlignment="1">
      <alignment horizontal="center" vertical="center"/>
    </xf>
    <xf numFmtId="0" fontId="39" fillId="0" borderId="22" xfId="0" applyFont="1" applyBorder="1" applyAlignment="1">
      <alignment horizontal="center" vertical="center"/>
    </xf>
    <xf numFmtId="9" fontId="58" fillId="0" borderId="1" xfId="0" applyNumberFormat="1" applyFont="1" applyBorder="1" applyAlignment="1">
      <alignment horizontal="center" vertical="center" wrapText="1"/>
    </xf>
    <xf numFmtId="0" fontId="39" fillId="0" borderId="15" xfId="0" applyFont="1" applyBorder="1" applyAlignment="1">
      <alignment horizontal="center" vertical="center"/>
    </xf>
    <xf numFmtId="0" fontId="58" fillId="0" borderId="12" xfId="0" applyFont="1" applyBorder="1" applyAlignment="1">
      <alignment horizontal="center" vertical="center"/>
    </xf>
    <xf numFmtId="0" fontId="58" fillId="0" borderId="15" xfId="0" applyFont="1" applyBorder="1" applyAlignment="1">
      <alignment horizontal="center"/>
    </xf>
    <xf numFmtId="176" fontId="58" fillId="0" borderId="17" xfId="0" applyNumberFormat="1" applyFont="1" applyBorder="1" applyAlignment="1">
      <alignment horizontal="center" vertical="center"/>
    </xf>
    <xf numFmtId="0" fontId="58" fillId="0" borderId="18" xfId="0" applyFont="1" applyBorder="1" applyAlignment="1">
      <alignment horizontal="center" vertical="center"/>
    </xf>
    <xf numFmtId="0" fontId="39" fillId="0" borderId="22" xfId="0" applyFont="1" applyFill="1" applyBorder="1" applyAlignment="1">
      <alignment horizontal="center" vertical="center"/>
    </xf>
    <xf numFmtId="10" fontId="58" fillId="0" borderId="1" xfId="0" applyNumberFormat="1" applyFont="1" applyFill="1" applyBorder="1" applyAlignment="1">
      <alignment horizontal="center" vertical="center" wrapText="1"/>
    </xf>
    <xf numFmtId="0" fontId="39" fillId="0" borderId="13" xfId="0" applyFont="1" applyBorder="1" applyAlignment="1">
      <alignment horizontal="right" vertical="center" wrapText="1"/>
    </xf>
    <xf numFmtId="0" fontId="39" fillId="0" borderId="11" xfId="14" applyFont="1" applyFill="1" applyBorder="1" applyAlignment="1">
      <alignment vertical="center" wrapText="1"/>
    </xf>
    <xf numFmtId="0" fontId="58" fillId="0" borderId="1" xfId="0" applyFont="1" applyFill="1" applyBorder="1" applyAlignment="1">
      <alignment horizontal="center" vertical="center"/>
    </xf>
    <xf numFmtId="1" fontId="58" fillId="0" borderId="1" xfId="13" applyNumberFormat="1" applyFont="1" applyFill="1" applyBorder="1" applyAlignment="1">
      <alignment horizontal="center" vertical="center" wrapText="1"/>
    </xf>
    <xf numFmtId="0" fontId="58" fillId="0" borderId="0" xfId="0" applyFont="1" applyFill="1" applyAlignment="1"/>
    <xf numFmtId="0" fontId="39" fillId="0" borderId="11" xfId="14" applyFont="1" applyBorder="1" applyAlignment="1">
      <alignment vertical="center" wrapText="1"/>
    </xf>
    <xf numFmtId="0" fontId="58" fillId="0" borderId="22" xfId="0" applyFont="1" applyBorder="1" applyAlignment="1">
      <alignment horizontal="center" vertical="center"/>
    </xf>
    <xf numFmtId="0" fontId="58" fillId="0" borderId="10" xfId="0" applyFont="1" applyBorder="1" applyAlignment="1">
      <alignment horizontal="center" vertical="top" wrapText="1"/>
    </xf>
    <xf numFmtId="0" fontId="39" fillId="0" borderId="13" xfId="19" applyFont="1" applyBorder="1" applyAlignment="1">
      <alignment vertical="center" wrapText="1"/>
    </xf>
    <xf numFmtId="0" fontId="58" fillId="0" borderId="1" xfId="19" applyFont="1" applyBorder="1" applyAlignment="1">
      <alignment horizontal="center" vertical="center" wrapText="1"/>
    </xf>
    <xf numFmtId="0" fontId="58" fillId="0" borderId="1" xfId="19" applyFont="1" applyBorder="1" applyAlignment="1">
      <alignment horizontal="center" vertical="center"/>
    </xf>
    <xf numFmtId="176" fontId="58" fillId="0" borderId="1" xfId="20" applyNumberFormat="1" applyFont="1" applyBorder="1" applyAlignment="1">
      <alignment horizontal="center" vertical="center" wrapText="1"/>
    </xf>
    <xf numFmtId="0" fontId="39" fillId="0" borderId="13" xfId="19" applyFont="1" applyBorder="1" applyAlignment="1">
      <alignment horizontal="left" vertical="center" wrapText="1"/>
    </xf>
    <xf numFmtId="0" fontId="58" fillId="0" borderId="1" xfId="19" applyFont="1" applyBorder="1"/>
    <xf numFmtId="0" fontId="58" fillId="0" borderId="1" xfId="0" applyFont="1" applyBorder="1" applyAlignment="1">
      <alignment horizontal="center" vertical="top" wrapText="1"/>
    </xf>
    <xf numFmtId="0" fontId="39" fillId="0" borderId="11" xfId="0" applyFont="1" applyBorder="1" applyAlignment="1">
      <alignment vertical="center" wrapText="1"/>
    </xf>
    <xf numFmtId="0" fontId="58" fillId="0" borderId="15" xfId="0" quotePrefix="1" applyFont="1" applyBorder="1" applyAlignment="1">
      <alignment horizontal="center" vertical="center" wrapText="1"/>
    </xf>
    <xf numFmtId="10" fontId="58" fillId="0" borderId="21" xfId="0" applyNumberFormat="1" applyFont="1" applyBorder="1" applyAlignment="1">
      <alignment horizontal="center" vertical="center" wrapText="1"/>
    </xf>
    <xf numFmtId="0" fontId="39" fillId="0" borderId="15" xfId="0" applyFont="1" applyFill="1" applyBorder="1" applyAlignment="1">
      <alignment horizontal="center" vertical="center"/>
    </xf>
    <xf numFmtId="0" fontId="39" fillId="0" borderId="16" xfId="0" applyFont="1" applyFill="1" applyBorder="1" applyAlignment="1">
      <alignment horizontal="right" vertical="center" wrapText="1"/>
    </xf>
    <xf numFmtId="0" fontId="58" fillId="0" borderId="23" xfId="0" applyFont="1" applyFill="1" applyBorder="1" applyAlignment="1">
      <alignment horizontal="center" vertical="center" wrapText="1"/>
    </xf>
    <xf numFmtId="0" fontId="58" fillId="0" borderId="12" xfId="0" applyFont="1" applyFill="1" applyBorder="1" applyAlignment="1">
      <alignment horizontal="center" vertical="center" wrapText="1"/>
    </xf>
    <xf numFmtId="177" fontId="58" fillId="0" borderId="16" xfId="0" applyNumberFormat="1" applyFont="1" applyFill="1" applyBorder="1" applyAlignment="1">
      <alignment horizontal="center" vertical="center" wrapText="1"/>
    </xf>
    <xf numFmtId="10" fontId="58" fillId="0" borderId="12" xfId="0" applyNumberFormat="1" applyFont="1" applyFill="1" applyBorder="1" applyAlignment="1">
      <alignment horizontal="center" vertical="center" wrapText="1"/>
    </xf>
    <xf numFmtId="176" fontId="58" fillId="0" borderId="12" xfId="0" applyNumberFormat="1" applyFont="1" applyFill="1" applyBorder="1" applyAlignment="1">
      <alignment horizontal="center" vertical="center" wrapText="1"/>
    </xf>
    <xf numFmtId="10" fontId="58" fillId="0" borderId="14" xfId="0" applyNumberFormat="1" applyFont="1" applyFill="1" applyBorder="1" applyAlignment="1">
      <alignment horizontal="center" vertical="center" wrapText="1"/>
    </xf>
    <xf numFmtId="49" fontId="39" fillId="0" borderId="17" xfId="0" applyNumberFormat="1" applyFont="1" applyBorder="1" applyAlignment="1">
      <alignment horizontal="right" vertical="center" wrapText="1"/>
    </xf>
    <xf numFmtId="0" fontId="39" fillId="0" borderId="22" xfId="0" applyFont="1" applyBorder="1" applyAlignment="1">
      <alignment horizontal="center" vertical="center" wrapText="1"/>
    </xf>
    <xf numFmtId="0" fontId="39" fillId="0" borderId="13" xfId="0" applyFont="1" applyBorder="1" applyAlignment="1">
      <alignment vertical="center"/>
    </xf>
    <xf numFmtId="0" fontId="39" fillId="0" borderId="21" xfId="0" applyFont="1" applyBorder="1" applyAlignment="1">
      <alignment horizontal="center" vertical="center"/>
    </xf>
    <xf numFmtId="0" fontId="39" fillId="0" borderId="23" xfId="0" applyFont="1" applyBorder="1" applyAlignment="1">
      <alignment horizontal="right" vertical="center" wrapText="1"/>
    </xf>
    <xf numFmtId="0" fontId="58" fillId="0" borderId="21" xfId="0" applyFont="1" applyBorder="1" applyAlignment="1">
      <alignment horizontal="center" vertical="center" wrapText="1"/>
    </xf>
    <xf numFmtId="0" fontId="58" fillId="0" borderId="23" xfId="0" applyFont="1" applyBorder="1" applyAlignment="1">
      <alignment horizontal="center" vertical="center" wrapText="1"/>
    </xf>
    <xf numFmtId="0" fontId="39" fillId="0" borderId="20" xfId="0" applyFont="1" applyBorder="1" applyAlignment="1">
      <alignment horizontal="right" vertical="center" wrapText="1"/>
    </xf>
    <xf numFmtId="0" fontId="119" fillId="0" borderId="1" xfId="0" applyFont="1" applyBorder="1" applyAlignment="1">
      <alignment horizontal="center" vertical="center" wrapText="1"/>
    </xf>
    <xf numFmtId="49" fontId="58" fillId="0" borderId="12" xfId="0" applyNumberFormat="1" applyFont="1" applyBorder="1" applyAlignment="1">
      <alignment horizontal="center" vertical="center"/>
    </xf>
    <xf numFmtId="176" fontId="58" fillId="0" borderId="21" xfId="0" applyNumberFormat="1" applyFont="1" applyBorder="1" applyAlignment="1">
      <alignment horizontal="center" vertical="center" wrapText="1"/>
    </xf>
    <xf numFmtId="176" fontId="58" fillId="0" borderId="21" xfId="0" applyNumberFormat="1" applyFont="1" applyBorder="1" applyAlignment="1">
      <alignment horizontal="center" wrapText="1"/>
    </xf>
    <xf numFmtId="176" fontId="58" fillId="0" borderId="21" xfId="0" applyNumberFormat="1" applyFont="1" applyBorder="1" applyAlignment="1">
      <alignment horizontal="center" vertical="top" wrapText="1"/>
    </xf>
    <xf numFmtId="0" fontId="58" fillId="0" borderId="15" xfId="0" applyFont="1" applyBorder="1" applyAlignment="1">
      <alignment horizontal="right" vertical="top" wrapText="1"/>
    </xf>
    <xf numFmtId="176" fontId="58" fillId="0" borderId="1" xfId="0" applyNumberFormat="1" applyFont="1" applyBorder="1" applyAlignment="1">
      <alignment horizontal="center" vertical="top" wrapText="1"/>
    </xf>
    <xf numFmtId="0" fontId="58" fillId="0" borderId="1" xfId="0" applyFont="1" applyBorder="1" applyAlignment="1">
      <alignment horizontal="right" vertical="top" wrapText="1"/>
    </xf>
    <xf numFmtId="176" fontId="58" fillId="0" borderId="1" xfId="0" applyNumberFormat="1" applyFont="1" applyBorder="1" applyAlignment="1">
      <alignment horizontal="center" wrapText="1"/>
    </xf>
    <xf numFmtId="0" fontId="58" fillId="0" borderId="15" xfId="0" applyFont="1" applyFill="1" applyBorder="1" applyAlignment="1">
      <alignment horizontal="right" vertical="top" wrapText="1"/>
    </xf>
    <xf numFmtId="176" fontId="58" fillId="0" borderId="10" xfId="0" applyNumberFormat="1" applyFont="1" applyFill="1" applyBorder="1" applyAlignment="1">
      <alignment horizontal="center" vertical="center" wrapText="1"/>
    </xf>
    <xf numFmtId="49" fontId="58" fillId="0" borderId="14" xfId="0" applyNumberFormat="1" applyFont="1" applyFill="1" applyBorder="1" applyAlignment="1">
      <alignment horizontal="center" vertical="center"/>
    </xf>
    <xf numFmtId="176" fontId="58" fillId="0" borderId="21" xfId="0" applyNumberFormat="1" applyFont="1" applyFill="1" applyBorder="1" applyAlignment="1">
      <alignment horizontal="center" vertical="top" wrapText="1"/>
    </xf>
    <xf numFmtId="15" fontId="58" fillId="0" borderId="1" xfId="0" quotePrefix="1" applyNumberFormat="1" applyFont="1" applyFill="1" applyBorder="1" applyAlignment="1">
      <alignment wrapText="1"/>
    </xf>
    <xf numFmtId="0" fontId="58" fillId="0" borderId="1" xfId="0" applyFont="1" applyFill="1" applyBorder="1" applyAlignment="1">
      <alignment horizontal="right" vertical="top" wrapText="1"/>
    </xf>
    <xf numFmtId="0" fontId="58" fillId="0" borderId="1" xfId="0" applyFont="1" applyFill="1" applyBorder="1" applyAlignment="1">
      <alignment horizontal="center" vertical="top" wrapText="1"/>
    </xf>
    <xf numFmtId="180" fontId="58" fillId="0" borderId="15" xfId="0" applyNumberFormat="1" applyFont="1" applyBorder="1" applyAlignment="1">
      <alignment horizontal="center" vertical="center" wrapText="1"/>
    </xf>
    <xf numFmtId="0" fontId="58" fillId="0" borderId="1" xfId="0" applyFont="1" applyBorder="1" applyAlignment="1">
      <alignment wrapText="1" shrinkToFit="1"/>
    </xf>
    <xf numFmtId="0" fontId="39" fillId="0" borderId="0" xfId="0" applyFont="1" applyAlignment="1">
      <alignment horizontal="right" vertical="center"/>
    </xf>
    <xf numFmtId="49" fontId="58" fillId="0" borderId="14" xfId="0" applyNumberFormat="1" applyFont="1" applyBorder="1" applyAlignment="1">
      <alignment horizontal="center" vertical="center" wrapText="1"/>
    </xf>
    <xf numFmtId="0" fontId="58" fillId="0" borderId="0" xfId="0" applyFont="1" applyFill="1" applyAlignment="1">
      <alignment horizontal="center" vertical="center"/>
    </xf>
    <xf numFmtId="176" fontId="58" fillId="0" borderId="1" xfId="0" applyNumberFormat="1" applyFont="1" applyFill="1" applyBorder="1" applyAlignment="1">
      <alignment horizontal="center" vertical="top" wrapText="1"/>
    </xf>
    <xf numFmtId="15" fontId="58" fillId="0" borderId="1" xfId="0" applyNumberFormat="1" applyFont="1" applyFill="1" applyBorder="1" applyAlignment="1">
      <alignment horizontal="left" vertical="top" wrapText="1"/>
    </xf>
    <xf numFmtId="0" fontId="58" fillId="0" borderId="15" xfId="0" applyFont="1" applyBorder="1" applyAlignment="1">
      <alignment horizontal="center" vertical="top" wrapText="1"/>
    </xf>
    <xf numFmtId="0" fontId="58" fillId="0" borderId="15" xfId="0" applyFont="1" applyFill="1" applyBorder="1" applyAlignment="1">
      <alignment horizontal="center"/>
    </xf>
    <xf numFmtId="176" fontId="58" fillId="0" borderId="21" xfId="0" applyNumberFormat="1" applyFont="1" applyFill="1" applyBorder="1" applyAlignment="1">
      <alignment horizontal="center" vertical="center" wrapText="1"/>
    </xf>
    <xf numFmtId="0" fontId="58" fillId="0" borderId="22" xfId="0" applyFont="1" applyFill="1" applyBorder="1" applyAlignment="1">
      <alignment horizontal="center" vertical="center"/>
    </xf>
    <xf numFmtId="0" fontId="39" fillId="0" borderId="18" xfId="0" applyFont="1" applyFill="1" applyBorder="1" applyAlignment="1">
      <alignment horizontal="left" vertical="center" wrapText="1"/>
    </xf>
    <xf numFmtId="0" fontId="58" fillId="0" borderId="10" xfId="0" applyFont="1" applyFill="1" applyBorder="1" applyAlignment="1">
      <alignment horizontal="center" vertical="center"/>
    </xf>
    <xf numFmtId="0" fontId="58" fillId="0" borderId="19" xfId="0" applyFont="1" applyFill="1" applyBorder="1" applyAlignment="1">
      <alignment horizontal="center" vertical="center"/>
    </xf>
    <xf numFmtId="0" fontId="58" fillId="0" borderId="10" xfId="0" quotePrefix="1" applyFont="1" applyBorder="1" applyAlignment="1">
      <alignment horizontal="center" vertical="center" wrapText="1"/>
    </xf>
    <xf numFmtId="0" fontId="58" fillId="0" borderId="16" xfId="0" applyFont="1" applyBorder="1" applyAlignment="1">
      <alignment horizontal="center" vertical="center"/>
    </xf>
    <xf numFmtId="0" fontId="58" fillId="0" borderId="14" xfId="19" applyFont="1" applyFill="1" applyBorder="1" applyAlignment="1">
      <alignment horizontal="center" vertical="center" wrapText="1"/>
    </xf>
    <xf numFmtId="176" fontId="58" fillId="0" borderId="0" xfId="0" applyNumberFormat="1" applyFont="1" applyFill="1" applyAlignment="1">
      <alignment horizontal="center" vertical="center" wrapText="1"/>
    </xf>
    <xf numFmtId="0" fontId="39" fillId="0" borderId="0" xfId="0" applyFont="1" applyAlignment="1">
      <alignment horizontal="center" vertical="center" wrapText="1"/>
    </xf>
    <xf numFmtId="0" fontId="58" fillId="0" borderId="14" xfId="0" applyFont="1" applyBorder="1" applyAlignment="1">
      <alignment vertical="center" wrapText="1"/>
    </xf>
    <xf numFmtId="0" fontId="39" fillId="0" borderId="71" xfId="0" applyFont="1" applyBorder="1" applyAlignment="1">
      <alignment horizontal="right" vertical="center" wrapText="1"/>
    </xf>
    <xf numFmtId="0" fontId="58" fillId="0" borderId="25" xfId="0" applyFont="1" applyBorder="1" applyAlignment="1">
      <alignment horizontal="center" vertical="center" wrapText="1"/>
    </xf>
    <xf numFmtId="0" fontId="58" fillId="0" borderId="24" xfId="0" applyFont="1" applyBorder="1" applyAlignment="1">
      <alignment horizontal="center" vertical="center" wrapText="1"/>
    </xf>
    <xf numFmtId="176" fontId="58" fillId="0" borderId="25" xfId="0" applyNumberFormat="1" applyFont="1" applyBorder="1" applyAlignment="1">
      <alignment horizontal="center" vertical="center" wrapText="1"/>
    </xf>
    <xf numFmtId="0" fontId="39" fillId="0" borderId="30" xfId="0" applyFont="1" applyBorder="1" applyAlignment="1">
      <alignment horizontal="center" vertical="center" wrapText="1"/>
    </xf>
    <xf numFmtId="0" fontId="58" fillId="0" borderId="27" xfId="0" applyFont="1" applyBorder="1" applyAlignment="1">
      <alignment horizontal="center" vertical="center" wrapText="1"/>
    </xf>
    <xf numFmtId="0" fontId="58" fillId="0" borderId="26" xfId="0" applyFont="1" applyBorder="1" applyAlignment="1">
      <alignment horizontal="center" vertical="center" wrapText="1"/>
    </xf>
    <xf numFmtId="177" fontId="58" fillId="0" borderId="28" xfId="0" applyNumberFormat="1" applyFont="1" applyBorder="1" applyAlignment="1">
      <alignment horizontal="center" vertical="center" wrapText="1"/>
    </xf>
    <xf numFmtId="177" fontId="58" fillId="0" borderId="29" xfId="0" applyNumberFormat="1" applyFont="1" applyBorder="1" applyAlignment="1">
      <alignment horizontal="center" vertical="center" wrapText="1"/>
    </xf>
    <xf numFmtId="0" fontId="58" fillId="0" borderId="30" xfId="0" applyFont="1" applyBorder="1" applyAlignment="1">
      <alignment horizontal="center" vertical="center" wrapText="1"/>
    </xf>
    <xf numFmtId="176" fontId="58" fillId="0" borderId="27" xfId="0" applyNumberFormat="1" applyFont="1" applyBorder="1" applyAlignment="1">
      <alignment horizontal="center" vertical="center" wrapText="1"/>
    </xf>
    <xf numFmtId="177" fontId="58" fillId="0" borderId="31" xfId="0" applyNumberFormat="1" applyFont="1" applyBorder="1" applyAlignment="1">
      <alignment horizontal="center" vertical="center" wrapText="1"/>
    </xf>
    <xf numFmtId="177" fontId="58" fillId="0" borderId="32" xfId="0" applyNumberFormat="1" applyFont="1" applyBorder="1" applyAlignment="1">
      <alignment horizontal="center" vertical="center" wrapText="1"/>
    </xf>
    <xf numFmtId="0" fontId="58" fillId="0" borderId="27" xfId="0" applyFont="1" applyBorder="1" applyAlignment="1">
      <alignment horizontal="center" vertical="center"/>
    </xf>
    <xf numFmtId="176" fontId="58" fillId="0" borderId="27" xfId="0" applyNumberFormat="1" applyFont="1" applyBorder="1" applyAlignment="1">
      <alignment horizontal="center" vertical="center"/>
    </xf>
    <xf numFmtId="0" fontId="39" fillId="0" borderId="17" xfId="0" applyFont="1" applyBorder="1" applyAlignment="1">
      <alignment horizontal="right" vertical="center"/>
    </xf>
    <xf numFmtId="0" fontId="39" fillId="0" borderId="18" xfId="0" applyFont="1" applyBorder="1" applyAlignment="1">
      <alignment horizontal="right" vertical="center"/>
    </xf>
    <xf numFmtId="10" fontId="58" fillId="0" borderId="10" xfId="0" applyNumberFormat="1" applyFont="1" applyBorder="1" applyAlignment="1">
      <alignment horizontal="center" vertical="center" wrapText="1"/>
    </xf>
    <xf numFmtId="0" fontId="39" fillId="0" borderId="16" xfId="0" applyFont="1" applyBorder="1" applyAlignment="1">
      <alignment horizontal="right" vertical="center" wrapText="1"/>
    </xf>
    <xf numFmtId="176" fontId="58" fillId="0" borderId="0" xfId="0" applyNumberFormat="1" applyFont="1" applyAlignment="1">
      <alignment horizontal="center" vertical="center"/>
    </xf>
    <xf numFmtId="0" fontId="39" fillId="0" borderId="15" xfId="0" applyFont="1" applyBorder="1" applyAlignment="1">
      <alignment horizontal="center" vertical="top"/>
    </xf>
    <xf numFmtId="0" fontId="58" fillId="0" borderId="17" xfId="0" applyFont="1" applyBorder="1" applyAlignment="1">
      <alignment horizontal="center" vertical="top" wrapText="1"/>
    </xf>
    <xf numFmtId="0" fontId="58" fillId="0" borderId="14" xfId="0" applyFont="1" applyBorder="1" applyAlignment="1">
      <alignment horizontal="center" vertical="top" wrapText="1"/>
    </xf>
    <xf numFmtId="177" fontId="58" fillId="0" borderId="14" xfId="0" applyNumberFormat="1" applyFont="1" applyBorder="1" applyAlignment="1">
      <alignment horizontal="center" vertical="top" wrapText="1"/>
    </xf>
    <xf numFmtId="0" fontId="58" fillId="0" borderId="0" xfId="0" applyFont="1" applyAlignment="1">
      <alignment horizontal="center" vertical="top" wrapText="1"/>
    </xf>
    <xf numFmtId="0" fontId="58" fillId="0" borderId="14" xfId="0" applyFont="1" applyBorder="1" applyAlignment="1">
      <alignment horizontal="center" vertical="top"/>
    </xf>
    <xf numFmtId="0" fontId="39" fillId="0" borderId="0" xfId="0" applyFont="1" applyFill="1" applyAlignment="1"/>
    <xf numFmtId="0" fontId="58" fillId="0" borderId="1" xfId="0" applyFont="1" applyBorder="1" applyAlignment="1">
      <alignment horizontal="center"/>
    </xf>
    <xf numFmtId="0" fontId="119" fillId="0" borderId="12" xfId="0" applyFont="1" applyBorder="1" applyAlignment="1">
      <alignment horizontal="center" wrapText="1"/>
    </xf>
    <xf numFmtId="0" fontId="119" fillId="0" borderId="12" xfId="0" applyFont="1" applyBorder="1" applyAlignment="1">
      <alignment horizontal="center"/>
    </xf>
    <xf numFmtId="0" fontId="58" fillId="0" borderId="17" xfId="0" applyFont="1" applyBorder="1" applyAlignment="1">
      <alignment horizontal="center" vertical="top"/>
    </xf>
    <xf numFmtId="0" fontId="58" fillId="0" borderId="1" xfId="0" applyFont="1" applyBorder="1" applyAlignment="1">
      <alignment vertical="center"/>
    </xf>
    <xf numFmtId="0" fontId="58" fillId="0" borderId="23" xfId="0" applyFont="1" applyBorder="1" applyAlignment="1">
      <alignment horizontal="center" vertical="center"/>
    </xf>
    <xf numFmtId="177" fontId="58" fillId="0" borderId="16" xfId="0" applyNumberFormat="1" applyFont="1" applyBorder="1" applyAlignment="1">
      <alignment horizontal="center" vertical="center" wrapText="1"/>
    </xf>
    <xf numFmtId="0" fontId="58" fillId="0" borderId="20" xfId="0" applyFont="1" applyBorder="1" applyAlignment="1">
      <alignment horizontal="center" vertical="center"/>
    </xf>
    <xf numFmtId="176" fontId="58" fillId="0" borderId="18" xfId="0" applyNumberFormat="1" applyFont="1" applyBorder="1" applyAlignment="1">
      <alignment horizontal="center" vertical="center" wrapText="1"/>
    </xf>
    <xf numFmtId="0" fontId="39" fillId="0" borderId="17" xfId="0" applyFont="1" applyBorder="1" applyAlignment="1">
      <alignment horizontal="left" vertical="center" wrapText="1"/>
    </xf>
    <xf numFmtId="0" fontId="58" fillId="0" borderId="14" xfId="0" applyFont="1" applyBorder="1" applyAlignment="1">
      <alignment horizontal="left" vertical="center" wrapText="1"/>
    </xf>
    <xf numFmtId="0" fontId="39" fillId="0" borderId="1" xfId="0" applyFont="1" applyFill="1" applyBorder="1" applyAlignment="1">
      <alignment horizontal="center" vertical="center"/>
    </xf>
    <xf numFmtId="0" fontId="39" fillId="0" borderId="1" xfId="0" applyFont="1" applyFill="1" applyBorder="1" applyAlignment="1">
      <alignment horizontal="left" vertical="center" wrapText="1"/>
    </xf>
    <xf numFmtId="0" fontId="62" fillId="0" borderId="1" xfId="17" applyFont="1" applyFill="1" applyBorder="1" applyAlignment="1" applyProtection="1">
      <alignment horizontal="center" vertical="center" wrapText="1"/>
    </xf>
    <xf numFmtId="0" fontId="39" fillId="0" borderId="10" xfId="0" applyFont="1" applyBorder="1" applyAlignment="1">
      <alignment vertical="center" wrapText="1"/>
    </xf>
    <xf numFmtId="0" fontId="58" fillId="0" borderId="10" xfId="0" applyFont="1" applyBorder="1" applyAlignment="1">
      <alignment horizontal="left" vertical="center" wrapText="1"/>
    </xf>
    <xf numFmtId="16" fontId="39" fillId="0" borderId="13" xfId="0" applyNumberFormat="1" applyFont="1" applyBorder="1" applyAlignment="1">
      <alignment horizontal="left" vertical="center" wrapText="1"/>
    </xf>
    <xf numFmtId="177" fontId="58" fillId="0" borderId="1" xfId="0" applyNumberFormat="1" applyFont="1" applyBorder="1" applyAlignment="1">
      <alignment horizontal="center" vertical="top" wrapText="1"/>
    </xf>
    <xf numFmtId="16" fontId="39" fillId="0" borderId="13" xfId="0" applyNumberFormat="1" applyFont="1" applyFill="1" applyBorder="1" applyAlignment="1">
      <alignment horizontal="right" vertical="center" wrapText="1"/>
    </xf>
    <xf numFmtId="0" fontId="58" fillId="0" borderId="0" xfId="0" applyFont="1" applyFill="1" applyAlignment="1">
      <alignment vertical="center"/>
    </xf>
    <xf numFmtId="0" fontId="58" fillId="0" borderId="12" xfId="0" applyFont="1" applyFill="1" applyBorder="1" applyAlignment="1">
      <alignment vertical="center"/>
    </xf>
    <xf numFmtId="16" fontId="39" fillId="0" borderId="13" xfId="0" applyNumberFormat="1" applyFont="1" applyBorder="1" applyAlignment="1">
      <alignment horizontal="right" vertical="center" wrapText="1"/>
    </xf>
    <xf numFmtId="0" fontId="39" fillId="0" borderId="13" xfId="19" applyFont="1" applyFill="1" applyBorder="1" applyAlignment="1">
      <alignment horizontal="left" vertical="center" wrapText="1"/>
    </xf>
    <xf numFmtId="0" fontId="58" fillId="0" borderId="1" xfId="19" applyFont="1" applyFill="1" applyBorder="1" applyAlignment="1">
      <alignment horizontal="center" vertical="center" wrapText="1"/>
    </xf>
    <xf numFmtId="0" fontId="58" fillId="0" borderId="1" xfId="19" applyFont="1" applyFill="1" applyBorder="1"/>
    <xf numFmtId="176" fontId="58" fillId="0" borderId="1" xfId="20" applyNumberFormat="1" applyFont="1" applyFill="1" applyBorder="1" applyAlignment="1">
      <alignment horizontal="center" vertical="center" wrapText="1"/>
    </xf>
    <xf numFmtId="0" fontId="39" fillId="0" borderId="13" xfId="0" applyFont="1" applyBorder="1" applyAlignment="1">
      <alignment horizontal="center" vertical="center" wrapText="1"/>
    </xf>
    <xf numFmtId="177" fontId="58" fillId="0" borderId="0" xfId="0" applyNumberFormat="1" applyFont="1" applyAlignment="1">
      <alignment horizontal="center" vertical="center" wrapText="1"/>
    </xf>
    <xf numFmtId="0" fontId="39" fillId="0" borderId="17" xfId="0" applyFont="1" applyBorder="1" applyAlignment="1">
      <alignment horizontal="center" vertical="center" wrapText="1"/>
    </xf>
    <xf numFmtId="0" fontId="39" fillId="0" borderId="13" xfId="19" applyFont="1" applyBorder="1" applyAlignment="1">
      <alignment horizontal="right" vertical="center" wrapText="1"/>
    </xf>
    <xf numFmtId="49" fontId="58" fillId="0" borderId="1" xfId="0" applyNumberFormat="1" applyFont="1" applyBorder="1" applyAlignment="1">
      <alignment horizontal="center" vertical="center"/>
    </xf>
    <xf numFmtId="0" fontId="58" fillId="0" borderId="10" xfId="19" applyFont="1" applyBorder="1"/>
    <xf numFmtId="0" fontId="58" fillId="0" borderId="18" xfId="19" applyFont="1" applyBorder="1" applyAlignment="1">
      <alignment horizontal="center" vertical="center" wrapText="1"/>
    </xf>
    <xf numFmtId="0" fontId="58" fillId="0" borderId="19" xfId="19" applyFont="1" applyBorder="1"/>
    <xf numFmtId="0" fontId="58" fillId="0" borderId="19" xfId="0" applyFont="1" applyBorder="1" applyAlignment="1">
      <alignment horizontal="center" wrapText="1"/>
    </xf>
    <xf numFmtId="0" fontId="39" fillId="0" borderId="13" xfId="13" applyFont="1" applyBorder="1" applyAlignment="1">
      <alignment horizontal="left" vertical="center" wrapText="1"/>
    </xf>
    <xf numFmtId="0" fontId="39" fillId="0" borderId="22" xfId="13" applyFont="1" applyBorder="1" applyAlignment="1">
      <alignment horizontal="center" vertical="center" wrapText="1"/>
    </xf>
    <xf numFmtId="0" fontId="58" fillId="0" borderId="1" xfId="0" quotePrefix="1" applyFont="1" applyFill="1" applyBorder="1" applyAlignment="1">
      <alignment horizontal="center" vertical="center" wrapText="1"/>
    </xf>
    <xf numFmtId="0" fontId="58" fillId="0" borderId="20" xfId="0" applyFont="1" applyFill="1" applyBorder="1" applyAlignment="1">
      <alignment horizontal="center" vertical="center" wrapText="1"/>
    </xf>
    <xf numFmtId="0" fontId="58" fillId="0" borderId="1" xfId="15" applyFont="1" applyBorder="1" applyAlignment="1">
      <alignment horizontal="center" vertical="center"/>
    </xf>
    <xf numFmtId="0" fontId="39" fillId="0" borderId="16" xfId="15" quotePrefix="1" applyFont="1" applyFill="1" applyBorder="1" applyAlignment="1">
      <alignment horizontal="right" vertical="center" wrapText="1"/>
    </xf>
    <xf numFmtId="0" fontId="58" fillId="0" borderId="12" xfId="0" quotePrefix="1" applyFont="1" applyFill="1" applyBorder="1" applyAlignment="1">
      <alignment horizontal="center" vertical="center"/>
    </xf>
    <xf numFmtId="0" fontId="58" fillId="0" borderId="12" xfId="0" applyFont="1" applyFill="1" applyBorder="1" applyAlignment="1">
      <alignment horizontal="center" vertical="center"/>
    </xf>
    <xf numFmtId="0" fontId="58" fillId="0" borderId="17" xfId="0" applyFont="1" applyBorder="1" applyAlignment="1">
      <alignment vertical="center"/>
    </xf>
    <xf numFmtId="0" fontId="58" fillId="0" borderId="17" xfId="0" quotePrefix="1" applyFont="1" applyFill="1" applyBorder="1" applyAlignment="1">
      <alignment horizontal="center" vertical="center" wrapText="1"/>
    </xf>
    <xf numFmtId="0" fontId="39" fillId="0" borderId="1" xfId="0" applyFont="1" applyBorder="1" applyAlignment="1">
      <alignment vertical="center" wrapText="1"/>
    </xf>
    <xf numFmtId="0" fontId="58" fillId="0" borderId="17" xfId="0" quotePrefix="1" applyFont="1" applyBorder="1" applyAlignment="1">
      <alignment horizontal="center" vertical="center" wrapText="1"/>
    </xf>
    <xf numFmtId="0" fontId="39" fillId="0" borderId="1" xfId="0" applyFont="1" applyBorder="1" applyAlignment="1">
      <alignment horizontal="center" vertical="center"/>
    </xf>
    <xf numFmtId="0" fontId="39" fillId="0" borderId="0" xfId="0" applyFont="1" applyAlignment="1">
      <alignment vertical="center"/>
    </xf>
    <xf numFmtId="0" fontId="58" fillId="0" borderId="18" xfId="0" quotePrefix="1" applyFont="1" applyBorder="1" applyAlignment="1">
      <alignment horizontal="center" vertical="center" wrapText="1"/>
    </xf>
    <xf numFmtId="0" fontId="39" fillId="0" borderId="18" xfId="0" quotePrefix="1" applyFont="1" applyBorder="1" applyAlignment="1">
      <alignment horizontal="left" vertical="center" wrapText="1"/>
    </xf>
    <xf numFmtId="0" fontId="58" fillId="0" borderId="10" xfId="0" quotePrefix="1" applyFont="1" applyBorder="1" applyAlignment="1">
      <alignment horizontal="center" vertical="center"/>
    </xf>
    <xf numFmtId="0" fontId="58" fillId="0" borderId="12" xfId="0" applyFont="1" applyBorder="1" applyAlignment="1">
      <alignment horizontal="center"/>
    </xf>
    <xf numFmtId="0" fontId="39" fillId="0" borderId="15" xfId="0" applyFont="1" applyBorder="1" applyAlignment="1">
      <alignment horizontal="center" vertical="center" wrapText="1"/>
    </xf>
    <xf numFmtId="0" fontId="58" fillId="0" borderId="23" xfId="0" applyFont="1" applyBorder="1" applyAlignment="1">
      <alignment horizontal="center" wrapText="1"/>
    </xf>
    <xf numFmtId="0" fontId="58" fillId="0" borderId="11" xfId="0" applyFont="1" applyBorder="1" applyAlignment="1">
      <alignment horizontal="center" wrapText="1"/>
    </xf>
    <xf numFmtId="0" fontId="39" fillId="0" borderId="20" xfId="13" applyFont="1" applyBorder="1" applyAlignment="1">
      <alignment horizontal="left" vertical="center" wrapText="1"/>
    </xf>
    <xf numFmtId="0" fontId="39" fillId="0" borderId="22" xfId="13" applyFont="1" applyFill="1" applyBorder="1" applyAlignment="1">
      <alignment horizontal="center" vertical="center" wrapText="1"/>
    </xf>
    <xf numFmtId="0" fontId="39" fillId="0" borderId="13" xfId="13" applyFont="1" applyFill="1" applyBorder="1" applyAlignment="1">
      <alignment horizontal="left" vertical="center" wrapText="1"/>
    </xf>
    <xf numFmtId="0" fontId="30" fillId="0" borderId="22" xfId="0" applyFont="1" applyFill="1" applyBorder="1" applyAlignment="1">
      <alignment horizontal="center" vertical="center" wrapText="1"/>
    </xf>
    <xf numFmtId="0" fontId="30" fillId="0" borderId="1" xfId="0" applyFont="1" applyFill="1" applyBorder="1" applyAlignment="1">
      <alignment horizontal="center" vertical="center" wrapText="1"/>
    </xf>
    <xf numFmtId="177" fontId="30" fillId="0" borderId="1" xfId="0" applyNumberFormat="1" applyFont="1" applyFill="1" applyBorder="1" applyAlignment="1">
      <alignment horizontal="center" vertical="center" wrapText="1"/>
    </xf>
    <xf numFmtId="1" fontId="30" fillId="0" borderId="1" xfId="13" applyNumberFormat="1" applyFont="1" applyFill="1" applyBorder="1" applyAlignment="1">
      <alignment horizontal="center" vertical="center" wrapText="1"/>
    </xf>
    <xf numFmtId="176" fontId="30" fillId="0" borderId="1" xfId="0" applyNumberFormat="1" applyFont="1" applyFill="1" applyBorder="1" applyAlignment="1">
      <alignment horizontal="center" vertical="center" wrapText="1"/>
    </xf>
    <xf numFmtId="1" fontId="58" fillId="0" borderId="11" xfId="13" applyNumberFormat="1" applyFont="1" applyBorder="1" applyAlignment="1">
      <alignment horizontal="center" vertical="center" wrapText="1"/>
    </xf>
    <xf numFmtId="0" fontId="39" fillId="0" borderId="18" xfId="15" quotePrefix="1" applyFont="1" applyBorder="1" applyAlignment="1">
      <alignment horizontal="left" vertical="center" wrapText="1"/>
    </xf>
    <xf numFmtId="0" fontId="58" fillId="0" borderId="1" xfId="19" applyFont="1" applyBorder="1" applyAlignment="1">
      <alignment horizontal="center" wrapText="1"/>
    </xf>
    <xf numFmtId="0" fontId="58" fillId="0" borderId="12" xfId="20" applyFont="1" applyBorder="1" applyAlignment="1">
      <alignment horizontal="center" vertical="center" wrapText="1"/>
    </xf>
    <xf numFmtId="0" fontId="58" fillId="0" borderId="16" xfId="20" applyFont="1" applyBorder="1" applyAlignment="1">
      <alignment horizontal="center" vertical="center" wrapText="1"/>
    </xf>
    <xf numFmtId="0" fontId="58" fillId="0" borderId="12" xfId="19" applyFont="1" applyBorder="1"/>
    <xf numFmtId="0" fontId="58" fillId="0" borderId="16" xfId="19" applyFont="1" applyBorder="1" applyAlignment="1">
      <alignment horizontal="center" wrapText="1"/>
    </xf>
    <xf numFmtId="0" fontId="58" fillId="0" borderId="12" xfId="19" applyFont="1" applyBorder="1" applyAlignment="1">
      <alignment horizontal="center" vertical="center"/>
    </xf>
    <xf numFmtId="10" fontId="58" fillId="0" borderId="12" xfId="0" applyNumberFormat="1" applyFont="1" applyBorder="1" applyAlignment="1">
      <alignment horizontal="left" vertical="top" wrapText="1"/>
    </xf>
    <xf numFmtId="0" fontId="39" fillId="0" borderId="13" xfId="0" quotePrefix="1" applyFont="1" applyFill="1" applyBorder="1" applyAlignment="1">
      <alignment horizontal="left" vertical="center" wrapText="1"/>
    </xf>
    <xf numFmtId="176" fontId="58" fillId="0" borderId="22" xfId="0" applyNumberFormat="1" applyFont="1" applyFill="1" applyBorder="1" applyAlignment="1">
      <alignment horizontal="center" vertical="center" wrapText="1"/>
    </xf>
    <xf numFmtId="0" fontId="39" fillId="0" borderId="21" xfId="0" applyFont="1" applyFill="1" applyBorder="1" applyAlignment="1">
      <alignment horizontal="center" vertical="center"/>
    </xf>
    <xf numFmtId="176" fontId="58" fillId="0" borderId="23" xfId="0" applyNumberFormat="1" applyFont="1" applyFill="1" applyBorder="1" applyAlignment="1">
      <alignment horizontal="center" vertical="center" wrapText="1"/>
    </xf>
    <xf numFmtId="0" fontId="39" fillId="0" borderId="0" xfId="0" applyFont="1" applyAlignment="1">
      <alignment horizontal="center"/>
    </xf>
    <xf numFmtId="177" fontId="58" fillId="0" borderId="14" xfId="0" applyNumberFormat="1" applyFont="1" applyBorder="1" applyAlignment="1">
      <alignment horizontal="center" wrapText="1"/>
    </xf>
    <xf numFmtId="0" fontId="39" fillId="0" borderId="17" xfId="19" applyFont="1" applyBorder="1" applyAlignment="1">
      <alignment horizontal="right" vertical="center" wrapText="1"/>
    </xf>
    <xf numFmtId="0" fontId="58" fillId="0" borderId="14" xfId="19" applyFont="1" applyBorder="1" applyAlignment="1">
      <alignment horizontal="center" vertical="center" wrapText="1"/>
    </xf>
    <xf numFmtId="0" fontId="58" fillId="0" borderId="14" xfId="20" applyFont="1" applyBorder="1" applyAlignment="1">
      <alignment horizontal="center" vertical="center" wrapText="1"/>
    </xf>
    <xf numFmtId="0" fontId="58" fillId="0" borderId="14" xfId="19" applyFont="1" applyBorder="1" applyAlignment="1">
      <alignment horizontal="center" vertical="center"/>
    </xf>
    <xf numFmtId="176" fontId="58" fillId="0" borderId="14" xfId="20" applyNumberFormat="1" applyFont="1" applyBorder="1" applyAlignment="1">
      <alignment horizontal="center" vertical="center" wrapText="1"/>
    </xf>
    <xf numFmtId="0" fontId="58" fillId="0" borderId="17" xfId="19" applyFont="1" applyBorder="1" applyAlignment="1">
      <alignment horizontal="center" vertical="center"/>
    </xf>
    <xf numFmtId="0" fontId="39" fillId="0" borderId="0" xfId="0" applyFont="1" applyAlignment="1">
      <alignment horizontal="center" vertical="top"/>
    </xf>
    <xf numFmtId="0" fontId="58" fillId="0" borderId="10" xfId="0" applyFont="1" applyBorder="1" applyAlignment="1"/>
    <xf numFmtId="176" fontId="58" fillId="0" borderId="1" xfId="0" quotePrefix="1" applyNumberFormat="1" applyFont="1" applyBorder="1" applyAlignment="1">
      <alignment horizontal="center" vertical="center" wrapText="1"/>
    </xf>
    <xf numFmtId="176" fontId="58" fillId="0" borderId="12" xfId="0" quotePrefix="1" applyNumberFormat="1" applyFont="1" applyBorder="1" applyAlignment="1">
      <alignment horizontal="center" vertical="center" wrapText="1"/>
    </xf>
    <xf numFmtId="176" fontId="58" fillId="0" borderId="14" xfId="0" quotePrefix="1" applyNumberFormat="1" applyFont="1" applyBorder="1" applyAlignment="1">
      <alignment horizontal="center" vertical="center" wrapText="1"/>
    </xf>
    <xf numFmtId="176" fontId="58" fillId="0" borderId="22" xfId="0" applyNumberFormat="1" applyFont="1" applyBorder="1" applyAlignment="1">
      <alignment horizontal="center" vertical="center" wrapText="1"/>
    </xf>
    <xf numFmtId="176" fontId="58" fillId="0" borderId="19" xfId="0" applyNumberFormat="1" applyFont="1" applyBorder="1" applyAlignment="1">
      <alignment horizontal="center" vertical="center" wrapText="1"/>
    </xf>
    <xf numFmtId="179" fontId="58" fillId="0" borderId="1" xfId="0" applyNumberFormat="1" applyFont="1" applyBorder="1" applyAlignment="1">
      <alignment horizontal="center" vertical="center" wrapText="1"/>
    </xf>
    <xf numFmtId="181" fontId="58" fillId="0" borderId="1" xfId="0" applyNumberFormat="1" applyFont="1" applyBorder="1" applyAlignment="1">
      <alignment horizontal="center" vertical="center"/>
    </xf>
    <xf numFmtId="0" fontId="58" fillId="0" borderId="1" xfId="19" applyFont="1" applyBorder="1" applyAlignment="1">
      <alignment vertical="center" wrapText="1"/>
    </xf>
    <xf numFmtId="0" fontId="58" fillId="0" borderId="1" xfId="19" applyFont="1" applyBorder="1" applyAlignment="1">
      <alignment wrapText="1"/>
    </xf>
    <xf numFmtId="0" fontId="39" fillId="0" borderId="23" xfId="0" applyFont="1" applyBorder="1" applyAlignment="1">
      <alignment horizontal="center" vertical="center"/>
    </xf>
    <xf numFmtId="0" fontId="39" fillId="0" borderId="16" xfId="19" applyFont="1" applyBorder="1" applyAlignment="1">
      <alignment horizontal="right" vertical="center" wrapText="1"/>
    </xf>
    <xf numFmtId="0" fontId="58" fillId="0" borderId="12" xfId="19" applyFont="1" applyBorder="1" applyAlignment="1">
      <alignment horizontal="center" vertical="center" wrapText="1"/>
    </xf>
    <xf numFmtId="176" fontId="58" fillId="0" borderId="12" xfId="20" applyNumberFormat="1" applyFont="1" applyBorder="1" applyAlignment="1">
      <alignment horizontal="center" vertical="center" wrapText="1"/>
    </xf>
    <xf numFmtId="0" fontId="58" fillId="0" borderId="14" xfId="19" applyFont="1" applyBorder="1"/>
    <xf numFmtId="0" fontId="39" fillId="0" borderId="20" xfId="0" applyFont="1" applyBorder="1" applyAlignment="1">
      <alignment horizontal="center" vertical="center"/>
    </xf>
    <xf numFmtId="0" fontId="39" fillId="0" borderId="18" xfId="19" applyFont="1" applyBorder="1" applyAlignment="1">
      <alignment horizontal="right" vertical="center" wrapText="1"/>
    </xf>
    <xf numFmtId="0" fontId="58" fillId="0" borderId="10" xfId="19" applyFont="1" applyBorder="1" applyAlignment="1">
      <alignment horizontal="center" vertical="center" wrapText="1"/>
    </xf>
    <xf numFmtId="0" fontId="58" fillId="0" borderId="10" xfId="20" applyFont="1" applyBorder="1" applyAlignment="1">
      <alignment horizontal="center" vertical="center" wrapText="1"/>
    </xf>
    <xf numFmtId="176" fontId="58" fillId="0" borderId="10" xfId="20" applyNumberFormat="1" applyFont="1" applyBorder="1" applyAlignment="1">
      <alignment horizontal="center" vertical="center" wrapText="1"/>
    </xf>
    <xf numFmtId="0" fontId="39" fillId="0" borderId="20" xfId="0" applyFont="1" applyFill="1" applyBorder="1" applyAlignment="1">
      <alignment horizontal="center" vertical="center"/>
    </xf>
    <xf numFmtId="0" fontId="39" fillId="0" borderId="18" xfId="19" applyFont="1" applyFill="1" applyBorder="1" applyAlignment="1">
      <alignment horizontal="left" vertical="center" wrapText="1"/>
    </xf>
    <xf numFmtId="0" fontId="30" fillId="0" borderId="10" xfId="19" applyFont="1" applyFill="1" applyBorder="1" applyAlignment="1">
      <alignment horizontal="center" vertical="center" wrapText="1"/>
    </xf>
    <xf numFmtId="0" fontId="30" fillId="0" borderId="10" xfId="20" applyFont="1" applyFill="1" applyBorder="1" applyAlignment="1">
      <alignment horizontal="center" vertical="center" wrapText="1"/>
    </xf>
    <xf numFmtId="0" fontId="30" fillId="0" borderId="1" xfId="20" applyFont="1" applyFill="1" applyBorder="1" applyAlignment="1">
      <alignment horizontal="center" vertical="center" wrapText="1"/>
    </xf>
    <xf numFmtId="0" fontId="39" fillId="0" borderId="18" xfId="19" applyFont="1" applyFill="1" applyBorder="1" applyAlignment="1">
      <alignment horizontal="right" vertical="center" wrapText="1"/>
    </xf>
    <xf numFmtId="0" fontId="58" fillId="0" borderId="16" xfId="0" applyFont="1" applyFill="1" applyBorder="1" applyAlignment="1">
      <alignment horizontal="center" vertical="center" wrapText="1"/>
    </xf>
    <xf numFmtId="0" fontId="30" fillId="0" borderId="12" xfId="20" applyFont="1" applyFill="1" applyBorder="1" applyAlignment="1">
      <alignment horizontal="center" vertical="center" wrapText="1"/>
    </xf>
    <xf numFmtId="0" fontId="30" fillId="0" borderId="12" xfId="19" applyFont="1" applyFill="1" applyBorder="1"/>
    <xf numFmtId="0" fontId="30" fillId="0" borderId="12" xfId="19" applyFont="1" applyFill="1" applyBorder="1" applyAlignment="1">
      <alignment horizontal="center" vertical="center" wrapText="1"/>
    </xf>
    <xf numFmtId="176" fontId="30" fillId="0" borderId="12" xfId="20" applyNumberFormat="1" applyFont="1" applyFill="1" applyBorder="1" applyAlignment="1">
      <alignment horizontal="center" vertical="center" wrapText="1"/>
    </xf>
    <xf numFmtId="0" fontId="39" fillId="0" borderId="17" xfId="19" applyFont="1" applyFill="1" applyBorder="1" applyAlignment="1">
      <alignment horizontal="right" vertical="center" wrapText="1"/>
    </xf>
    <xf numFmtId="0" fontId="30" fillId="0" borderId="14" xfId="19" applyFont="1" applyFill="1" applyBorder="1" applyAlignment="1">
      <alignment horizontal="center" vertical="center" wrapText="1"/>
    </xf>
    <xf numFmtId="0" fontId="30" fillId="0" borderId="14" xfId="20" applyFont="1" applyFill="1" applyBorder="1" applyAlignment="1">
      <alignment horizontal="center" vertical="center" wrapText="1"/>
    </xf>
    <xf numFmtId="0" fontId="30" fillId="0" borderId="14" xfId="19" applyFont="1" applyFill="1" applyBorder="1"/>
    <xf numFmtId="0" fontId="58" fillId="0" borderId="1" xfId="0" applyFont="1" applyFill="1" applyBorder="1" applyAlignment="1"/>
    <xf numFmtId="16" fontId="39" fillId="0" borderId="13" xfId="0" applyNumberFormat="1" applyFont="1" applyFill="1" applyBorder="1" applyAlignment="1">
      <alignment horizontal="left" vertical="center" wrapText="1"/>
    </xf>
    <xf numFmtId="0" fontId="58" fillId="0" borderId="1" xfId="0" applyFont="1" applyFill="1" applyBorder="1" applyAlignment="1">
      <alignment horizontal="center" wrapText="1"/>
    </xf>
    <xf numFmtId="176" fontId="58" fillId="0" borderId="10" xfId="0" applyNumberFormat="1" applyFont="1" applyFill="1" applyBorder="1" applyAlignment="1">
      <alignment horizontal="center" vertical="center"/>
    </xf>
    <xf numFmtId="16" fontId="39" fillId="0" borderId="17" xfId="0" applyNumberFormat="1" applyFont="1" applyFill="1" applyBorder="1" applyAlignment="1">
      <alignment horizontal="right" vertical="center" wrapText="1"/>
    </xf>
    <xf numFmtId="0" fontId="39" fillId="0" borderId="0" xfId="0" applyFont="1" applyFill="1" applyAlignment="1">
      <alignment horizontal="right" vertical="center"/>
    </xf>
    <xf numFmtId="176" fontId="58" fillId="0" borderId="15" xfId="0" applyNumberFormat="1" applyFont="1" applyFill="1" applyBorder="1" applyAlignment="1">
      <alignment horizontal="center" vertical="center"/>
    </xf>
    <xf numFmtId="0" fontId="39" fillId="0" borderId="13" xfId="0" applyFont="1" applyBorder="1" applyAlignment="1" applyProtection="1">
      <alignment horizontal="left" vertical="center" wrapText="1"/>
      <protection locked="0"/>
    </xf>
    <xf numFmtId="0" fontId="58" fillId="0" borderId="1" xfId="0" applyFont="1" applyBorder="1" applyAlignment="1" applyProtection="1">
      <alignment horizontal="center" vertical="center" wrapText="1"/>
      <protection locked="0"/>
    </xf>
    <xf numFmtId="0" fontId="58" fillId="0" borderId="22" xfId="0" applyFont="1" applyBorder="1" applyAlignment="1" applyProtection="1">
      <alignment horizontal="center" vertical="center" wrapText="1"/>
      <protection locked="0"/>
    </xf>
    <xf numFmtId="177" fontId="58" fillId="0" borderId="1" xfId="0" applyNumberFormat="1" applyFont="1" applyBorder="1" applyAlignment="1" applyProtection="1">
      <alignment horizontal="center" vertical="center" wrapText="1"/>
      <protection locked="0"/>
    </xf>
    <xf numFmtId="0" fontId="58" fillId="0" borderId="11" xfId="0" applyFont="1" applyBorder="1" applyAlignment="1" applyProtection="1">
      <alignment horizontal="center" vertical="center" wrapText="1"/>
      <protection locked="0"/>
    </xf>
    <xf numFmtId="176" fontId="58" fillId="0" borderId="1" xfId="0" applyNumberFormat="1" applyFont="1" applyBorder="1" applyAlignment="1" applyProtection="1">
      <alignment horizontal="center" vertical="center" wrapText="1"/>
      <protection locked="0"/>
    </xf>
    <xf numFmtId="0" fontId="39" fillId="0" borderId="0" xfId="0" applyFont="1" applyAlignment="1" applyProtection="1">
      <alignment horizontal="right" vertical="center" wrapText="1"/>
      <protection locked="0"/>
    </xf>
    <xf numFmtId="0" fontId="58" fillId="0" borderId="14" xfId="0" applyFont="1" applyBorder="1" applyAlignment="1" applyProtection="1">
      <alignment horizontal="center" vertical="center" wrapText="1"/>
      <protection locked="0"/>
    </xf>
    <xf numFmtId="0" fontId="58" fillId="0" borderId="17" xfId="0" applyFont="1" applyBorder="1" applyAlignment="1" applyProtection="1">
      <alignment horizontal="center" vertical="center" wrapText="1"/>
      <protection locked="0"/>
    </xf>
    <xf numFmtId="0" fontId="58" fillId="0" borderId="0" xfId="0" applyFont="1" applyAlignment="1" applyProtection="1">
      <alignment horizontal="center" vertical="center" wrapText="1"/>
      <protection locked="0"/>
    </xf>
    <xf numFmtId="177" fontId="58" fillId="0" borderId="14" xfId="0" applyNumberFormat="1" applyFont="1" applyBorder="1" applyAlignment="1" applyProtection="1">
      <alignment horizontal="center" vertical="center" wrapText="1"/>
      <protection locked="0"/>
    </xf>
    <xf numFmtId="176" fontId="58" fillId="0" borderId="14" xfId="0" applyNumberFormat="1" applyFont="1" applyBorder="1" applyAlignment="1" applyProtection="1">
      <alignment horizontal="center" vertical="center" wrapText="1"/>
      <protection locked="0"/>
    </xf>
    <xf numFmtId="0" fontId="39" fillId="0" borderId="17" xfId="0" applyFont="1" applyBorder="1" applyAlignment="1" applyProtection="1">
      <alignment horizontal="right" vertical="center" wrapText="1"/>
      <protection locked="0"/>
    </xf>
    <xf numFmtId="0" fontId="58" fillId="0" borderId="14" xfId="0" applyFont="1" applyBorder="1" applyAlignment="1" applyProtection="1">
      <alignment horizontal="center" vertical="center"/>
      <protection locked="0"/>
    </xf>
    <xf numFmtId="0" fontId="58" fillId="0" borderId="14" xfId="0" applyFont="1" applyBorder="1" applyAlignment="1" applyProtection="1">
      <alignment horizontal="center" wrapText="1"/>
      <protection locked="0"/>
    </xf>
    <xf numFmtId="0" fontId="58" fillId="0" borderId="14" xfId="0" applyFont="1" applyBorder="1" applyAlignment="1" applyProtection="1">
      <alignment horizontal="center"/>
      <protection locked="0"/>
    </xf>
    <xf numFmtId="176" fontId="58" fillId="0" borderId="14" xfId="0" applyNumberFormat="1" applyFont="1" applyBorder="1" applyAlignment="1" applyProtection="1">
      <alignment horizontal="center" vertical="center"/>
      <protection locked="0"/>
    </xf>
    <xf numFmtId="0" fontId="58" fillId="0" borderId="0" xfId="0" applyFont="1" applyAlignment="1" applyProtection="1">
      <alignment horizontal="center" vertical="center"/>
      <protection locked="0"/>
    </xf>
    <xf numFmtId="0" fontId="39" fillId="0" borderId="18" xfId="0" applyFont="1" applyBorder="1" applyAlignment="1" applyProtection="1">
      <alignment horizontal="right" vertical="center" wrapText="1"/>
      <protection locked="0"/>
    </xf>
    <xf numFmtId="176" fontId="58" fillId="0" borderId="10" xfId="0" applyNumberFormat="1" applyFont="1" applyBorder="1" applyAlignment="1" applyProtection="1">
      <alignment horizontal="center" vertical="center" wrapText="1"/>
      <protection locked="0"/>
    </xf>
    <xf numFmtId="0" fontId="39" fillId="0" borderId="18" xfId="0" applyFont="1" applyFill="1" applyBorder="1" applyAlignment="1">
      <alignment horizontal="right" vertical="center" wrapText="1"/>
    </xf>
    <xf numFmtId="176" fontId="58" fillId="0" borderId="18" xfId="20" applyNumberFormat="1" applyFont="1" applyBorder="1" applyAlignment="1">
      <alignment horizontal="center" vertical="center" wrapText="1"/>
    </xf>
    <xf numFmtId="176" fontId="58" fillId="0" borderId="13" xfId="20" applyNumberFormat="1" applyFont="1" applyBorder="1" applyAlignment="1">
      <alignment horizontal="center" vertical="center" wrapText="1"/>
    </xf>
    <xf numFmtId="0" fontId="58" fillId="0" borderId="10" xfId="19" applyFont="1" applyBorder="1" applyAlignment="1">
      <alignment horizontal="center" vertical="center"/>
    </xf>
    <xf numFmtId="176" fontId="58" fillId="0" borderId="16" xfId="20" applyNumberFormat="1" applyFont="1" applyBorder="1" applyAlignment="1">
      <alignment horizontal="center" vertical="center" wrapText="1"/>
    </xf>
    <xf numFmtId="0" fontId="39" fillId="0" borderId="0" xfId="0" quotePrefix="1" applyFont="1" applyAlignment="1">
      <alignment horizontal="right" vertical="center" wrapText="1"/>
    </xf>
    <xf numFmtId="0" fontId="39" fillId="0" borderId="13" xfId="0" applyFont="1" applyBorder="1" applyAlignment="1">
      <alignment horizontal="left" vertical="center"/>
    </xf>
    <xf numFmtId="177" fontId="58" fillId="0" borderId="21" xfId="0" applyNumberFormat="1" applyFont="1" applyBorder="1" applyAlignment="1">
      <alignment horizontal="center" vertical="center" wrapText="1"/>
    </xf>
    <xf numFmtId="177" fontId="58" fillId="0" borderId="15" xfId="0" applyNumberFormat="1" applyFont="1" applyBorder="1" applyAlignment="1">
      <alignment horizontal="center" vertical="center" wrapText="1"/>
    </xf>
    <xf numFmtId="177" fontId="58" fillId="0" borderId="19" xfId="0" applyNumberFormat="1" applyFont="1" applyBorder="1" applyAlignment="1">
      <alignment horizontal="center" vertical="center" wrapText="1"/>
    </xf>
    <xf numFmtId="0" fontId="58" fillId="0" borderId="19" xfId="0" applyFont="1" applyFill="1" applyBorder="1" applyAlignment="1">
      <alignment horizontal="center" vertical="center" wrapText="1"/>
    </xf>
    <xf numFmtId="0" fontId="58" fillId="0" borderId="23" xfId="0" applyFont="1" applyFill="1" applyBorder="1" applyAlignment="1">
      <alignment horizontal="center" vertical="center"/>
    </xf>
    <xf numFmtId="14" fontId="58" fillId="0" borderId="1" xfId="0" applyNumberFormat="1" applyFont="1" applyFill="1" applyBorder="1" applyAlignment="1">
      <alignment horizontal="center" vertical="center" wrapText="1"/>
    </xf>
    <xf numFmtId="177" fontId="122" fillId="0" borderId="12" xfId="0" applyNumberFormat="1" applyFont="1" applyFill="1" applyBorder="1" applyAlignment="1">
      <alignment horizontal="center" vertical="center" wrapText="1"/>
    </xf>
    <xf numFmtId="0" fontId="119" fillId="0" borderId="1" xfId="0" applyFont="1" applyFill="1" applyBorder="1" applyAlignment="1">
      <alignment horizontal="center" vertical="center" wrapText="1"/>
    </xf>
    <xf numFmtId="177" fontId="119" fillId="0" borderId="1" xfId="0" applyNumberFormat="1" applyFont="1" applyFill="1" applyBorder="1" applyAlignment="1">
      <alignment horizontal="center" vertical="center" wrapText="1"/>
    </xf>
    <xf numFmtId="176" fontId="58" fillId="0" borderId="16" xfId="0" applyNumberFormat="1" applyFont="1" applyFill="1" applyBorder="1" applyAlignment="1">
      <alignment horizontal="center" vertical="center" wrapText="1"/>
    </xf>
    <xf numFmtId="0" fontId="39" fillId="0" borderId="14" xfId="0" applyFont="1" applyFill="1" applyBorder="1" applyAlignment="1">
      <alignment horizontal="center" vertical="center"/>
    </xf>
    <xf numFmtId="0" fontId="39" fillId="0" borderId="1" xfId="0" applyFont="1" applyFill="1" applyBorder="1" applyAlignment="1">
      <alignment horizontal="right" vertical="center"/>
    </xf>
    <xf numFmtId="0" fontId="122" fillId="0" borderId="1" xfId="0" applyFont="1" applyFill="1" applyBorder="1" applyAlignment="1">
      <alignment horizontal="center" vertical="center" wrapText="1"/>
    </xf>
    <xf numFmtId="177" fontId="122" fillId="0" borderId="1" xfId="0" applyNumberFormat="1" applyFont="1" applyFill="1" applyBorder="1" applyAlignment="1">
      <alignment horizontal="center" vertical="center" wrapText="1"/>
    </xf>
    <xf numFmtId="0" fontId="58" fillId="0" borderId="12" xfId="0" applyFont="1" applyFill="1" applyBorder="1" applyAlignment="1">
      <alignment vertical="center" wrapText="1"/>
    </xf>
    <xf numFmtId="0" fontId="115" fillId="0" borderId="1" xfId="0" applyFont="1" applyFill="1" applyBorder="1" applyAlignment="1">
      <alignment horizontal="left" vertical="center"/>
    </xf>
    <xf numFmtId="177" fontId="119" fillId="0" borderId="12" xfId="0" applyNumberFormat="1" applyFont="1" applyFill="1" applyBorder="1" applyAlignment="1">
      <alignment horizontal="center" vertical="center" wrapText="1"/>
    </xf>
    <xf numFmtId="0" fontId="39" fillId="0" borderId="1" xfId="0" applyFont="1" applyFill="1" applyBorder="1" applyAlignment="1">
      <alignment vertical="top" wrapText="1"/>
    </xf>
    <xf numFmtId="0" fontId="58" fillId="0" borderId="1" xfId="0" applyFont="1" applyFill="1" applyBorder="1" applyAlignment="1">
      <alignment wrapText="1"/>
    </xf>
    <xf numFmtId="0" fontId="58" fillId="0" borderId="0" xfId="0" applyFont="1" applyFill="1" applyBorder="1" applyAlignment="1">
      <alignment horizontal="center" vertical="center" wrapText="1"/>
    </xf>
    <xf numFmtId="0" fontId="58" fillId="0" borderId="1" xfId="0" applyFont="1" applyBorder="1" applyAlignment="1">
      <alignment wrapText="1"/>
    </xf>
    <xf numFmtId="0" fontId="39" fillId="0" borderId="11" xfId="16" applyFont="1" applyBorder="1" applyAlignment="1">
      <alignment vertical="center" wrapText="1"/>
    </xf>
    <xf numFmtId="0" fontId="39" fillId="0" borderId="11" xfId="16" applyFont="1" applyBorder="1" applyAlignment="1">
      <alignment horizontal="right" vertical="center" wrapText="1"/>
    </xf>
    <xf numFmtId="0" fontId="39" fillId="0" borderId="11" xfId="0" applyFont="1" applyBorder="1" applyAlignment="1">
      <alignment horizontal="left" vertical="center" wrapText="1"/>
    </xf>
    <xf numFmtId="0" fontId="58" fillId="0" borderId="13" xfId="0" applyFont="1" applyBorder="1" applyAlignment="1">
      <alignment horizontal="center" vertical="center"/>
    </xf>
    <xf numFmtId="177" fontId="58" fillId="0" borderId="1" xfId="0" applyNumberFormat="1" applyFont="1" applyBorder="1" applyAlignment="1">
      <alignment horizontal="left" vertical="center" wrapText="1"/>
    </xf>
    <xf numFmtId="0" fontId="58" fillId="0" borderId="1" xfId="0" applyFont="1" applyBorder="1" applyAlignment="1">
      <alignment horizontal="left" vertical="center" wrapText="1"/>
    </xf>
    <xf numFmtId="0" fontId="39" fillId="0" borderId="11" xfId="15" applyFont="1" applyFill="1" applyBorder="1" applyAlignment="1">
      <alignment horizontal="left" vertical="center" wrapText="1"/>
    </xf>
    <xf numFmtId="0" fontId="58" fillId="0" borderId="1" xfId="15" applyFont="1" applyFill="1" applyBorder="1" applyAlignment="1">
      <alignment horizontal="center" vertical="center"/>
    </xf>
    <xf numFmtId="0" fontId="58" fillId="0" borderId="11" xfId="0" applyFont="1" applyFill="1" applyBorder="1" applyAlignment="1">
      <alignment horizontal="center" vertical="center"/>
    </xf>
    <xf numFmtId="176" fontId="58" fillId="0" borderId="11" xfId="0" applyNumberFormat="1" applyFont="1" applyFill="1" applyBorder="1" applyAlignment="1">
      <alignment horizontal="center" vertical="center" wrapText="1"/>
    </xf>
    <xf numFmtId="0" fontId="39" fillId="0" borderId="17" xfId="15" applyFont="1" applyBorder="1" applyAlignment="1">
      <alignment horizontal="right" vertical="center" wrapText="1"/>
    </xf>
    <xf numFmtId="0" fontId="58" fillId="0" borderId="12" xfId="15" applyFont="1" applyBorder="1" applyAlignment="1">
      <alignment horizontal="center" vertical="center"/>
    </xf>
    <xf numFmtId="0" fontId="58" fillId="0" borderId="14" xfId="15" applyFont="1" applyBorder="1" applyAlignment="1">
      <alignment horizontal="center" vertical="center"/>
    </xf>
    <xf numFmtId="0" fontId="39" fillId="8" borderId="15" xfId="0" applyFont="1" applyFill="1" applyBorder="1" applyAlignment="1">
      <alignment horizontal="center" vertical="center"/>
    </xf>
    <xf numFmtId="0" fontId="39" fillId="8" borderId="10" xfId="0" applyFont="1" applyFill="1" applyBorder="1" applyAlignment="1">
      <alignment horizontal="center" vertical="center"/>
    </xf>
    <xf numFmtId="0" fontId="39" fillId="8" borderId="17" xfId="15" applyFont="1" applyFill="1" applyBorder="1" applyAlignment="1">
      <alignment horizontal="right" vertical="center" wrapText="1"/>
    </xf>
    <xf numFmtId="0" fontId="58" fillId="8" borderId="14" xfId="15" applyFont="1" applyFill="1" applyBorder="1" applyAlignment="1">
      <alignment horizontal="center" vertical="center"/>
    </xf>
    <xf numFmtId="0" fontId="34" fillId="8" borderId="14" xfId="0" applyFont="1" applyFill="1" applyBorder="1" applyAlignment="1">
      <alignment horizontal="center" vertical="center" wrapText="1"/>
    </xf>
    <xf numFmtId="0" fontId="58" fillId="8" borderId="14" xfId="0" applyFont="1" applyFill="1" applyBorder="1" applyAlignment="1">
      <alignment horizontal="center" vertical="center"/>
    </xf>
    <xf numFmtId="0" fontId="58" fillId="8" borderId="14" xfId="0" applyFont="1" applyFill="1" applyBorder="1" applyAlignment="1">
      <alignment horizontal="center" vertical="center" wrapText="1"/>
    </xf>
    <xf numFmtId="177" fontId="58" fillId="8" borderId="14" xfId="0" applyNumberFormat="1" applyFont="1" applyFill="1" applyBorder="1" applyAlignment="1">
      <alignment horizontal="center" vertical="center" wrapText="1"/>
    </xf>
    <xf numFmtId="177" fontId="58" fillId="8" borderId="17" xfId="0" applyNumberFormat="1" applyFont="1" applyFill="1" applyBorder="1" applyAlignment="1">
      <alignment horizontal="center" vertical="center" wrapText="1"/>
    </xf>
    <xf numFmtId="0" fontId="58" fillId="8" borderId="17" xfId="0" applyFont="1" applyFill="1" applyBorder="1" applyAlignment="1">
      <alignment horizontal="center" vertical="center" wrapText="1"/>
    </xf>
    <xf numFmtId="0" fontId="123" fillId="8" borderId="14" xfId="0" applyFont="1" applyFill="1" applyBorder="1" applyAlignment="1">
      <alignment horizontal="center" vertical="center" wrapText="1"/>
    </xf>
    <xf numFmtId="176" fontId="58" fillId="8" borderId="14" xfId="0" applyNumberFormat="1" applyFont="1" applyFill="1" applyBorder="1" applyAlignment="1">
      <alignment horizontal="center" vertical="center" wrapText="1"/>
    </xf>
    <xf numFmtId="176" fontId="123" fillId="8" borderId="14" xfId="0" applyNumberFormat="1" applyFont="1" applyFill="1" applyBorder="1" applyAlignment="1">
      <alignment horizontal="center" vertical="center" wrapText="1"/>
    </xf>
    <xf numFmtId="0" fontId="39" fillId="0" borderId="17" xfId="15" applyFont="1" applyFill="1" applyBorder="1" applyAlignment="1">
      <alignment horizontal="right" vertical="center" wrapText="1"/>
    </xf>
    <xf numFmtId="0" fontId="58" fillId="0" borderId="14" xfId="15" applyFont="1" applyFill="1" applyBorder="1" applyAlignment="1">
      <alignment horizontal="center" vertical="center"/>
    </xf>
    <xf numFmtId="15" fontId="58" fillId="0" borderId="14" xfId="0" applyNumberFormat="1" applyFont="1" applyBorder="1" applyAlignment="1">
      <alignment horizontal="center" vertical="center" wrapText="1"/>
    </xf>
    <xf numFmtId="15" fontId="58" fillId="0" borderId="14" xfId="0" applyNumberFormat="1" applyFont="1" applyFill="1" applyBorder="1" applyAlignment="1">
      <alignment horizontal="center" vertical="center" wrapText="1"/>
    </xf>
    <xf numFmtId="0" fontId="39" fillId="0" borderId="16" xfId="15" applyFont="1" applyBorder="1" applyAlignment="1">
      <alignment horizontal="right" vertical="center" wrapText="1"/>
    </xf>
    <xf numFmtId="0" fontId="39" fillId="0" borderId="18" xfId="15" applyFont="1" applyBorder="1" applyAlignment="1">
      <alignment horizontal="right" vertical="center" wrapText="1"/>
    </xf>
    <xf numFmtId="0" fontId="58" fillId="0" borderId="10" xfId="15" applyFont="1" applyBorder="1" applyAlignment="1">
      <alignment horizontal="center" vertical="center"/>
    </xf>
    <xf numFmtId="0" fontId="39" fillId="0" borderId="11" xfId="14" applyFont="1" applyBorder="1" applyAlignment="1">
      <alignment horizontal="left" vertical="center" wrapText="1"/>
    </xf>
    <xf numFmtId="1" fontId="58" fillId="0" borderId="13" xfId="13" applyNumberFormat="1" applyFont="1" applyBorder="1" applyAlignment="1">
      <alignment horizontal="center" vertical="center" wrapText="1"/>
    </xf>
    <xf numFmtId="0" fontId="58" fillId="0" borderId="12" xfId="0" applyFont="1" applyBorder="1" applyAlignment="1">
      <alignment horizontal="center" vertical="top" wrapText="1"/>
    </xf>
    <xf numFmtId="0" fontId="58" fillId="0" borderId="10" xfId="0" quotePrefix="1" applyFont="1" applyBorder="1" applyAlignment="1">
      <alignment horizontal="center" vertical="top" wrapText="1"/>
    </xf>
    <xf numFmtId="182" fontId="58" fillId="0" borderId="20" xfId="0" applyNumberFormat="1" applyFont="1" applyBorder="1" applyAlignment="1">
      <alignment horizontal="center" vertical="top" wrapText="1"/>
    </xf>
    <xf numFmtId="178" fontId="58" fillId="0" borderId="0" xfId="0" applyNumberFormat="1" applyFont="1" applyAlignment="1">
      <alignment horizontal="center" vertical="top" wrapText="1"/>
    </xf>
    <xf numFmtId="178" fontId="58" fillId="0" borderId="0" xfId="0" applyNumberFormat="1" applyFont="1" applyFill="1" applyAlignment="1">
      <alignment horizontal="center" vertical="top" wrapText="1"/>
    </xf>
    <xf numFmtId="0" fontId="39" fillId="0" borderId="11" xfId="0" applyFont="1" applyFill="1" applyBorder="1" applyAlignment="1">
      <alignment horizontal="left" vertical="center" wrapText="1"/>
    </xf>
    <xf numFmtId="178" fontId="58" fillId="0" borderId="1" xfId="0" applyNumberFormat="1" applyFont="1" applyBorder="1" applyAlignment="1">
      <alignment horizontal="center" vertical="top" wrapText="1"/>
    </xf>
    <xf numFmtId="178" fontId="58" fillId="0" borderId="21" xfId="0" applyNumberFormat="1" applyFont="1" applyBorder="1" applyAlignment="1">
      <alignment horizontal="center" vertical="top" wrapText="1"/>
    </xf>
    <xf numFmtId="178" fontId="58" fillId="0" borderId="15" xfId="0" applyNumberFormat="1" applyFont="1" applyBorder="1" applyAlignment="1">
      <alignment horizontal="center" vertical="top" wrapText="1"/>
    </xf>
    <xf numFmtId="0" fontId="39" fillId="0" borderId="18" xfId="0" quotePrefix="1" applyFont="1" applyBorder="1" applyAlignment="1">
      <alignment horizontal="right" vertical="center" wrapText="1"/>
    </xf>
    <xf numFmtId="178" fontId="58" fillId="0" borderId="19" xfId="0" applyNumberFormat="1" applyFont="1" applyBorder="1" applyAlignment="1">
      <alignment horizontal="center" vertical="top" wrapText="1"/>
    </xf>
    <xf numFmtId="0" fontId="39" fillId="0" borderId="16" xfId="0" applyFont="1" applyBorder="1" applyAlignment="1">
      <alignment horizontal="left" vertical="center" wrapText="1"/>
    </xf>
    <xf numFmtId="0" fontId="58" fillId="0" borderId="33" xfId="0" applyFont="1" applyBorder="1" applyAlignment="1">
      <alignment horizontal="center" vertical="center" wrapText="1"/>
    </xf>
    <xf numFmtId="0" fontId="58" fillId="0" borderId="33" xfId="0" applyFont="1" applyBorder="1" applyAlignment="1">
      <alignment horizontal="center" vertical="center"/>
    </xf>
    <xf numFmtId="0" fontId="58" fillId="0" borderId="11" xfId="0" applyFont="1" applyBorder="1" applyAlignment="1">
      <alignment horizontal="center" vertical="center"/>
    </xf>
    <xf numFmtId="177" fontId="58" fillId="0" borderId="22" xfId="0" applyNumberFormat="1" applyFont="1" applyBorder="1" applyAlignment="1">
      <alignment horizontal="center" vertical="center" wrapText="1"/>
    </xf>
    <xf numFmtId="182" fontId="58" fillId="0" borderId="10" xfId="0" quotePrefix="1" applyNumberFormat="1" applyFont="1" applyBorder="1" applyAlignment="1">
      <alignment horizontal="center" vertical="center" wrapText="1"/>
    </xf>
    <xf numFmtId="176" fontId="58" fillId="0" borderId="10" xfId="0" quotePrefix="1" applyNumberFormat="1" applyFont="1" applyBorder="1" applyAlignment="1">
      <alignment horizontal="center" vertical="center" wrapText="1"/>
    </xf>
    <xf numFmtId="182" fontId="58" fillId="0" borderId="12" xfId="0" quotePrefix="1" applyNumberFormat="1" applyFont="1" applyBorder="1" applyAlignment="1">
      <alignment horizontal="center" vertical="center" wrapText="1"/>
    </xf>
    <xf numFmtId="0" fontId="58" fillId="0" borderId="22" xfId="0" applyFont="1" applyFill="1" applyBorder="1" applyAlignment="1">
      <alignment horizontal="center" vertical="center" wrapText="1"/>
    </xf>
    <xf numFmtId="0" fontId="30" fillId="0" borderId="14" xfId="21" applyFont="1" applyFill="1" applyBorder="1" applyAlignment="1">
      <alignment horizontal="center" vertical="center" wrapText="1"/>
    </xf>
    <xf numFmtId="0" fontId="30" fillId="0" borderId="17" xfId="21" applyFont="1" applyFill="1" applyBorder="1" applyAlignment="1">
      <alignment horizontal="center" vertical="center" wrapText="1"/>
    </xf>
    <xf numFmtId="0" fontId="58" fillId="0" borderId="14" xfId="21" applyFont="1" applyFill="1" applyBorder="1" applyAlignment="1">
      <alignment horizontal="center" vertical="center" wrapText="1"/>
    </xf>
    <xf numFmtId="0" fontId="58" fillId="0" borderId="17" xfId="21" applyFont="1" applyFill="1" applyBorder="1" applyAlignment="1">
      <alignment horizontal="center" vertical="center" wrapText="1"/>
    </xf>
    <xf numFmtId="0" fontId="30" fillId="0" borderId="1" xfId="21" applyFont="1" applyFill="1" applyBorder="1" applyAlignment="1">
      <alignment horizontal="center" vertical="center" wrapText="1"/>
    </xf>
    <xf numFmtId="0" fontId="58" fillId="0" borderId="13" xfId="0" applyFont="1" applyFill="1" applyBorder="1" applyAlignment="1">
      <alignment horizontal="center" wrapText="1"/>
    </xf>
    <xf numFmtId="176" fontId="58" fillId="0" borderId="13" xfId="0" applyNumberFormat="1" applyFont="1" applyFill="1" applyBorder="1" applyAlignment="1">
      <alignment horizontal="center" vertical="center" wrapText="1"/>
    </xf>
    <xf numFmtId="176" fontId="58" fillId="0" borderId="1" xfId="0" applyNumberFormat="1" applyFont="1" applyFill="1" applyBorder="1" applyAlignment="1">
      <alignment horizontal="center" vertical="center"/>
    </xf>
    <xf numFmtId="0" fontId="58" fillId="0" borderId="20" xfId="0" applyFont="1" applyBorder="1" applyAlignment="1">
      <alignment horizontal="center" wrapText="1"/>
    </xf>
    <xf numFmtId="0" fontId="58" fillId="0" borderId="22" xfId="0" applyFont="1" applyBorder="1" applyAlignment="1">
      <alignment vertical="center"/>
    </xf>
    <xf numFmtId="176" fontId="58" fillId="0" borderId="22" xfId="0" quotePrefix="1" applyNumberFormat="1" applyFont="1" applyBorder="1" applyAlignment="1">
      <alignment horizontal="center" vertical="center" wrapText="1"/>
    </xf>
    <xf numFmtId="0" fontId="58" fillId="0" borderId="19" xfId="0" applyFont="1" applyBorder="1" applyAlignment="1">
      <alignment horizontal="center" vertical="center"/>
    </xf>
    <xf numFmtId="0" fontId="58" fillId="0" borderId="21" xfId="0" applyFont="1" applyBorder="1" applyAlignment="1">
      <alignment horizontal="center" vertical="center"/>
    </xf>
    <xf numFmtId="176" fontId="58" fillId="0" borderId="23" xfId="0" applyNumberFormat="1" applyFont="1" applyBorder="1" applyAlignment="1">
      <alignment horizontal="center" vertical="center" wrapText="1"/>
    </xf>
    <xf numFmtId="0" fontId="39" fillId="0" borderId="23" xfId="0" applyFont="1" applyBorder="1" applyAlignment="1">
      <alignment vertical="center" wrapText="1"/>
    </xf>
    <xf numFmtId="1" fontId="58" fillId="0" borderId="23" xfId="13" applyNumberFormat="1" applyFont="1" applyBorder="1" applyAlignment="1">
      <alignment horizontal="center" vertical="center" wrapText="1"/>
    </xf>
    <xf numFmtId="0" fontId="39" fillId="0" borderId="23" xfId="0" applyFont="1" applyFill="1" applyBorder="1" applyAlignment="1">
      <alignment vertical="center" wrapText="1"/>
    </xf>
    <xf numFmtId="177" fontId="39" fillId="0" borderId="1" xfId="0" applyNumberFormat="1" applyFont="1" applyFill="1" applyBorder="1" applyAlignment="1">
      <alignment horizontal="center" vertical="center" wrapText="1"/>
    </xf>
    <xf numFmtId="177" fontId="39" fillId="0" borderId="12" xfId="0" applyNumberFormat="1" applyFont="1" applyFill="1" applyBorder="1" applyAlignment="1">
      <alignment horizontal="center" vertical="center" wrapText="1"/>
    </xf>
    <xf numFmtId="1" fontId="30" fillId="0" borderId="23" xfId="13" applyNumberFormat="1" applyFont="1" applyFill="1" applyBorder="1" applyAlignment="1">
      <alignment horizontal="center" vertical="center" wrapText="1"/>
    </xf>
    <xf numFmtId="176" fontId="39" fillId="0" borderId="12" xfId="0" applyNumberFormat="1" applyFont="1" applyFill="1" applyBorder="1" applyAlignment="1">
      <alignment horizontal="center" vertical="center" wrapText="1"/>
    </xf>
    <xf numFmtId="16" fontId="39" fillId="0" borderId="16" xfId="0" applyNumberFormat="1" applyFont="1" applyBorder="1" applyAlignment="1">
      <alignment horizontal="left" vertical="center" wrapText="1"/>
    </xf>
    <xf numFmtId="16" fontId="39" fillId="0" borderId="16" xfId="0" applyNumberFormat="1" applyFont="1" applyBorder="1" applyAlignment="1">
      <alignment horizontal="right" vertical="center" wrapText="1"/>
    </xf>
    <xf numFmtId="16" fontId="39" fillId="0" borderId="17" xfId="0" applyNumberFormat="1" applyFont="1" applyBorder="1" applyAlignment="1">
      <alignment horizontal="right" vertical="center" wrapText="1"/>
    </xf>
    <xf numFmtId="176" fontId="58" fillId="0" borderId="11" xfId="0" applyNumberFormat="1" applyFont="1" applyBorder="1" applyAlignment="1">
      <alignment horizontal="center" vertical="center" wrapText="1"/>
    </xf>
    <xf numFmtId="0" fontId="39" fillId="0" borderId="16" xfId="15" quotePrefix="1" applyFont="1" applyFill="1" applyBorder="1" applyAlignment="1">
      <alignment horizontal="left" vertical="center" wrapText="1"/>
    </xf>
    <xf numFmtId="0" fontId="58" fillId="0" borderId="12" xfId="15" quotePrefix="1" applyFont="1" applyFill="1" applyBorder="1" applyAlignment="1">
      <alignment horizontal="center" vertical="center"/>
    </xf>
    <xf numFmtId="49" fontId="58" fillId="0" borderId="1" xfId="0" applyNumberFormat="1" applyFont="1" applyFill="1" applyBorder="1" applyAlignment="1">
      <alignment horizontal="center" vertical="center" wrapText="1"/>
    </xf>
    <xf numFmtId="177" fontId="58" fillId="0" borderId="1" xfId="0" applyNumberFormat="1" applyFont="1" applyFill="1" applyBorder="1" applyAlignment="1">
      <alignment horizontal="center" vertical="top" wrapText="1"/>
    </xf>
    <xf numFmtId="177" fontId="58" fillId="0" borderId="10" xfId="0" applyNumberFormat="1" applyFont="1" applyFill="1" applyBorder="1" applyAlignment="1">
      <alignment horizontal="center" vertical="top" wrapText="1"/>
    </xf>
    <xf numFmtId="0" fontId="58" fillId="0" borderId="10" xfId="0" applyFont="1" applyFill="1" applyBorder="1" applyAlignment="1">
      <alignment horizontal="center" vertical="top" wrapText="1"/>
    </xf>
    <xf numFmtId="0" fontId="39" fillId="0" borderId="13" xfId="15" applyFont="1" applyBorder="1" applyAlignment="1">
      <alignment horizontal="left" vertical="center" wrapText="1"/>
    </xf>
    <xf numFmtId="0" fontId="39" fillId="0" borderId="18" xfId="15" applyFont="1" applyBorder="1" applyAlignment="1">
      <alignment horizontal="left" vertical="center" wrapText="1"/>
    </xf>
    <xf numFmtId="178" fontId="58" fillId="0" borderId="10" xfId="0" applyNumberFormat="1" applyFont="1" applyBorder="1" applyAlignment="1">
      <alignment horizontal="center" wrapText="1"/>
    </xf>
    <xf numFmtId="0" fontId="58" fillId="0" borderId="0" xfId="0" applyFont="1" applyAlignment="1">
      <alignment vertical="center"/>
    </xf>
    <xf numFmtId="49" fontId="39" fillId="0" borderId="0" xfId="0" applyNumberFormat="1" applyFont="1" applyAlignment="1">
      <alignment horizontal="right" vertical="center" wrapText="1"/>
    </xf>
    <xf numFmtId="176" fontId="58" fillId="0" borderId="1" xfId="0" quotePrefix="1" applyNumberFormat="1" applyFont="1" applyFill="1" applyBorder="1" applyAlignment="1">
      <alignment horizontal="center" vertical="center" wrapText="1"/>
    </xf>
    <xf numFmtId="0" fontId="58" fillId="0" borderId="21" xfId="19" applyFont="1" applyBorder="1" applyAlignment="1">
      <alignment horizontal="center" vertical="center" wrapText="1"/>
    </xf>
    <xf numFmtId="49" fontId="32" fillId="0" borderId="0" xfId="0" applyNumberFormat="1" applyFont="1" applyAlignment="1">
      <alignment vertical="center"/>
    </xf>
    <xf numFmtId="49" fontId="30" fillId="0" borderId="61" xfId="0" applyNumberFormat="1" applyFont="1" applyFill="1" applyBorder="1" applyAlignment="1">
      <alignment horizontal="left" vertical="center"/>
    </xf>
    <xf numFmtId="49" fontId="30" fillId="0" borderId="0" xfId="0" applyNumberFormat="1" applyFont="1" applyAlignment="1">
      <alignment vertical="center"/>
    </xf>
    <xf numFmtId="49" fontId="30" fillId="0" borderId="0" xfId="0" applyNumberFormat="1" applyFont="1" applyFill="1" applyBorder="1" applyAlignment="1">
      <alignment horizontal="center"/>
    </xf>
    <xf numFmtId="0" fontId="30" fillId="0" borderId="54" xfId="0" applyFont="1" applyFill="1" applyBorder="1" applyAlignment="1"/>
    <xf numFmtId="0" fontId="58" fillId="0" borderId="0" xfId="0" applyFont="1" applyFill="1" applyBorder="1" applyAlignment="1"/>
    <xf numFmtId="49" fontId="30" fillId="0" borderId="0" xfId="0" applyNumberFormat="1" applyFont="1" applyFill="1" applyAlignment="1">
      <alignment vertical="center"/>
    </xf>
    <xf numFmtId="49" fontId="58" fillId="0" borderId="0" xfId="0" applyNumberFormat="1" applyFont="1" applyFill="1" applyAlignment="1">
      <alignment vertical="center"/>
    </xf>
    <xf numFmtId="49" fontId="64" fillId="0" borderId="0" xfId="0" applyNumberFormat="1" applyFont="1" applyAlignment="1">
      <alignment vertical="center"/>
    </xf>
    <xf numFmtId="49" fontId="58" fillId="0" borderId="0" xfId="0" applyNumberFormat="1" applyFont="1" applyAlignment="1">
      <alignment vertical="center"/>
    </xf>
    <xf numFmtId="49" fontId="124" fillId="0" borderId="56" xfId="17" applyNumberFormat="1" applyFont="1" applyBorder="1" applyAlignment="1">
      <alignment vertical="center"/>
    </xf>
    <xf numFmtId="0" fontId="125" fillId="0" borderId="0" xfId="0" applyFont="1" applyAlignment="1">
      <alignment vertical="center"/>
    </xf>
    <xf numFmtId="0" fontId="126" fillId="0" borderId="0" xfId="17" applyFont="1" applyAlignment="1">
      <alignment vertical="center"/>
    </xf>
    <xf numFmtId="0" fontId="15" fillId="0" borderId="0" xfId="0" applyFont="1" applyBorder="1">
      <alignment vertical="center"/>
    </xf>
    <xf numFmtId="0" fontId="32" fillId="0" borderId="50" xfId="0" applyFont="1" applyBorder="1">
      <alignment vertical="center"/>
    </xf>
    <xf numFmtId="0" fontId="30" fillId="0" borderId="51" xfId="0" applyFont="1" applyBorder="1">
      <alignment vertical="center"/>
    </xf>
    <xf numFmtId="0" fontId="30" fillId="0" borderId="52" xfId="0" applyFont="1" applyBorder="1">
      <alignment vertical="center"/>
    </xf>
    <xf numFmtId="0" fontId="30" fillId="0" borderId="53" xfId="0" applyFont="1" applyBorder="1">
      <alignment vertical="center"/>
    </xf>
    <xf numFmtId="0" fontId="30" fillId="0" borderId="54" xfId="0" applyFont="1" applyBorder="1">
      <alignment vertical="center"/>
    </xf>
    <xf numFmtId="0" fontId="30" fillId="0" borderId="0" xfId="0" applyFont="1" applyBorder="1">
      <alignment vertical="center"/>
    </xf>
    <xf numFmtId="0" fontId="58" fillId="0" borderId="0" xfId="0" applyFont="1" applyBorder="1">
      <alignment vertical="center"/>
    </xf>
    <xf numFmtId="0" fontId="30" fillId="0" borderId="55" xfId="0" applyFont="1" applyBorder="1">
      <alignment vertical="center"/>
    </xf>
    <xf numFmtId="0" fontId="30" fillId="0" borderId="56" xfId="0" applyFont="1" applyBorder="1">
      <alignment vertical="center"/>
    </xf>
    <xf numFmtId="0" fontId="30" fillId="0" borderId="57" xfId="0" applyFont="1" applyBorder="1">
      <alignment vertical="center"/>
    </xf>
    <xf numFmtId="0" fontId="74" fillId="0" borderId="3" xfId="0" applyFont="1" applyBorder="1" applyAlignment="1">
      <alignment horizontal="left" vertical="center" wrapText="1"/>
    </xf>
    <xf numFmtId="0" fontId="74" fillId="0" borderId="4" xfId="0" applyFont="1" applyBorder="1" applyAlignment="1">
      <alignment horizontal="left" vertical="center" wrapText="1"/>
    </xf>
    <xf numFmtId="0" fontId="50" fillId="0" borderId="0" xfId="23" applyFont="1" applyBorder="1" applyAlignment="1">
      <alignment horizontal="justify" vertical="top" wrapText="1"/>
    </xf>
    <xf numFmtId="0" fontId="50" fillId="0" borderId="0" xfId="23" applyFont="1" applyBorder="1" applyAlignment="1">
      <alignment horizontal="justify" vertical="center" wrapText="1"/>
    </xf>
    <xf numFmtId="0" fontId="74" fillId="0" borderId="36" xfId="0" applyFont="1" applyBorder="1" applyAlignment="1">
      <alignment horizontal="left" vertical="center" wrapText="1"/>
    </xf>
    <xf numFmtId="0" fontId="127" fillId="0" borderId="82" xfId="0" applyFont="1" applyBorder="1" applyAlignment="1">
      <alignment horizontal="left" vertical="center" wrapText="1"/>
    </xf>
    <xf numFmtId="0" fontId="30" fillId="0" borderId="0" xfId="0" applyNumberFormat="1" applyFont="1" applyFill="1" applyBorder="1" applyAlignment="1">
      <alignment vertical="top"/>
    </xf>
    <xf numFmtId="0" fontId="117" fillId="3" borderId="12" xfId="0" applyNumberFormat="1" applyFont="1" applyFill="1" applyBorder="1" applyAlignment="1"/>
    <xf numFmtId="0" fontId="0" fillId="0" borderId="82" xfId="0" applyBorder="1" applyAlignment="1">
      <alignment vertical="top"/>
    </xf>
    <xf numFmtId="0" fontId="30" fillId="0" borderId="82" xfId="0" applyNumberFormat="1" applyFont="1" applyFill="1" applyBorder="1" applyAlignment="1">
      <alignment vertical="top"/>
    </xf>
    <xf numFmtId="49" fontId="8" fillId="0" borderId="82" xfId="8" applyNumberFormat="1" applyFont="1" applyFill="1" applyBorder="1" applyAlignment="1"/>
    <xf numFmtId="0" fontId="8" fillId="0" borderId="82" xfId="8" applyNumberFormat="1" applyFont="1" applyFill="1" applyBorder="1" applyAlignment="1"/>
    <xf numFmtId="0" fontId="3" fillId="0" borderId="82" xfId="8" applyNumberFormat="1" applyFont="1" applyFill="1" applyBorder="1" applyAlignment="1"/>
    <xf numFmtId="0" fontId="30" fillId="0" borderId="85" xfId="0" applyNumberFormat="1" applyFont="1" applyFill="1" applyBorder="1" applyAlignment="1">
      <alignment vertical="top"/>
    </xf>
    <xf numFmtId="0" fontId="30" fillId="0" borderId="86" xfId="0" applyNumberFormat="1" applyFont="1" applyFill="1" applyBorder="1" applyAlignment="1">
      <alignment vertical="top"/>
    </xf>
    <xf numFmtId="0" fontId="30" fillId="0" borderId="87" xfId="0" applyNumberFormat="1" applyFont="1" applyFill="1" applyBorder="1" applyAlignment="1">
      <alignment vertical="top"/>
    </xf>
    <xf numFmtId="0" fontId="30" fillId="0" borderId="88" xfId="0" applyNumberFormat="1" applyFont="1" applyFill="1" applyBorder="1" applyAlignment="1">
      <alignment vertical="top"/>
    </xf>
    <xf numFmtId="0" fontId="30" fillId="0" borderId="89" xfId="0" applyNumberFormat="1" applyFont="1" applyFill="1" applyBorder="1" applyAlignment="1">
      <alignment vertical="top"/>
    </xf>
    <xf numFmtId="49" fontId="8" fillId="0" borderId="88" xfId="8" applyNumberFormat="1" applyFont="1" applyFill="1" applyBorder="1" applyAlignment="1"/>
    <xf numFmtId="0" fontId="3" fillId="0" borderId="89" xfId="8" applyNumberFormat="1" applyFont="1" applyFill="1" applyBorder="1" applyAlignment="1"/>
    <xf numFmtId="49" fontId="8" fillId="0" borderId="90" xfId="8" applyNumberFormat="1" applyFont="1" applyFill="1" applyBorder="1" applyAlignment="1"/>
    <xf numFmtId="49" fontId="8" fillId="0" borderId="91" xfId="8" applyNumberFormat="1" applyFont="1" applyFill="1" applyBorder="1" applyAlignment="1"/>
    <xf numFmtId="0" fontId="8" fillId="0" borderId="91" xfId="8" applyNumberFormat="1" applyFont="1" applyFill="1" applyBorder="1" applyAlignment="1"/>
    <xf numFmtId="0" fontId="3" fillId="0" borderId="91" xfId="8" applyNumberFormat="1" applyFont="1" applyFill="1" applyBorder="1" applyAlignment="1"/>
    <xf numFmtId="0" fontId="3" fillId="0" borderId="92" xfId="8" applyNumberFormat="1" applyFont="1" applyFill="1" applyBorder="1" applyAlignment="1"/>
    <xf numFmtId="0" fontId="39" fillId="0" borderId="82" xfId="13" applyFont="1" applyBorder="1" applyAlignment="1">
      <alignment horizontal="left" vertical="center" wrapText="1"/>
    </xf>
    <xf numFmtId="0" fontId="58" fillId="0" borderId="82" xfId="0" applyFont="1" applyBorder="1" applyAlignment="1">
      <alignment horizontal="center" vertical="center" wrapText="1"/>
    </xf>
    <xf numFmtId="49" fontId="128" fillId="0" borderId="0" xfId="0" applyNumberFormat="1" applyFont="1" applyAlignment="1">
      <alignment vertical="center"/>
    </xf>
    <xf numFmtId="0" fontId="130" fillId="9" borderId="93" xfId="24" applyFont="1" applyFill="1" applyBorder="1" applyAlignment="1">
      <alignment horizontal="center"/>
    </xf>
    <xf numFmtId="0" fontId="130" fillId="0" borderId="94" xfId="24" applyFont="1" applyBorder="1" applyAlignment="1">
      <alignment wrapText="1"/>
    </xf>
    <xf numFmtId="0" fontId="130" fillId="0" borderId="94" xfId="24" applyFont="1" applyBorder="1" applyAlignment="1">
      <alignment horizontal="right" wrapText="1"/>
    </xf>
    <xf numFmtId="49" fontId="34" fillId="0" borderId="0" xfId="2" applyNumberFormat="1" applyFont="1" applyBorder="1">
      <alignment vertical="center"/>
    </xf>
    <xf numFmtId="49" fontId="35" fillId="0" borderId="0" xfId="2" applyNumberFormat="1" applyFont="1">
      <alignment vertical="center"/>
    </xf>
    <xf numFmtId="0" fontId="50" fillId="0" borderId="0" xfId="23" applyFont="1">
      <alignment vertical="center"/>
    </xf>
    <xf numFmtId="0" fontId="50" fillId="0" borderId="78" xfId="23" applyFont="1" applyBorder="1">
      <alignment vertical="center"/>
    </xf>
    <xf numFmtId="0" fontId="131" fillId="0" borderId="0" xfId="0" applyFont="1" applyBorder="1">
      <alignment vertical="center"/>
    </xf>
    <xf numFmtId="49" fontId="44" fillId="0" borderId="0" xfId="2" applyNumberFormat="1" applyFont="1" applyBorder="1">
      <alignment vertical="center"/>
    </xf>
    <xf numFmtId="0" fontId="136" fillId="0" borderId="82" xfId="0" applyFont="1" applyBorder="1">
      <alignment vertical="center"/>
    </xf>
    <xf numFmtId="49" fontId="137" fillId="0" borderId="82" xfId="2" applyNumberFormat="1" applyFont="1" applyBorder="1">
      <alignment vertical="center"/>
    </xf>
    <xf numFmtId="0" fontId="132" fillId="0" borderId="82" xfId="0" applyFont="1" applyBorder="1">
      <alignment vertical="center"/>
    </xf>
    <xf numFmtId="49" fontId="133" fillId="0" borderId="82" xfId="2" applyNumberFormat="1" applyFont="1" applyBorder="1">
      <alignment vertical="center"/>
    </xf>
    <xf numFmtId="0" fontId="138" fillId="4" borderId="49" xfId="0" applyFont="1" applyFill="1" applyBorder="1" applyAlignment="1">
      <alignment horizontal="center" vertical="center" wrapText="1"/>
    </xf>
    <xf numFmtId="0" fontId="130" fillId="0" borderId="94" xfId="24" applyFont="1" applyBorder="1" applyAlignment="1">
      <alignment vertical="top" wrapText="1"/>
    </xf>
    <xf numFmtId="0" fontId="130" fillId="0" borderId="94" xfId="24" applyFont="1" applyBorder="1" applyAlignment="1">
      <alignment horizontal="right" vertical="top" wrapText="1"/>
    </xf>
    <xf numFmtId="0" fontId="130" fillId="0" borderId="94" xfId="24" applyFont="1" applyBorder="1" applyAlignment="1">
      <alignment vertical="center" wrapText="1"/>
    </xf>
    <xf numFmtId="0" fontId="130" fillId="0" borderId="94" xfId="24" applyFont="1" applyBorder="1" applyAlignment="1">
      <alignment horizontal="right" vertical="center" wrapText="1"/>
    </xf>
    <xf numFmtId="49" fontId="3" fillId="0" borderId="0" xfId="0" applyNumberFormat="1" applyFont="1" applyFill="1" applyAlignment="1">
      <alignment vertical="top"/>
    </xf>
    <xf numFmtId="0" fontId="30" fillId="0" borderId="0" xfId="0" applyFont="1" applyBorder="1" applyAlignment="1">
      <alignment vertical="center" wrapText="1"/>
    </xf>
    <xf numFmtId="0" fontId="30" fillId="8" borderId="0" xfId="0" applyFont="1" applyFill="1" applyBorder="1" applyAlignment="1">
      <alignment vertical="center" wrapText="1"/>
    </xf>
    <xf numFmtId="0" fontId="30" fillId="0" borderId="0" xfId="0" applyFont="1" applyBorder="1" applyAlignment="1">
      <alignment vertical="top" wrapText="1"/>
    </xf>
    <xf numFmtId="0" fontId="30" fillId="0" borderId="0" xfId="0" applyNumberFormat="1" applyFont="1" applyBorder="1" applyAlignment="1">
      <alignment horizontal="left" vertical="top" wrapText="1"/>
    </xf>
    <xf numFmtId="0" fontId="21" fillId="0" borderId="45" xfId="0" applyFont="1" applyBorder="1" applyAlignment="1">
      <alignment horizontal="center" vertical="center" wrapText="1"/>
    </xf>
    <xf numFmtId="0" fontId="21" fillId="0" borderId="47" xfId="0" applyFont="1" applyBorder="1" applyAlignment="1">
      <alignment horizontal="center" vertical="center" wrapText="1"/>
    </xf>
    <xf numFmtId="49" fontId="3" fillId="0" borderId="0" xfId="0" applyNumberFormat="1" applyFont="1" applyAlignment="1">
      <alignment vertical="top" wrapText="1"/>
    </xf>
    <xf numFmtId="49" fontId="55" fillId="0" borderId="45" xfId="0" applyNumberFormat="1" applyFont="1" applyBorder="1" applyAlignment="1">
      <alignment horizontal="center" vertical="center" wrapText="1"/>
    </xf>
    <xf numFmtId="49" fontId="55" fillId="0" borderId="47" xfId="0" applyNumberFormat="1" applyFont="1" applyBorder="1" applyAlignment="1">
      <alignment horizontal="center" vertical="center" wrapText="1"/>
    </xf>
    <xf numFmtId="0" fontId="17" fillId="6" borderId="58" xfId="0" applyFont="1" applyFill="1" applyBorder="1" applyAlignment="1">
      <alignment horizontal="left" vertical="center"/>
    </xf>
    <xf numFmtId="0" fontId="17" fillId="6" borderId="9" xfId="0" applyFont="1" applyFill="1" applyBorder="1" applyAlignment="1">
      <alignment horizontal="left" vertical="center"/>
    </xf>
    <xf numFmtId="0" fontId="17" fillId="6" borderId="59" xfId="0" applyFont="1" applyFill="1" applyBorder="1" applyAlignment="1">
      <alignment horizontal="left" vertical="center"/>
    </xf>
    <xf numFmtId="49" fontId="3" fillId="0" borderId="9" xfId="0" applyNumberFormat="1" applyFont="1" applyBorder="1" applyAlignment="1">
      <alignment vertical="center" wrapText="1"/>
    </xf>
    <xf numFmtId="49" fontId="3" fillId="0" borderId="59" xfId="0" applyNumberFormat="1" applyFont="1" applyBorder="1" applyAlignment="1">
      <alignment vertical="center" wrapText="1"/>
    </xf>
    <xf numFmtId="49" fontId="32" fillId="6" borderId="58" xfId="4" applyNumberFormat="1" applyFont="1" applyFill="1" applyBorder="1" applyAlignment="1">
      <alignment horizontal="left" vertical="center" wrapText="1"/>
    </xf>
    <xf numFmtId="49" fontId="32" fillId="6" borderId="59" xfId="4" applyNumberFormat="1" applyFont="1" applyFill="1" applyBorder="1" applyAlignment="1">
      <alignment horizontal="left" vertical="center" wrapText="1"/>
    </xf>
    <xf numFmtId="49" fontId="34" fillId="0" borderId="61" xfId="4" applyNumberFormat="1" applyFont="1" applyBorder="1" applyAlignment="1">
      <alignment horizontal="left" vertical="center"/>
    </xf>
    <xf numFmtId="49" fontId="34" fillId="0" borderId="62" xfId="4" applyNumberFormat="1" applyFont="1" applyBorder="1" applyAlignment="1">
      <alignment horizontal="left" vertical="center"/>
    </xf>
    <xf numFmtId="0" fontId="74" fillId="0" borderId="40" xfId="0" applyFont="1" applyBorder="1" applyAlignment="1">
      <alignment horizontal="left" vertical="center" wrapText="1"/>
    </xf>
    <xf numFmtId="0" fontId="74" fillId="0" borderId="0" xfId="0" applyFont="1" applyBorder="1" applyAlignment="1">
      <alignment horizontal="left" vertical="center" wrapText="1"/>
    </xf>
    <xf numFmtId="0" fontId="74" fillId="0" borderId="41" xfId="0" applyFont="1" applyBorder="1" applyAlignment="1">
      <alignment horizontal="left" vertical="center" wrapText="1"/>
    </xf>
    <xf numFmtId="0" fontId="76" fillId="0" borderId="40" xfId="0" applyFont="1" applyBorder="1" applyAlignment="1">
      <alignment horizontal="left" vertical="center" wrapText="1"/>
    </xf>
    <xf numFmtId="0" fontId="76" fillId="0" borderId="0" xfId="0" applyFont="1" applyBorder="1" applyAlignment="1">
      <alignment horizontal="left" vertical="center" wrapText="1"/>
    </xf>
    <xf numFmtId="0" fontId="76" fillId="0" borderId="41" xfId="0" applyFont="1" applyBorder="1" applyAlignment="1">
      <alignment horizontal="left" vertical="center" wrapText="1"/>
    </xf>
    <xf numFmtId="0" fontId="76" fillId="0" borderId="42" xfId="0" applyFont="1" applyBorder="1" applyAlignment="1">
      <alignment horizontal="left" vertical="center" wrapText="1"/>
    </xf>
    <xf numFmtId="0" fontId="76" fillId="0" borderId="43" xfId="0" applyFont="1" applyBorder="1" applyAlignment="1">
      <alignment horizontal="left" vertical="center" wrapText="1"/>
    </xf>
    <xf numFmtId="0" fontId="76" fillId="0" borderId="44" xfId="0" applyFont="1" applyBorder="1" applyAlignment="1">
      <alignment horizontal="left" vertical="center" wrapText="1"/>
    </xf>
    <xf numFmtId="0" fontId="73" fillId="0" borderId="34" xfId="0" applyFont="1" applyBorder="1" applyAlignment="1">
      <alignment horizontal="left" vertical="center" wrapText="1"/>
    </xf>
    <xf numFmtId="0" fontId="73" fillId="0" borderId="35" xfId="0" applyFont="1" applyBorder="1" applyAlignment="1">
      <alignment horizontal="left" vertical="center" wrapText="1"/>
    </xf>
    <xf numFmtId="0" fontId="73" fillId="0" borderId="36" xfId="0" applyFont="1" applyBorder="1" applyAlignment="1">
      <alignment horizontal="left" vertical="center" wrapText="1"/>
    </xf>
    <xf numFmtId="0" fontId="76" fillId="0" borderId="37" xfId="0" applyFont="1" applyBorder="1" applyAlignment="1">
      <alignment horizontal="left" vertical="center" wrapText="1"/>
    </xf>
    <xf numFmtId="0" fontId="76" fillId="0" borderId="38" xfId="0" applyFont="1" applyBorder="1" applyAlignment="1">
      <alignment horizontal="left" vertical="center" wrapText="1"/>
    </xf>
    <xf numFmtId="0" fontId="76" fillId="0" borderId="39" xfId="0" applyFont="1" applyBorder="1" applyAlignment="1">
      <alignment horizontal="left" vertical="center" wrapText="1"/>
    </xf>
    <xf numFmtId="0" fontId="74" fillId="0" borderId="3" xfId="0" applyFont="1" applyBorder="1" applyAlignment="1">
      <alignment horizontal="left" vertical="center" wrapText="1"/>
    </xf>
    <xf numFmtId="0" fontId="74" fillId="0" borderId="5" xfId="0" applyFont="1" applyBorder="1" applyAlignment="1">
      <alignment horizontal="left" vertical="center" wrapText="1"/>
    </xf>
    <xf numFmtId="0" fontId="74" fillId="0" borderId="4" xfId="0" applyFont="1" applyBorder="1" applyAlignment="1">
      <alignment horizontal="left" vertical="center" wrapText="1"/>
    </xf>
    <xf numFmtId="0" fontId="75" fillId="0" borderId="34" xfId="0" applyFont="1" applyBorder="1" applyAlignment="1">
      <alignment horizontal="left" vertical="center" wrapText="1"/>
    </xf>
    <xf numFmtId="0" fontId="75" fillId="0" borderId="35" xfId="0" applyFont="1" applyBorder="1" applyAlignment="1">
      <alignment horizontal="left" vertical="center" wrapText="1"/>
    </xf>
    <xf numFmtId="0" fontId="75" fillId="0" borderId="36" xfId="0" applyFont="1" applyBorder="1" applyAlignment="1">
      <alignment horizontal="left" vertical="center" wrapText="1"/>
    </xf>
    <xf numFmtId="49" fontId="32" fillId="6" borderId="58" xfId="2" applyNumberFormat="1" applyFont="1" applyFill="1" applyBorder="1" applyAlignment="1">
      <alignment horizontal="left" vertical="center"/>
    </xf>
    <xf numFmtId="49" fontId="32" fillId="6" borderId="59" xfId="2" applyNumberFormat="1" applyFont="1" applyFill="1" applyBorder="1" applyAlignment="1">
      <alignment horizontal="left" vertical="center"/>
    </xf>
    <xf numFmtId="0" fontId="73" fillId="0" borderId="37" xfId="0" applyFont="1" applyBorder="1" applyAlignment="1">
      <alignment horizontal="left" vertical="center" wrapText="1"/>
    </xf>
    <xf numFmtId="0" fontId="99" fillId="0" borderId="40" xfId="0" applyFont="1" applyBorder="1" applyAlignment="1">
      <alignment horizontal="left" vertical="center" wrapText="1"/>
    </xf>
    <xf numFmtId="0" fontId="99" fillId="0" borderId="0" xfId="0" applyFont="1" applyBorder="1" applyAlignment="1">
      <alignment horizontal="left" vertical="center" wrapText="1"/>
    </xf>
    <xf numFmtId="0" fontId="99" fillId="0" borderId="41" xfId="0" applyFont="1" applyBorder="1" applyAlignment="1">
      <alignment horizontal="left" vertical="center" wrapText="1"/>
    </xf>
    <xf numFmtId="0" fontId="34" fillId="0" borderId="40" xfId="0" applyFont="1" applyBorder="1" applyAlignment="1">
      <alignment horizontal="left" vertical="center" wrapText="1"/>
    </xf>
    <xf numFmtId="0" fontId="34" fillId="0" borderId="0" xfId="0" applyFont="1" applyBorder="1" applyAlignment="1">
      <alignment horizontal="left" vertical="center" wrapText="1"/>
    </xf>
    <xf numFmtId="0" fontId="34" fillId="0" borderId="41" xfId="0" applyFont="1" applyBorder="1" applyAlignment="1">
      <alignment horizontal="left" vertical="center" wrapText="1"/>
    </xf>
    <xf numFmtId="0" fontId="44" fillId="0" borderId="40" xfId="0" applyFont="1" applyBorder="1" applyAlignment="1">
      <alignment horizontal="left" vertical="center" wrapText="1"/>
    </xf>
    <xf numFmtId="0" fontId="44" fillId="0" borderId="0" xfId="0" applyFont="1" applyBorder="1" applyAlignment="1">
      <alignment horizontal="left" vertical="center" wrapText="1"/>
    </xf>
    <xf numFmtId="0" fontId="44" fillId="0" borderId="41" xfId="0" applyFont="1" applyBorder="1" applyAlignment="1">
      <alignment horizontal="left" vertical="center" wrapText="1"/>
    </xf>
    <xf numFmtId="0" fontId="44" fillId="0" borderId="42" xfId="0" applyFont="1" applyBorder="1" applyAlignment="1">
      <alignment horizontal="left" vertical="center" wrapText="1"/>
    </xf>
    <xf numFmtId="0" fontId="44" fillId="0" borderId="43" xfId="0" applyFont="1" applyBorder="1" applyAlignment="1">
      <alignment horizontal="left" vertical="center" wrapText="1"/>
    </xf>
    <xf numFmtId="0" fontId="44" fillId="0" borderId="44" xfId="0" applyFont="1" applyBorder="1" applyAlignment="1">
      <alignment horizontal="left" vertical="center" wrapText="1"/>
    </xf>
    <xf numFmtId="0" fontId="34" fillId="0" borderId="3" xfId="0" applyFont="1" applyBorder="1" applyAlignment="1">
      <alignment horizontal="left" vertical="center" wrapText="1"/>
    </xf>
    <xf numFmtId="0" fontId="34" fillId="0" borderId="5" xfId="0" applyFont="1" applyBorder="1" applyAlignment="1">
      <alignment horizontal="left" vertical="center" wrapText="1"/>
    </xf>
    <xf numFmtId="0" fontId="34" fillId="0" borderId="4" xfId="0" applyFont="1" applyBorder="1" applyAlignment="1">
      <alignment horizontal="left" vertical="center" wrapText="1"/>
    </xf>
    <xf numFmtId="0" fontId="99" fillId="0" borderId="34" xfId="0" applyFont="1" applyBorder="1" applyAlignment="1">
      <alignment horizontal="left" vertical="center" wrapText="1"/>
    </xf>
    <xf numFmtId="0" fontId="99" fillId="0" borderId="35" xfId="0" applyFont="1" applyBorder="1" applyAlignment="1">
      <alignment horizontal="left" vertical="center" wrapText="1"/>
    </xf>
    <xf numFmtId="0" fontId="99" fillId="0" borderId="36" xfId="0" applyFont="1" applyBorder="1" applyAlignment="1">
      <alignment horizontal="left" vertical="center" wrapText="1"/>
    </xf>
    <xf numFmtId="0" fontId="102" fillId="0" borderId="37" xfId="0" applyFont="1" applyBorder="1" applyAlignment="1">
      <alignment horizontal="left" vertical="center" wrapText="1"/>
    </xf>
    <xf numFmtId="0" fontId="102" fillId="0" borderId="38" xfId="0" applyFont="1" applyBorder="1" applyAlignment="1">
      <alignment horizontal="left" vertical="center" wrapText="1"/>
    </xf>
    <xf numFmtId="0" fontId="102" fillId="0" borderId="39" xfId="0" applyFont="1" applyBorder="1" applyAlignment="1">
      <alignment horizontal="left" vertical="center" wrapText="1"/>
    </xf>
    <xf numFmtId="0" fontId="44" fillId="0" borderId="34" xfId="0" applyFont="1" applyBorder="1" applyAlignment="1">
      <alignment horizontal="left" vertical="center" wrapText="1"/>
    </xf>
    <xf numFmtId="0" fontId="44" fillId="0" borderId="36" xfId="0" applyFont="1" applyBorder="1" applyAlignment="1">
      <alignment horizontal="left" vertical="center" wrapText="1"/>
    </xf>
    <xf numFmtId="0" fontId="30" fillId="0" borderId="0" xfId="0" applyFont="1" applyAlignment="1">
      <alignment horizontal="left" vertical="top" wrapText="1"/>
    </xf>
    <xf numFmtId="0" fontId="30" fillId="0" borderId="0" xfId="0" applyFont="1" applyAlignment="1">
      <alignment horizontal="left" vertical="center" wrapText="1"/>
    </xf>
    <xf numFmtId="0" fontId="34" fillId="0" borderId="3" xfId="0" applyFont="1" applyBorder="1" applyAlignment="1">
      <alignment vertical="center"/>
    </xf>
    <xf numFmtId="0" fontId="34" fillId="0" borderId="5" xfId="0" applyFont="1" applyBorder="1" applyAlignment="1">
      <alignment vertical="center"/>
    </xf>
    <xf numFmtId="0" fontId="34" fillId="0" borderId="4" xfId="0" applyFont="1" applyBorder="1" applyAlignment="1">
      <alignment vertical="center"/>
    </xf>
    <xf numFmtId="0" fontId="74" fillId="0" borderId="40" xfId="0" applyFont="1" applyBorder="1" applyAlignment="1">
      <alignment vertical="center" wrapText="1"/>
    </xf>
    <xf numFmtId="0" fontId="74" fillId="0" borderId="0" xfId="0" applyFont="1" applyBorder="1" applyAlignment="1">
      <alignment vertical="center" wrapText="1"/>
    </xf>
    <xf numFmtId="0" fontId="74" fillId="0" borderId="41" xfId="0" applyFont="1" applyBorder="1" applyAlignment="1">
      <alignment vertical="center" wrapText="1"/>
    </xf>
    <xf numFmtId="0" fontId="75" fillId="0" borderId="40" xfId="0" applyFont="1" applyBorder="1" applyAlignment="1">
      <alignment vertical="center" wrapText="1"/>
    </xf>
    <xf numFmtId="0" fontId="75" fillId="0" borderId="0" xfId="0" applyFont="1" applyBorder="1" applyAlignment="1">
      <alignment vertical="center" wrapText="1"/>
    </xf>
    <xf numFmtId="0" fontId="75" fillId="0" borderId="41" xfId="0" applyFont="1" applyBorder="1" applyAlignment="1">
      <alignment vertical="center" wrapText="1"/>
    </xf>
    <xf numFmtId="0" fontId="73" fillId="0" borderId="42" xfId="0" applyFont="1" applyBorder="1" applyAlignment="1">
      <alignment vertical="center" wrapText="1"/>
    </xf>
    <xf numFmtId="0" fontId="73" fillId="0" borderId="43" xfId="0" applyFont="1" applyBorder="1" applyAlignment="1">
      <alignment vertical="center" wrapText="1"/>
    </xf>
    <xf numFmtId="0" fontId="73" fillId="0" borderId="44" xfId="0" applyFont="1" applyBorder="1" applyAlignment="1">
      <alignment vertical="center" wrapText="1"/>
    </xf>
    <xf numFmtId="0" fontId="71" fillId="0" borderId="0" xfId="0" applyFont="1" applyAlignment="1">
      <alignment horizontal="center" vertical="center"/>
    </xf>
    <xf numFmtId="0" fontId="76" fillId="0" borderId="40" xfId="0" applyFont="1" applyBorder="1" applyAlignment="1">
      <alignment vertical="center" wrapText="1"/>
    </xf>
    <xf numFmtId="0" fontId="76" fillId="0" borderId="0" xfId="0" applyFont="1" applyBorder="1" applyAlignment="1">
      <alignment vertical="center" wrapText="1"/>
    </xf>
    <xf numFmtId="0" fontId="76" fillId="0" borderId="41" xfId="0" applyFont="1" applyBorder="1" applyAlignment="1">
      <alignment vertical="center" wrapText="1"/>
    </xf>
    <xf numFmtId="0" fontId="76" fillId="0" borderId="37" xfId="0" applyFont="1" applyBorder="1" applyAlignment="1">
      <alignment vertical="center" wrapText="1"/>
    </xf>
    <xf numFmtId="0" fontId="76" fillId="0" borderId="38" xfId="0" applyFont="1" applyBorder="1" applyAlignment="1">
      <alignment vertical="center" wrapText="1"/>
    </xf>
    <xf numFmtId="0" fontId="76" fillId="0" borderId="39" xfId="0" applyFont="1" applyBorder="1" applyAlignment="1">
      <alignment vertical="center" wrapText="1"/>
    </xf>
    <xf numFmtId="0" fontId="74" fillId="0" borderId="3" xfId="0" applyFont="1" applyBorder="1" applyAlignment="1">
      <alignment horizontal="justify" vertical="center" wrapText="1"/>
    </xf>
    <xf numFmtId="0" fontId="74" fillId="0" borderId="5" xfId="0" applyFont="1" applyBorder="1" applyAlignment="1">
      <alignment horizontal="justify" vertical="center" wrapText="1"/>
    </xf>
    <xf numFmtId="0" fontId="74" fillId="0" borderId="4" xfId="0" applyFont="1" applyBorder="1" applyAlignment="1">
      <alignment horizontal="justify" vertical="center" wrapText="1"/>
    </xf>
    <xf numFmtId="49" fontId="32" fillId="6" borderId="58" xfId="6" applyNumberFormat="1" applyFont="1" applyFill="1" applyBorder="1" applyAlignment="1">
      <alignment horizontal="left" vertical="center"/>
    </xf>
    <xf numFmtId="49" fontId="32" fillId="6" borderId="9" xfId="6" applyNumberFormat="1" applyFont="1" applyFill="1" applyBorder="1" applyAlignment="1">
      <alignment horizontal="left" vertical="center"/>
    </xf>
    <xf numFmtId="49" fontId="32" fillId="6" borderId="59" xfId="6" applyNumberFormat="1" applyFont="1" applyFill="1" applyBorder="1" applyAlignment="1">
      <alignment horizontal="left" vertical="center"/>
    </xf>
    <xf numFmtId="49" fontId="34" fillId="0" borderId="59" xfId="6" applyNumberFormat="1" applyFont="1" applyBorder="1" applyAlignment="1">
      <alignment vertical="center" wrapText="1"/>
    </xf>
    <xf numFmtId="49" fontId="34" fillId="0" borderId="9" xfId="6" applyNumberFormat="1" applyFont="1" applyBorder="1" applyAlignment="1">
      <alignment vertical="center" wrapText="1"/>
    </xf>
    <xf numFmtId="49" fontId="34" fillId="0" borderId="63" xfId="2" applyNumberFormat="1" applyFont="1" applyFill="1" applyBorder="1" applyAlignment="1">
      <alignment horizontal="left" vertical="center" wrapText="1"/>
    </xf>
    <xf numFmtId="49" fontId="34" fillId="0" borderId="9" xfId="2" applyNumberFormat="1" applyFont="1" applyFill="1" applyBorder="1" applyAlignment="1">
      <alignment horizontal="left" vertical="center" wrapText="1"/>
    </xf>
    <xf numFmtId="49" fontId="34" fillId="0" borderId="59" xfId="2" applyNumberFormat="1" applyFont="1" applyFill="1" applyBorder="1" applyAlignment="1">
      <alignment horizontal="left" vertical="center" wrapText="1"/>
    </xf>
    <xf numFmtId="49" fontId="86" fillId="0" borderId="63" xfId="17" applyNumberFormat="1" applyFont="1" applyBorder="1" applyAlignment="1">
      <alignment horizontal="left" vertical="center" wrapText="1"/>
    </xf>
    <xf numFmtId="49" fontId="86" fillId="0" borderId="9" xfId="17" applyNumberFormat="1" applyFont="1" applyBorder="1" applyAlignment="1">
      <alignment horizontal="left" vertical="center" wrapText="1"/>
    </xf>
    <xf numFmtId="49" fontId="86" fillId="0" borderId="59" xfId="17" applyNumberFormat="1" applyFont="1" applyBorder="1" applyAlignment="1">
      <alignment horizontal="left" vertical="center" wrapText="1"/>
    </xf>
    <xf numFmtId="0" fontId="64" fillId="0" borderId="0" xfId="7" applyFont="1" applyAlignment="1">
      <alignment horizontal="center" vertical="center" wrapText="1"/>
    </xf>
    <xf numFmtId="0" fontId="34" fillId="0" borderId="40" xfId="0" applyFont="1" applyBorder="1" applyAlignment="1">
      <alignment vertical="center" wrapText="1"/>
    </xf>
    <xf numFmtId="0" fontId="34" fillId="0" borderId="0" xfId="0" applyFont="1" applyBorder="1" applyAlignment="1">
      <alignment vertical="center" wrapText="1"/>
    </xf>
    <xf numFmtId="0" fontId="34" fillId="0" borderId="41" xfId="0" applyFont="1" applyBorder="1" applyAlignment="1">
      <alignment vertical="center" wrapText="1"/>
    </xf>
    <xf numFmtId="0" fontId="102" fillId="0" borderId="40" xfId="0" applyFont="1" applyBorder="1" applyAlignment="1">
      <alignment vertical="center" wrapText="1"/>
    </xf>
    <xf numFmtId="0" fontId="102" fillId="0" borderId="0" xfId="0" applyFont="1" applyBorder="1" applyAlignment="1">
      <alignment vertical="center" wrapText="1"/>
    </xf>
    <xf numFmtId="0" fontId="102" fillId="0" borderId="41" xfId="0" applyFont="1" applyBorder="1" applyAlignment="1">
      <alignment vertical="center" wrapText="1"/>
    </xf>
    <xf numFmtId="0" fontId="34" fillId="0" borderId="42" xfId="0" applyFont="1" applyBorder="1" applyAlignment="1">
      <alignment vertical="center" wrapText="1"/>
    </xf>
    <xf numFmtId="0" fontId="34" fillId="0" borderId="43" xfId="0" applyFont="1" applyBorder="1" applyAlignment="1">
      <alignment vertical="center" wrapText="1"/>
    </xf>
    <xf numFmtId="0" fontId="34" fillId="0" borderId="44" xfId="0" applyFont="1" applyBorder="1" applyAlignment="1">
      <alignment vertical="center" wrapText="1"/>
    </xf>
    <xf numFmtId="0" fontId="99" fillId="0" borderId="40" xfId="0" applyFont="1" applyBorder="1" applyAlignment="1">
      <alignment vertical="center" wrapText="1"/>
    </xf>
    <xf numFmtId="0" fontId="99" fillId="0" borderId="0" xfId="0" applyFont="1" applyBorder="1" applyAlignment="1">
      <alignment vertical="center" wrapText="1"/>
    </xf>
    <xf numFmtId="0" fontId="99" fillId="0" borderId="41" xfId="0" applyFont="1" applyBorder="1" applyAlignment="1">
      <alignment vertical="center" wrapText="1"/>
    </xf>
    <xf numFmtId="0" fontId="102" fillId="0" borderId="37" xfId="0" applyFont="1" applyBorder="1" applyAlignment="1">
      <alignment vertical="center" wrapText="1"/>
    </xf>
    <xf numFmtId="0" fontId="102" fillId="0" borderId="38" xfId="0" applyFont="1" applyBorder="1" applyAlignment="1">
      <alignment vertical="center" wrapText="1"/>
    </xf>
    <xf numFmtId="0" fontId="102" fillId="0" borderId="39" xfId="0" applyFont="1" applyBorder="1" applyAlignment="1">
      <alignment vertical="center" wrapText="1"/>
    </xf>
    <xf numFmtId="0" fontId="34" fillId="0" borderId="3" xfId="0" applyFont="1" applyBorder="1" applyAlignment="1">
      <alignment horizontal="justify" vertical="center" wrapText="1"/>
    </xf>
    <xf numFmtId="0" fontId="34" fillId="0" borderId="5" xfId="0" applyFont="1" applyBorder="1" applyAlignment="1">
      <alignment horizontal="justify" vertical="center" wrapText="1"/>
    </xf>
    <xf numFmtId="0" fontId="34" fillId="0" borderId="4" xfId="0" applyFont="1" applyBorder="1" applyAlignment="1">
      <alignment horizontal="justify" vertical="center" wrapText="1"/>
    </xf>
    <xf numFmtId="15" fontId="34" fillId="0" borderId="3" xfId="0" applyNumberFormat="1" applyFont="1" applyBorder="1" applyAlignment="1">
      <alignment horizontal="left" vertical="center" wrapText="1"/>
    </xf>
    <xf numFmtId="15" fontId="34" fillId="0" borderId="5" xfId="0" applyNumberFormat="1" applyFont="1" applyBorder="1" applyAlignment="1">
      <alignment horizontal="left" vertical="center" wrapText="1"/>
    </xf>
    <xf numFmtId="15" fontId="34" fillId="0" borderId="4" xfId="0" applyNumberFormat="1" applyFont="1" applyBorder="1" applyAlignment="1">
      <alignment horizontal="left" vertical="center" wrapText="1"/>
    </xf>
    <xf numFmtId="0" fontId="34" fillId="0" borderId="37" xfId="0" applyFont="1" applyBorder="1" applyAlignment="1">
      <alignment horizontal="left" vertical="center" wrapText="1"/>
    </xf>
    <xf numFmtId="0" fontId="34" fillId="0" borderId="42" xfId="0" applyFont="1" applyBorder="1" applyAlignment="1">
      <alignment horizontal="left" vertical="center" wrapText="1"/>
    </xf>
    <xf numFmtId="0" fontId="34" fillId="0" borderId="1" xfId="0" applyFont="1" applyBorder="1" applyAlignment="1">
      <alignment horizontal="left" vertical="center" wrapText="1"/>
    </xf>
    <xf numFmtId="0" fontId="34" fillId="0" borderId="39" xfId="0" applyFont="1" applyBorder="1" applyAlignment="1">
      <alignment horizontal="justify" vertical="center" wrapText="1"/>
    </xf>
    <xf numFmtId="0" fontId="34" fillId="0" borderId="41" xfId="0" applyFont="1" applyBorder="1" applyAlignment="1">
      <alignment horizontal="justify" vertical="center" wrapText="1"/>
    </xf>
    <xf numFmtId="0" fontId="34" fillId="0" borderId="44" xfId="0" applyFont="1" applyBorder="1" applyAlignment="1">
      <alignment horizontal="justify" vertical="center" wrapText="1"/>
    </xf>
    <xf numFmtId="0" fontId="99" fillId="0" borderId="38" xfId="0" applyFont="1" applyBorder="1" applyAlignment="1">
      <alignment horizontal="left" vertical="center" wrapText="1"/>
    </xf>
    <xf numFmtId="0" fontId="34" fillId="0" borderId="3" xfId="0" applyFont="1" applyBorder="1" applyAlignment="1">
      <alignment vertical="center" wrapText="1"/>
    </xf>
    <xf numFmtId="0" fontId="34" fillId="0" borderId="5" xfId="0" applyFont="1" applyBorder="1" applyAlignment="1">
      <alignment vertical="center" wrapText="1"/>
    </xf>
    <xf numFmtId="0" fontId="34" fillId="0" borderId="4" xfId="0" applyFont="1" applyBorder="1" applyAlignment="1">
      <alignment vertical="center" wrapText="1"/>
    </xf>
    <xf numFmtId="0" fontId="64" fillId="0" borderId="0" xfId="7" applyFont="1" applyAlignment="1">
      <alignment vertical="center" wrapText="1"/>
    </xf>
    <xf numFmtId="0" fontId="113" fillId="0" borderId="0" xfId="7" applyFont="1" applyAlignment="1">
      <alignment vertical="center" wrapText="1"/>
    </xf>
    <xf numFmtId="49" fontId="33" fillId="6" borderId="58" xfId="2" applyNumberFormat="1" applyFont="1" applyFill="1" applyBorder="1" applyAlignment="1">
      <alignment horizontal="left" vertical="center" wrapText="1"/>
    </xf>
    <xf numFmtId="49" fontId="33" fillId="6" borderId="9" xfId="2" applyNumberFormat="1" applyFont="1" applyFill="1" applyBorder="1" applyAlignment="1">
      <alignment horizontal="left" vertical="center" wrapText="1"/>
    </xf>
    <xf numFmtId="49" fontId="33" fillId="6" borderId="9" xfId="2" applyNumberFormat="1" applyFont="1" applyFill="1" applyBorder="1" applyAlignment="1">
      <alignment horizontal="center" vertical="center" wrapText="1"/>
    </xf>
    <xf numFmtId="49" fontId="33" fillId="6" borderId="59" xfId="2" applyNumberFormat="1" applyFont="1" applyFill="1" applyBorder="1" applyAlignment="1">
      <alignment horizontal="center" vertical="center" wrapText="1"/>
    </xf>
    <xf numFmtId="49" fontId="34" fillId="0" borderId="63" xfId="2" applyNumberFormat="1" applyFont="1" applyBorder="1" applyAlignment="1">
      <alignment horizontal="left" vertical="center" wrapText="1"/>
    </xf>
    <xf numFmtId="49" fontId="34" fillId="0" borderId="9" xfId="2" applyNumberFormat="1" applyFont="1" applyBorder="1" applyAlignment="1">
      <alignment horizontal="left" vertical="center" wrapText="1"/>
    </xf>
    <xf numFmtId="49" fontId="34" fillId="0" borderId="59" xfId="2" applyNumberFormat="1" applyFont="1" applyBorder="1" applyAlignment="1">
      <alignment horizontal="left" vertical="center" wrapText="1"/>
    </xf>
    <xf numFmtId="49" fontId="30" fillId="0" borderId="63" xfId="2" applyNumberFormat="1" applyFont="1" applyFill="1" applyBorder="1" applyAlignment="1">
      <alignment horizontal="left" vertical="center" wrapText="1"/>
    </xf>
    <xf numFmtId="49" fontId="30" fillId="0" borderId="9" xfId="2" applyNumberFormat="1" applyFont="1" applyFill="1" applyBorder="1" applyAlignment="1">
      <alignment horizontal="left" vertical="center"/>
    </xf>
    <xf numFmtId="49" fontId="30" fillId="0" borderId="59" xfId="2" applyNumberFormat="1" applyFont="1" applyFill="1" applyBorder="1" applyAlignment="1">
      <alignment horizontal="left" vertical="center"/>
    </xf>
    <xf numFmtId="0" fontId="44" fillId="0" borderId="3" xfId="0" applyFont="1" applyBorder="1" applyAlignment="1">
      <alignment horizontal="justify" vertical="center" wrapText="1"/>
    </xf>
    <xf numFmtId="0" fontId="44" fillId="0" borderId="4" xfId="0" applyFont="1" applyBorder="1" applyAlignment="1">
      <alignment horizontal="justify" vertical="center" wrapText="1"/>
    </xf>
    <xf numFmtId="0" fontId="44" fillId="0" borderId="3" xfId="0" applyFont="1" applyBorder="1" applyAlignment="1">
      <alignment horizontal="left" vertical="center" wrapText="1"/>
    </xf>
    <xf numFmtId="0" fontId="44" fillId="0" borderId="4" xfId="0" applyFont="1" applyBorder="1" applyAlignment="1">
      <alignment horizontal="left" vertical="center" wrapText="1"/>
    </xf>
    <xf numFmtId="0" fontId="44" fillId="0" borderId="37" xfId="0" applyFont="1" applyBorder="1" applyAlignment="1">
      <alignment horizontal="left" vertical="center" wrapText="1"/>
    </xf>
    <xf numFmtId="0" fontId="44" fillId="0" borderId="39" xfId="0" applyFont="1" applyBorder="1" applyAlignment="1">
      <alignment horizontal="left" vertical="center" wrapText="1"/>
    </xf>
    <xf numFmtId="0" fontId="44" fillId="0" borderId="44" xfId="0" applyFont="1" applyBorder="1" applyAlignment="1">
      <alignment horizontal="justify" vertical="center" wrapText="1"/>
    </xf>
    <xf numFmtId="49" fontId="86" fillId="0" borderId="64" xfId="17" applyNumberFormat="1" applyFont="1" applyFill="1" applyBorder="1" applyAlignment="1">
      <alignment horizontal="left" vertical="center" wrapText="1"/>
    </xf>
    <xf numFmtId="49" fontId="86" fillId="0" borderId="56" xfId="17" applyNumberFormat="1" applyFont="1" applyFill="1" applyBorder="1" applyAlignment="1">
      <alignment horizontal="left" vertical="center" wrapText="1"/>
    </xf>
    <xf numFmtId="49" fontId="86" fillId="0" borderId="57" xfId="17" applyNumberFormat="1" applyFont="1" applyFill="1" applyBorder="1" applyAlignment="1">
      <alignment horizontal="left" vertical="center" wrapText="1"/>
    </xf>
    <xf numFmtId="0" fontId="18" fillId="6" borderId="58" xfId="3" applyNumberFormat="1" applyFont="1" applyFill="1" applyBorder="1" applyAlignment="1">
      <alignment horizontal="left" vertical="center"/>
    </xf>
    <xf numFmtId="0" fontId="18" fillId="6" borderId="9" xfId="3" applyNumberFormat="1" applyFont="1" applyFill="1" applyBorder="1" applyAlignment="1">
      <alignment horizontal="left" vertical="center"/>
    </xf>
    <xf numFmtId="0" fontId="18" fillId="6" borderId="59" xfId="3" applyNumberFormat="1" applyFont="1" applyFill="1" applyBorder="1" applyAlignment="1">
      <alignment horizontal="left" vertical="center"/>
    </xf>
    <xf numFmtId="49" fontId="34" fillId="0" borderId="59" xfId="3" applyNumberFormat="1" applyFont="1" applyBorder="1" applyAlignment="1">
      <alignment horizontal="left" vertical="center" wrapText="1"/>
    </xf>
    <xf numFmtId="49" fontId="34" fillId="0" borderId="9" xfId="3" applyNumberFormat="1" applyFont="1" applyBorder="1" applyAlignment="1">
      <alignment horizontal="left" vertical="center" wrapText="1"/>
    </xf>
    <xf numFmtId="49" fontId="86" fillId="0" borderId="69" xfId="17" applyNumberFormat="1" applyFont="1" applyBorder="1" applyAlignment="1">
      <alignment horizontal="left" vertical="center" wrapText="1"/>
    </xf>
    <xf numFmtId="49" fontId="86" fillId="0" borderId="51" xfId="17" applyNumberFormat="1" applyFont="1" applyBorder="1" applyAlignment="1">
      <alignment horizontal="left" vertical="center"/>
    </xf>
    <xf numFmtId="49" fontId="86" fillId="0" borderId="52" xfId="17" applyNumberFormat="1" applyFont="1" applyBorder="1" applyAlignment="1">
      <alignment horizontal="left" vertical="center"/>
    </xf>
    <xf numFmtId="0" fontId="71" fillId="0" borderId="0" xfId="23" applyFont="1" applyAlignment="1">
      <alignment horizontal="center" vertical="top" wrapText="1"/>
    </xf>
    <xf numFmtId="49" fontId="34" fillId="0" borderId="61" xfId="2" applyNumberFormat="1" applyFont="1" applyBorder="1" applyAlignment="1">
      <alignment horizontal="left" vertical="center"/>
    </xf>
    <xf numFmtId="49" fontId="34" fillId="0" borderId="62" xfId="2" applyNumberFormat="1" applyFont="1" applyBorder="1" applyAlignment="1">
      <alignment horizontal="left" vertical="center"/>
    </xf>
    <xf numFmtId="0" fontId="50" fillId="0" borderId="3" xfId="23" applyFont="1" applyBorder="1" applyAlignment="1">
      <alignment horizontal="justify" vertical="top" wrapText="1"/>
    </xf>
    <xf numFmtId="0" fontId="50" fillId="0" borderId="4" xfId="23" applyFont="1" applyBorder="1" applyAlignment="1">
      <alignment horizontal="justify" vertical="top" wrapText="1"/>
    </xf>
    <xf numFmtId="0" fontId="50" fillId="0" borderId="3" xfId="23" applyFont="1" applyBorder="1" applyAlignment="1">
      <alignment horizontal="justify" vertical="center" wrapText="1"/>
    </xf>
    <xf numFmtId="0" fontId="50" fillId="0" borderId="4" xfId="23" applyFont="1" applyBorder="1" applyAlignment="1">
      <alignment horizontal="justify" vertical="center" wrapText="1"/>
    </xf>
    <xf numFmtId="0" fontId="50" fillId="0" borderId="3" xfId="23" applyFont="1" applyBorder="1" applyAlignment="1">
      <alignment horizontal="left" vertical="top" wrapText="1"/>
    </xf>
    <xf numFmtId="0" fontId="50" fillId="0" borderId="5" xfId="23" applyFont="1" applyBorder="1" applyAlignment="1">
      <alignment horizontal="left" vertical="top" wrapText="1"/>
    </xf>
    <xf numFmtId="0" fontId="50" fillId="0" borderId="37" xfId="23" applyFont="1" applyBorder="1" applyAlignment="1">
      <alignment vertical="center" wrapText="1"/>
    </xf>
    <xf numFmtId="0" fontId="50" fillId="0" borderId="39" xfId="23" applyFont="1" applyBorder="1" applyAlignment="1">
      <alignment vertical="center" wrapText="1"/>
    </xf>
    <xf numFmtId="0" fontId="50" fillId="0" borderId="42" xfId="23" applyFont="1" applyBorder="1" applyAlignment="1">
      <alignment vertical="center" wrapText="1"/>
    </xf>
    <xf numFmtId="0" fontId="50" fillId="0" borderId="44" xfId="23" applyFont="1" applyBorder="1" applyAlignment="1">
      <alignment vertical="center" wrapText="1"/>
    </xf>
    <xf numFmtId="0" fontId="50" fillId="0" borderId="5" xfId="23" applyFont="1" applyBorder="1" applyAlignment="1">
      <alignment horizontal="justify" vertical="top" wrapText="1"/>
    </xf>
    <xf numFmtId="0" fontId="50" fillId="0" borderId="5" xfId="23" applyFont="1" applyBorder="1" applyAlignment="1">
      <alignment horizontal="justify" vertical="center" wrapText="1"/>
    </xf>
    <xf numFmtId="0" fontId="49" fillId="0" borderId="34" xfId="23" applyFont="1" applyBorder="1" applyAlignment="1">
      <alignment horizontal="left" vertical="center" wrapText="1"/>
    </xf>
    <xf numFmtId="0" fontId="49" fillId="0" borderId="35" xfId="23" applyFont="1" applyBorder="1" applyAlignment="1">
      <alignment horizontal="left" vertical="center" wrapText="1"/>
    </xf>
    <xf numFmtId="0" fontId="49" fillId="0" borderId="36" xfId="23" applyFont="1" applyBorder="1" applyAlignment="1">
      <alignment horizontal="left" vertical="center" wrapText="1"/>
    </xf>
    <xf numFmtId="0" fontId="48" fillId="7" borderId="0" xfId="23" applyFont="1" applyFill="1" applyAlignment="1">
      <alignment horizontal="justify" vertical="top" wrapText="1"/>
    </xf>
    <xf numFmtId="0" fontId="49" fillId="0" borderId="3" xfId="23" applyFont="1" applyBorder="1" applyAlignment="1">
      <alignment horizontal="justify" vertical="center" wrapText="1"/>
    </xf>
    <xf numFmtId="0" fontId="49" fillId="0" borderId="4" xfId="23" applyFont="1" applyBorder="1" applyAlignment="1">
      <alignment horizontal="justify" vertical="center" wrapText="1"/>
    </xf>
    <xf numFmtId="14" fontId="50" fillId="0" borderId="3" xfId="23" applyNumberFormat="1" applyFont="1" applyBorder="1" applyAlignment="1">
      <alignment horizontal="justify" vertical="center" wrapText="1"/>
    </xf>
    <xf numFmtId="14" fontId="50" fillId="0" borderId="4" xfId="23" applyNumberFormat="1" applyFont="1" applyBorder="1" applyAlignment="1">
      <alignment horizontal="justify" vertical="center" wrapText="1"/>
    </xf>
    <xf numFmtId="0" fontId="49" fillId="0" borderId="5" xfId="23" applyFont="1" applyBorder="1" applyAlignment="1">
      <alignment horizontal="justify" vertical="center" wrapText="1"/>
    </xf>
    <xf numFmtId="0" fontId="50" fillId="0" borderId="40" xfId="23" applyFont="1" applyBorder="1" applyAlignment="1">
      <alignment vertical="center" wrapText="1"/>
    </xf>
    <xf numFmtId="0" fontId="50" fillId="0" borderId="41" xfId="23" applyFont="1" applyBorder="1" applyAlignment="1">
      <alignment vertical="center" wrapText="1"/>
    </xf>
    <xf numFmtId="0" fontId="49" fillId="0" borderId="40" xfId="23" applyFont="1" applyBorder="1" applyAlignment="1">
      <alignment vertical="center" wrapText="1"/>
    </xf>
    <xf numFmtId="0" fontId="49" fillId="0" borderId="41" xfId="23" applyFont="1" applyBorder="1" applyAlignment="1">
      <alignment vertical="center" wrapText="1"/>
    </xf>
    <xf numFmtId="0" fontId="52" fillId="0" borderId="0" xfId="23" applyFont="1" applyAlignment="1">
      <alignment horizontal="center" vertical="center" wrapText="1"/>
    </xf>
    <xf numFmtId="0" fontId="50" fillId="0" borderId="3" xfId="23" applyFont="1" applyBorder="1" applyAlignment="1">
      <alignment horizontal="left" vertical="center" wrapText="1"/>
    </xf>
    <xf numFmtId="0" fontId="50" fillId="0" borderId="5" xfId="23" applyFont="1" applyBorder="1" applyAlignment="1">
      <alignment horizontal="left" vertical="center" wrapText="1"/>
    </xf>
    <xf numFmtId="0" fontId="50" fillId="0" borderId="4" xfId="23" applyFont="1" applyBorder="1" applyAlignment="1">
      <alignment horizontal="left" vertical="center" wrapText="1"/>
    </xf>
    <xf numFmtId="49" fontId="35" fillId="0" borderId="0" xfId="4" applyNumberFormat="1" applyFont="1" applyAlignment="1">
      <alignment horizontal="center" vertical="center"/>
    </xf>
    <xf numFmtId="49" fontId="35" fillId="0" borderId="0" xfId="4" applyNumberFormat="1" applyFont="1" applyAlignment="1">
      <alignment horizontal="center" vertical="center" wrapText="1"/>
    </xf>
    <xf numFmtId="49" fontId="44" fillId="0" borderId="1" xfId="0" applyNumberFormat="1" applyFont="1" applyBorder="1" applyAlignment="1">
      <alignment horizontal="left" vertical="center" wrapText="1"/>
    </xf>
    <xf numFmtId="0" fontId="34" fillId="7" borderId="45" xfId="0" applyFont="1" applyFill="1" applyBorder="1" applyAlignment="1">
      <alignment horizontal="left" vertical="center" wrapText="1"/>
    </xf>
    <xf numFmtId="0" fontId="34" fillId="7" borderId="68" xfId="0" applyFont="1" applyFill="1" applyBorder="1" applyAlignment="1">
      <alignment horizontal="left" vertical="center" wrapText="1"/>
    </xf>
    <xf numFmtId="0" fontId="34" fillId="7" borderId="47" xfId="0" applyFont="1" applyFill="1" applyBorder="1" applyAlignment="1">
      <alignment horizontal="left" vertical="center" wrapText="1"/>
    </xf>
    <xf numFmtId="0" fontId="34" fillId="7" borderId="45" xfId="0" applyFont="1" applyFill="1" applyBorder="1" applyAlignment="1">
      <alignment horizontal="justify" vertical="center" wrapText="1"/>
    </xf>
    <xf numFmtId="0" fontId="34" fillId="7" borderId="68" xfId="0" applyFont="1" applyFill="1" applyBorder="1" applyAlignment="1">
      <alignment horizontal="justify" vertical="center" wrapText="1"/>
    </xf>
    <xf numFmtId="0" fontId="34" fillId="7" borderId="47" xfId="0" applyFont="1" applyFill="1" applyBorder="1" applyAlignment="1">
      <alignment horizontal="justify" vertical="center" wrapText="1"/>
    </xf>
    <xf numFmtId="0" fontId="44" fillId="7" borderId="45" xfId="0" applyFont="1" applyFill="1" applyBorder="1" applyAlignment="1">
      <alignment horizontal="center" vertical="center" wrapText="1"/>
    </xf>
    <xf numFmtId="0" fontId="44" fillId="7" borderId="47" xfId="0" applyFont="1" applyFill="1" applyBorder="1" applyAlignment="1">
      <alignment horizontal="center" vertical="center" wrapText="1"/>
    </xf>
    <xf numFmtId="0" fontId="44" fillId="7" borderId="74" xfId="0" applyFont="1" applyFill="1" applyBorder="1" applyAlignment="1">
      <alignment horizontal="center" vertical="center" wrapText="1"/>
    </xf>
    <xf numFmtId="0" fontId="44" fillId="7" borderId="67" xfId="0" applyFont="1" applyFill="1" applyBorder="1" applyAlignment="1">
      <alignment horizontal="center" vertical="center" wrapText="1"/>
    </xf>
    <xf numFmtId="0" fontId="44" fillId="7" borderId="75" xfId="0" applyFont="1" applyFill="1" applyBorder="1" applyAlignment="1">
      <alignment horizontal="center" vertical="center" wrapText="1"/>
    </xf>
    <xf numFmtId="0" fontId="45" fillId="7" borderId="45" xfId="0" applyFont="1" applyFill="1" applyBorder="1" applyAlignment="1">
      <alignment horizontal="left" vertical="center" wrapText="1"/>
    </xf>
    <xf numFmtId="0" fontId="45" fillId="7" borderId="68" xfId="0" applyFont="1" applyFill="1" applyBorder="1" applyAlignment="1">
      <alignment horizontal="left" vertical="center" wrapText="1"/>
    </xf>
    <xf numFmtId="0" fontId="45" fillId="7" borderId="47" xfId="0" applyFont="1" applyFill="1" applyBorder="1" applyAlignment="1">
      <alignment horizontal="left" vertical="center" wrapText="1"/>
    </xf>
    <xf numFmtId="14" fontId="34" fillId="7" borderId="45" xfId="0" applyNumberFormat="1" applyFont="1" applyFill="1" applyBorder="1" applyAlignment="1">
      <alignment horizontal="left" vertical="center" wrapText="1"/>
    </xf>
    <xf numFmtId="14" fontId="34" fillId="7" borderId="68" xfId="0" applyNumberFormat="1" applyFont="1" applyFill="1" applyBorder="1" applyAlignment="1">
      <alignment horizontal="left" vertical="center" wrapText="1"/>
    </xf>
    <xf numFmtId="14" fontId="34" fillId="7" borderId="47" xfId="0" applyNumberFormat="1" applyFont="1" applyFill="1" applyBorder="1" applyAlignment="1">
      <alignment horizontal="left" vertical="center" wrapText="1"/>
    </xf>
    <xf numFmtId="49" fontId="32" fillId="6" borderId="58" xfId="4" applyNumberFormat="1" applyFont="1" applyFill="1" applyBorder="1" applyAlignment="1">
      <alignment vertical="center" wrapText="1"/>
    </xf>
    <xf numFmtId="49" fontId="32" fillId="6" borderId="9" xfId="4" applyNumberFormat="1" applyFont="1" applyFill="1" applyBorder="1" applyAlignment="1">
      <alignment vertical="center" wrapText="1"/>
    </xf>
    <xf numFmtId="49" fontId="32" fillId="6" borderId="59" xfId="4" applyNumberFormat="1" applyFont="1" applyFill="1" applyBorder="1" applyAlignment="1">
      <alignment vertical="center" wrapText="1"/>
    </xf>
    <xf numFmtId="49" fontId="34" fillId="0" borderId="63" xfId="4" applyNumberFormat="1" applyFont="1" applyFill="1" applyBorder="1" applyAlignment="1">
      <alignment vertical="center" wrapText="1"/>
    </xf>
    <xf numFmtId="49" fontId="34" fillId="0" borderId="9" xfId="4" applyNumberFormat="1" applyFont="1" applyFill="1" applyBorder="1" applyAlignment="1">
      <alignment vertical="center" wrapText="1"/>
    </xf>
    <xf numFmtId="49" fontId="34" fillId="0" borderId="59" xfId="4" applyNumberFormat="1" applyFont="1" applyFill="1" applyBorder="1" applyAlignment="1">
      <alignment vertical="center" wrapText="1"/>
    </xf>
    <xf numFmtId="49" fontId="62" fillId="0" borderId="69" xfId="17" applyNumberFormat="1" applyFont="1" applyBorder="1" applyAlignment="1">
      <alignment vertical="center" wrapText="1"/>
    </xf>
    <xf numFmtId="49" fontId="34" fillId="0" borderId="51" xfId="4" applyNumberFormat="1" applyFont="1" applyBorder="1" applyAlignment="1">
      <alignment vertical="center" wrapText="1"/>
    </xf>
    <xf numFmtId="49" fontId="34" fillId="0" borderId="52" xfId="4" applyNumberFormat="1" applyFont="1" applyBorder="1" applyAlignment="1">
      <alignment vertical="center" wrapText="1"/>
    </xf>
    <xf numFmtId="49" fontId="30" fillId="0" borderId="51" xfId="4" applyNumberFormat="1" applyFont="1" applyBorder="1" applyAlignment="1">
      <alignment horizontal="left" vertical="top" wrapText="1"/>
    </xf>
    <xf numFmtId="0" fontId="43" fillId="7" borderId="78" xfId="0" applyFont="1" applyFill="1" applyBorder="1" applyAlignment="1">
      <alignment horizontal="justify" vertical="center" wrapText="1"/>
    </xf>
    <xf numFmtId="0" fontId="64" fillId="0" borderId="0" xfId="0" applyFont="1" applyAlignment="1">
      <alignment horizontal="center" vertical="center" wrapText="1"/>
    </xf>
    <xf numFmtId="0" fontId="34" fillId="7" borderId="45" xfId="0" applyFont="1" applyFill="1" applyBorder="1" applyAlignment="1">
      <alignment horizontal="right" vertical="center" wrapText="1"/>
    </xf>
    <xf numFmtId="0" fontId="34" fillId="7" borderId="68" xfId="0" applyFont="1" applyFill="1" applyBorder="1" applyAlignment="1">
      <alignment horizontal="right" vertical="center" wrapText="1"/>
    </xf>
    <xf numFmtId="0" fontId="34" fillId="7" borderId="47" xfId="0" applyFont="1" applyFill="1" applyBorder="1" applyAlignment="1">
      <alignment horizontal="right" vertical="center" wrapText="1"/>
    </xf>
    <xf numFmtId="0" fontId="43" fillId="7" borderId="75" xfId="0" applyFont="1" applyFill="1" applyBorder="1" applyAlignment="1">
      <alignment horizontal="justify" vertical="center" wrapText="1"/>
    </xf>
    <xf numFmtId="49" fontId="34" fillId="0" borderId="70" xfId="4" applyNumberFormat="1" applyFont="1" applyBorder="1" applyAlignment="1">
      <alignment vertical="center" wrapText="1"/>
    </xf>
    <xf numFmtId="49" fontId="34" fillId="0" borderId="0" xfId="4" applyNumberFormat="1" applyFont="1" applyBorder="1" applyAlignment="1">
      <alignment vertical="center" wrapText="1"/>
    </xf>
    <xf numFmtId="49" fontId="34" fillId="0" borderId="54" xfId="4" applyNumberFormat="1" applyFont="1" applyBorder="1" applyAlignment="1">
      <alignment vertical="center" wrapText="1"/>
    </xf>
    <xf numFmtId="49" fontId="62" fillId="0" borderId="70" xfId="17" applyNumberFormat="1" applyFont="1" applyBorder="1" applyAlignment="1">
      <alignment vertical="center" wrapText="1"/>
    </xf>
    <xf numFmtId="49" fontId="62" fillId="0" borderId="64" xfId="17" applyNumberFormat="1" applyFont="1" applyBorder="1" applyAlignment="1">
      <alignment vertical="center" wrapText="1"/>
    </xf>
    <xf numFmtId="49" fontId="34" fillId="0" borderId="56" xfId="4" applyNumberFormat="1" applyFont="1" applyBorder="1" applyAlignment="1">
      <alignment vertical="center" wrapText="1"/>
    </xf>
    <xf numFmtId="49" fontId="34" fillId="0" borderId="57" xfId="4" applyNumberFormat="1" applyFont="1" applyBorder="1" applyAlignment="1">
      <alignment vertical="center" wrapText="1"/>
    </xf>
    <xf numFmtId="49" fontId="30" fillId="0" borderId="61" xfId="4" applyNumberFormat="1" applyFont="1" applyBorder="1" applyAlignment="1">
      <alignment horizontal="left" vertical="center"/>
    </xf>
    <xf numFmtId="49" fontId="30" fillId="0" borderId="65" xfId="4" applyNumberFormat="1" applyFont="1" applyBorder="1" applyAlignment="1">
      <alignment horizontal="left" vertical="center"/>
    </xf>
    <xf numFmtId="49" fontId="30" fillId="0" borderId="62" xfId="4" applyNumberFormat="1" applyFont="1" applyBorder="1" applyAlignment="1">
      <alignment horizontal="left" vertical="center"/>
    </xf>
    <xf numFmtId="0" fontId="58" fillId="0" borderId="12" xfId="0" applyFont="1" applyBorder="1" applyAlignment="1">
      <alignment horizontal="center" vertical="center" wrapText="1"/>
    </xf>
    <xf numFmtId="0" fontId="58" fillId="0" borderId="14" xfId="0" applyFont="1" applyBorder="1" applyAlignment="1">
      <alignment horizontal="center" vertical="center" wrapText="1"/>
    </xf>
    <xf numFmtId="0" fontId="58" fillId="0" borderId="10" xfId="0" applyFont="1" applyBorder="1" applyAlignment="1">
      <alignment horizontal="center" vertical="center" wrapText="1"/>
    </xf>
    <xf numFmtId="0" fontId="58" fillId="0" borderId="12" xfId="0" applyFont="1" applyBorder="1" applyAlignment="1">
      <alignment horizontal="center" wrapText="1"/>
    </xf>
    <xf numFmtId="0" fontId="58" fillId="0" borderId="14" xfId="0" applyFont="1" applyBorder="1" applyAlignment="1">
      <alignment horizontal="center" wrapText="1"/>
    </xf>
    <xf numFmtId="0" fontId="58" fillId="0" borderId="10" xfId="0" applyFont="1" applyBorder="1" applyAlignment="1">
      <alignment horizontal="center" wrapText="1"/>
    </xf>
    <xf numFmtId="0" fontId="39" fillId="2" borderId="8" xfId="0" applyFont="1" applyFill="1" applyBorder="1" applyAlignment="1">
      <alignment horizontal="center" vertical="center" wrapText="1"/>
    </xf>
    <xf numFmtId="0" fontId="39" fillId="0" borderId="6" xfId="0" applyFont="1" applyBorder="1" applyAlignment="1">
      <alignment horizontal="center" vertical="center" wrapText="1"/>
    </xf>
    <xf numFmtId="49" fontId="62" fillId="0" borderId="51" xfId="17" applyNumberFormat="1" applyFont="1" applyBorder="1" applyAlignment="1">
      <alignment horizontal="left" vertical="center"/>
    </xf>
    <xf numFmtId="49" fontId="32" fillId="6" borderId="58" xfId="0" applyNumberFormat="1" applyFont="1" applyFill="1" applyBorder="1" applyAlignment="1">
      <alignment horizontal="left" vertical="center"/>
    </xf>
    <xf numFmtId="49" fontId="32" fillId="6" borderId="9" xfId="0" applyNumberFormat="1" applyFont="1" applyFill="1" applyBorder="1" applyAlignment="1">
      <alignment horizontal="left" vertical="center"/>
    </xf>
    <xf numFmtId="49" fontId="32" fillId="6" borderId="59" xfId="0" applyNumberFormat="1" applyFont="1" applyFill="1" applyBorder="1" applyAlignment="1">
      <alignment horizontal="left" vertical="center"/>
    </xf>
    <xf numFmtId="49" fontId="30" fillId="0" borderId="63" xfId="0" applyNumberFormat="1" applyFont="1" applyBorder="1" applyAlignment="1">
      <alignment vertical="center" wrapText="1"/>
    </xf>
    <xf numFmtId="49" fontId="30" fillId="0" borderId="9" xfId="0" applyNumberFormat="1" applyFont="1" applyBorder="1" applyAlignment="1">
      <alignment vertical="center" wrapText="1"/>
    </xf>
    <xf numFmtId="49" fontId="30" fillId="0" borderId="59" xfId="0" applyNumberFormat="1" applyFont="1" applyBorder="1" applyAlignment="1">
      <alignment vertical="center" wrapText="1"/>
    </xf>
    <xf numFmtId="49" fontId="30" fillId="0" borderId="61" xfId="0" applyNumberFormat="1" applyFont="1" applyFill="1" applyBorder="1" applyAlignment="1">
      <alignment horizontal="left" vertical="center" wrapText="1"/>
    </xf>
    <xf numFmtId="49" fontId="30" fillId="0" borderId="65" xfId="0" applyNumberFormat="1" applyFont="1" applyFill="1" applyBorder="1" applyAlignment="1">
      <alignment horizontal="left" vertical="center" wrapText="1"/>
    </xf>
    <xf numFmtId="49" fontId="30" fillId="0" borderId="62" xfId="0" applyNumberFormat="1" applyFont="1" applyFill="1" applyBorder="1" applyAlignment="1">
      <alignment horizontal="left" vertical="center" wrapText="1"/>
    </xf>
    <xf numFmtId="0" fontId="30" fillId="0" borderId="69" xfId="0" applyFont="1" applyFill="1" applyBorder="1" applyAlignment="1">
      <alignment vertical="center"/>
    </xf>
    <xf numFmtId="0" fontId="30" fillId="0" borderId="51" xfId="0" applyFont="1" applyFill="1" applyBorder="1" applyAlignment="1">
      <alignment vertical="center"/>
    </xf>
    <xf numFmtId="0" fontId="30" fillId="0" borderId="70" xfId="0" applyFont="1" applyFill="1" applyBorder="1" applyAlignment="1">
      <alignment vertical="center"/>
    </xf>
    <xf numFmtId="0" fontId="30" fillId="0" borderId="0" xfId="0" applyFont="1" applyFill="1" applyBorder="1" applyAlignment="1">
      <alignment vertical="center"/>
    </xf>
    <xf numFmtId="0" fontId="30" fillId="0" borderId="64" xfId="0" applyFont="1" applyFill="1" applyBorder="1" applyAlignment="1">
      <alignment vertical="center"/>
    </xf>
    <xf numFmtId="0" fontId="30" fillId="0" borderId="56" xfId="0" applyFont="1" applyFill="1" applyBorder="1" applyAlignment="1">
      <alignment vertical="center"/>
    </xf>
    <xf numFmtId="0" fontId="39" fillId="0" borderId="51" xfId="0" applyFont="1" applyFill="1" applyBorder="1" applyAlignment="1">
      <alignment horizontal="left"/>
    </xf>
    <xf numFmtId="0" fontId="39" fillId="0" borderId="52" xfId="0" applyFont="1" applyFill="1" applyBorder="1" applyAlignment="1">
      <alignment horizontal="left"/>
    </xf>
    <xf numFmtId="49" fontId="30" fillId="0" borderId="61" xfId="2" applyNumberFormat="1" applyFont="1" applyBorder="1" applyAlignment="1">
      <alignment horizontal="center" vertical="center"/>
    </xf>
    <xf numFmtId="49" fontId="30" fillId="0" borderId="62" xfId="2" applyNumberFormat="1" applyFont="1" applyBorder="1" applyAlignment="1">
      <alignment horizontal="center" vertical="center"/>
    </xf>
    <xf numFmtId="49" fontId="30" fillId="0" borderId="51" xfId="0" applyNumberFormat="1" applyFont="1" applyBorder="1" applyAlignment="1">
      <alignment horizontal="center" vertical="center"/>
    </xf>
    <xf numFmtId="49" fontId="30" fillId="0" borderId="52" xfId="0" applyNumberFormat="1" applyFont="1" applyBorder="1" applyAlignment="1">
      <alignment horizontal="center" vertical="center"/>
    </xf>
    <xf numFmtId="49" fontId="30" fillId="0" borderId="56" xfId="0" applyNumberFormat="1" applyFont="1" applyBorder="1" applyAlignment="1">
      <alignment horizontal="center" vertical="center"/>
    </xf>
    <xf numFmtId="49" fontId="30" fillId="0" borderId="57" xfId="0" applyNumberFormat="1" applyFont="1" applyBorder="1" applyAlignment="1">
      <alignment horizontal="center" vertical="center"/>
    </xf>
    <xf numFmtId="14" fontId="30" fillId="0" borderId="56" xfId="0" applyNumberFormat="1" applyFont="1" applyFill="1" applyBorder="1" applyAlignment="1">
      <alignment horizontal="left"/>
    </xf>
    <xf numFmtId="14" fontId="30" fillId="0" borderId="57" xfId="0" applyNumberFormat="1" applyFont="1" applyFill="1" applyBorder="1" applyAlignment="1">
      <alignment horizontal="left"/>
    </xf>
    <xf numFmtId="0" fontId="32" fillId="6" borderId="58" xfId="8" applyNumberFormat="1" applyFont="1" applyFill="1" applyBorder="1" applyAlignment="1">
      <alignment horizontal="left" vertical="center"/>
    </xf>
    <xf numFmtId="0" fontId="32" fillId="6" borderId="9" xfId="8" applyNumberFormat="1" applyFont="1" applyFill="1" applyBorder="1" applyAlignment="1">
      <alignment horizontal="left" vertical="center"/>
    </xf>
    <xf numFmtId="0" fontId="32" fillId="6" borderId="59" xfId="8" applyNumberFormat="1" applyFont="1" applyFill="1" applyBorder="1" applyAlignment="1">
      <alignment horizontal="left" vertical="center"/>
    </xf>
    <xf numFmtId="49" fontId="30" fillId="0" borderId="63" xfId="8" applyNumberFormat="1" applyFont="1" applyFill="1" applyBorder="1" applyAlignment="1">
      <alignment vertical="center" wrapText="1"/>
    </xf>
    <xf numFmtId="49" fontId="30" fillId="0" borderId="9" xfId="8" applyNumberFormat="1" applyFont="1" applyFill="1" applyBorder="1" applyAlignment="1">
      <alignment vertical="center" wrapText="1"/>
    </xf>
    <xf numFmtId="49" fontId="30" fillId="0" borderId="59" xfId="8" applyNumberFormat="1" applyFont="1" applyFill="1" applyBorder="1" applyAlignment="1">
      <alignment vertical="center" wrapText="1"/>
    </xf>
    <xf numFmtId="0" fontId="34" fillId="0" borderId="63" xfId="8" applyNumberFormat="1" applyFont="1" applyFill="1" applyBorder="1" applyAlignment="1">
      <alignment horizontal="left" vertical="center"/>
    </xf>
    <xf numFmtId="0" fontId="34" fillId="0" borderId="9" xfId="8" applyNumberFormat="1" applyFont="1" applyFill="1" applyBorder="1" applyAlignment="1">
      <alignment horizontal="left" vertical="center"/>
    </xf>
    <xf numFmtId="0" fontId="34" fillId="0" borderId="59" xfId="8" applyNumberFormat="1" applyFont="1" applyFill="1" applyBorder="1" applyAlignment="1">
      <alignment horizontal="left" vertical="center"/>
    </xf>
    <xf numFmtId="49" fontId="13" fillId="0" borderId="51" xfId="17" applyNumberFormat="1" applyBorder="1" applyAlignment="1">
      <alignment horizontal="left" vertical="center"/>
    </xf>
    <xf numFmtId="49" fontId="13" fillId="0" borderId="64" xfId="17" applyNumberFormat="1" applyBorder="1" applyAlignment="1">
      <alignment horizontal="left" vertical="center"/>
    </xf>
    <xf numFmtId="49" fontId="13" fillId="0" borderId="56" xfId="17" applyNumberFormat="1" applyBorder="1" applyAlignment="1">
      <alignment horizontal="left" vertical="center"/>
    </xf>
    <xf numFmtId="49" fontId="20" fillId="0" borderId="61" xfId="4" applyNumberFormat="1" applyFont="1" applyBorder="1" applyAlignment="1">
      <alignment horizontal="center" vertical="center"/>
    </xf>
    <xf numFmtId="49" fontId="20" fillId="0" borderId="62" xfId="4" applyNumberFormat="1" applyFont="1" applyBorder="1" applyAlignment="1">
      <alignment horizontal="center" vertical="center"/>
    </xf>
    <xf numFmtId="0" fontId="3" fillId="0" borderId="51" xfId="0" applyNumberFormat="1" applyFont="1" applyBorder="1" applyAlignment="1">
      <alignment horizontal="left" vertical="center" wrapText="1"/>
    </xf>
    <xf numFmtId="0" fontId="3" fillId="0" borderId="52" xfId="0" applyNumberFormat="1" applyFont="1" applyBorder="1" applyAlignment="1">
      <alignment horizontal="left" vertical="center" wrapText="1"/>
    </xf>
    <xf numFmtId="0" fontId="13" fillId="0" borderId="64" xfId="17" applyNumberFormat="1" applyBorder="1" applyAlignment="1">
      <alignment horizontal="left" vertical="center" wrapText="1"/>
    </xf>
    <xf numFmtId="0" fontId="3" fillId="0" borderId="56" xfId="0" applyNumberFormat="1" applyFont="1" applyBorder="1" applyAlignment="1">
      <alignment horizontal="left" vertical="center" wrapText="1"/>
    </xf>
    <xf numFmtId="0" fontId="3" fillId="0" borderId="57" xfId="0" applyNumberFormat="1" applyFont="1" applyBorder="1" applyAlignment="1">
      <alignment horizontal="left" vertical="center" wrapText="1"/>
    </xf>
    <xf numFmtId="0" fontId="139" fillId="0" borderId="69" xfId="17" applyNumberFormat="1" applyFont="1" applyBorder="1" applyAlignment="1">
      <alignment horizontal="left" vertical="center" wrapText="1"/>
    </xf>
    <xf numFmtId="49" fontId="13" fillId="0" borderId="69" xfId="17" applyNumberFormat="1" applyFill="1" applyBorder="1" applyAlignment="1">
      <alignment horizontal="left" vertical="center" wrapText="1"/>
    </xf>
    <xf numFmtId="49" fontId="30" fillId="0" borderId="51" xfId="2" applyNumberFormat="1" applyFont="1" applyFill="1" applyBorder="1" applyAlignment="1">
      <alignment horizontal="left" vertical="center"/>
    </xf>
    <xf numFmtId="49" fontId="30" fillId="0" borderId="52" xfId="2" applyNumberFormat="1" applyFont="1" applyFill="1" applyBorder="1" applyAlignment="1">
      <alignment horizontal="left" vertical="center"/>
    </xf>
    <xf numFmtId="49" fontId="13" fillId="0" borderId="64" xfId="17" applyNumberFormat="1" applyFill="1" applyBorder="1" applyAlignment="1">
      <alignment horizontal="left" vertical="center" wrapText="1"/>
    </xf>
    <xf numFmtId="49" fontId="30" fillId="0" borderId="56" xfId="2" applyNumberFormat="1" applyFont="1" applyFill="1" applyBorder="1" applyAlignment="1">
      <alignment horizontal="left" vertical="center"/>
    </xf>
    <xf numFmtId="49" fontId="30" fillId="0" borderId="57" xfId="2" applyNumberFormat="1" applyFont="1" applyFill="1" applyBorder="1" applyAlignment="1">
      <alignment horizontal="left" vertical="center"/>
    </xf>
    <xf numFmtId="49" fontId="30" fillId="0" borderId="61" xfId="2" applyNumberFormat="1" applyFont="1" applyBorder="1" applyAlignment="1">
      <alignment vertical="center"/>
    </xf>
    <xf numFmtId="49" fontId="30" fillId="0" borderId="62" xfId="2" applyNumberFormat="1" applyFont="1" applyBorder="1" applyAlignment="1">
      <alignment vertical="center"/>
    </xf>
  </cellXfs>
  <cellStyles count="25">
    <cellStyle name="Normal 12" xfId="14"/>
    <cellStyle name="Normal 2" xfId="16"/>
    <cellStyle name="Normal 3" xfId="20"/>
    <cellStyle name="Normal 4" xfId="13"/>
    <cellStyle name="Normal 5" xfId="19"/>
    <cellStyle name="Normal 6" xfId="21"/>
    <cellStyle name="Normal_CRM V High + High + Moderate DD" xfId="24"/>
    <cellStyle name="ハイパーリンク" xfId="17" builtinId="8"/>
    <cellStyle name="ハイパーリンク 2" xfId="18"/>
    <cellStyle name="標準" xfId="0" builtinId="0"/>
    <cellStyle name="標準 11" xfId="9"/>
    <cellStyle name="標準 13 2 2" xfId="2"/>
    <cellStyle name="標準 13 2 2 2" xfId="4"/>
    <cellStyle name="標準 14" xfId="10"/>
    <cellStyle name="標準 15 2" xfId="3"/>
    <cellStyle name="標準 15 3" xfId="5"/>
    <cellStyle name="標準 16 2" xfId="6"/>
    <cellStyle name="標準 17 2" xfId="12"/>
    <cellStyle name="標準 17 3" xfId="1"/>
    <cellStyle name="標準 2" xfId="7"/>
    <cellStyle name="標準 2 2 2" xfId="11"/>
    <cellStyle name="標準 3" xfId="22"/>
    <cellStyle name="標準 4" xfId="23"/>
    <cellStyle name="標準 5" xfId="8"/>
    <cellStyle name="標準_Sheet1" xfId="15"/>
  </cellStyles>
  <dxfs count="24">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
      <font>
        <condense val="0"/>
        <extend val="0"/>
        <color rgb="FF9C0006"/>
      </font>
      <fill>
        <patternFill>
          <bgColor rgb="FFFFC7CE"/>
        </patternFill>
      </fill>
    </dxf>
  </dxfs>
  <tableStyles count="0" defaultTableStyle="TableStyleMedium2" defaultPivotStyle="PivotStyleLight16"/>
  <colors>
    <mruColors>
      <color rgb="FFFFDDDD"/>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hyperlink" Target="unmht://unmht/file.5/C:/Users/1163639/Documents/maeda/2015/2015_METI%E6%83%85%E5%A0%B1%E4%BC%9D%E9%81%94/%E6%83%85%E5%A0%B1%E6%BA%90/version1.00.00%E7%94%A8/LR02_TSCA/eCFR%20%E2%80%94%20Code%20of%20Federal%20Regulations_40_763.mht/#_top" TargetMode="External"/></Relationships>
</file>

<file path=xl/drawings/_rels/drawing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0</xdr:colOff>
      <xdr:row>201</xdr:row>
      <xdr:rowOff>0</xdr:rowOff>
    </xdr:from>
    <xdr:to>
      <xdr:col>1</xdr:col>
      <xdr:colOff>304800</xdr:colOff>
      <xdr:row>202</xdr:row>
      <xdr:rowOff>101441</xdr:rowOff>
    </xdr:to>
    <xdr:sp macro="" textlink="">
      <xdr:nvSpPr>
        <xdr:cNvPr id="2" name="AutoShape 1" descr="return arrow">
          <a:hlinkClick xmlns:r="http://schemas.openxmlformats.org/officeDocument/2006/relationships" r:id="rId1"/>
          <a:extLst>
            <a:ext uri="{FF2B5EF4-FFF2-40B4-BE49-F238E27FC236}">
              <a16:creationId xmlns:a16="http://schemas.microsoft.com/office/drawing/2014/main" id="{00000000-0008-0000-0200-000002000000}"/>
            </a:ext>
          </a:extLst>
        </xdr:cNvPr>
        <xdr:cNvSpPr>
          <a:spLocks noChangeAspect="1" noChangeArrowheads="1"/>
        </xdr:cNvSpPr>
      </xdr:nvSpPr>
      <xdr:spPr bwMode="auto">
        <a:xfrm>
          <a:off x="685800" y="77038200"/>
          <a:ext cx="304800" cy="3048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twoCellAnchor editAs="oneCell">
    <xdr:from>
      <xdr:col>1</xdr:col>
      <xdr:colOff>0</xdr:colOff>
      <xdr:row>211</xdr:row>
      <xdr:rowOff>0</xdr:rowOff>
    </xdr:from>
    <xdr:to>
      <xdr:col>1</xdr:col>
      <xdr:colOff>304800</xdr:colOff>
      <xdr:row>212</xdr:row>
      <xdr:rowOff>101441</xdr:rowOff>
    </xdr:to>
    <xdr:sp macro="" textlink="">
      <xdr:nvSpPr>
        <xdr:cNvPr id="3" name="AutoShape 2" descr="return arrow">
          <a:hlinkClick xmlns:r="http://schemas.openxmlformats.org/officeDocument/2006/relationships" r:id="rId1"/>
          <a:extLst>
            <a:ext uri="{FF2B5EF4-FFF2-40B4-BE49-F238E27FC236}">
              <a16:creationId xmlns:a16="http://schemas.microsoft.com/office/drawing/2014/main" id="{00000000-0008-0000-0200-000003000000}"/>
            </a:ext>
          </a:extLst>
        </xdr:cNvPr>
        <xdr:cNvSpPr>
          <a:spLocks noChangeAspect="1" noChangeArrowheads="1"/>
        </xdr:cNvSpPr>
      </xdr:nvSpPr>
      <xdr:spPr bwMode="auto">
        <a:xfrm>
          <a:off x="685800" y="79190850"/>
          <a:ext cx="304800" cy="3048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2952750</xdr:colOff>
      <xdr:row>4181</xdr:row>
      <xdr:rowOff>66675</xdr:rowOff>
    </xdr:from>
    <xdr:to>
      <xdr:col>2</xdr:col>
      <xdr:colOff>3649100</xdr:colOff>
      <xdr:row>4181</xdr:row>
      <xdr:rowOff>3942746</xdr:rowOff>
    </xdr:to>
    <xdr:pic>
      <xdr:nvPicPr>
        <xdr:cNvPr id="2" name="図 1">
          <a:extLst>
            <a:ext uri="{FF2B5EF4-FFF2-40B4-BE49-F238E27FC236}">
              <a16:creationId xmlns:a16="http://schemas.microsoft.com/office/drawing/2014/main" id="{00000000-0008-0000-0800-000002000000}"/>
            </a:ext>
          </a:extLst>
        </xdr:cNvPr>
        <xdr:cNvPicPr>
          <a:picLocks noChangeAspect="1"/>
        </xdr:cNvPicPr>
      </xdr:nvPicPr>
      <xdr:blipFill>
        <a:blip xmlns:r="http://schemas.openxmlformats.org/officeDocument/2006/relationships" r:embed="rId1"/>
        <a:stretch>
          <a:fillRect/>
        </a:stretch>
      </xdr:blipFill>
      <xdr:spPr>
        <a:xfrm>
          <a:off x="3638550" y="1706984775"/>
          <a:ext cx="3791975" cy="3876071"/>
        </a:xfrm>
        <a:prstGeom prst="rect">
          <a:avLst/>
        </a:prstGeom>
      </xdr:spPr>
    </xdr:pic>
    <xdr:clientData/>
  </xdr:twoCellAnchor>
  <xdr:twoCellAnchor editAs="oneCell">
    <xdr:from>
      <xdr:col>2</xdr:col>
      <xdr:colOff>57150</xdr:colOff>
      <xdr:row>278</xdr:row>
      <xdr:rowOff>57150</xdr:rowOff>
    </xdr:from>
    <xdr:to>
      <xdr:col>2</xdr:col>
      <xdr:colOff>932924</xdr:colOff>
      <xdr:row>278</xdr:row>
      <xdr:rowOff>1076325</xdr:rowOff>
    </xdr:to>
    <xdr:pic>
      <xdr:nvPicPr>
        <xdr:cNvPr id="3" name="図 2">
          <a:extLst>
            <a:ext uri="{FF2B5EF4-FFF2-40B4-BE49-F238E27FC236}">
              <a16:creationId xmlns:a16="http://schemas.microsoft.com/office/drawing/2014/main" id="{00000000-0008-0000-0800-000003000000}"/>
            </a:ext>
          </a:extLst>
        </xdr:cNvPr>
        <xdr:cNvPicPr>
          <a:picLocks noChangeAspect="1"/>
        </xdr:cNvPicPr>
      </xdr:nvPicPr>
      <xdr:blipFill>
        <a:blip xmlns:r="http://schemas.openxmlformats.org/officeDocument/2006/relationships" r:embed="rId2"/>
        <a:stretch>
          <a:fillRect/>
        </a:stretch>
      </xdr:blipFill>
      <xdr:spPr>
        <a:xfrm>
          <a:off x="3838575" y="82315050"/>
          <a:ext cx="875774" cy="1019175"/>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mbria-Calibri">
      <a:majorFont>
        <a:latin typeface="Cambria" panose="02040503050406030204"/>
        <a:ea typeface=""/>
        <a:cs typeface=""/>
        <a:font script="Jpan" typeface="ＭＳ Ｐゴシック"/>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8" Type="http://schemas.openxmlformats.org/officeDocument/2006/relationships/hyperlink" Target="https://public.mdsystem.com/en/web/imds-public-pages/gadsl-crm" TargetMode="External"/><Relationship Id="rId3" Type="http://schemas.openxmlformats.org/officeDocument/2006/relationships/hyperlink" Target="http://www.chemindustry.com/chemicals/183267.html" TargetMode="External"/><Relationship Id="rId7" Type="http://schemas.openxmlformats.org/officeDocument/2006/relationships/hyperlink" Target="https://eur01.safelinks.protection.outlook.com/?url=https%3A%2F%2Fpublic.mdsystem.com%2Fweb%2Fimds-public-pages%2Fgadsl-crm&amp;data=04%7C01%7Cmgriff52%40jaguarlandrover.com%7Cef9fb8392995400a4d7008d8b7d72b78%7C4c087f801e074f729e41d7d9748d0f4c%7C0%7C0%7C637461482072885479%7CUnknown%7CTWFpbGZsb3d8eyJWIjoiMC4wLjAwMDAiLCJQIjoiV2luMzIiLCJBTiI6Ik1haWwiLCJXVCI6Mn0%3D%7C1000&amp;sdata=V4TZr%2F06jorfoIK3SLG3cMPnjx3Kyl%2F2DgPMpG%2F0r1I%3D&amp;reserved=0" TargetMode="External"/><Relationship Id="rId2" Type="http://schemas.openxmlformats.org/officeDocument/2006/relationships/hyperlink" Target="http://www.chemindustry.com/chemicals/9075808.html" TargetMode="External"/><Relationship Id="rId1" Type="http://schemas.openxmlformats.org/officeDocument/2006/relationships/hyperlink" Target="https://www.gadsl.org/" TargetMode="External"/><Relationship Id="rId6" Type="http://schemas.openxmlformats.org/officeDocument/2006/relationships/hyperlink" Target="http://www.chemindustry.com/chemicals/199887.html" TargetMode="External"/><Relationship Id="rId5" Type="http://schemas.openxmlformats.org/officeDocument/2006/relationships/hyperlink" Target="http://www.chemindustry.com/chemicals/180839.html" TargetMode="External"/><Relationship Id="rId4" Type="http://schemas.openxmlformats.org/officeDocument/2006/relationships/hyperlink" Target="http://www.chemindustry.com/chemicals/118270.html" TargetMode="External"/><Relationship Id="rId9"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2" Type="http://schemas.openxmlformats.org/officeDocument/2006/relationships/printerSettings" Target="../printerSettings/printerSettings9.bin"/><Relationship Id="rId1" Type="http://schemas.openxmlformats.org/officeDocument/2006/relationships/hyperlink" Target="http://std.iec.ch/iec62474/iec62474.nsf" TargetMode="Externa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2.bin"/><Relationship Id="rId2" Type="http://schemas.openxmlformats.org/officeDocument/2006/relationships/hyperlink" Target="http://www.meti.go.jp/policy/chemical_management/kasinhou/about/class1specified_index.html" TargetMode="External"/><Relationship Id="rId1" Type="http://schemas.openxmlformats.org/officeDocument/2006/relationships/hyperlink" Target="http://www.meti.go.jp/policy/chemical_management/kasinhou/files/ippantou/class1specified_chemicals_list.pdf" TargetMode="External"/></Relationships>
</file>

<file path=xl/worksheets/_rels/sheet3.xml.rels><?xml version="1.0" encoding="UTF-8" standalone="yes"?>
<Relationships xmlns="http://schemas.openxmlformats.org/package/2006/relationships"><Relationship Id="rId8" Type="http://schemas.openxmlformats.org/officeDocument/2006/relationships/hyperlink" Target="https://www.ecfr.gov/cgi-bin/text-idx?SID=40f7c34fc55fcc0a3bd3fbdb1b60aede&amp;mc=true&amp;tpl=/ecfrbrowse/Title40/40tab_02.tpl" TargetMode="External"/><Relationship Id="rId3" Type="http://schemas.openxmlformats.org/officeDocument/2006/relationships/hyperlink" Target="https://www.ecfr.gov/cgi-bin/text-idx?SID=40f7c34fc55fcc0a3bd3fbdb1b60aede&amp;mc=true&amp;node=pt40.34.761&amp;rgn=div5" TargetMode="External"/><Relationship Id="rId7" Type="http://schemas.openxmlformats.org/officeDocument/2006/relationships/hyperlink" Target="https://www.ecfr.gov/cgi-bin/text-idx?SID=30ae327a3102f79b579f2bde520189fd&amp;mc=true&amp;node=pt40.34.751&amp;rgn=div5" TargetMode="External"/><Relationship Id="rId2" Type="http://schemas.openxmlformats.org/officeDocument/2006/relationships/hyperlink" Target="https://www.ecfr.gov/cgi-bin/text-idx?SID=40f7c34fc55fcc0a3bd3fbdb1b60aede&amp;mc=true&amp;node=pt40.34.749&amp;rgn=div5" TargetMode="External"/><Relationship Id="rId1" Type="http://schemas.openxmlformats.org/officeDocument/2006/relationships/hyperlink" Target="https://www.ecfr.gov/cgi-bin/text-idx?SID=40f7c34fc55fcc0a3bd3fbdb1b60aede&amp;mc=true&amp;node=pt40.34.747&amp;rgn=div5" TargetMode="External"/><Relationship Id="rId6" Type="http://schemas.openxmlformats.org/officeDocument/2006/relationships/hyperlink" Target="https://www.ecfr.gov/cgi-bin/text-idx?SID=30ae327a3102f79b579f2bde520189fd&amp;mc=true&amp;node=pt40.34.751&amp;rgn=div5" TargetMode="External"/><Relationship Id="rId5" Type="http://schemas.openxmlformats.org/officeDocument/2006/relationships/hyperlink" Target="https://www.ecfr.gov/cgi-bin/text-idx?SID=30ae327a3102f79b579f2bde520189fd&amp;mc=true&amp;node=pt40.34.751&amp;rgn=div5" TargetMode="External"/><Relationship Id="rId10" Type="http://schemas.openxmlformats.org/officeDocument/2006/relationships/drawing" Target="../drawings/drawing1.xml"/><Relationship Id="rId4" Type="http://schemas.openxmlformats.org/officeDocument/2006/relationships/hyperlink" Target="https://www.ecfr.gov/cgi-bin/retrieveECFR?gp=1&amp;SID=81e036ff1ce193600be3d4c4b46b1a37&amp;ty=HTML&amp;h=L&amp;mc=true&amp;r=PART&amp;n=pt40.31.763" TargetMode="External"/><Relationship Id="rId9"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4.bin"/><Relationship Id="rId1" Type="http://schemas.openxmlformats.org/officeDocument/2006/relationships/hyperlink" Target="https://eur-lex.europa.eu/legal-content/EN/TXT/?uri=CELEX%3A02000L0053-20200306" TargetMode="External"/></Relationships>
</file>

<file path=xl/worksheets/_rels/sheet5.xml.rels><?xml version="1.0" encoding="UTF-8" standalone="yes"?>
<Relationships xmlns="http://schemas.openxmlformats.org/package/2006/relationships"><Relationship Id="rId1" Type="http://schemas.openxmlformats.org/officeDocument/2006/relationships/hyperlink" Target="https://eur-lex.europa.eu/legal-content/EN/TXT/?uri=CELEX%3A02011L0065-20210401&amp;qid=1623292824866" TargetMode="External"/></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hyperlink" Target="https://eur-lex.europa.eu/legal-content/EN/TXT/?uri=CELEX%3A02019R1021-20210315&amp;qid=1623303198841" TargetMode="External"/></Relationships>
</file>

<file path=xl/worksheets/_rels/sheet7.xml.rels><?xml version="1.0" encoding="UTF-8" standalone="yes"?>
<Relationships xmlns="http://schemas.openxmlformats.org/package/2006/relationships"><Relationship Id="rId3" Type="http://schemas.openxmlformats.org/officeDocument/2006/relationships/printerSettings" Target="../printerSettings/printerSettings6.bin"/><Relationship Id="rId2" Type="http://schemas.openxmlformats.org/officeDocument/2006/relationships/hyperlink" Target="https://eur-lex.europa.eu/legal-content/EN/ALL/?uri=CELEX:32006R1907" TargetMode="External"/><Relationship Id="rId1" Type="http://schemas.openxmlformats.org/officeDocument/2006/relationships/hyperlink" Target="https://echa.europa.eu/candidate-list-table" TargetMode="External"/></Relationships>
</file>

<file path=xl/worksheets/_rels/sheet8.xml.rels><?xml version="1.0" encoding="UTF-8" standalone="yes"?>
<Relationships xmlns="http://schemas.openxmlformats.org/package/2006/relationships"><Relationship Id="rId3" Type="http://schemas.openxmlformats.org/officeDocument/2006/relationships/hyperlink" Target="https://eur-lex.europa.eu/legal-content/EN/TXT/?uri=celex%3A32020R2096" TargetMode="External"/><Relationship Id="rId2" Type="http://schemas.openxmlformats.org/officeDocument/2006/relationships/hyperlink" Target="https://eur-lex.europa.eu/legal-content/EN/TXT/?uri=CELEX%3A02006R1907-20200824" TargetMode="External"/><Relationship Id="rId1" Type="http://schemas.openxmlformats.org/officeDocument/2006/relationships/hyperlink" Target="https://eur-lex.europa.eu/legal-content/EN/TXT/?uri=CELEX%3A02006R1907-20210215" TargetMode="External"/><Relationship Id="rId4" Type="http://schemas.openxmlformats.org/officeDocument/2006/relationships/drawing" Target="../drawings/drawing2.xml"/></Relationships>
</file>

<file path=xl/worksheets/_rels/sheet9.xml.rels><?xml version="1.0" encoding="UTF-8" standalone="yes"?>
<Relationships xmlns="http://schemas.openxmlformats.org/package/2006/relationships"><Relationship Id="rId8" Type="http://schemas.openxmlformats.org/officeDocument/2006/relationships/hyperlink" Target="http://publications.europa.eu/resource/celex/32017R0776" TargetMode="External"/><Relationship Id="rId13" Type="http://schemas.openxmlformats.org/officeDocument/2006/relationships/hyperlink" Target="http://publications.europa.eu/resource/celex/32017R0776" TargetMode="External"/><Relationship Id="rId3" Type="http://schemas.openxmlformats.org/officeDocument/2006/relationships/hyperlink" Target="https://eur-lex.europa.eu/legal-content/EN/TXT/?uri=CELEX%3A32012R0528" TargetMode="External"/><Relationship Id="rId7" Type="http://schemas.openxmlformats.org/officeDocument/2006/relationships/hyperlink" Target="http://publications.europa.eu/resource/celex/32021R0643" TargetMode="External"/><Relationship Id="rId12" Type="http://schemas.openxmlformats.org/officeDocument/2006/relationships/hyperlink" Target="http://publications.europa.eu/resource/celex/32008R1272" TargetMode="External"/><Relationship Id="rId2" Type="http://schemas.openxmlformats.org/officeDocument/2006/relationships/hyperlink" Target="https://eur-lex.europa.eu/legal-content/EN/TXT/?uri=CELEX%3A02008R1272-20210510" TargetMode="External"/><Relationship Id="rId16" Type="http://schemas.openxmlformats.org/officeDocument/2006/relationships/printerSettings" Target="../printerSettings/printerSettings7.bin"/><Relationship Id="rId1" Type="http://schemas.openxmlformats.org/officeDocument/2006/relationships/hyperlink" Target="https://eur-lex.europa.eu/legal-content/EN/ALL/?uri=CELEX:32017R0745" TargetMode="External"/><Relationship Id="rId6" Type="http://schemas.openxmlformats.org/officeDocument/2006/relationships/hyperlink" Target="http://publications.europa.eu/resource/celex/32011R0286" TargetMode="External"/><Relationship Id="rId11" Type="http://schemas.openxmlformats.org/officeDocument/2006/relationships/hyperlink" Target="http://publications.europa.eu/resource/celex/32016R0918" TargetMode="External"/><Relationship Id="rId5" Type="http://schemas.openxmlformats.org/officeDocument/2006/relationships/hyperlink" Target="http://publications.europa.eu/resource/celex/32008R1272" TargetMode="External"/><Relationship Id="rId15" Type="http://schemas.openxmlformats.org/officeDocument/2006/relationships/hyperlink" Target="http://publications.europa.eu/resource/celex/32021R0643" TargetMode="External"/><Relationship Id="rId10" Type="http://schemas.openxmlformats.org/officeDocument/2006/relationships/hyperlink" Target="http://publications.europa.eu/resource/celex/32017R0776" TargetMode="External"/><Relationship Id="rId4" Type="http://schemas.openxmlformats.org/officeDocument/2006/relationships/hyperlink" Target="http://publications.europa.eu/resource/celex/32017R0776" TargetMode="External"/><Relationship Id="rId9" Type="http://schemas.openxmlformats.org/officeDocument/2006/relationships/hyperlink" Target="http://publications.europa.eu/resource/celex/32008R1272" TargetMode="External"/><Relationship Id="rId14" Type="http://schemas.openxmlformats.org/officeDocument/2006/relationships/hyperlink" Target="http://publications.europa.eu/resource/celex/32008R1272"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5"/>
  <sheetViews>
    <sheetView showGridLines="0" tabSelected="1" zoomScaleNormal="100" workbookViewId="0"/>
  </sheetViews>
  <sheetFormatPr defaultColWidth="9" defaultRowHeight="14.25"/>
  <cols>
    <col min="1" max="1" width="9" style="100"/>
    <col min="2" max="2" width="11.25" style="100" customWidth="1"/>
    <col min="3" max="3" width="35.875" style="100" customWidth="1"/>
    <col min="4" max="4" width="19.125" style="100" customWidth="1"/>
    <col min="5" max="5" width="21" style="100" customWidth="1"/>
    <col min="6" max="6" width="9" style="100" customWidth="1"/>
    <col min="7" max="16384" width="9" style="100"/>
  </cols>
  <sheetData>
    <row r="1" spans="1:6" ht="28.5" customHeight="1">
      <c r="A1" s="925" t="s">
        <v>31886</v>
      </c>
      <c r="B1" s="926"/>
      <c r="C1" s="926"/>
      <c r="D1" s="926"/>
      <c r="E1" s="926"/>
      <c r="F1" s="927"/>
    </row>
    <row r="2" spans="1:6" ht="52.5" customHeight="1">
      <c r="A2" s="928"/>
      <c r="B2" s="982" t="s">
        <v>13351</v>
      </c>
      <c r="C2" s="982"/>
      <c r="D2" s="982"/>
      <c r="E2" s="982"/>
      <c r="F2" s="929"/>
    </row>
    <row r="3" spans="1:6" ht="32.25" customHeight="1">
      <c r="A3" s="928"/>
      <c r="B3" s="983" t="s">
        <v>37463</v>
      </c>
      <c r="C3" s="983"/>
      <c r="D3" s="983"/>
      <c r="E3" s="983"/>
      <c r="F3" s="929"/>
    </row>
    <row r="4" spans="1:6" ht="84" customHeight="1">
      <c r="A4" s="928"/>
      <c r="B4" s="982" t="s">
        <v>13399</v>
      </c>
      <c r="C4" s="982"/>
      <c r="D4" s="982"/>
      <c r="E4" s="982"/>
      <c r="F4" s="929"/>
    </row>
    <row r="5" spans="1:6" ht="142.9" customHeight="1">
      <c r="A5" s="928"/>
      <c r="B5" s="984" t="s">
        <v>31130</v>
      </c>
      <c r="C5" s="984"/>
      <c r="D5" s="984"/>
      <c r="E5" s="984"/>
      <c r="F5" s="929"/>
    </row>
    <row r="6" spans="1:6">
      <c r="A6" s="928"/>
      <c r="B6" s="930"/>
      <c r="C6" s="930"/>
      <c r="D6" s="930"/>
      <c r="E6" s="930"/>
      <c r="F6" s="929"/>
    </row>
    <row r="7" spans="1:6">
      <c r="A7" s="928"/>
      <c r="B7" s="930" t="s">
        <v>13290</v>
      </c>
      <c r="C7" s="930"/>
      <c r="D7" s="930"/>
      <c r="E7" s="930"/>
      <c r="F7" s="929"/>
    </row>
    <row r="8" spans="1:6" ht="36.75" customHeight="1">
      <c r="A8" s="928"/>
      <c r="B8" s="985" t="s">
        <v>13400</v>
      </c>
      <c r="C8" s="985"/>
      <c r="D8" s="985"/>
      <c r="E8" s="985"/>
      <c r="F8" s="929"/>
    </row>
    <row r="9" spans="1:6">
      <c r="A9" s="928"/>
      <c r="B9" s="930"/>
      <c r="C9" s="930"/>
      <c r="D9" s="930"/>
      <c r="E9" s="930"/>
      <c r="F9" s="929"/>
    </row>
    <row r="10" spans="1:6" ht="15" thickBot="1">
      <c r="A10" s="928"/>
      <c r="B10" s="930" t="s">
        <v>13350</v>
      </c>
      <c r="C10" s="930"/>
      <c r="D10" s="930"/>
      <c r="E10" s="930"/>
      <c r="F10" s="929"/>
    </row>
    <row r="11" spans="1:6" ht="36" customHeight="1" thickBot="1">
      <c r="A11" s="928"/>
      <c r="B11" s="20" t="s">
        <v>13339</v>
      </c>
      <c r="C11" s="21" t="s">
        <v>13340</v>
      </c>
      <c r="D11" s="20" t="s">
        <v>31884</v>
      </c>
      <c r="E11" s="976" t="s">
        <v>37464</v>
      </c>
      <c r="F11" s="929"/>
    </row>
    <row r="12" spans="1:6" ht="33.75" customHeight="1" thickTop="1" thickBot="1">
      <c r="A12" s="928"/>
      <c r="B12" s="57" t="s">
        <v>27213</v>
      </c>
      <c r="C12" s="51" t="s">
        <v>31132</v>
      </c>
      <c r="D12" s="123">
        <v>43191</v>
      </c>
      <c r="E12" s="123">
        <v>43191</v>
      </c>
      <c r="F12" s="929"/>
    </row>
    <row r="13" spans="1:6" ht="47.25" customHeight="1" thickBot="1">
      <c r="A13" s="928"/>
      <c r="B13" s="58" t="s">
        <v>13341</v>
      </c>
      <c r="C13" s="54" t="s">
        <v>26893</v>
      </c>
      <c r="D13" s="124" t="s">
        <v>27220</v>
      </c>
      <c r="E13" s="124" t="s">
        <v>27220</v>
      </c>
      <c r="F13" s="929"/>
    </row>
    <row r="14" spans="1:6" ht="33.75" customHeight="1" thickBot="1">
      <c r="A14" s="928"/>
      <c r="B14" s="59" t="s">
        <v>13342</v>
      </c>
      <c r="C14" s="55" t="s">
        <v>26894</v>
      </c>
      <c r="D14" s="56" t="s">
        <v>35394</v>
      </c>
      <c r="E14" s="56" t="s">
        <v>35394</v>
      </c>
      <c r="F14" s="929"/>
    </row>
    <row r="15" spans="1:6" ht="33.75" customHeight="1" thickBot="1">
      <c r="A15" s="928"/>
      <c r="B15" s="57" t="s">
        <v>13343</v>
      </c>
      <c r="C15" s="51" t="s">
        <v>26895</v>
      </c>
      <c r="D15" s="124" t="s">
        <v>31133</v>
      </c>
      <c r="E15" s="124" t="s">
        <v>31133</v>
      </c>
      <c r="F15" s="929"/>
    </row>
    <row r="16" spans="1:6" ht="33.75" customHeight="1" thickBot="1">
      <c r="A16" s="928"/>
      <c r="B16" s="57" t="s">
        <v>13344</v>
      </c>
      <c r="C16" s="51" t="s">
        <v>26896</v>
      </c>
      <c r="D16" s="124" t="s">
        <v>31651</v>
      </c>
      <c r="E16" s="124" t="s">
        <v>35389</v>
      </c>
      <c r="F16" s="929"/>
    </row>
    <row r="17" spans="1:6" ht="61.5" customHeight="1" thickBot="1">
      <c r="A17" s="928"/>
      <c r="B17" s="57" t="s">
        <v>13345</v>
      </c>
      <c r="C17" s="51" t="s">
        <v>26897</v>
      </c>
      <c r="D17" s="125" t="s">
        <v>31879</v>
      </c>
      <c r="E17" s="125" t="s">
        <v>36139</v>
      </c>
      <c r="F17" s="929"/>
    </row>
    <row r="18" spans="1:6" ht="33.75" customHeight="1" thickBot="1">
      <c r="A18" s="928"/>
      <c r="B18" s="57" t="s">
        <v>13346</v>
      </c>
      <c r="C18" s="51" t="s">
        <v>27211</v>
      </c>
      <c r="D18" s="126" t="s">
        <v>31885</v>
      </c>
      <c r="E18" s="126" t="s">
        <v>37462</v>
      </c>
      <c r="F18" s="929"/>
    </row>
    <row r="19" spans="1:6" ht="60" customHeight="1" thickBot="1">
      <c r="A19" s="928"/>
      <c r="B19" s="57" t="s">
        <v>27212</v>
      </c>
      <c r="C19" s="51" t="s">
        <v>26898</v>
      </c>
      <c r="D19" s="127" t="s">
        <v>31880</v>
      </c>
      <c r="E19" s="127" t="s">
        <v>37465</v>
      </c>
      <c r="F19" s="929"/>
    </row>
    <row r="20" spans="1:6" ht="72" customHeight="1" thickBot="1">
      <c r="A20" s="928"/>
      <c r="B20" s="19" t="s">
        <v>13347</v>
      </c>
      <c r="C20" s="51" t="s">
        <v>35463</v>
      </c>
      <c r="D20" s="128" t="s">
        <v>31129</v>
      </c>
      <c r="E20" s="128" t="s">
        <v>35390</v>
      </c>
      <c r="F20" s="929"/>
    </row>
    <row r="21" spans="1:6" ht="54" customHeight="1" thickBot="1">
      <c r="A21" s="928"/>
      <c r="B21" s="19" t="s">
        <v>13348</v>
      </c>
      <c r="C21" s="112" t="s">
        <v>13349</v>
      </c>
      <c r="D21" s="113" t="s">
        <v>31652</v>
      </c>
      <c r="E21" s="113" t="s">
        <v>35398</v>
      </c>
      <c r="F21" s="929"/>
    </row>
    <row r="22" spans="1:6" ht="15.75">
      <c r="A22" s="928"/>
      <c r="B22" s="924" t="s">
        <v>26899</v>
      </c>
      <c r="C22" s="931"/>
      <c r="D22" s="931"/>
      <c r="F22" s="929"/>
    </row>
    <row r="23" spans="1:6" ht="15.75">
      <c r="A23" s="928"/>
      <c r="B23" s="924" t="s">
        <v>31883</v>
      </c>
      <c r="C23" s="931"/>
      <c r="D23" s="931"/>
      <c r="F23" s="929"/>
    </row>
    <row r="24" spans="1:6" ht="15.75">
      <c r="A24" s="928"/>
      <c r="B24" s="924"/>
      <c r="C24" s="931"/>
      <c r="D24" s="931"/>
      <c r="F24" s="929"/>
    </row>
    <row r="25" spans="1:6" ht="15" thickBot="1">
      <c r="A25" s="932"/>
      <c r="B25" s="933"/>
      <c r="C25" s="933"/>
      <c r="D25" s="933"/>
      <c r="E25" s="933"/>
      <c r="F25" s="934"/>
    </row>
  </sheetData>
  <mergeCells count="5">
    <mergeCell ref="B2:E2"/>
    <mergeCell ref="B3:E3"/>
    <mergeCell ref="B4:E4"/>
    <mergeCell ref="B5:E5"/>
    <mergeCell ref="B8:E8"/>
  </mergeCells>
  <phoneticPr fontId="4"/>
  <pageMargins left="0.7" right="0.7" top="0.75" bottom="0.75" header="0.3" footer="0.3"/>
  <pageSetup paperSize="9" orientation="landscape" horizontalDpi="1200" verticalDpi="1200"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4376"/>
  <sheetViews>
    <sheetView showGridLines="0" zoomScale="80" zoomScaleNormal="80" workbookViewId="0">
      <selection activeCell="B6" sqref="B6:C6"/>
    </sheetView>
  </sheetViews>
  <sheetFormatPr defaultColWidth="9" defaultRowHeight="12"/>
  <cols>
    <col min="1" max="1" width="10.125" style="14" customWidth="1"/>
    <col min="2" max="2" width="7.125" style="14" customWidth="1"/>
    <col min="3" max="3" width="53.625" style="6" customWidth="1"/>
    <col min="4" max="4" width="18.25" style="6" customWidth="1"/>
    <col min="5" max="5" width="13.25" style="6" customWidth="1"/>
    <col min="6" max="6" width="15.75" style="6" customWidth="1"/>
    <col min="7" max="7" width="42.75" style="6" customWidth="1"/>
    <col min="8" max="8" width="17.25" style="6" customWidth="1"/>
    <col min="9" max="9" width="23.75" style="6" customWidth="1"/>
    <col min="10" max="10" width="39.75" style="6" customWidth="1"/>
    <col min="11" max="11" width="33.875" style="6" customWidth="1"/>
    <col min="12" max="12" width="13.75" style="6" customWidth="1"/>
    <col min="13" max="13" width="14.125" style="6" bestFit="1" customWidth="1"/>
    <col min="14" max="14" width="28.125" style="6" customWidth="1"/>
    <col min="15" max="15" width="25.5" style="6" customWidth="1"/>
    <col min="16" max="16384" width="9" style="6"/>
  </cols>
  <sheetData>
    <row r="1" spans="1:7" s="911" customFormat="1" ht="36.75" customHeight="1" thickBot="1">
      <c r="A1" s="1231" t="s">
        <v>26518</v>
      </c>
      <c r="B1" s="1232"/>
      <c r="C1" s="1232"/>
      <c r="D1" s="1232"/>
      <c r="E1" s="1232"/>
      <c r="F1" s="1233"/>
    </row>
    <row r="2" spans="1:7" s="913" customFormat="1" ht="47.25" customHeight="1" thickBot="1">
      <c r="A2" s="912" t="s">
        <v>13352</v>
      </c>
      <c r="B2" s="1234" t="s">
        <v>26519</v>
      </c>
      <c r="C2" s="1235"/>
      <c r="D2" s="1235"/>
      <c r="E2" s="1235"/>
      <c r="F2" s="1236"/>
    </row>
    <row r="3" spans="1:7" s="78" customFormat="1" ht="13.5" customHeight="1">
      <c r="A3" s="1237" t="s">
        <v>13388</v>
      </c>
      <c r="B3" s="1240" t="s">
        <v>35464</v>
      </c>
      <c r="C3" s="1241"/>
      <c r="D3" s="1246" t="s">
        <v>35465</v>
      </c>
      <c r="E3" s="1246"/>
      <c r="F3" s="1247"/>
    </row>
    <row r="4" spans="1:7" s="78" customFormat="1" ht="15.75">
      <c r="A4" s="1238"/>
      <c r="B4" s="1242"/>
      <c r="C4" s="1243"/>
      <c r="D4" s="914"/>
      <c r="E4" s="914"/>
      <c r="F4" s="915"/>
      <c r="G4" s="916"/>
    </row>
    <row r="5" spans="1:7" s="78" customFormat="1" ht="16.5" thickBot="1">
      <c r="A5" s="1239"/>
      <c r="B5" s="1244" t="s">
        <v>35466</v>
      </c>
      <c r="C5" s="1245"/>
      <c r="D5" s="1254" t="s">
        <v>35468</v>
      </c>
      <c r="E5" s="1254"/>
      <c r="F5" s="1255"/>
      <c r="G5" s="916"/>
    </row>
    <row r="6" spans="1:7" s="913" customFormat="1" ht="20.25" customHeight="1">
      <c r="A6" s="1248" t="s">
        <v>13310</v>
      </c>
      <c r="B6" s="1265" t="s">
        <v>37466</v>
      </c>
      <c r="C6" s="1230"/>
      <c r="D6" s="1250"/>
      <c r="E6" s="1250"/>
      <c r="F6" s="1251"/>
    </row>
    <row r="7" spans="1:7" s="913" customFormat="1" ht="20.25" customHeight="1" thickBot="1">
      <c r="A7" s="1249"/>
      <c r="B7" s="1266" t="s">
        <v>35467</v>
      </c>
      <c r="C7" s="1267"/>
      <c r="D7" s="1252"/>
      <c r="E7" s="1252"/>
      <c r="F7" s="1253"/>
    </row>
    <row r="8" spans="1:7" s="913" customFormat="1" ht="14.25">
      <c r="A8" s="917"/>
      <c r="B8" s="917"/>
    </row>
    <row r="9" spans="1:7" s="913" customFormat="1" ht="15.75">
      <c r="A9" s="918"/>
      <c r="B9" s="918"/>
      <c r="C9" s="919" t="s">
        <v>26520</v>
      </c>
      <c r="D9" s="920"/>
      <c r="E9" s="920"/>
      <c r="F9" s="920"/>
    </row>
    <row r="10" spans="1:7" s="913" customFormat="1" ht="15.75">
      <c r="A10" s="918"/>
      <c r="B10" s="918"/>
      <c r="C10" s="919" t="s">
        <v>26521</v>
      </c>
      <c r="D10" s="920"/>
      <c r="E10" s="920"/>
      <c r="F10" s="920"/>
    </row>
    <row r="11" spans="1:7" s="913" customFormat="1" ht="47.25">
      <c r="A11" s="918"/>
      <c r="B11" s="918"/>
      <c r="C11" s="341" t="s">
        <v>26522</v>
      </c>
      <c r="D11" s="920"/>
      <c r="E11" s="920"/>
      <c r="F11" s="920"/>
    </row>
    <row r="12" spans="1:7" s="913" customFormat="1" ht="15.75">
      <c r="A12" s="918"/>
      <c r="B12" s="918"/>
      <c r="C12" s="919" t="s">
        <v>26523</v>
      </c>
      <c r="D12" s="920"/>
      <c r="E12" s="920"/>
      <c r="F12" s="920"/>
    </row>
    <row r="13" spans="1:7" s="913" customFormat="1" ht="31.5">
      <c r="A13" s="918"/>
      <c r="B13" s="918"/>
      <c r="C13" s="341" t="s">
        <v>26524</v>
      </c>
      <c r="D13" s="920"/>
      <c r="E13" s="920"/>
      <c r="F13" s="920"/>
    </row>
    <row r="14" spans="1:7" s="913" customFormat="1" ht="15.75">
      <c r="A14" s="918"/>
      <c r="B14" s="918"/>
      <c r="C14" s="920"/>
      <c r="D14" s="920"/>
      <c r="E14" s="920"/>
      <c r="F14" s="920"/>
    </row>
    <row r="15" spans="1:7" s="913" customFormat="1" ht="15.75">
      <c r="A15" s="918"/>
      <c r="B15" s="918"/>
      <c r="C15" s="919" t="s">
        <v>26525</v>
      </c>
      <c r="D15" s="920"/>
      <c r="E15" s="920"/>
      <c r="F15" s="920"/>
    </row>
    <row r="16" spans="1:7" s="913" customFormat="1" ht="15.75">
      <c r="A16" s="918"/>
      <c r="B16" s="918"/>
      <c r="C16" s="919" t="s">
        <v>26526</v>
      </c>
      <c r="D16" s="920"/>
      <c r="E16" s="920"/>
      <c r="F16" s="920"/>
    </row>
    <row r="17" spans="1:14" s="913" customFormat="1" ht="47.25">
      <c r="A17" s="918"/>
      <c r="B17" s="918"/>
      <c r="C17" s="341" t="s">
        <v>26527</v>
      </c>
      <c r="D17" s="920"/>
      <c r="E17" s="920"/>
      <c r="F17" s="920"/>
    </row>
    <row r="18" spans="1:14" s="913" customFormat="1" ht="15.75">
      <c r="A18" s="918"/>
      <c r="B18" s="918"/>
      <c r="C18" s="919" t="s">
        <v>26528</v>
      </c>
      <c r="D18" s="920"/>
      <c r="E18" s="920"/>
      <c r="F18" s="920"/>
    </row>
    <row r="19" spans="1:14" s="913" customFormat="1" ht="47.25">
      <c r="A19" s="918"/>
      <c r="B19" s="918"/>
      <c r="C19" s="341" t="s">
        <v>26529</v>
      </c>
      <c r="D19" s="920"/>
      <c r="E19" s="920"/>
      <c r="F19" s="920"/>
    </row>
    <row r="20" spans="1:14" s="913" customFormat="1" ht="15.75">
      <c r="A20" s="918"/>
      <c r="B20" s="918"/>
      <c r="C20" s="919" t="s">
        <v>26530</v>
      </c>
      <c r="D20" s="920"/>
      <c r="E20" s="920"/>
      <c r="F20" s="920"/>
    </row>
    <row r="21" spans="1:14" s="913" customFormat="1" ht="94.5">
      <c r="A21" s="918"/>
      <c r="B21" s="918"/>
      <c r="C21" s="341" t="s">
        <v>26531</v>
      </c>
      <c r="D21" s="920"/>
      <c r="E21" s="920"/>
      <c r="F21" s="920"/>
    </row>
    <row r="23" spans="1:14" ht="12.75" thickBot="1"/>
    <row r="24" spans="1:14" ht="45" thickBot="1">
      <c r="A24" s="402" t="s">
        <v>13978</v>
      </c>
      <c r="B24" s="402" t="s">
        <v>26532</v>
      </c>
      <c r="C24" s="403" t="s">
        <v>585</v>
      </c>
      <c r="D24" s="404" t="s">
        <v>13979</v>
      </c>
      <c r="E24" s="405" t="s">
        <v>586</v>
      </c>
      <c r="F24" s="405" t="s">
        <v>587</v>
      </c>
      <c r="G24" s="405" t="s">
        <v>588</v>
      </c>
      <c r="H24" s="1228" t="s">
        <v>35305</v>
      </c>
      <c r="I24" s="1229"/>
      <c r="J24" s="406" t="s">
        <v>589</v>
      </c>
      <c r="K24" s="405" t="s">
        <v>590</v>
      </c>
      <c r="L24" s="407" t="s">
        <v>591</v>
      </c>
      <c r="M24" s="408" t="s">
        <v>592</v>
      </c>
      <c r="N24" s="409"/>
    </row>
    <row r="25" spans="1:14" ht="31.5">
      <c r="A25" s="410">
        <v>1</v>
      </c>
      <c r="B25" s="411">
        <f>IF(A25&gt;0,A25,B24)</f>
        <v>1</v>
      </c>
      <c r="C25" s="412" t="s">
        <v>593</v>
      </c>
      <c r="D25" s="413" t="s">
        <v>594</v>
      </c>
      <c r="E25" s="414" t="s">
        <v>595</v>
      </c>
      <c r="F25" s="414" t="s">
        <v>596</v>
      </c>
      <c r="G25" s="414" t="s">
        <v>597</v>
      </c>
      <c r="H25" s="415"/>
      <c r="I25" s="415"/>
      <c r="J25" s="416" t="s">
        <v>598</v>
      </c>
      <c r="K25" s="414"/>
      <c r="L25" s="417">
        <v>38362</v>
      </c>
      <c r="M25" s="417"/>
      <c r="N25" s="418" t="str">
        <f t="shared" ref="N25:N88" si="0">IF(D25="NA","",IF(COUNTIF($D$2:$D$5552,D25)&gt;1,"DUPLICATE",""))</f>
        <v/>
      </c>
    </row>
    <row r="26" spans="1:14" ht="63">
      <c r="A26" s="410">
        <v>2</v>
      </c>
      <c r="B26" s="411">
        <f t="shared" ref="B26:B89" si="1">IF(A26&gt;0,A26,B25)</f>
        <v>2</v>
      </c>
      <c r="C26" s="419" t="s">
        <v>599</v>
      </c>
      <c r="D26" s="420" t="s">
        <v>281</v>
      </c>
      <c r="E26" s="421" t="s">
        <v>595</v>
      </c>
      <c r="F26" s="421" t="s">
        <v>600</v>
      </c>
      <c r="G26" s="414" t="s">
        <v>601</v>
      </c>
      <c r="H26" s="415"/>
      <c r="I26" s="415"/>
      <c r="J26" s="416" t="s">
        <v>602</v>
      </c>
      <c r="K26" s="422"/>
      <c r="L26" s="423">
        <v>40210</v>
      </c>
      <c r="M26" s="417">
        <v>42036</v>
      </c>
      <c r="N26" s="418" t="str">
        <f t="shared" si="0"/>
        <v/>
      </c>
    </row>
    <row r="27" spans="1:14" ht="15.75">
      <c r="A27" s="410">
        <v>3</v>
      </c>
      <c r="B27" s="411">
        <f t="shared" si="1"/>
        <v>3</v>
      </c>
      <c r="C27" s="424" t="s">
        <v>603</v>
      </c>
      <c r="D27" s="420" t="s">
        <v>604</v>
      </c>
      <c r="E27" s="421" t="s">
        <v>595</v>
      </c>
      <c r="F27" s="421" t="s">
        <v>596</v>
      </c>
      <c r="G27" s="414" t="s">
        <v>597</v>
      </c>
      <c r="H27" s="415"/>
      <c r="I27" s="415"/>
      <c r="J27" s="416" t="s">
        <v>605</v>
      </c>
      <c r="K27" s="414"/>
      <c r="L27" s="423">
        <v>39479</v>
      </c>
      <c r="M27" s="417"/>
      <c r="N27" s="418" t="str">
        <f t="shared" si="0"/>
        <v/>
      </c>
    </row>
    <row r="28" spans="1:14" ht="31.5">
      <c r="A28" s="410">
        <v>4</v>
      </c>
      <c r="B28" s="411">
        <f t="shared" si="1"/>
        <v>4</v>
      </c>
      <c r="C28" s="419" t="s">
        <v>487</v>
      </c>
      <c r="D28" s="420" t="s">
        <v>606</v>
      </c>
      <c r="E28" s="421" t="s">
        <v>595</v>
      </c>
      <c r="F28" s="421" t="s">
        <v>600</v>
      </c>
      <c r="G28" s="414" t="s">
        <v>607</v>
      </c>
      <c r="H28" s="415"/>
      <c r="I28" s="415"/>
      <c r="J28" s="416" t="s">
        <v>608</v>
      </c>
      <c r="K28" s="414"/>
      <c r="L28" s="417">
        <v>38362</v>
      </c>
      <c r="M28" s="417">
        <v>42036</v>
      </c>
      <c r="N28" s="418" t="str">
        <f t="shared" si="0"/>
        <v/>
      </c>
    </row>
    <row r="29" spans="1:14" ht="47.25">
      <c r="A29" s="410">
        <v>5</v>
      </c>
      <c r="B29" s="411">
        <f t="shared" si="1"/>
        <v>5</v>
      </c>
      <c r="C29" s="425" t="s">
        <v>609</v>
      </c>
      <c r="D29" s="426" t="s">
        <v>610</v>
      </c>
      <c r="E29" s="414" t="s">
        <v>595</v>
      </c>
      <c r="F29" s="414" t="s">
        <v>596</v>
      </c>
      <c r="G29" s="414" t="s">
        <v>597</v>
      </c>
      <c r="H29" s="415"/>
      <c r="I29" s="415"/>
      <c r="J29" s="416" t="s">
        <v>611</v>
      </c>
      <c r="K29" s="414"/>
      <c r="L29" s="417">
        <v>38362</v>
      </c>
      <c r="M29" s="417"/>
      <c r="N29" s="418" t="str">
        <f t="shared" si="0"/>
        <v/>
      </c>
    </row>
    <row r="30" spans="1:14" ht="42.75">
      <c r="A30" s="410">
        <v>6</v>
      </c>
      <c r="B30" s="411">
        <f t="shared" si="1"/>
        <v>6</v>
      </c>
      <c r="C30" s="425" t="s">
        <v>26533</v>
      </c>
      <c r="D30" s="426" t="s">
        <v>20712</v>
      </c>
      <c r="E30" s="414" t="s">
        <v>595</v>
      </c>
      <c r="F30" s="414" t="s">
        <v>596</v>
      </c>
      <c r="G30" s="427" t="s">
        <v>1390</v>
      </c>
      <c r="H30" s="415"/>
      <c r="I30" s="415"/>
      <c r="J30" s="416" t="s">
        <v>26534</v>
      </c>
      <c r="K30" s="414"/>
      <c r="L30" s="417">
        <v>43497</v>
      </c>
      <c r="M30" s="417"/>
      <c r="N30" s="418" t="str">
        <f t="shared" si="0"/>
        <v/>
      </c>
    </row>
    <row r="31" spans="1:14" ht="126">
      <c r="A31" s="410">
        <v>7</v>
      </c>
      <c r="B31" s="411">
        <f t="shared" si="1"/>
        <v>7</v>
      </c>
      <c r="C31" s="428" t="s">
        <v>28483</v>
      </c>
      <c r="D31" s="429"/>
      <c r="E31" s="430" t="s">
        <v>707</v>
      </c>
      <c r="F31" s="430" t="s">
        <v>600</v>
      </c>
      <c r="G31" s="431" t="s">
        <v>28484</v>
      </c>
      <c r="H31" s="432"/>
      <c r="I31" s="432"/>
      <c r="J31" s="433" t="s">
        <v>28485</v>
      </c>
      <c r="K31" s="430" t="s">
        <v>28486</v>
      </c>
      <c r="L31" s="434">
        <v>43862</v>
      </c>
      <c r="M31" s="434"/>
      <c r="N31" s="418" t="str">
        <f t="shared" si="0"/>
        <v/>
      </c>
    </row>
    <row r="32" spans="1:14" ht="15.75">
      <c r="A32" s="410"/>
      <c r="B32" s="411">
        <f t="shared" si="1"/>
        <v>7</v>
      </c>
      <c r="C32" s="435" t="s">
        <v>28487</v>
      </c>
      <c r="D32" s="429" t="s">
        <v>28488</v>
      </c>
      <c r="E32" s="430" t="s">
        <v>707</v>
      </c>
      <c r="F32" s="430" t="s">
        <v>600</v>
      </c>
      <c r="G32" s="431"/>
      <c r="H32" s="432"/>
      <c r="I32" s="432"/>
      <c r="J32" s="433"/>
      <c r="K32" s="430"/>
      <c r="L32" s="434">
        <v>43862</v>
      </c>
      <c r="M32" s="434"/>
      <c r="N32" s="418" t="str">
        <f t="shared" si="0"/>
        <v/>
      </c>
    </row>
    <row r="33" spans="1:14" ht="15.75">
      <c r="A33" s="410"/>
      <c r="B33" s="411">
        <f t="shared" si="1"/>
        <v>7</v>
      </c>
      <c r="C33" s="435" t="s">
        <v>28489</v>
      </c>
      <c r="D33" s="429" t="s">
        <v>28490</v>
      </c>
      <c r="E33" s="430" t="s">
        <v>707</v>
      </c>
      <c r="F33" s="430" t="s">
        <v>600</v>
      </c>
      <c r="G33" s="431"/>
      <c r="H33" s="432"/>
      <c r="I33" s="432"/>
      <c r="J33" s="433"/>
      <c r="K33" s="430"/>
      <c r="L33" s="434">
        <v>43862</v>
      </c>
      <c r="M33" s="434"/>
      <c r="N33" s="418" t="str">
        <f t="shared" si="0"/>
        <v/>
      </c>
    </row>
    <row r="34" spans="1:14" ht="15.75">
      <c r="A34" s="410"/>
      <c r="B34" s="411">
        <f t="shared" si="1"/>
        <v>7</v>
      </c>
      <c r="C34" s="435" t="s">
        <v>28491</v>
      </c>
      <c r="D34" s="429" t="s">
        <v>28492</v>
      </c>
      <c r="E34" s="430" t="s">
        <v>707</v>
      </c>
      <c r="F34" s="430" t="s">
        <v>600</v>
      </c>
      <c r="G34" s="431"/>
      <c r="H34" s="432"/>
      <c r="I34" s="432"/>
      <c r="J34" s="433"/>
      <c r="K34" s="430"/>
      <c r="L34" s="434">
        <v>43862</v>
      </c>
      <c r="M34" s="434"/>
      <c r="N34" s="418" t="str">
        <f t="shared" si="0"/>
        <v/>
      </c>
    </row>
    <row r="35" spans="1:14" ht="15.75">
      <c r="A35" s="410"/>
      <c r="B35" s="411">
        <f t="shared" si="1"/>
        <v>7</v>
      </c>
      <c r="C35" s="435" t="s">
        <v>28493</v>
      </c>
      <c r="D35" s="429" t="s">
        <v>28494</v>
      </c>
      <c r="E35" s="430" t="s">
        <v>707</v>
      </c>
      <c r="F35" s="430" t="s">
        <v>600</v>
      </c>
      <c r="G35" s="431"/>
      <c r="H35" s="432"/>
      <c r="I35" s="432"/>
      <c r="J35" s="433"/>
      <c r="K35" s="430"/>
      <c r="L35" s="434">
        <v>43862</v>
      </c>
      <c r="M35" s="434"/>
      <c r="N35" s="418" t="str">
        <f t="shared" si="0"/>
        <v/>
      </c>
    </row>
    <row r="36" spans="1:14" ht="15.75">
      <c r="A36" s="410"/>
      <c r="B36" s="411">
        <f t="shared" si="1"/>
        <v>7</v>
      </c>
      <c r="C36" s="435" t="s">
        <v>28495</v>
      </c>
      <c r="D36" s="429" t="s">
        <v>28496</v>
      </c>
      <c r="E36" s="430" t="s">
        <v>707</v>
      </c>
      <c r="F36" s="430" t="s">
        <v>600</v>
      </c>
      <c r="G36" s="431"/>
      <c r="H36" s="432"/>
      <c r="I36" s="432"/>
      <c r="J36" s="433"/>
      <c r="K36" s="430"/>
      <c r="L36" s="434">
        <v>43862</v>
      </c>
      <c r="M36" s="434"/>
      <c r="N36" s="418" t="str">
        <f t="shared" si="0"/>
        <v/>
      </c>
    </row>
    <row r="37" spans="1:14" ht="47.25">
      <c r="A37" s="410">
        <v>8</v>
      </c>
      <c r="B37" s="411">
        <f t="shared" si="1"/>
        <v>8</v>
      </c>
      <c r="C37" s="436" t="s">
        <v>612</v>
      </c>
      <c r="D37" s="421" t="s">
        <v>613</v>
      </c>
      <c r="E37" s="414" t="s">
        <v>595</v>
      </c>
      <c r="F37" s="414" t="s">
        <v>596</v>
      </c>
      <c r="G37" s="414" t="s">
        <v>614</v>
      </c>
      <c r="H37" s="415"/>
      <c r="I37" s="415"/>
      <c r="J37" s="437"/>
      <c r="K37" s="414"/>
      <c r="L37" s="417">
        <v>42767</v>
      </c>
      <c r="M37" s="417"/>
      <c r="N37" s="418" t="str">
        <f t="shared" si="0"/>
        <v/>
      </c>
    </row>
    <row r="38" spans="1:14" ht="94.5">
      <c r="A38" s="410">
        <v>9</v>
      </c>
      <c r="B38" s="411">
        <f t="shared" si="1"/>
        <v>9</v>
      </c>
      <c r="C38" s="424" t="s">
        <v>615</v>
      </c>
      <c r="D38" s="421"/>
      <c r="E38" s="414" t="s">
        <v>595</v>
      </c>
      <c r="F38" s="414" t="s">
        <v>596</v>
      </c>
      <c r="G38" s="414" t="s">
        <v>616</v>
      </c>
      <c r="H38" s="415"/>
      <c r="I38" s="415"/>
      <c r="J38" s="438" t="s">
        <v>617</v>
      </c>
      <c r="K38" s="414"/>
      <c r="L38" s="417">
        <v>38749</v>
      </c>
      <c r="M38" s="439"/>
      <c r="N38" s="418" t="str">
        <f t="shared" si="0"/>
        <v/>
      </c>
    </row>
    <row r="39" spans="1:14" ht="28.5">
      <c r="A39" s="410"/>
      <c r="B39" s="411">
        <f t="shared" si="1"/>
        <v>9</v>
      </c>
      <c r="C39" s="440" t="s">
        <v>618</v>
      </c>
      <c r="D39" s="441" t="s">
        <v>619</v>
      </c>
      <c r="E39" s="442" t="s">
        <v>595</v>
      </c>
      <c r="F39" s="442" t="s">
        <v>596</v>
      </c>
      <c r="G39" s="443"/>
      <c r="H39" s="415"/>
      <c r="I39" s="444"/>
      <c r="J39" s="445"/>
      <c r="K39" s="446"/>
      <c r="L39" s="447"/>
      <c r="M39" s="448"/>
      <c r="N39" s="418" t="str">
        <f t="shared" si="0"/>
        <v/>
      </c>
    </row>
    <row r="40" spans="1:14" ht="28.5">
      <c r="A40" s="410"/>
      <c r="B40" s="411">
        <f t="shared" si="1"/>
        <v>9</v>
      </c>
      <c r="C40" s="440" t="s">
        <v>620</v>
      </c>
      <c r="D40" s="441" t="s">
        <v>621</v>
      </c>
      <c r="E40" s="449" t="s">
        <v>595</v>
      </c>
      <c r="F40" s="449" t="s">
        <v>596</v>
      </c>
      <c r="G40" s="450"/>
      <c r="H40" s="415"/>
      <c r="I40" s="451"/>
      <c r="J40" s="452"/>
      <c r="K40" s="453"/>
      <c r="L40" s="454"/>
      <c r="M40" s="455"/>
      <c r="N40" s="418" t="str">
        <f t="shared" si="0"/>
        <v/>
      </c>
    </row>
    <row r="41" spans="1:14" ht="28.5">
      <c r="A41" s="410"/>
      <c r="B41" s="411">
        <f t="shared" si="1"/>
        <v>9</v>
      </c>
      <c r="C41" s="440" t="s">
        <v>622</v>
      </c>
      <c r="D41" s="441" t="s">
        <v>623</v>
      </c>
      <c r="E41" s="449" t="s">
        <v>595</v>
      </c>
      <c r="F41" s="449" t="s">
        <v>596</v>
      </c>
      <c r="G41" s="450"/>
      <c r="H41" s="415"/>
      <c r="I41" s="451"/>
      <c r="J41" s="452"/>
      <c r="K41" s="453"/>
      <c r="L41" s="454"/>
      <c r="M41" s="455"/>
      <c r="N41" s="418" t="str">
        <f t="shared" si="0"/>
        <v/>
      </c>
    </row>
    <row r="42" spans="1:14" ht="28.5">
      <c r="A42" s="410"/>
      <c r="B42" s="411">
        <f t="shared" si="1"/>
        <v>9</v>
      </c>
      <c r="C42" s="440" t="s">
        <v>624</v>
      </c>
      <c r="D42" s="441" t="s">
        <v>625</v>
      </c>
      <c r="E42" s="449" t="s">
        <v>595</v>
      </c>
      <c r="F42" s="449" t="s">
        <v>596</v>
      </c>
      <c r="G42" s="450"/>
      <c r="H42" s="415"/>
      <c r="I42" s="451"/>
      <c r="J42" s="452"/>
      <c r="K42" s="453"/>
      <c r="L42" s="454"/>
      <c r="M42" s="455"/>
      <c r="N42" s="418" t="str">
        <f t="shared" si="0"/>
        <v/>
      </c>
    </row>
    <row r="43" spans="1:14" ht="28.5">
      <c r="A43" s="410"/>
      <c r="B43" s="411">
        <f t="shared" si="1"/>
        <v>9</v>
      </c>
      <c r="C43" s="440" t="s">
        <v>626</v>
      </c>
      <c r="D43" s="441" t="s">
        <v>627</v>
      </c>
      <c r="E43" s="449" t="s">
        <v>595</v>
      </c>
      <c r="F43" s="449" t="s">
        <v>596</v>
      </c>
      <c r="G43" s="450"/>
      <c r="H43" s="415"/>
      <c r="I43" s="451"/>
      <c r="J43" s="452"/>
      <c r="K43" s="453"/>
      <c r="L43" s="454"/>
      <c r="M43" s="455"/>
      <c r="N43" s="418" t="str">
        <f t="shared" si="0"/>
        <v/>
      </c>
    </row>
    <row r="44" spans="1:14" ht="28.5">
      <c r="A44" s="410"/>
      <c r="B44" s="411">
        <f t="shared" si="1"/>
        <v>9</v>
      </c>
      <c r="C44" s="440" t="s">
        <v>628</v>
      </c>
      <c r="D44" s="441" t="s">
        <v>629</v>
      </c>
      <c r="E44" s="449" t="s">
        <v>595</v>
      </c>
      <c r="F44" s="449" t="s">
        <v>596</v>
      </c>
      <c r="G44" s="450"/>
      <c r="H44" s="415"/>
      <c r="I44" s="451"/>
      <c r="J44" s="452"/>
      <c r="K44" s="453"/>
      <c r="L44" s="454"/>
      <c r="M44" s="455"/>
      <c r="N44" s="418" t="str">
        <f t="shared" si="0"/>
        <v/>
      </c>
    </row>
    <row r="45" spans="1:14" ht="28.5">
      <c r="A45" s="410"/>
      <c r="B45" s="411">
        <f t="shared" si="1"/>
        <v>9</v>
      </c>
      <c r="C45" s="440" t="s">
        <v>630</v>
      </c>
      <c r="D45" s="441" t="s">
        <v>631</v>
      </c>
      <c r="E45" s="449" t="s">
        <v>595</v>
      </c>
      <c r="F45" s="449" t="s">
        <v>596</v>
      </c>
      <c r="G45" s="450"/>
      <c r="H45" s="415"/>
      <c r="I45" s="451"/>
      <c r="J45" s="452"/>
      <c r="K45" s="453"/>
      <c r="L45" s="454"/>
      <c r="M45" s="455"/>
      <c r="N45" s="418" t="str">
        <f t="shared" si="0"/>
        <v/>
      </c>
    </row>
    <row r="46" spans="1:14" ht="28.5">
      <c r="A46" s="410"/>
      <c r="B46" s="411">
        <f t="shared" si="1"/>
        <v>9</v>
      </c>
      <c r="C46" s="440" t="s">
        <v>632</v>
      </c>
      <c r="D46" s="441" t="s">
        <v>633</v>
      </c>
      <c r="E46" s="449" t="s">
        <v>595</v>
      </c>
      <c r="F46" s="449" t="s">
        <v>596</v>
      </c>
      <c r="G46" s="450"/>
      <c r="H46" s="415"/>
      <c r="I46" s="451"/>
      <c r="J46" s="452"/>
      <c r="K46" s="453"/>
      <c r="L46" s="454"/>
      <c r="M46" s="455"/>
      <c r="N46" s="418" t="str">
        <f t="shared" si="0"/>
        <v/>
      </c>
    </row>
    <row r="47" spans="1:14" ht="28.5">
      <c r="A47" s="410"/>
      <c r="B47" s="411">
        <f t="shared" si="1"/>
        <v>9</v>
      </c>
      <c r="C47" s="440" t="s">
        <v>634</v>
      </c>
      <c r="D47" s="441" t="s">
        <v>635</v>
      </c>
      <c r="E47" s="449" t="s">
        <v>595</v>
      </c>
      <c r="F47" s="449" t="s">
        <v>596</v>
      </c>
      <c r="G47" s="450"/>
      <c r="H47" s="415"/>
      <c r="I47" s="451"/>
      <c r="J47" s="452"/>
      <c r="K47" s="453"/>
      <c r="L47" s="454"/>
      <c r="M47" s="455"/>
      <c r="N47" s="418" t="str">
        <f t="shared" si="0"/>
        <v/>
      </c>
    </row>
    <row r="48" spans="1:14" ht="15.75">
      <c r="A48" s="410"/>
      <c r="B48" s="411">
        <f t="shared" si="1"/>
        <v>9</v>
      </c>
      <c r="C48" s="440" t="s">
        <v>636</v>
      </c>
      <c r="D48" s="441" t="s">
        <v>637</v>
      </c>
      <c r="E48" s="449" t="s">
        <v>595</v>
      </c>
      <c r="F48" s="449" t="s">
        <v>596</v>
      </c>
      <c r="G48" s="450"/>
      <c r="H48" s="415"/>
      <c r="I48" s="451"/>
      <c r="J48" s="452"/>
      <c r="K48" s="453"/>
      <c r="L48" s="454"/>
      <c r="M48" s="455"/>
      <c r="N48" s="418" t="str">
        <f t="shared" si="0"/>
        <v/>
      </c>
    </row>
    <row r="49" spans="1:14" ht="15.75">
      <c r="A49" s="410"/>
      <c r="B49" s="411">
        <f t="shared" si="1"/>
        <v>9</v>
      </c>
      <c r="C49" s="440" t="s">
        <v>638</v>
      </c>
      <c r="D49" s="441" t="s">
        <v>639</v>
      </c>
      <c r="E49" s="449" t="s">
        <v>595</v>
      </c>
      <c r="F49" s="449" t="s">
        <v>596</v>
      </c>
      <c r="G49" s="450"/>
      <c r="H49" s="415"/>
      <c r="I49" s="451"/>
      <c r="J49" s="452"/>
      <c r="K49" s="453"/>
      <c r="L49" s="454"/>
      <c r="M49" s="455"/>
      <c r="N49" s="418" t="str">
        <f t="shared" si="0"/>
        <v/>
      </c>
    </row>
    <row r="50" spans="1:14" ht="15.75">
      <c r="A50" s="410"/>
      <c r="B50" s="411">
        <f t="shared" si="1"/>
        <v>9</v>
      </c>
      <c r="C50" s="456" t="s">
        <v>640</v>
      </c>
      <c r="D50" s="457" t="s">
        <v>641</v>
      </c>
      <c r="E50" s="458" t="s">
        <v>595</v>
      </c>
      <c r="F50" s="458" t="s">
        <v>596</v>
      </c>
      <c r="G50" s="459"/>
      <c r="H50" s="415"/>
      <c r="I50" s="460"/>
      <c r="J50" s="461"/>
      <c r="K50" s="462"/>
      <c r="L50" s="463"/>
      <c r="M50" s="464"/>
      <c r="N50" s="418" t="str">
        <f t="shared" si="0"/>
        <v/>
      </c>
    </row>
    <row r="51" spans="1:14" ht="47.25">
      <c r="A51" s="410">
        <v>10</v>
      </c>
      <c r="B51" s="411">
        <f t="shared" si="1"/>
        <v>10</v>
      </c>
      <c r="C51" s="465" t="s">
        <v>642</v>
      </c>
      <c r="D51" s="466"/>
      <c r="E51" s="449" t="s">
        <v>643</v>
      </c>
      <c r="F51" s="452" t="s">
        <v>600</v>
      </c>
      <c r="G51" s="449" t="s">
        <v>644</v>
      </c>
      <c r="H51" s="444"/>
      <c r="I51" s="451"/>
      <c r="J51" s="452" t="s">
        <v>645</v>
      </c>
      <c r="K51" s="467" t="s">
        <v>646</v>
      </c>
      <c r="L51" s="468">
        <v>38362</v>
      </c>
      <c r="M51" s="469">
        <v>39476</v>
      </c>
      <c r="N51" s="418" t="str">
        <f t="shared" si="0"/>
        <v/>
      </c>
    </row>
    <row r="52" spans="1:14" ht="47.25">
      <c r="A52" s="410"/>
      <c r="B52" s="411">
        <f t="shared" si="1"/>
        <v>10</v>
      </c>
      <c r="C52" s="470" t="s">
        <v>647</v>
      </c>
      <c r="D52" s="430" t="s">
        <v>209</v>
      </c>
      <c r="E52" s="430" t="s">
        <v>643</v>
      </c>
      <c r="F52" s="430" t="s">
        <v>600</v>
      </c>
      <c r="G52" s="430" t="s">
        <v>35306</v>
      </c>
      <c r="H52" s="432"/>
      <c r="I52" s="432"/>
      <c r="J52" s="430"/>
      <c r="K52" s="430"/>
      <c r="L52" s="434">
        <v>38362</v>
      </c>
      <c r="M52" s="434">
        <v>43862</v>
      </c>
      <c r="N52" s="418" t="str">
        <f t="shared" si="0"/>
        <v/>
      </c>
    </row>
    <row r="53" spans="1:14" ht="15.75">
      <c r="A53" s="410"/>
      <c r="B53" s="411">
        <f t="shared" si="1"/>
        <v>10</v>
      </c>
      <c r="C53" s="470" t="s">
        <v>648</v>
      </c>
      <c r="D53" s="430" t="s">
        <v>649</v>
      </c>
      <c r="E53" s="430" t="s">
        <v>643</v>
      </c>
      <c r="F53" s="430" t="s">
        <v>600</v>
      </c>
      <c r="G53" s="430" t="s">
        <v>28497</v>
      </c>
      <c r="H53" s="432"/>
      <c r="I53" s="432"/>
      <c r="J53" s="430"/>
      <c r="K53" s="430"/>
      <c r="L53" s="434">
        <v>38362</v>
      </c>
      <c r="M53" s="434">
        <v>43862</v>
      </c>
      <c r="N53" s="418" t="str">
        <f t="shared" si="0"/>
        <v/>
      </c>
    </row>
    <row r="54" spans="1:14" ht="63">
      <c r="A54" s="410">
        <v>11</v>
      </c>
      <c r="B54" s="411">
        <f t="shared" si="1"/>
        <v>11</v>
      </c>
      <c r="C54" s="471" t="s">
        <v>13980</v>
      </c>
      <c r="D54" s="438" t="s">
        <v>13981</v>
      </c>
      <c r="E54" s="438" t="s">
        <v>595</v>
      </c>
      <c r="F54" s="414" t="s">
        <v>596</v>
      </c>
      <c r="G54" s="414" t="s">
        <v>13982</v>
      </c>
      <c r="H54" s="415"/>
      <c r="I54" s="415"/>
      <c r="J54" s="438" t="s">
        <v>13983</v>
      </c>
      <c r="K54" s="472"/>
      <c r="L54" s="417">
        <v>43132</v>
      </c>
      <c r="M54" s="417"/>
      <c r="N54" s="418" t="str">
        <f t="shared" si="0"/>
        <v/>
      </c>
    </row>
    <row r="55" spans="1:14" ht="94.5">
      <c r="A55" s="410">
        <v>12</v>
      </c>
      <c r="B55" s="411">
        <f t="shared" si="1"/>
        <v>12</v>
      </c>
      <c r="C55" s="412" t="s">
        <v>650</v>
      </c>
      <c r="D55" s="457" t="s">
        <v>651</v>
      </c>
      <c r="E55" s="457" t="s">
        <v>595</v>
      </c>
      <c r="F55" s="457" t="s">
        <v>652</v>
      </c>
      <c r="G55" s="459" t="s">
        <v>653</v>
      </c>
      <c r="H55" s="415"/>
      <c r="I55" s="460"/>
      <c r="J55" s="461" t="s">
        <v>654</v>
      </c>
      <c r="K55" s="458"/>
      <c r="L55" s="417">
        <v>38362</v>
      </c>
      <c r="M55" s="423">
        <v>41671</v>
      </c>
      <c r="N55" s="418" t="str">
        <f t="shared" si="0"/>
        <v>DUPLICATE</v>
      </c>
    </row>
    <row r="56" spans="1:14" ht="31.5">
      <c r="A56" s="410">
        <v>13</v>
      </c>
      <c r="B56" s="411">
        <f t="shared" si="1"/>
        <v>13</v>
      </c>
      <c r="C56" s="473" t="s">
        <v>655</v>
      </c>
      <c r="D56" s="458"/>
      <c r="E56" s="414" t="s">
        <v>595</v>
      </c>
      <c r="F56" s="414" t="s">
        <v>596</v>
      </c>
      <c r="G56" s="414" t="s">
        <v>597</v>
      </c>
      <c r="H56" s="415"/>
      <c r="I56" s="415"/>
      <c r="J56" s="438" t="s">
        <v>656</v>
      </c>
      <c r="K56" s="474"/>
      <c r="L56" s="417">
        <v>38362</v>
      </c>
      <c r="M56" s="417">
        <v>40210</v>
      </c>
      <c r="N56" s="418" t="str">
        <f t="shared" si="0"/>
        <v/>
      </c>
    </row>
    <row r="57" spans="1:14" ht="15.75">
      <c r="A57" s="410"/>
      <c r="B57" s="411">
        <f t="shared" si="1"/>
        <v>13</v>
      </c>
      <c r="C57" s="475" t="s">
        <v>657</v>
      </c>
      <c r="D57" s="442" t="s">
        <v>658</v>
      </c>
      <c r="E57" s="442" t="s">
        <v>595</v>
      </c>
      <c r="F57" s="442" t="s">
        <v>596</v>
      </c>
      <c r="G57" s="442"/>
      <c r="H57" s="415"/>
      <c r="I57" s="444"/>
      <c r="J57" s="445"/>
      <c r="K57" s="476"/>
      <c r="L57" s="477">
        <v>38362</v>
      </c>
      <c r="M57" s="477"/>
      <c r="N57" s="418" t="str">
        <f t="shared" si="0"/>
        <v/>
      </c>
    </row>
    <row r="58" spans="1:14" ht="15.75">
      <c r="A58" s="410"/>
      <c r="B58" s="411">
        <f t="shared" si="1"/>
        <v>13</v>
      </c>
      <c r="C58" s="478" t="s">
        <v>659</v>
      </c>
      <c r="D58" s="449" t="s">
        <v>660</v>
      </c>
      <c r="E58" s="449" t="s">
        <v>595</v>
      </c>
      <c r="F58" s="449" t="s">
        <v>596</v>
      </c>
      <c r="G58" s="449"/>
      <c r="H58" s="415"/>
      <c r="I58" s="451"/>
      <c r="J58" s="452"/>
      <c r="K58" s="479"/>
      <c r="L58" s="469">
        <v>38362</v>
      </c>
      <c r="M58" s="469"/>
      <c r="N58" s="418" t="str">
        <f t="shared" si="0"/>
        <v/>
      </c>
    </row>
    <row r="59" spans="1:14" ht="15.75">
      <c r="A59" s="410"/>
      <c r="B59" s="411">
        <f t="shared" si="1"/>
        <v>13</v>
      </c>
      <c r="C59" s="478" t="s">
        <v>661</v>
      </c>
      <c r="D59" s="449" t="s">
        <v>662</v>
      </c>
      <c r="E59" s="449" t="s">
        <v>595</v>
      </c>
      <c r="F59" s="449" t="s">
        <v>596</v>
      </c>
      <c r="G59" s="449"/>
      <c r="H59" s="415"/>
      <c r="I59" s="451"/>
      <c r="J59" s="452"/>
      <c r="K59" s="479"/>
      <c r="L59" s="469">
        <v>38362</v>
      </c>
      <c r="M59" s="469"/>
      <c r="N59" s="418" t="str">
        <f t="shared" si="0"/>
        <v/>
      </c>
    </row>
    <row r="60" spans="1:14" ht="15.75">
      <c r="A60" s="410"/>
      <c r="B60" s="411">
        <f t="shared" si="1"/>
        <v>13</v>
      </c>
      <c r="C60" s="478" t="s">
        <v>663</v>
      </c>
      <c r="D60" s="449" t="s">
        <v>664</v>
      </c>
      <c r="E60" s="449" t="s">
        <v>595</v>
      </c>
      <c r="F60" s="449" t="s">
        <v>596</v>
      </c>
      <c r="G60" s="449"/>
      <c r="H60" s="415"/>
      <c r="I60" s="451"/>
      <c r="J60" s="452"/>
      <c r="K60" s="479"/>
      <c r="L60" s="469">
        <v>38362</v>
      </c>
      <c r="M60" s="469"/>
      <c r="N60" s="418" t="str">
        <f t="shared" si="0"/>
        <v/>
      </c>
    </row>
    <row r="61" spans="1:14" ht="15.75">
      <c r="A61" s="410"/>
      <c r="B61" s="411">
        <f t="shared" si="1"/>
        <v>13</v>
      </c>
      <c r="C61" s="440" t="s">
        <v>665</v>
      </c>
      <c r="D61" s="449"/>
      <c r="E61" s="449" t="s">
        <v>595</v>
      </c>
      <c r="F61" s="449" t="s">
        <v>596</v>
      </c>
      <c r="G61" s="449"/>
      <c r="H61" s="415"/>
      <c r="I61" s="451"/>
      <c r="J61" s="452"/>
      <c r="K61" s="479"/>
      <c r="L61" s="469"/>
      <c r="M61" s="469"/>
      <c r="N61" s="418" t="str">
        <f t="shared" si="0"/>
        <v/>
      </c>
    </row>
    <row r="62" spans="1:14" ht="15.75">
      <c r="A62" s="410"/>
      <c r="B62" s="411">
        <f t="shared" si="1"/>
        <v>13</v>
      </c>
      <c r="C62" s="440" t="s">
        <v>666</v>
      </c>
      <c r="D62" s="449" t="s">
        <v>667</v>
      </c>
      <c r="E62" s="449" t="s">
        <v>595</v>
      </c>
      <c r="F62" s="480" t="s">
        <v>596</v>
      </c>
      <c r="G62" s="449"/>
      <c r="H62" s="415"/>
      <c r="I62" s="481"/>
      <c r="J62" s="452"/>
      <c r="K62" s="482">
        <v>1E-3</v>
      </c>
      <c r="L62" s="469">
        <v>40210</v>
      </c>
      <c r="M62" s="469"/>
      <c r="N62" s="418" t="str">
        <f t="shared" si="0"/>
        <v>DUPLICATE</v>
      </c>
    </row>
    <row r="63" spans="1:14" ht="15.75">
      <c r="A63" s="410"/>
      <c r="B63" s="411">
        <f t="shared" si="1"/>
        <v>13</v>
      </c>
      <c r="C63" s="440" t="s">
        <v>5</v>
      </c>
      <c r="D63" s="449"/>
      <c r="E63" s="449" t="s">
        <v>595</v>
      </c>
      <c r="F63" s="449" t="s">
        <v>596</v>
      </c>
      <c r="G63" s="449"/>
      <c r="H63" s="415"/>
      <c r="I63" s="451"/>
      <c r="J63" s="452"/>
      <c r="K63" s="479"/>
      <c r="L63" s="423"/>
      <c r="M63" s="469"/>
      <c r="N63" s="418" t="str">
        <f t="shared" si="0"/>
        <v/>
      </c>
    </row>
    <row r="64" spans="1:14" ht="42.75">
      <c r="A64" s="410">
        <v>14</v>
      </c>
      <c r="B64" s="411">
        <f t="shared" si="1"/>
        <v>14</v>
      </c>
      <c r="C64" s="424" t="s">
        <v>668</v>
      </c>
      <c r="D64" s="421" t="s">
        <v>669</v>
      </c>
      <c r="E64" s="421" t="s">
        <v>595</v>
      </c>
      <c r="F64" s="421" t="s">
        <v>596</v>
      </c>
      <c r="G64" s="414" t="s">
        <v>597</v>
      </c>
      <c r="H64" s="415"/>
      <c r="I64" s="415"/>
      <c r="J64" s="438" t="s">
        <v>670</v>
      </c>
      <c r="K64" s="474" t="s">
        <v>671</v>
      </c>
      <c r="L64" s="423">
        <v>39845</v>
      </c>
      <c r="M64" s="417">
        <v>39889</v>
      </c>
      <c r="N64" s="418" t="str">
        <f t="shared" si="0"/>
        <v/>
      </c>
    </row>
    <row r="65" spans="1:14" ht="47.25">
      <c r="A65" s="410">
        <v>15</v>
      </c>
      <c r="B65" s="411">
        <f t="shared" si="1"/>
        <v>15</v>
      </c>
      <c r="C65" s="419" t="s">
        <v>672</v>
      </c>
      <c r="D65" s="413" t="s">
        <v>673</v>
      </c>
      <c r="E65" s="414" t="s">
        <v>595</v>
      </c>
      <c r="F65" s="414" t="s">
        <v>596</v>
      </c>
      <c r="G65" s="414" t="s">
        <v>597</v>
      </c>
      <c r="H65" s="415"/>
      <c r="I65" s="415"/>
      <c r="J65" s="438" t="s">
        <v>674</v>
      </c>
      <c r="K65" s="414"/>
      <c r="L65" s="417">
        <v>38362</v>
      </c>
      <c r="M65" s="417"/>
      <c r="N65" s="418" t="str">
        <f t="shared" si="0"/>
        <v/>
      </c>
    </row>
    <row r="66" spans="1:14" ht="47.25">
      <c r="A66" s="483">
        <v>16</v>
      </c>
      <c r="B66" s="484">
        <f t="shared" si="1"/>
        <v>16</v>
      </c>
      <c r="C66" s="485" t="s">
        <v>675</v>
      </c>
      <c r="D66" s="486"/>
      <c r="E66" s="430" t="s">
        <v>707</v>
      </c>
      <c r="F66" s="487" t="s">
        <v>676</v>
      </c>
      <c r="G66" s="430" t="s">
        <v>34136</v>
      </c>
      <c r="H66" s="432"/>
      <c r="I66" s="432"/>
      <c r="J66" s="487" t="s">
        <v>645</v>
      </c>
      <c r="K66" s="488"/>
      <c r="L66" s="489"/>
      <c r="M66" s="434">
        <v>44228</v>
      </c>
      <c r="N66" s="418" t="str">
        <f t="shared" si="0"/>
        <v/>
      </c>
    </row>
    <row r="67" spans="1:14" ht="31.5">
      <c r="A67" s="410"/>
      <c r="B67" s="411">
        <f t="shared" si="1"/>
        <v>16</v>
      </c>
      <c r="C67" s="440" t="s">
        <v>677</v>
      </c>
      <c r="D67" s="452" t="s">
        <v>678</v>
      </c>
      <c r="E67" s="452" t="s">
        <v>595</v>
      </c>
      <c r="F67" s="144" t="s">
        <v>596</v>
      </c>
      <c r="G67" s="449" t="s">
        <v>679</v>
      </c>
      <c r="H67" s="415"/>
      <c r="I67" s="444"/>
      <c r="J67" s="445"/>
      <c r="K67" s="442"/>
      <c r="L67" s="477"/>
      <c r="M67" s="490">
        <v>38749</v>
      </c>
      <c r="N67" s="418" t="str">
        <f t="shared" si="0"/>
        <v/>
      </c>
    </row>
    <row r="68" spans="1:14" ht="31.5">
      <c r="A68" s="410"/>
      <c r="B68" s="411">
        <f t="shared" si="1"/>
        <v>16</v>
      </c>
      <c r="C68" s="440" t="s">
        <v>680</v>
      </c>
      <c r="D68" s="452" t="s">
        <v>681</v>
      </c>
      <c r="E68" s="452" t="s">
        <v>595</v>
      </c>
      <c r="F68" s="449" t="s">
        <v>596</v>
      </c>
      <c r="G68" s="449" t="s">
        <v>682</v>
      </c>
      <c r="H68" s="415"/>
      <c r="I68" s="451"/>
      <c r="J68" s="452"/>
      <c r="K68" s="491"/>
      <c r="L68" s="454"/>
      <c r="M68" s="455"/>
      <c r="N68" s="418" t="str">
        <f t="shared" si="0"/>
        <v/>
      </c>
    </row>
    <row r="69" spans="1:14" ht="31.5">
      <c r="A69" s="410"/>
      <c r="B69" s="411">
        <f t="shared" si="1"/>
        <v>16</v>
      </c>
      <c r="C69" s="440" t="s">
        <v>683</v>
      </c>
      <c r="D69" s="452" t="s">
        <v>684</v>
      </c>
      <c r="E69" s="452" t="s">
        <v>595</v>
      </c>
      <c r="F69" s="449" t="s">
        <v>596</v>
      </c>
      <c r="G69" s="449" t="s">
        <v>682</v>
      </c>
      <c r="H69" s="415"/>
      <c r="I69" s="451"/>
      <c r="J69" s="452"/>
      <c r="K69" s="491"/>
      <c r="L69" s="454"/>
      <c r="M69" s="455"/>
      <c r="N69" s="418" t="str">
        <f t="shared" si="0"/>
        <v/>
      </c>
    </row>
    <row r="70" spans="1:14" ht="31.5">
      <c r="A70" s="410"/>
      <c r="B70" s="411">
        <f t="shared" si="1"/>
        <v>16</v>
      </c>
      <c r="C70" s="440" t="s">
        <v>685</v>
      </c>
      <c r="D70" s="452" t="s">
        <v>686</v>
      </c>
      <c r="E70" s="452" t="s">
        <v>595</v>
      </c>
      <c r="F70" s="449" t="s">
        <v>596</v>
      </c>
      <c r="G70" s="449" t="s">
        <v>682</v>
      </c>
      <c r="H70" s="415"/>
      <c r="I70" s="451"/>
      <c r="J70" s="452"/>
      <c r="K70" s="491"/>
      <c r="L70" s="454"/>
      <c r="M70" s="455"/>
      <c r="N70" s="418" t="str">
        <f t="shared" si="0"/>
        <v/>
      </c>
    </row>
    <row r="71" spans="1:14" ht="31.5">
      <c r="A71" s="410"/>
      <c r="B71" s="411">
        <f t="shared" si="1"/>
        <v>16</v>
      </c>
      <c r="C71" s="440" t="s">
        <v>687</v>
      </c>
      <c r="D71" s="452" t="s">
        <v>688</v>
      </c>
      <c r="E71" s="452" t="s">
        <v>595</v>
      </c>
      <c r="F71" s="449" t="s">
        <v>596</v>
      </c>
      <c r="G71" s="449" t="s">
        <v>682</v>
      </c>
      <c r="H71" s="415"/>
      <c r="I71" s="451"/>
      <c r="J71" s="452"/>
      <c r="K71" s="491"/>
      <c r="L71" s="454"/>
      <c r="M71" s="455"/>
      <c r="N71" s="418" t="str">
        <f t="shared" si="0"/>
        <v/>
      </c>
    </row>
    <row r="72" spans="1:14" ht="31.5">
      <c r="A72" s="410"/>
      <c r="B72" s="411">
        <f t="shared" si="1"/>
        <v>16</v>
      </c>
      <c r="C72" s="440" t="s">
        <v>689</v>
      </c>
      <c r="D72" s="452" t="s">
        <v>690</v>
      </c>
      <c r="E72" s="452" t="s">
        <v>595</v>
      </c>
      <c r="F72" s="449" t="s">
        <v>596</v>
      </c>
      <c r="G72" s="449" t="s">
        <v>679</v>
      </c>
      <c r="H72" s="415"/>
      <c r="I72" s="451"/>
      <c r="J72" s="452"/>
      <c r="K72" s="491"/>
      <c r="L72" s="454"/>
      <c r="M72" s="455"/>
      <c r="N72" s="418" t="str">
        <f t="shared" si="0"/>
        <v/>
      </c>
    </row>
    <row r="73" spans="1:14" ht="126">
      <c r="A73" s="483"/>
      <c r="B73" s="484">
        <f t="shared" si="1"/>
        <v>16</v>
      </c>
      <c r="C73" s="492" t="s">
        <v>691</v>
      </c>
      <c r="D73" s="493" t="s">
        <v>692</v>
      </c>
      <c r="E73" s="494" t="s">
        <v>707</v>
      </c>
      <c r="F73" s="494" t="s">
        <v>676</v>
      </c>
      <c r="G73" s="494" t="s">
        <v>34137</v>
      </c>
      <c r="H73" s="432"/>
      <c r="I73" s="495"/>
      <c r="J73" s="493"/>
      <c r="K73" s="496" t="s">
        <v>34138</v>
      </c>
      <c r="L73" s="497"/>
      <c r="M73" s="434">
        <v>44228</v>
      </c>
      <c r="N73" s="418" t="str">
        <f t="shared" si="0"/>
        <v/>
      </c>
    </row>
    <row r="74" spans="1:14" ht="126">
      <c r="A74" s="483"/>
      <c r="B74" s="484">
        <f t="shared" si="1"/>
        <v>16</v>
      </c>
      <c r="C74" s="492" t="s">
        <v>693</v>
      </c>
      <c r="D74" s="493" t="s">
        <v>694</v>
      </c>
      <c r="E74" s="494" t="s">
        <v>707</v>
      </c>
      <c r="F74" s="494" t="s">
        <v>676</v>
      </c>
      <c r="G74" s="494" t="s">
        <v>34139</v>
      </c>
      <c r="H74" s="432"/>
      <c r="I74" s="495"/>
      <c r="J74" s="493"/>
      <c r="K74" s="496" t="s">
        <v>34138</v>
      </c>
      <c r="L74" s="497"/>
      <c r="M74" s="434">
        <v>44228</v>
      </c>
      <c r="N74" s="418" t="str">
        <f t="shared" si="0"/>
        <v/>
      </c>
    </row>
    <row r="75" spans="1:14" ht="63">
      <c r="A75" s="410"/>
      <c r="B75" s="411">
        <f t="shared" si="1"/>
        <v>16</v>
      </c>
      <c r="C75" s="440" t="s">
        <v>695</v>
      </c>
      <c r="D75" s="452" t="s">
        <v>696</v>
      </c>
      <c r="E75" s="452" t="s">
        <v>595</v>
      </c>
      <c r="F75" s="449" t="s">
        <v>596</v>
      </c>
      <c r="G75" s="449" t="s">
        <v>697</v>
      </c>
      <c r="H75" s="415"/>
      <c r="I75" s="451"/>
      <c r="J75" s="452"/>
      <c r="K75" s="491"/>
      <c r="L75" s="454"/>
      <c r="M75" s="455"/>
      <c r="N75" s="418" t="str">
        <f t="shared" si="0"/>
        <v/>
      </c>
    </row>
    <row r="76" spans="1:14" ht="15.75">
      <c r="A76" s="410"/>
      <c r="B76" s="411">
        <f t="shared" si="1"/>
        <v>16</v>
      </c>
      <c r="C76" s="440" t="s">
        <v>698</v>
      </c>
      <c r="D76" s="452" t="s">
        <v>667</v>
      </c>
      <c r="E76" s="452" t="s">
        <v>595</v>
      </c>
      <c r="F76" s="449" t="s">
        <v>596</v>
      </c>
      <c r="G76" s="449"/>
      <c r="H76" s="415"/>
      <c r="I76" s="451"/>
      <c r="J76" s="452"/>
      <c r="K76" s="491"/>
      <c r="L76" s="454"/>
      <c r="M76" s="455"/>
      <c r="N76" s="418" t="str">
        <f t="shared" si="0"/>
        <v>DUPLICATE</v>
      </c>
    </row>
    <row r="77" spans="1:14" ht="42.75">
      <c r="A77" s="410"/>
      <c r="B77" s="411">
        <f t="shared" si="1"/>
        <v>16</v>
      </c>
      <c r="C77" s="498" t="s">
        <v>699</v>
      </c>
      <c r="D77" s="449" t="s">
        <v>349</v>
      </c>
      <c r="E77" s="452" t="s">
        <v>595</v>
      </c>
      <c r="F77" s="449" t="s">
        <v>600</v>
      </c>
      <c r="G77" s="144" t="s">
        <v>34140</v>
      </c>
      <c r="H77" s="415"/>
      <c r="I77" s="451"/>
      <c r="J77" s="452" t="s">
        <v>701</v>
      </c>
      <c r="K77" s="499"/>
      <c r="L77" s="455">
        <v>41306</v>
      </c>
      <c r="M77" s="490">
        <v>42036</v>
      </c>
      <c r="N77" s="418" t="str">
        <f t="shared" si="0"/>
        <v/>
      </c>
    </row>
    <row r="78" spans="1:14" ht="126">
      <c r="A78" s="483"/>
      <c r="B78" s="484">
        <f t="shared" si="1"/>
        <v>16</v>
      </c>
      <c r="C78" s="500" t="s">
        <v>702</v>
      </c>
      <c r="D78" s="494" t="s">
        <v>346</v>
      </c>
      <c r="E78" s="494" t="s">
        <v>707</v>
      </c>
      <c r="F78" s="494" t="s">
        <v>600</v>
      </c>
      <c r="G78" s="494" t="s">
        <v>35307</v>
      </c>
      <c r="H78" s="432"/>
      <c r="I78" s="495"/>
      <c r="J78" s="493" t="s">
        <v>703</v>
      </c>
      <c r="K78" s="501" t="s">
        <v>34141</v>
      </c>
      <c r="L78" s="502">
        <v>41306</v>
      </c>
      <c r="M78" s="434">
        <v>44228</v>
      </c>
      <c r="N78" s="418" t="str">
        <f t="shared" si="0"/>
        <v/>
      </c>
    </row>
    <row r="79" spans="1:14" ht="126">
      <c r="A79" s="483"/>
      <c r="B79" s="484">
        <f t="shared" si="1"/>
        <v>16</v>
      </c>
      <c r="C79" s="503" t="s">
        <v>704</v>
      </c>
      <c r="D79" s="504" t="s">
        <v>705</v>
      </c>
      <c r="E79" s="494" t="s">
        <v>707</v>
      </c>
      <c r="F79" s="494" t="s">
        <v>676</v>
      </c>
      <c r="G79" s="504" t="s">
        <v>35308</v>
      </c>
      <c r="H79" s="432"/>
      <c r="I79" s="505"/>
      <c r="J79" s="506"/>
      <c r="K79" s="507" t="s">
        <v>34141</v>
      </c>
      <c r="L79" s="508"/>
      <c r="M79" s="434">
        <v>44228</v>
      </c>
      <c r="N79" s="418" t="str">
        <f t="shared" si="0"/>
        <v/>
      </c>
    </row>
    <row r="80" spans="1:14" ht="63">
      <c r="A80" s="410">
        <v>17</v>
      </c>
      <c r="B80" s="411">
        <f t="shared" si="1"/>
        <v>17</v>
      </c>
      <c r="C80" s="412" t="s">
        <v>706</v>
      </c>
      <c r="D80" s="414"/>
      <c r="E80" s="414" t="s">
        <v>707</v>
      </c>
      <c r="F80" s="414" t="s">
        <v>708</v>
      </c>
      <c r="G80" s="414" t="s">
        <v>709</v>
      </c>
      <c r="H80" s="415" t="s">
        <v>710</v>
      </c>
      <c r="I80" s="509" t="s">
        <v>711</v>
      </c>
      <c r="J80" s="438" t="s">
        <v>712</v>
      </c>
      <c r="K80" s="414" t="s">
        <v>713</v>
      </c>
      <c r="L80" s="417">
        <v>38362</v>
      </c>
      <c r="M80" s="417">
        <v>42401</v>
      </c>
      <c r="N80" s="418" t="str">
        <f t="shared" si="0"/>
        <v/>
      </c>
    </row>
    <row r="81" spans="1:14" ht="15.75">
      <c r="A81" s="410"/>
      <c r="B81" s="411">
        <f t="shared" si="1"/>
        <v>17</v>
      </c>
      <c r="C81" s="498" t="s">
        <v>714</v>
      </c>
      <c r="D81" s="449" t="s">
        <v>715</v>
      </c>
      <c r="E81" s="510" t="s">
        <v>707</v>
      </c>
      <c r="F81" s="449" t="s">
        <v>600</v>
      </c>
      <c r="G81" s="449"/>
      <c r="H81" s="444"/>
      <c r="I81" s="481"/>
      <c r="J81" s="144"/>
      <c r="K81" s="442"/>
      <c r="L81" s="511">
        <v>41671</v>
      </c>
      <c r="M81" s="469"/>
      <c r="N81" s="418" t="str">
        <f t="shared" si="0"/>
        <v>DUPLICATE</v>
      </c>
    </row>
    <row r="82" spans="1:14" ht="15.75">
      <c r="A82" s="410"/>
      <c r="B82" s="411">
        <f t="shared" si="1"/>
        <v>17</v>
      </c>
      <c r="C82" s="440" t="s">
        <v>716</v>
      </c>
      <c r="D82" s="452" t="s">
        <v>717</v>
      </c>
      <c r="E82" s="452" t="s">
        <v>595</v>
      </c>
      <c r="F82" s="449" t="s">
        <v>652</v>
      </c>
      <c r="G82" s="449"/>
      <c r="H82" s="451"/>
      <c r="I82" s="481"/>
      <c r="J82" s="144"/>
      <c r="K82" s="449"/>
      <c r="L82" s="511">
        <v>41671</v>
      </c>
      <c r="M82" s="469">
        <v>42401</v>
      </c>
      <c r="N82" s="418" t="str">
        <f t="shared" si="0"/>
        <v/>
      </c>
    </row>
    <row r="83" spans="1:14" ht="15.75">
      <c r="A83" s="410"/>
      <c r="B83" s="411">
        <f t="shared" si="1"/>
        <v>17</v>
      </c>
      <c r="C83" s="498" t="s">
        <v>718</v>
      </c>
      <c r="D83" s="449" t="s">
        <v>419</v>
      </c>
      <c r="E83" s="510" t="s">
        <v>707</v>
      </c>
      <c r="F83" s="449" t="s">
        <v>600</v>
      </c>
      <c r="G83" s="449"/>
      <c r="H83" s="451"/>
      <c r="I83" s="481"/>
      <c r="J83" s="144"/>
      <c r="K83" s="449"/>
      <c r="L83" s="511">
        <v>41671</v>
      </c>
      <c r="M83" s="469"/>
      <c r="N83" s="418" t="str">
        <f t="shared" si="0"/>
        <v>DUPLICATE</v>
      </c>
    </row>
    <row r="84" spans="1:14" ht="15.75">
      <c r="A84" s="410"/>
      <c r="B84" s="411">
        <f t="shared" si="1"/>
        <v>17</v>
      </c>
      <c r="C84" s="500" t="s">
        <v>718</v>
      </c>
      <c r="D84" s="494" t="s">
        <v>565</v>
      </c>
      <c r="E84" s="512" t="s">
        <v>707</v>
      </c>
      <c r="F84" s="494" t="s">
        <v>600</v>
      </c>
      <c r="G84" s="494" t="s">
        <v>28498</v>
      </c>
      <c r="H84" s="495"/>
      <c r="I84" s="513"/>
      <c r="J84" s="514"/>
      <c r="K84" s="494"/>
      <c r="L84" s="515">
        <v>41671</v>
      </c>
      <c r="M84" s="516">
        <v>43862</v>
      </c>
      <c r="N84" s="418" t="str">
        <f t="shared" si="0"/>
        <v>DUPLICATE</v>
      </c>
    </row>
    <row r="85" spans="1:14" ht="15.75">
      <c r="A85" s="410"/>
      <c r="B85" s="411">
        <f t="shared" si="1"/>
        <v>17</v>
      </c>
      <c r="C85" s="498" t="s">
        <v>719</v>
      </c>
      <c r="D85" s="449" t="s">
        <v>720</v>
      </c>
      <c r="E85" s="510" t="s">
        <v>707</v>
      </c>
      <c r="F85" s="449" t="s">
        <v>600</v>
      </c>
      <c r="G85" s="449"/>
      <c r="H85" s="451"/>
      <c r="I85" s="481"/>
      <c r="J85" s="144"/>
      <c r="K85" s="449"/>
      <c r="L85" s="511">
        <v>41671</v>
      </c>
      <c r="M85" s="469"/>
      <c r="N85" s="418" t="str">
        <f t="shared" si="0"/>
        <v>DUPLICATE</v>
      </c>
    </row>
    <row r="86" spans="1:14" ht="15.75">
      <c r="A86" s="410"/>
      <c r="B86" s="411">
        <f t="shared" si="1"/>
        <v>17</v>
      </c>
      <c r="C86" s="498" t="s">
        <v>721</v>
      </c>
      <c r="D86" s="449" t="s">
        <v>722</v>
      </c>
      <c r="E86" s="510" t="s">
        <v>707</v>
      </c>
      <c r="F86" s="449" t="s">
        <v>600</v>
      </c>
      <c r="G86" s="449"/>
      <c r="H86" s="451"/>
      <c r="I86" s="481"/>
      <c r="J86" s="144"/>
      <c r="K86" s="449"/>
      <c r="L86" s="511">
        <v>41671</v>
      </c>
      <c r="M86" s="469"/>
      <c r="N86" s="418" t="str">
        <f t="shared" si="0"/>
        <v>DUPLICATE</v>
      </c>
    </row>
    <row r="87" spans="1:14" ht="15.75">
      <c r="A87" s="410"/>
      <c r="B87" s="411">
        <f t="shared" si="1"/>
        <v>17</v>
      </c>
      <c r="C87" s="498" t="s">
        <v>723</v>
      </c>
      <c r="D87" s="449" t="s">
        <v>724</v>
      </c>
      <c r="E87" s="510" t="s">
        <v>707</v>
      </c>
      <c r="F87" s="449" t="s">
        <v>600</v>
      </c>
      <c r="G87" s="449"/>
      <c r="H87" s="451"/>
      <c r="I87" s="481"/>
      <c r="J87" s="144"/>
      <c r="K87" s="449"/>
      <c r="L87" s="511">
        <v>41671</v>
      </c>
      <c r="M87" s="469"/>
      <c r="N87" s="418" t="str">
        <f t="shared" si="0"/>
        <v>DUPLICATE</v>
      </c>
    </row>
    <row r="88" spans="1:14" ht="15.75">
      <c r="A88" s="410"/>
      <c r="B88" s="411">
        <f t="shared" si="1"/>
        <v>17</v>
      </c>
      <c r="C88" s="440" t="s">
        <v>725</v>
      </c>
      <c r="D88" s="452" t="s">
        <v>726</v>
      </c>
      <c r="E88" s="510" t="s">
        <v>707</v>
      </c>
      <c r="F88" s="449" t="s">
        <v>600</v>
      </c>
      <c r="G88" s="449"/>
      <c r="H88" s="451"/>
      <c r="I88" s="481"/>
      <c r="J88" s="144"/>
      <c r="K88" s="449"/>
      <c r="L88" s="511">
        <v>41671</v>
      </c>
      <c r="M88" s="469"/>
      <c r="N88" s="418" t="str">
        <f t="shared" si="0"/>
        <v>DUPLICATE</v>
      </c>
    </row>
    <row r="89" spans="1:14" ht="15.75">
      <c r="A89" s="410"/>
      <c r="B89" s="411">
        <f t="shared" si="1"/>
        <v>17</v>
      </c>
      <c r="C89" s="498" t="s">
        <v>727</v>
      </c>
      <c r="D89" s="449" t="s">
        <v>728</v>
      </c>
      <c r="E89" s="452" t="s">
        <v>595</v>
      </c>
      <c r="F89" s="449" t="s">
        <v>652</v>
      </c>
      <c r="G89" s="450"/>
      <c r="H89" s="451"/>
      <c r="I89" s="481"/>
      <c r="J89" s="144"/>
      <c r="K89" s="517"/>
      <c r="L89" s="511">
        <v>38362</v>
      </c>
      <c r="M89" s="455"/>
      <c r="N89" s="418" t="str">
        <f t="shared" ref="N89:N152" si="2">IF(D89="NA","",IF(COUNTIF($D$2:$D$5552,D89)&gt;1,"DUPLICATE",""))</f>
        <v/>
      </c>
    </row>
    <row r="90" spans="1:14" ht="15.75">
      <c r="A90" s="410"/>
      <c r="B90" s="411">
        <f t="shared" ref="B90:B153" si="3">IF(A90&gt;0,A90,B89)</f>
        <v>17</v>
      </c>
      <c r="C90" s="498" t="s">
        <v>729</v>
      </c>
      <c r="D90" s="449" t="s">
        <v>730</v>
      </c>
      <c r="E90" s="452" t="s">
        <v>595</v>
      </c>
      <c r="F90" s="449" t="s">
        <v>652</v>
      </c>
      <c r="G90" s="450"/>
      <c r="H90" s="451"/>
      <c r="I90" s="481"/>
      <c r="J90" s="144"/>
      <c r="K90" s="517"/>
      <c r="L90" s="511">
        <v>38362</v>
      </c>
      <c r="M90" s="455"/>
      <c r="N90" s="418" t="str">
        <f t="shared" si="2"/>
        <v/>
      </c>
    </row>
    <row r="91" spans="1:14" ht="15.75">
      <c r="A91" s="410"/>
      <c r="B91" s="411">
        <f t="shared" si="3"/>
        <v>17</v>
      </c>
      <c r="C91" s="498" t="s">
        <v>731</v>
      </c>
      <c r="D91" s="449" t="s">
        <v>732</v>
      </c>
      <c r="E91" s="452" t="s">
        <v>595</v>
      </c>
      <c r="F91" s="449" t="s">
        <v>652</v>
      </c>
      <c r="G91" s="450"/>
      <c r="H91" s="451"/>
      <c r="I91" s="481"/>
      <c r="J91" s="144"/>
      <c r="K91" s="517"/>
      <c r="L91" s="511">
        <v>38362</v>
      </c>
      <c r="M91" s="455"/>
      <c r="N91" s="418" t="str">
        <f t="shared" si="2"/>
        <v/>
      </c>
    </row>
    <row r="92" spans="1:14" ht="15.75">
      <c r="A92" s="410"/>
      <c r="B92" s="411">
        <f t="shared" si="3"/>
        <v>17</v>
      </c>
      <c r="C92" s="498" t="s">
        <v>733</v>
      </c>
      <c r="D92" s="449" t="s">
        <v>734</v>
      </c>
      <c r="E92" s="452" t="s">
        <v>595</v>
      </c>
      <c r="F92" s="449" t="s">
        <v>652</v>
      </c>
      <c r="G92" s="450"/>
      <c r="H92" s="451"/>
      <c r="I92" s="481"/>
      <c r="J92" s="144"/>
      <c r="K92" s="517"/>
      <c r="L92" s="511">
        <v>38362</v>
      </c>
      <c r="M92" s="455"/>
      <c r="N92" s="418" t="str">
        <f t="shared" si="2"/>
        <v/>
      </c>
    </row>
    <row r="93" spans="1:14" ht="15.75">
      <c r="A93" s="410"/>
      <c r="B93" s="411">
        <f t="shared" si="3"/>
        <v>17</v>
      </c>
      <c r="C93" s="498" t="s">
        <v>735</v>
      </c>
      <c r="D93" s="449" t="s">
        <v>736</v>
      </c>
      <c r="E93" s="452" t="s">
        <v>595</v>
      </c>
      <c r="F93" s="449" t="s">
        <v>652</v>
      </c>
      <c r="G93" s="450"/>
      <c r="H93" s="451"/>
      <c r="I93" s="481"/>
      <c r="J93" s="144"/>
      <c r="K93" s="517"/>
      <c r="L93" s="511">
        <v>38362</v>
      </c>
      <c r="M93" s="455"/>
      <c r="N93" s="418" t="str">
        <f t="shared" si="2"/>
        <v/>
      </c>
    </row>
    <row r="94" spans="1:14" ht="15.75">
      <c r="A94" s="410"/>
      <c r="B94" s="411">
        <f t="shared" si="3"/>
        <v>17</v>
      </c>
      <c r="C94" s="498" t="s">
        <v>737</v>
      </c>
      <c r="D94" s="449" t="s">
        <v>738</v>
      </c>
      <c r="E94" s="452" t="s">
        <v>595</v>
      </c>
      <c r="F94" s="449" t="s">
        <v>652</v>
      </c>
      <c r="G94" s="450"/>
      <c r="H94" s="451"/>
      <c r="I94" s="481"/>
      <c r="J94" s="144"/>
      <c r="K94" s="517"/>
      <c r="L94" s="511">
        <v>38362</v>
      </c>
      <c r="M94" s="455"/>
      <c r="N94" s="418" t="str">
        <f t="shared" si="2"/>
        <v/>
      </c>
    </row>
    <row r="95" spans="1:14" ht="15.75">
      <c r="A95" s="410"/>
      <c r="B95" s="411">
        <f t="shared" si="3"/>
        <v>17</v>
      </c>
      <c r="C95" s="498" t="s">
        <v>739</v>
      </c>
      <c r="D95" s="449" t="s">
        <v>740</v>
      </c>
      <c r="E95" s="452" t="s">
        <v>595</v>
      </c>
      <c r="F95" s="449" t="s">
        <v>652</v>
      </c>
      <c r="G95" s="450"/>
      <c r="H95" s="451"/>
      <c r="I95" s="481"/>
      <c r="J95" s="144"/>
      <c r="K95" s="517"/>
      <c r="L95" s="511">
        <v>38362</v>
      </c>
      <c r="M95" s="455"/>
      <c r="N95" s="418" t="str">
        <f t="shared" si="2"/>
        <v/>
      </c>
    </row>
    <row r="96" spans="1:14" ht="15.75">
      <c r="A96" s="410"/>
      <c r="B96" s="411">
        <f t="shared" si="3"/>
        <v>17</v>
      </c>
      <c r="C96" s="498" t="s">
        <v>741</v>
      </c>
      <c r="D96" s="449" t="s">
        <v>742</v>
      </c>
      <c r="E96" s="452" t="s">
        <v>595</v>
      </c>
      <c r="F96" s="449" t="s">
        <v>652</v>
      </c>
      <c r="G96" s="450"/>
      <c r="H96" s="451"/>
      <c r="I96" s="481"/>
      <c r="J96" s="144"/>
      <c r="K96" s="517"/>
      <c r="L96" s="511">
        <v>38362</v>
      </c>
      <c r="M96" s="455"/>
      <c r="N96" s="418" t="str">
        <f t="shared" si="2"/>
        <v/>
      </c>
    </row>
    <row r="97" spans="1:14" ht="15.75">
      <c r="A97" s="410"/>
      <c r="B97" s="411">
        <f t="shared" si="3"/>
        <v>17</v>
      </c>
      <c r="C97" s="498" t="s">
        <v>743</v>
      </c>
      <c r="D97" s="449" t="s">
        <v>744</v>
      </c>
      <c r="E97" s="452" t="s">
        <v>595</v>
      </c>
      <c r="F97" s="449" t="s">
        <v>652</v>
      </c>
      <c r="G97" s="450"/>
      <c r="H97" s="451"/>
      <c r="I97" s="481"/>
      <c r="J97" s="144"/>
      <c r="K97" s="517"/>
      <c r="L97" s="511">
        <v>38362</v>
      </c>
      <c r="M97" s="455"/>
      <c r="N97" s="418" t="str">
        <f t="shared" si="2"/>
        <v/>
      </c>
    </row>
    <row r="98" spans="1:14" ht="15.75">
      <c r="A98" s="410"/>
      <c r="B98" s="411">
        <f t="shared" si="3"/>
        <v>17</v>
      </c>
      <c r="C98" s="498" t="s">
        <v>745</v>
      </c>
      <c r="D98" s="449" t="s">
        <v>746</v>
      </c>
      <c r="E98" s="452" t="s">
        <v>595</v>
      </c>
      <c r="F98" s="449" t="s">
        <v>652</v>
      </c>
      <c r="G98" s="450"/>
      <c r="H98" s="451"/>
      <c r="I98" s="481"/>
      <c r="J98" s="144"/>
      <c r="K98" s="517"/>
      <c r="L98" s="511">
        <v>38362</v>
      </c>
      <c r="M98" s="455"/>
      <c r="N98" s="418" t="str">
        <f t="shared" si="2"/>
        <v/>
      </c>
    </row>
    <row r="99" spans="1:14" ht="15.75">
      <c r="A99" s="410"/>
      <c r="B99" s="411">
        <f t="shared" si="3"/>
        <v>17</v>
      </c>
      <c r="C99" s="498" t="s">
        <v>747</v>
      </c>
      <c r="D99" s="449" t="s">
        <v>748</v>
      </c>
      <c r="E99" s="452" t="s">
        <v>595</v>
      </c>
      <c r="F99" s="449" t="s">
        <v>652</v>
      </c>
      <c r="G99" s="450"/>
      <c r="H99" s="451"/>
      <c r="I99" s="481"/>
      <c r="J99" s="144"/>
      <c r="K99" s="517"/>
      <c r="L99" s="511">
        <v>38362</v>
      </c>
      <c r="M99" s="455"/>
      <c r="N99" s="418" t="str">
        <f t="shared" si="2"/>
        <v/>
      </c>
    </row>
    <row r="100" spans="1:14" ht="15.75">
      <c r="A100" s="410"/>
      <c r="B100" s="411">
        <f t="shared" si="3"/>
        <v>17</v>
      </c>
      <c r="C100" s="498" t="s">
        <v>749</v>
      </c>
      <c r="D100" s="449" t="s">
        <v>750</v>
      </c>
      <c r="E100" s="452" t="s">
        <v>595</v>
      </c>
      <c r="F100" s="449" t="s">
        <v>652</v>
      </c>
      <c r="G100" s="450"/>
      <c r="H100" s="451"/>
      <c r="I100" s="481"/>
      <c r="J100" s="144"/>
      <c r="K100" s="517"/>
      <c r="L100" s="511">
        <v>38362</v>
      </c>
      <c r="M100" s="455"/>
      <c r="N100" s="418" t="str">
        <f t="shared" si="2"/>
        <v/>
      </c>
    </row>
    <row r="101" spans="1:14" ht="15.75">
      <c r="A101" s="410"/>
      <c r="B101" s="411">
        <f t="shared" si="3"/>
        <v>17</v>
      </c>
      <c r="C101" s="498" t="s">
        <v>751</v>
      </c>
      <c r="D101" s="449" t="s">
        <v>752</v>
      </c>
      <c r="E101" s="452" t="s">
        <v>595</v>
      </c>
      <c r="F101" s="449" t="s">
        <v>652</v>
      </c>
      <c r="G101" s="450"/>
      <c r="H101" s="451"/>
      <c r="I101" s="481"/>
      <c r="J101" s="144"/>
      <c r="K101" s="517"/>
      <c r="L101" s="511">
        <v>38362</v>
      </c>
      <c r="M101" s="455"/>
      <c r="N101" s="418" t="str">
        <f t="shared" si="2"/>
        <v/>
      </c>
    </row>
    <row r="102" spans="1:14" ht="15.75">
      <c r="A102" s="410"/>
      <c r="B102" s="411">
        <f t="shared" si="3"/>
        <v>17</v>
      </c>
      <c r="C102" s="498" t="s">
        <v>753</v>
      </c>
      <c r="D102" s="449" t="s">
        <v>754</v>
      </c>
      <c r="E102" s="452" t="s">
        <v>595</v>
      </c>
      <c r="F102" s="449" t="s">
        <v>652</v>
      </c>
      <c r="G102" s="450"/>
      <c r="H102" s="451"/>
      <c r="I102" s="481"/>
      <c r="J102" s="144"/>
      <c r="K102" s="517"/>
      <c r="L102" s="511">
        <v>38362</v>
      </c>
      <c r="M102" s="455"/>
      <c r="N102" s="418" t="str">
        <f t="shared" si="2"/>
        <v/>
      </c>
    </row>
    <row r="103" spans="1:14" ht="15.75">
      <c r="A103" s="410"/>
      <c r="B103" s="411">
        <f t="shared" si="3"/>
        <v>17</v>
      </c>
      <c r="C103" s="498" t="s">
        <v>755</v>
      </c>
      <c r="D103" s="449" t="s">
        <v>756</v>
      </c>
      <c r="E103" s="452" t="s">
        <v>595</v>
      </c>
      <c r="F103" s="449" t="s">
        <v>652</v>
      </c>
      <c r="G103" s="450"/>
      <c r="H103" s="451"/>
      <c r="I103" s="481"/>
      <c r="J103" s="144"/>
      <c r="K103" s="517"/>
      <c r="L103" s="511">
        <v>38362</v>
      </c>
      <c r="M103" s="455"/>
      <c r="N103" s="418" t="str">
        <f t="shared" si="2"/>
        <v/>
      </c>
    </row>
    <row r="104" spans="1:14" ht="15.75">
      <c r="A104" s="410"/>
      <c r="B104" s="411">
        <f t="shared" si="3"/>
        <v>17</v>
      </c>
      <c r="C104" s="498" t="s">
        <v>757</v>
      </c>
      <c r="D104" s="449" t="s">
        <v>758</v>
      </c>
      <c r="E104" s="452" t="s">
        <v>595</v>
      </c>
      <c r="F104" s="449" t="s">
        <v>652</v>
      </c>
      <c r="G104" s="450"/>
      <c r="H104" s="451"/>
      <c r="I104" s="481"/>
      <c r="J104" s="144"/>
      <c r="K104" s="517"/>
      <c r="L104" s="511">
        <v>38362</v>
      </c>
      <c r="M104" s="455"/>
      <c r="N104" s="418" t="str">
        <f t="shared" si="2"/>
        <v/>
      </c>
    </row>
    <row r="105" spans="1:14" ht="15.75">
      <c r="A105" s="410"/>
      <c r="B105" s="411">
        <f t="shared" si="3"/>
        <v>17</v>
      </c>
      <c r="C105" s="498" t="s">
        <v>379</v>
      </c>
      <c r="D105" s="449" t="s">
        <v>759</v>
      </c>
      <c r="E105" s="452" t="s">
        <v>595</v>
      </c>
      <c r="F105" s="449" t="s">
        <v>652</v>
      </c>
      <c r="G105" s="450"/>
      <c r="H105" s="451"/>
      <c r="I105" s="481"/>
      <c r="J105" s="144"/>
      <c r="K105" s="517"/>
      <c r="L105" s="511">
        <v>38362</v>
      </c>
      <c r="M105" s="455"/>
      <c r="N105" s="418" t="str">
        <f t="shared" si="2"/>
        <v/>
      </c>
    </row>
    <row r="106" spans="1:14" ht="31.5">
      <c r="A106" s="410"/>
      <c r="B106" s="411">
        <f t="shared" si="3"/>
        <v>17</v>
      </c>
      <c r="C106" s="500" t="s">
        <v>379</v>
      </c>
      <c r="D106" s="494" t="s">
        <v>381</v>
      </c>
      <c r="E106" s="493" t="s">
        <v>707</v>
      </c>
      <c r="F106" s="494" t="s">
        <v>600</v>
      </c>
      <c r="G106" s="494" t="s">
        <v>811</v>
      </c>
      <c r="H106" s="495">
        <v>42969</v>
      </c>
      <c r="I106" s="518" t="s">
        <v>28499</v>
      </c>
      <c r="J106" s="514"/>
      <c r="K106" s="519"/>
      <c r="L106" s="515">
        <v>38362</v>
      </c>
      <c r="M106" s="502">
        <v>43862</v>
      </c>
      <c r="N106" s="418" t="str">
        <f t="shared" si="2"/>
        <v/>
      </c>
    </row>
    <row r="107" spans="1:14" ht="15.75">
      <c r="A107" s="410"/>
      <c r="B107" s="411">
        <f t="shared" si="3"/>
        <v>17</v>
      </c>
      <c r="C107" s="498" t="s">
        <v>761</v>
      </c>
      <c r="D107" s="449" t="s">
        <v>762</v>
      </c>
      <c r="E107" s="452" t="s">
        <v>595</v>
      </c>
      <c r="F107" s="449" t="s">
        <v>652</v>
      </c>
      <c r="G107" s="450"/>
      <c r="H107" s="451"/>
      <c r="I107" s="481"/>
      <c r="J107" s="144"/>
      <c r="K107" s="517"/>
      <c r="L107" s="511">
        <v>38362</v>
      </c>
      <c r="M107" s="455"/>
      <c r="N107" s="418" t="str">
        <f t="shared" si="2"/>
        <v/>
      </c>
    </row>
    <row r="108" spans="1:14" ht="15.75">
      <c r="A108" s="410"/>
      <c r="B108" s="411">
        <f t="shared" si="3"/>
        <v>17</v>
      </c>
      <c r="C108" s="498" t="s">
        <v>763</v>
      </c>
      <c r="D108" s="449" t="s">
        <v>764</v>
      </c>
      <c r="E108" s="452" t="s">
        <v>595</v>
      </c>
      <c r="F108" s="449" t="s">
        <v>652</v>
      </c>
      <c r="G108" s="450"/>
      <c r="H108" s="451"/>
      <c r="I108" s="481"/>
      <c r="J108" s="144"/>
      <c r="K108" s="517"/>
      <c r="L108" s="511">
        <v>38362</v>
      </c>
      <c r="M108" s="455"/>
      <c r="N108" s="418" t="str">
        <f t="shared" si="2"/>
        <v/>
      </c>
    </row>
    <row r="109" spans="1:14" ht="15.75">
      <c r="A109" s="410"/>
      <c r="B109" s="411">
        <f t="shared" si="3"/>
        <v>17</v>
      </c>
      <c r="C109" s="498" t="s">
        <v>765</v>
      </c>
      <c r="D109" s="449" t="s">
        <v>766</v>
      </c>
      <c r="E109" s="452" t="s">
        <v>595</v>
      </c>
      <c r="F109" s="449" t="s">
        <v>652</v>
      </c>
      <c r="G109" s="450"/>
      <c r="H109" s="451"/>
      <c r="I109" s="481"/>
      <c r="J109" s="144"/>
      <c r="K109" s="517"/>
      <c r="L109" s="511">
        <v>38362</v>
      </c>
      <c r="M109" s="455"/>
      <c r="N109" s="418" t="str">
        <f t="shared" si="2"/>
        <v/>
      </c>
    </row>
    <row r="110" spans="1:14" ht="15.75">
      <c r="A110" s="410"/>
      <c r="B110" s="411">
        <f t="shared" si="3"/>
        <v>17</v>
      </c>
      <c r="C110" s="498" t="s">
        <v>767</v>
      </c>
      <c r="D110" s="449" t="s">
        <v>768</v>
      </c>
      <c r="E110" s="452" t="s">
        <v>595</v>
      </c>
      <c r="F110" s="449" t="s">
        <v>652</v>
      </c>
      <c r="G110" s="450"/>
      <c r="H110" s="451"/>
      <c r="I110" s="481"/>
      <c r="J110" s="144"/>
      <c r="K110" s="517"/>
      <c r="L110" s="511">
        <v>38362</v>
      </c>
      <c r="M110" s="455"/>
      <c r="N110" s="418" t="str">
        <f t="shared" si="2"/>
        <v>DUPLICATE</v>
      </c>
    </row>
    <row r="111" spans="1:14" ht="15.75">
      <c r="A111" s="410"/>
      <c r="B111" s="411">
        <f t="shared" si="3"/>
        <v>17</v>
      </c>
      <c r="C111" s="498" t="s">
        <v>769</v>
      </c>
      <c r="D111" s="449" t="s">
        <v>770</v>
      </c>
      <c r="E111" s="452" t="s">
        <v>595</v>
      </c>
      <c r="F111" s="449" t="s">
        <v>652</v>
      </c>
      <c r="G111" s="450"/>
      <c r="H111" s="451"/>
      <c r="I111" s="481"/>
      <c r="J111" s="144"/>
      <c r="K111" s="517"/>
      <c r="L111" s="511">
        <v>38362</v>
      </c>
      <c r="M111" s="455"/>
      <c r="N111" s="418" t="str">
        <f t="shared" si="2"/>
        <v/>
      </c>
    </row>
    <row r="112" spans="1:14" ht="15.75">
      <c r="A112" s="410"/>
      <c r="B112" s="411">
        <f t="shared" si="3"/>
        <v>17</v>
      </c>
      <c r="C112" s="498" t="s">
        <v>771</v>
      </c>
      <c r="D112" s="449" t="s">
        <v>772</v>
      </c>
      <c r="E112" s="452" t="s">
        <v>595</v>
      </c>
      <c r="F112" s="449" t="s">
        <v>652</v>
      </c>
      <c r="G112" s="450"/>
      <c r="H112" s="451"/>
      <c r="I112" s="481"/>
      <c r="J112" s="144"/>
      <c r="K112" s="517"/>
      <c r="L112" s="511">
        <v>38362</v>
      </c>
      <c r="M112" s="455"/>
      <c r="N112" s="418" t="str">
        <f t="shared" si="2"/>
        <v/>
      </c>
    </row>
    <row r="113" spans="1:14" ht="15.75">
      <c r="A113" s="410"/>
      <c r="B113" s="411">
        <f t="shared" si="3"/>
        <v>17</v>
      </c>
      <c r="C113" s="498" t="s">
        <v>773</v>
      </c>
      <c r="D113" s="449" t="s">
        <v>774</v>
      </c>
      <c r="E113" s="452" t="s">
        <v>595</v>
      </c>
      <c r="F113" s="449" t="s">
        <v>652</v>
      </c>
      <c r="G113" s="450"/>
      <c r="H113" s="451"/>
      <c r="I113" s="481"/>
      <c r="J113" s="144"/>
      <c r="K113" s="517"/>
      <c r="L113" s="511">
        <v>38362</v>
      </c>
      <c r="M113" s="455"/>
      <c r="N113" s="418" t="str">
        <f t="shared" si="2"/>
        <v/>
      </c>
    </row>
    <row r="114" spans="1:14" ht="15.75">
      <c r="A114" s="410"/>
      <c r="B114" s="411">
        <f t="shared" si="3"/>
        <v>17</v>
      </c>
      <c r="C114" s="498" t="s">
        <v>775</v>
      </c>
      <c r="D114" s="449" t="s">
        <v>776</v>
      </c>
      <c r="E114" s="452" t="s">
        <v>595</v>
      </c>
      <c r="F114" s="449" t="s">
        <v>652</v>
      </c>
      <c r="G114" s="450"/>
      <c r="H114" s="451"/>
      <c r="I114" s="481"/>
      <c r="J114" s="144"/>
      <c r="K114" s="517"/>
      <c r="L114" s="511">
        <v>38362</v>
      </c>
      <c r="M114" s="455"/>
      <c r="N114" s="418" t="str">
        <f t="shared" si="2"/>
        <v/>
      </c>
    </row>
    <row r="115" spans="1:14" ht="15.75">
      <c r="A115" s="410"/>
      <c r="B115" s="411">
        <f t="shared" si="3"/>
        <v>17</v>
      </c>
      <c r="C115" s="498" t="s">
        <v>777</v>
      </c>
      <c r="D115" s="449" t="s">
        <v>778</v>
      </c>
      <c r="E115" s="452" t="s">
        <v>595</v>
      </c>
      <c r="F115" s="449" t="s">
        <v>652</v>
      </c>
      <c r="G115" s="450"/>
      <c r="H115" s="451"/>
      <c r="I115" s="481"/>
      <c r="J115" s="144"/>
      <c r="K115" s="517"/>
      <c r="L115" s="511">
        <v>38362</v>
      </c>
      <c r="M115" s="455"/>
      <c r="N115" s="418" t="str">
        <f t="shared" si="2"/>
        <v/>
      </c>
    </row>
    <row r="116" spans="1:14" ht="15.75">
      <c r="A116" s="410"/>
      <c r="B116" s="411">
        <f t="shared" si="3"/>
        <v>17</v>
      </c>
      <c r="C116" s="498" t="s">
        <v>779</v>
      </c>
      <c r="D116" s="449" t="s">
        <v>780</v>
      </c>
      <c r="E116" s="452" t="s">
        <v>595</v>
      </c>
      <c r="F116" s="449" t="s">
        <v>652</v>
      </c>
      <c r="G116" s="450"/>
      <c r="H116" s="451"/>
      <c r="I116" s="481"/>
      <c r="J116" s="144"/>
      <c r="K116" s="517"/>
      <c r="L116" s="511">
        <v>38362</v>
      </c>
      <c r="M116" s="455"/>
      <c r="N116" s="418" t="str">
        <f t="shared" si="2"/>
        <v/>
      </c>
    </row>
    <row r="117" spans="1:14" ht="15.75">
      <c r="A117" s="410"/>
      <c r="B117" s="411">
        <f t="shared" si="3"/>
        <v>17</v>
      </c>
      <c r="C117" s="498" t="s">
        <v>781</v>
      </c>
      <c r="D117" s="449" t="s">
        <v>782</v>
      </c>
      <c r="E117" s="452" t="s">
        <v>595</v>
      </c>
      <c r="F117" s="449" t="s">
        <v>652</v>
      </c>
      <c r="G117" s="450"/>
      <c r="H117" s="451"/>
      <c r="I117" s="481"/>
      <c r="J117" s="144"/>
      <c r="K117" s="517"/>
      <c r="L117" s="511">
        <v>38362</v>
      </c>
      <c r="M117" s="455"/>
      <c r="N117" s="418" t="str">
        <f t="shared" si="2"/>
        <v/>
      </c>
    </row>
    <row r="118" spans="1:14" ht="15.75">
      <c r="A118" s="410"/>
      <c r="B118" s="411">
        <f t="shared" si="3"/>
        <v>17</v>
      </c>
      <c r="C118" s="498" t="s">
        <v>783</v>
      </c>
      <c r="D118" s="449" t="s">
        <v>784</v>
      </c>
      <c r="E118" s="452" t="s">
        <v>595</v>
      </c>
      <c r="F118" s="449" t="s">
        <v>652</v>
      </c>
      <c r="G118" s="450"/>
      <c r="H118" s="451"/>
      <c r="I118" s="481"/>
      <c r="J118" s="144"/>
      <c r="K118" s="517"/>
      <c r="L118" s="511">
        <v>38362</v>
      </c>
      <c r="M118" s="455"/>
      <c r="N118" s="418" t="str">
        <f t="shared" si="2"/>
        <v/>
      </c>
    </row>
    <row r="119" spans="1:14" ht="15.75">
      <c r="A119" s="410"/>
      <c r="B119" s="411">
        <f t="shared" si="3"/>
        <v>17</v>
      </c>
      <c r="C119" s="498" t="s">
        <v>785</v>
      </c>
      <c r="D119" s="449" t="s">
        <v>786</v>
      </c>
      <c r="E119" s="452" t="s">
        <v>707</v>
      </c>
      <c r="F119" s="449" t="s">
        <v>600</v>
      </c>
      <c r="G119" s="450" t="s">
        <v>787</v>
      </c>
      <c r="H119" s="451"/>
      <c r="I119" s="481"/>
      <c r="J119" s="144"/>
      <c r="K119" s="517"/>
      <c r="L119" s="511">
        <v>38362</v>
      </c>
      <c r="M119" s="455">
        <v>41306</v>
      </c>
      <c r="N119" s="418" t="str">
        <f t="shared" si="2"/>
        <v>DUPLICATE</v>
      </c>
    </row>
    <row r="120" spans="1:14" ht="15.75">
      <c r="A120" s="410"/>
      <c r="B120" s="411">
        <f t="shared" si="3"/>
        <v>17</v>
      </c>
      <c r="C120" s="498" t="s">
        <v>788</v>
      </c>
      <c r="D120" s="449" t="s">
        <v>789</v>
      </c>
      <c r="E120" s="452" t="s">
        <v>595</v>
      </c>
      <c r="F120" s="449" t="s">
        <v>652</v>
      </c>
      <c r="G120" s="450"/>
      <c r="H120" s="451"/>
      <c r="I120" s="481"/>
      <c r="J120" s="144"/>
      <c r="K120" s="517"/>
      <c r="L120" s="511">
        <v>38362</v>
      </c>
      <c r="M120" s="455"/>
      <c r="N120" s="418" t="str">
        <f t="shared" si="2"/>
        <v/>
      </c>
    </row>
    <row r="121" spans="1:14" ht="15.75">
      <c r="A121" s="410"/>
      <c r="B121" s="411">
        <f t="shared" si="3"/>
        <v>17</v>
      </c>
      <c r="C121" s="498" t="s">
        <v>790</v>
      </c>
      <c r="D121" s="449" t="s">
        <v>791</v>
      </c>
      <c r="E121" s="452" t="s">
        <v>595</v>
      </c>
      <c r="F121" s="449" t="s">
        <v>652</v>
      </c>
      <c r="G121" s="450"/>
      <c r="H121" s="451"/>
      <c r="I121" s="481"/>
      <c r="J121" s="144"/>
      <c r="K121" s="517"/>
      <c r="L121" s="511">
        <v>38362</v>
      </c>
      <c r="M121" s="455"/>
      <c r="N121" s="418" t="str">
        <f t="shared" si="2"/>
        <v/>
      </c>
    </row>
    <row r="122" spans="1:14" ht="15.75">
      <c r="A122" s="410"/>
      <c r="B122" s="411">
        <f t="shared" si="3"/>
        <v>17</v>
      </c>
      <c r="C122" s="498" t="s">
        <v>790</v>
      </c>
      <c r="D122" s="449" t="s">
        <v>792</v>
      </c>
      <c r="E122" s="452" t="s">
        <v>595</v>
      </c>
      <c r="F122" s="449" t="s">
        <v>652</v>
      </c>
      <c r="G122" s="450"/>
      <c r="H122" s="451"/>
      <c r="I122" s="481"/>
      <c r="J122" s="144"/>
      <c r="K122" s="517"/>
      <c r="L122" s="511">
        <v>38362</v>
      </c>
      <c r="M122" s="455"/>
      <c r="N122" s="418" t="str">
        <f t="shared" si="2"/>
        <v/>
      </c>
    </row>
    <row r="123" spans="1:14" ht="15.75">
      <c r="A123" s="410"/>
      <c r="B123" s="411">
        <f t="shared" si="3"/>
        <v>17</v>
      </c>
      <c r="C123" s="498" t="s">
        <v>793</v>
      </c>
      <c r="D123" s="449" t="s">
        <v>794</v>
      </c>
      <c r="E123" s="452" t="s">
        <v>595</v>
      </c>
      <c r="F123" s="449" t="s">
        <v>652</v>
      </c>
      <c r="G123" s="450"/>
      <c r="H123" s="451"/>
      <c r="I123" s="481"/>
      <c r="J123" s="144"/>
      <c r="K123" s="517"/>
      <c r="L123" s="511">
        <v>38362</v>
      </c>
      <c r="M123" s="455"/>
      <c r="N123" s="418" t="str">
        <f t="shared" si="2"/>
        <v/>
      </c>
    </row>
    <row r="124" spans="1:14" ht="15.75">
      <c r="A124" s="410"/>
      <c r="B124" s="411">
        <f t="shared" si="3"/>
        <v>17</v>
      </c>
      <c r="C124" s="498" t="s">
        <v>795</v>
      </c>
      <c r="D124" s="449" t="s">
        <v>796</v>
      </c>
      <c r="E124" s="452" t="s">
        <v>595</v>
      </c>
      <c r="F124" s="449" t="s">
        <v>652</v>
      </c>
      <c r="G124" s="450"/>
      <c r="H124" s="451"/>
      <c r="I124" s="481"/>
      <c r="J124" s="144"/>
      <c r="K124" s="517"/>
      <c r="L124" s="511">
        <v>38362</v>
      </c>
      <c r="M124" s="455"/>
      <c r="N124" s="418" t="str">
        <f t="shared" si="2"/>
        <v/>
      </c>
    </row>
    <row r="125" spans="1:14" ht="15.75">
      <c r="A125" s="410"/>
      <c r="B125" s="411">
        <f t="shared" si="3"/>
        <v>17</v>
      </c>
      <c r="C125" s="498" t="s">
        <v>797</v>
      </c>
      <c r="D125" s="449" t="s">
        <v>798</v>
      </c>
      <c r="E125" s="452" t="s">
        <v>595</v>
      </c>
      <c r="F125" s="449" t="s">
        <v>652</v>
      </c>
      <c r="G125" s="450"/>
      <c r="H125" s="460"/>
      <c r="I125" s="481"/>
      <c r="J125" s="144"/>
      <c r="K125" s="517"/>
      <c r="L125" s="511">
        <v>38362</v>
      </c>
      <c r="M125" s="455"/>
      <c r="N125" s="418" t="str">
        <f t="shared" si="2"/>
        <v/>
      </c>
    </row>
    <row r="126" spans="1:14" ht="47.25">
      <c r="A126" s="410"/>
      <c r="B126" s="411">
        <f t="shared" si="3"/>
        <v>17</v>
      </c>
      <c r="C126" s="500" t="s">
        <v>799</v>
      </c>
      <c r="D126" s="494" t="s">
        <v>554</v>
      </c>
      <c r="E126" s="493" t="s">
        <v>707</v>
      </c>
      <c r="F126" s="494" t="s">
        <v>600</v>
      </c>
      <c r="G126" s="494" t="s">
        <v>35309</v>
      </c>
      <c r="H126" s="432">
        <v>42145</v>
      </c>
      <c r="I126" s="520" t="s">
        <v>711</v>
      </c>
      <c r="J126" s="514"/>
      <c r="K126" s="521"/>
      <c r="L126" s="515">
        <v>38362</v>
      </c>
      <c r="M126" s="502">
        <v>43862</v>
      </c>
      <c r="N126" s="418" t="str">
        <f t="shared" si="2"/>
        <v>DUPLICATE</v>
      </c>
    </row>
    <row r="127" spans="1:14" ht="15.75">
      <c r="A127" s="410"/>
      <c r="B127" s="411">
        <f t="shared" si="3"/>
        <v>17</v>
      </c>
      <c r="C127" s="498" t="s">
        <v>800</v>
      </c>
      <c r="D127" s="449" t="s">
        <v>801</v>
      </c>
      <c r="E127" s="452" t="s">
        <v>595</v>
      </c>
      <c r="F127" s="449" t="s">
        <v>652</v>
      </c>
      <c r="G127" s="450"/>
      <c r="H127" s="444"/>
      <c r="I127" s="481"/>
      <c r="J127" s="144"/>
      <c r="K127" s="517"/>
      <c r="L127" s="511">
        <v>38362</v>
      </c>
      <c r="M127" s="455"/>
      <c r="N127" s="418" t="str">
        <f t="shared" si="2"/>
        <v>DUPLICATE</v>
      </c>
    </row>
    <row r="128" spans="1:14" ht="15.75">
      <c r="A128" s="410"/>
      <c r="B128" s="411">
        <f t="shared" si="3"/>
        <v>17</v>
      </c>
      <c r="C128" s="498" t="s">
        <v>802</v>
      </c>
      <c r="D128" s="449" t="s">
        <v>803</v>
      </c>
      <c r="E128" s="452" t="s">
        <v>595</v>
      </c>
      <c r="F128" s="449" t="s">
        <v>652</v>
      </c>
      <c r="G128" s="450"/>
      <c r="H128" s="451"/>
      <c r="I128" s="481"/>
      <c r="J128" s="144"/>
      <c r="K128" s="517"/>
      <c r="L128" s="511">
        <v>38362</v>
      </c>
      <c r="M128" s="455"/>
      <c r="N128" s="418" t="str">
        <f t="shared" si="2"/>
        <v/>
      </c>
    </row>
    <row r="129" spans="1:14" ht="15.75">
      <c r="A129" s="410"/>
      <c r="B129" s="411">
        <f t="shared" si="3"/>
        <v>17</v>
      </c>
      <c r="C129" s="498" t="s">
        <v>804</v>
      </c>
      <c r="D129" s="449" t="s">
        <v>805</v>
      </c>
      <c r="E129" s="452" t="s">
        <v>595</v>
      </c>
      <c r="F129" s="449" t="s">
        <v>652</v>
      </c>
      <c r="G129" s="450"/>
      <c r="H129" s="451"/>
      <c r="I129" s="481"/>
      <c r="J129" s="144"/>
      <c r="K129" s="517"/>
      <c r="L129" s="511">
        <v>38362</v>
      </c>
      <c r="M129" s="455"/>
      <c r="N129" s="418" t="str">
        <f t="shared" si="2"/>
        <v/>
      </c>
    </row>
    <row r="130" spans="1:14" ht="15.75">
      <c r="A130" s="410"/>
      <c r="B130" s="411">
        <f t="shared" si="3"/>
        <v>17</v>
      </c>
      <c r="C130" s="498" t="s">
        <v>806</v>
      </c>
      <c r="D130" s="449" t="s">
        <v>807</v>
      </c>
      <c r="E130" s="452" t="s">
        <v>595</v>
      </c>
      <c r="F130" s="449" t="s">
        <v>652</v>
      </c>
      <c r="G130" s="450"/>
      <c r="H130" s="451"/>
      <c r="I130" s="481"/>
      <c r="J130" s="144"/>
      <c r="K130" s="517"/>
      <c r="L130" s="511">
        <v>38362</v>
      </c>
      <c r="M130" s="455"/>
      <c r="N130" s="418" t="str">
        <f t="shared" si="2"/>
        <v/>
      </c>
    </row>
    <row r="131" spans="1:14" ht="15.75">
      <c r="A131" s="410"/>
      <c r="B131" s="411">
        <f t="shared" si="3"/>
        <v>17</v>
      </c>
      <c r="C131" s="498" t="s">
        <v>808</v>
      </c>
      <c r="D131" s="449" t="s">
        <v>809</v>
      </c>
      <c r="E131" s="452" t="s">
        <v>595</v>
      </c>
      <c r="F131" s="449" t="s">
        <v>652</v>
      </c>
      <c r="G131" s="450"/>
      <c r="H131" s="460"/>
      <c r="I131" s="481"/>
      <c r="J131" s="144"/>
      <c r="K131" s="517"/>
      <c r="L131" s="511">
        <v>38362</v>
      </c>
      <c r="M131" s="455"/>
      <c r="N131" s="418" t="str">
        <f t="shared" si="2"/>
        <v/>
      </c>
    </row>
    <row r="132" spans="1:14" ht="31.5">
      <c r="A132" s="410"/>
      <c r="B132" s="411">
        <f t="shared" si="3"/>
        <v>17</v>
      </c>
      <c r="C132" s="498" t="s">
        <v>810</v>
      </c>
      <c r="D132" s="449" t="s">
        <v>557</v>
      </c>
      <c r="E132" s="452" t="s">
        <v>707</v>
      </c>
      <c r="F132" s="449" t="s">
        <v>600</v>
      </c>
      <c r="G132" s="449" t="s">
        <v>811</v>
      </c>
      <c r="H132" s="415">
        <v>42145</v>
      </c>
      <c r="I132" s="509" t="s">
        <v>711</v>
      </c>
      <c r="J132" s="144"/>
      <c r="K132" s="522"/>
      <c r="L132" s="511">
        <v>38362</v>
      </c>
      <c r="M132" s="455">
        <v>42231</v>
      </c>
      <c r="N132" s="418" t="str">
        <f t="shared" si="2"/>
        <v/>
      </c>
    </row>
    <row r="133" spans="1:14" ht="15.75">
      <c r="A133" s="410"/>
      <c r="B133" s="411">
        <f t="shared" si="3"/>
        <v>17</v>
      </c>
      <c r="C133" s="498" t="s">
        <v>812</v>
      </c>
      <c r="D133" s="449" t="s">
        <v>813</v>
      </c>
      <c r="E133" s="452" t="s">
        <v>595</v>
      </c>
      <c r="F133" s="449" t="s">
        <v>652</v>
      </c>
      <c r="G133" s="450"/>
      <c r="H133" s="444"/>
      <c r="I133" s="481"/>
      <c r="J133" s="144"/>
      <c r="K133" s="517"/>
      <c r="L133" s="511">
        <v>38362</v>
      </c>
      <c r="M133" s="455"/>
      <c r="N133" s="418" t="str">
        <f t="shared" si="2"/>
        <v/>
      </c>
    </row>
    <row r="134" spans="1:14" ht="15.75">
      <c r="A134" s="410"/>
      <c r="B134" s="411">
        <f t="shared" si="3"/>
        <v>17</v>
      </c>
      <c r="C134" s="498" t="s">
        <v>814</v>
      </c>
      <c r="D134" s="449" t="s">
        <v>815</v>
      </c>
      <c r="E134" s="452" t="s">
        <v>595</v>
      </c>
      <c r="F134" s="449" t="s">
        <v>652</v>
      </c>
      <c r="G134" s="450"/>
      <c r="H134" s="451"/>
      <c r="I134" s="481"/>
      <c r="J134" s="144"/>
      <c r="K134" s="517"/>
      <c r="L134" s="511">
        <v>38362</v>
      </c>
      <c r="M134" s="455"/>
      <c r="N134" s="418" t="str">
        <f t="shared" si="2"/>
        <v/>
      </c>
    </row>
    <row r="135" spans="1:14" ht="15.75">
      <c r="A135" s="410"/>
      <c r="B135" s="411">
        <f t="shared" si="3"/>
        <v>17</v>
      </c>
      <c r="C135" s="498" t="s">
        <v>816</v>
      </c>
      <c r="D135" s="449" t="s">
        <v>817</v>
      </c>
      <c r="E135" s="452" t="s">
        <v>595</v>
      </c>
      <c r="F135" s="449" t="s">
        <v>652</v>
      </c>
      <c r="G135" s="450"/>
      <c r="H135" s="451"/>
      <c r="I135" s="481"/>
      <c r="J135" s="144"/>
      <c r="K135" s="517"/>
      <c r="L135" s="511">
        <v>40940</v>
      </c>
      <c r="M135" s="455"/>
      <c r="N135" s="418" t="str">
        <f t="shared" si="2"/>
        <v>DUPLICATE</v>
      </c>
    </row>
    <row r="136" spans="1:14" ht="15.75">
      <c r="A136" s="410"/>
      <c r="B136" s="411">
        <f t="shared" si="3"/>
        <v>17</v>
      </c>
      <c r="C136" s="498" t="s">
        <v>818</v>
      </c>
      <c r="D136" s="449" t="s">
        <v>819</v>
      </c>
      <c r="E136" s="452" t="s">
        <v>595</v>
      </c>
      <c r="F136" s="449" t="s">
        <v>652</v>
      </c>
      <c r="G136" s="450"/>
      <c r="H136" s="451"/>
      <c r="I136" s="481"/>
      <c r="J136" s="144"/>
      <c r="K136" s="517"/>
      <c r="L136" s="511">
        <v>38362</v>
      </c>
      <c r="M136" s="455"/>
      <c r="N136" s="418" t="str">
        <f t="shared" si="2"/>
        <v/>
      </c>
    </row>
    <row r="137" spans="1:14" ht="15.75">
      <c r="A137" s="410"/>
      <c r="B137" s="411">
        <f t="shared" si="3"/>
        <v>17</v>
      </c>
      <c r="C137" s="498" t="s">
        <v>820</v>
      </c>
      <c r="D137" s="449" t="s">
        <v>821</v>
      </c>
      <c r="E137" s="452" t="s">
        <v>595</v>
      </c>
      <c r="F137" s="449" t="s">
        <v>652</v>
      </c>
      <c r="G137" s="450"/>
      <c r="H137" s="451"/>
      <c r="I137" s="481"/>
      <c r="J137" s="144"/>
      <c r="K137" s="517"/>
      <c r="L137" s="511">
        <v>38362</v>
      </c>
      <c r="M137" s="455"/>
      <c r="N137" s="418" t="str">
        <f t="shared" si="2"/>
        <v/>
      </c>
    </row>
    <row r="138" spans="1:14" ht="15.75">
      <c r="A138" s="410"/>
      <c r="B138" s="411">
        <f t="shared" si="3"/>
        <v>17</v>
      </c>
      <c r="C138" s="498" t="s">
        <v>822</v>
      </c>
      <c r="D138" s="449" t="s">
        <v>823</v>
      </c>
      <c r="E138" s="452" t="s">
        <v>595</v>
      </c>
      <c r="F138" s="449" t="s">
        <v>652</v>
      </c>
      <c r="G138" s="450"/>
      <c r="H138" s="451"/>
      <c r="I138" s="481"/>
      <c r="J138" s="144"/>
      <c r="K138" s="517"/>
      <c r="L138" s="511">
        <v>38362</v>
      </c>
      <c r="M138" s="455"/>
      <c r="N138" s="418" t="str">
        <f t="shared" si="2"/>
        <v/>
      </c>
    </row>
    <row r="139" spans="1:14" ht="15.75">
      <c r="A139" s="410"/>
      <c r="B139" s="411">
        <f t="shared" si="3"/>
        <v>17</v>
      </c>
      <c r="C139" s="498" t="s">
        <v>824</v>
      </c>
      <c r="D139" s="449" t="s">
        <v>825</v>
      </c>
      <c r="E139" s="452" t="s">
        <v>595</v>
      </c>
      <c r="F139" s="449" t="s">
        <v>652</v>
      </c>
      <c r="G139" s="450"/>
      <c r="H139" s="451"/>
      <c r="I139" s="481"/>
      <c r="J139" s="144"/>
      <c r="K139" s="517"/>
      <c r="L139" s="511">
        <v>38362</v>
      </c>
      <c r="M139" s="455"/>
      <c r="N139" s="418" t="str">
        <f t="shared" si="2"/>
        <v/>
      </c>
    </row>
    <row r="140" spans="1:14" ht="28.5">
      <c r="A140" s="410"/>
      <c r="B140" s="411">
        <f t="shared" si="3"/>
        <v>17</v>
      </c>
      <c r="C140" s="498" t="s">
        <v>826</v>
      </c>
      <c r="D140" s="449" t="s">
        <v>827</v>
      </c>
      <c r="E140" s="452" t="s">
        <v>595</v>
      </c>
      <c r="F140" s="449" t="s">
        <v>652</v>
      </c>
      <c r="G140" s="450"/>
      <c r="H140" s="451"/>
      <c r="I140" s="481"/>
      <c r="J140" s="144"/>
      <c r="K140" s="517"/>
      <c r="L140" s="511">
        <v>38362</v>
      </c>
      <c r="M140" s="455"/>
      <c r="N140" s="418" t="str">
        <f t="shared" si="2"/>
        <v/>
      </c>
    </row>
    <row r="141" spans="1:14" ht="28.5">
      <c r="A141" s="410"/>
      <c r="B141" s="411">
        <f t="shared" si="3"/>
        <v>17</v>
      </c>
      <c r="C141" s="498" t="s">
        <v>828</v>
      </c>
      <c r="D141" s="449" t="s">
        <v>829</v>
      </c>
      <c r="E141" s="452" t="s">
        <v>595</v>
      </c>
      <c r="F141" s="449" t="s">
        <v>652</v>
      </c>
      <c r="G141" s="450"/>
      <c r="H141" s="451"/>
      <c r="I141" s="481"/>
      <c r="J141" s="144"/>
      <c r="K141" s="517"/>
      <c r="L141" s="511">
        <v>38362</v>
      </c>
      <c r="M141" s="455"/>
      <c r="N141" s="418" t="str">
        <f t="shared" si="2"/>
        <v/>
      </c>
    </row>
    <row r="142" spans="1:14" ht="28.5">
      <c r="A142" s="410"/>
      <c r="B142" s="411">
        <f t="shared" si="3"/>
        <v>17</v>
      </c>
      <c r="C142" s="498" t="s">
        <v>830</v>
      </c>
      <c r="D142" s="449" t="s">
        <v>831</v>
      </c>
      <c r="E142" s="452" t="s">
        <v>595</v>
      </c>
      <c r="F142" s="449" t="s">
        <v>652</v>
      </c>
      <c r="G142" s="450"/>
      <c r="H142" s="451"/>
      <c r="I142" s="481"/>
      <c r="J142" s="144"/>
      <c r="K142" s="517"/>
      <c r="L142" s="511">
        <v>38362</v>
      </c>
      <c r="M142" s="455"/>
      <c r="N142" s="418" t="str">
        <f t="shared" si="2"/>
        <v/>
      </c>
    </row>
    <row r="143" spans="1:14" ht="15.75">
      <c r="A143" s="410"/>
      <c r="B143" s="411">
        <f t="shared" si="3"/>
        <v>17</v>
      </c>
      <c r="C143" s="498" t="s">
        <v>832</v>
      </c>
      <c r="D143" s="449" t="s">
        <v>833</v>
      </c>
      <c r="E143" s="452" t="s">
        <v>595</v>
      </c>
      <c r="F143" s="449" t="s">
        <v>652</v>
      </c>
      <c r="G143" s="450"/>
      <c r="H143" s="451"/>
      <c r="I143" s="481"/>
      <c r="J143" s="144"/>
      <c r="K143" s="517"/>
      <c r="L143" s="511">
        <v>38362</v>
      </c>
      <c r="M143" s="455"/>
      <c r="N143" s="418" t="str">
        <f t="shared" si="2"/>
        <v/>
      </c>
    </row>
    <row r="144" spans="1:14" ht="15.75">
      <c r="A144" s="410"/>
      <c r="B144" s="411">
        <f t="shared" si="3"/>
        <v>17</v>
      </c>
      <c r="C144" s="498" t="s">
        <v>834</v>
      </c>
      <c r="D144" s="449" t="s">
        <v>835</v>
      </c>
      <c r="E144" s="452" t="s">
        <v>595</v>
      </c>
      <c r="F144" s="449" t="s">
        <v>652</v>
      </c>
      <c r="G144" s="450"/>
      <c r="H144" s="451"/>
      <c r="I144" s="481"/>
      <c r="J144" s="144"/>
      <c r="K144" s="517"/>
      <c r="L144" s="511">
        <v>38362</v>
      </c>
      <c r="M144" s="455"/>
      <c r="N144" s="418" t="str">
        <f t="shared" si="2"/>
        <v/>
      </c>
    </row>
    <row r="145" spans="1:14" ht="28.5">
      <c r="A145" s="410"/>
      <c r="B145" s="411">
        <f t="shared" si="3"/>
        <v>17</v>
      </c>
      <c r="C145" s="498" t="s">
        <v>836</v>
      </c>
      <c r="D145" s="449" t="s">
        <v>837</v>
      </c>
      <c r="E145" s="452" t="s">
        <v>595</v>
      </c>
      <c r="F145" s="449" t="s">
        <v>652</v>
      </c>
      <c r="G145" s="450"/>
      <c r="H145" s="451"/>
      <c r="I145" s="481"/>
      <c r="J145" s="144"/>
      <c r="K145" s="517"/>
      <c r="L145" s="511">
        <v>38362</v>
      </c>
      <c r="M145" s="455"/>
      <c r="N145" s="418" t="str">
        <f t="shared" si="2"/>
        <v/>
      </c>
    </row>
    <row r="146" spans="1:14" ht="15.75">
      <c r="A146" s="410"/>
      <c r="B146" s="411">
        <f t="shared" si="3"/>
        <v>17</v>
      </c>
      <c r="C146" s="498" t="s">
        <v>388</v>
      </c>
      <c r="D146" s="449" t="s">
        <v>838</v>
      </c>
      <c r="E146" s="452" t="s">
        <v>595</v>
      </c>
      <c r="F146" s="449" t="s">
        <v>652</v>
      </c>
      <c r="G146" s="450"/>
      <c r="H146" s="451"/>
      <c r="I146" s="481"/>
      <c r="J146" s="144"/>
      <c r="K146" s="517"/>
      <c r="L146" s="511">
        <v>38362</v>
      </c>
      <c r="M146" s="455"/>
      <c r="N146" s="418" t="str">
        <f t="shared" si="2"/>
        <v/>
      </c>
    </row>
    <row r="147" spans="1:14" ht="31.5">
      <c r="A147" s="410"/>
      <c r="B147" s="411">
        <f t="shared" si="3"/>
        <v>17</v>
      </c>
      <c r="C147" s="498" t="s">
        <v>388</v>
      </c>
      <c r="D147" s="449" t="s">
        <v>390</v>
      </c>
      <c r="E147" s="452" t="s">
        <v>595</v>
      </c>
      <c r="F147" s="449" t="s">
        <v>600</v>
      </c>
      <c r="G147" s="450" t="s">
        <v>760</v>
      </c>
      <c r="H147" s="451"/>
      <c r="I147" s="481"/>
      <c r="J147" s="144"/>
      <c r="K147" s="517"/>
      <c r="L147" s="511">
        <v>38362</v>
      </c>
      <c r="M147" s="455">
        <v>42036</v>
      </c>
      <c r="N147" s="418" t="str">
        <f t="shared" si="2"/>
        <v/>
      </c>
    </row>
    <row r="148" spans="1:14" ht="15.75">
      <c r="A148" s="410"/>
      <c r="B148" s="411">
        <f t="shared" si="3"/>
        <v>17</v>
      </c>
      <c r="C148" s="498" t="s">
        <v>839</v>
      </c>
      <c r="D148" s="449" t="s">
        <v>840</v>
      </c>
      <c r="E148" s="452" t="s">
        <v>595</v>
      </c>
      <c r="F148" s="449" t="s">
        <v>652</v>
      </c>
      <c r="G148" s="450"/>
      <c r="H148" s="451"/>
      <c r="I148" s="481"/>
      <c r="J148" s="144"/>
      <c r="K148" s="517"/>
      <c r="L148" s="511">
        <v>38362</v>
      </c>
      <c r="M148" s="455"/>
      <c r="N148" s="418" t="str">
        <f t="shared" si="2"/>
        <v/>
      </c>
    </row>
    <row r="149" spans="1:14" ht="15.75">
      <c r="A149" s="410"/>
      <c r="B149" s="411">
        <f t="shared" si="3"/>
        <v>17</v>
      </c>
      <c r="C149" s="498" t="s">
        <v>841</v>
      </c>
      <c r="D149" s="449" t="s">
        <v>842</v>
      </c>
      <c r="E149" s="452" t="s">
        <v>595</v>
      </c>
      <c r="F149" s="449" t="s">
        <v>652</v>
      </c>
      <c r="G149" s="450"/>
      <c r="H149" s="451"/>
      <c r="I149" s="481"/>
      <c r="J149" s="144"/>
      <c r="K149" s="517"/>
      <c r="L149" s="511">
        <v>38362</v>
      </c>
      <c r="M149" s="455"/>
      <c r="N149" s="418" t="str">
        <f t="shared" si="2"/>
        <v/>
      </c>
    </row>
    <row r="150" spans="1:14" ht="15.75">
      <c r="A150" s="410"/>
      <c r="B150" s="411">
        <f t="shared" si="3"/>
        <v>17</v>
      </c>
      <c r="C150" s="498" t="s">
        <v>843</v>
      </c>
      <c r="D150" s="449" t="s">
        <v>844</v>
      </c>
      <c r="E150" s="452" t="s">
        <v>595</v>
      </c>
      <c r="F150" s="449" t="s">
        <v>652</v>
      </c>
      <c r="G150" s="450"/>
      <c r="H150" s="451"/>
      <c r="I150" s="481"/>
      <c r="J150" s="144"/>
      <c r="K150" s="517"/>
      <c r="L150" s="511">
        <v>38362</v>
      </c>
      <c r="M150" s="455"/>
      <c r="N150" s="418" t="str">
        <f t="shared" si="2"/>
        <v/>
      </c>
    </row>
    <row r="151" spans="1:14" ht="15.75">
      <c r="A151" s="410"/>
      <c r="B151" s="411">
        <f t="shared" si="3"/>
        <v>17</v>
      </c>
      <c r="C151" s="498" t="s">
        <v>845</v>
      </c>
      <c r="D151" s="449" t="s">
        <v>846</v>
      </c>
      <c r="E151" s="452" t="s">
        <v>595</v>
      </c>
      <c r="F151" s="449" t="s">
        <v>652</v>
      </c>
      <c r="G151" s="450"/>
      <c r="H151" s="451"/>
      <c r="I151" s="481"/>
      <c r="J151" s="144"/>
      <c r="K151" s="517"/>
      <c r="L151" s="511">
        <v>38362</v>
      </c>
      <c r="M151" s="455"/>
      <c r="N151" s="418" t="str">
        <f t="shared" si="2"/>
        <v/>
      </c>
    </row>
    <row r="152" spans="1:14" ht="15.75">
      <c r="A152" s="410"/>
      <c r="B152" s="411">
        <f t="shared" si="3"/>
        <v>17</v>
      </c>
      <c r="C152" s="498" t="s">
        <v>847</v>
      </c>
      <c r="D152" s="449" t="s">
        <v>848</v>
      </c>
      <c r="E152" s="452" t="s">
        <v>595</v>
      </c>
      <c r="F152" s="449" t="s">
        <v>652</v>
      </c>
      <c r="G152" s="450"/>
      <c r="H152" s="451"/>
      <c r="I152" s="481"/>
      <c r="J152" s="144"/>
      <c r="K152" s="517"/>
      <c r="L152" s="511">
        <v>38362</v>
      </c>
      <c r="M152" s="455"/>
      <c r="N152" s="418" t="str">
        <f t="shared" si="2"/>
        <v>DUPLICATE</v>
      </c>
    </row>
    <row r="153" spans="1:14" ht="15.75">
      <c r="A153" s="410"/>
      <c r="B153" s="411">
        <f t="shared" si="3"/>
        <v>17</v>
      </c>
      <c r="C153" s="498" t="s">
        <v>849</v>
      </c>
      <c r="D153" s="449" t="s">
        <v>850</v>
      </c>
      <c r="E153" s="452" t="s">
        <v>595</v>
      </c>
      <c r="F153" s="449" t="s">
        <v>652</v>
      </c>
      <c r="G153" s="450"/>
      <c r="H153" s="451"/>
      <c r="I153" s="481"/>
      <c r="J153" s="144"/>
      <c r="K153" s="517"/>
      <c r="L153" s="511">
        <v>38362</v>
      </c>
      <c r="M153" s="455"/>
      <c r="N153" s="418" t="str">
        <f t="shared" ref="N153:N216" si="4">IF(D153="NA","",IF(COUNTIF($D$2:$D$5552,D153)&gt;1,"DUPLICATE",""))</f>
        <v>DUPLICATE</v>
      </c>
    </row>
    <row r="154" spans="1:14" ht="15.75">
      <c r="A154" s="410"/>
      <c r="B154" s="411">
        <f t="shared" ref="B154:B217" si="5">IF(A154&gt;0,A154,B153)</f>
        <v>17</v>
      </c>
      <c r="C154" s="498" t="s">
        <v>851</v>
      </c>
      <c r="D154" s="449" t="s">
        <v>852</v>
      </c>
      <c r="E154" s="452" t="s">
        <v>595</v>
      </c>
      <c r="F154" s="449" t="s">
        <v>652</v>
      </c>
      <c r="G154" s="450"/>
      <c r="H154" s="451"/>
      <c r="I154" s="481"/>
      <c r="J154" s="144"/>
      <c r="K154" s="517"/>
      <c r="L154" s="511">
        <v>38362</v>
      </c>
      <c r="M154" s="455"/>
      <c r="N154" s="418" t="str">
        <f t="shared" si="4"/>
        <v>DUPLICATE</v>
      </c>
    </row>
    <row r="155" spans="1:14" ht="15.75">
      <c r="A155" s="410"/>
      <c r="B155" s="411">
        <f t="shared" si="5"/>
        <v>17</v>
      </c>
      <c r="C155" s="498" t="s">
        <v>853</v>
      </c>
      <c r="D155" s="449" t="s">
        <v>854</v>
      </c>
      <c r="E155" s="452" t="s">
        <v>595</v>
      </c>
      <c r="F155" s="449" t="s">
        <v>652</v>
      </c>
      <c r="G155" s="450"/>
      <c r="H155" s="451"/>
      <c r="I155" s="481"/>
      <c r="J155" s="144"/>
      <c r="K155" s="517"/>
      <c r="L155" s="511">
        <v>38362</v>
      </c>
      <c r="M155" s="455"/>
      <c r="N155" s="418" t="str">
        <f t="shared" si="4"/>
        <v/>
      </c>
    </row>
    <row r="156" spans="1:14" ht="15.75">
      <c r="A156" s="410"/>
      <c r="B156" s="411">
        <f t="shared" si="5"/>
        <v>17</v>
      </c>
      <c r="C156" s="498" t="s">
        <v>855</v>
      </c>
      <c r="D156" s="449" t="s">
        <v>856</v>
      </c>
      <c r="E156" s="452" t="s">
        <v>595</v>
      </c>
      <c r="F156" s="449" t="s">
        <v>652</v>
      </c>
      <c r="G156" s="450"/>
      <c r="H156" s="451"/>
      <c r="I156" s="481"/>
      <c r="J156" s="144"/>
      <c r="K156" s="517"/>
      <c r="L156" s="511">
        <v>38362</v>
      </c>
      <c r="M156" s="455"/>
      <c r="N156" s="418" t="str">
        <f t="shared" si="4"/>
        <v/>
      </c>
    </row>
    <row r="157" spans="1:14" ht="15.75">
      <c r="A157" s="410"/>
      <c r="B157" s="411">
        <f t="shared" si="5"/>
        <v>17</v>
      </c>
      <c r="C157" s="498" t="s">
        <v>857</v>
      </c>
      <c r="D157" s="449" t="s">
        <v>858</v>
      </c>
      <c r="E157" s="452" t="s">
        <v>595</v>
      </c>
      <c r="F157" s="449" t="s">
        <v>652</v>
      </c>
      <c r="G157" s="450"/>
      <c r="H157" s="451"/>
      <c r="I157" s="481"/>
      <c r="J157" s="144"/>
      <c r="K157" s="517"/>
      <c r="L157" s="511">
        <v>38362</v>
      </c>
      <c r="M157" s="455"/>
      <c r="N157" s="418" t="str">
        <f t="shared" si="4"/>
        <v/>
      </c>
    </row>
    <row r="158" spans="1:14" ht="15.75">
      <c r="A158" s="410"/>
      <c r="B158" s="411">
        <f t="shared" si="5"/>
        <v>17</v>
      </c>
      <c r="C158" s="498" t="s">
        <v>859</v>
      </c>
      <c r="D158" s="449" t="s">
        <v>860</v>
      </c>
      <c r="E158" s="452" t="s">
        <v>595</v>
      </c>
      <c r="F158" s="449" t="s">
        <v>652</v>
      </c>
      <c r="G158" s="450"/>
      <c r="H158" s="451"/>
      <c r="I158" s="481"/>
      <c r="J158" s="144"/>
      <c r="K158" s="517"/>
      <c r="L158" s="511">
        <v>38362</v>
      </c>
      <c r="M158" s="455"/>
      <c r="N158" s="418" t="str">
        <f t="shared" si="4"/>
        <v/>
      </c>
    </row>
    <row r="159" spans="1:14" ht="15.75">
      <c r="A159" s="410"/>
      <c r="B159" s="411">
        <f t="shared" si="5"/>
        <v>17</v>
      </c>
      <c r="C159" s="498" t="s">
        <v>861</v>
      </c>
      <c r="D159" s="449" t="s">
        <v>862</v>
      </c>
      <c r="E159" s="452" t="s">
        <v>595</v>
      </c>
      <c r="F159" s="449" t="s">
        <v>652</v>
      </c>
      <c r="G159" s="450"/>
      <c r="H159" s="451"/>
      <c r="I159" s="481"/>
      <c r="J159" s="144"/>
      <c r="K159" s="517"/>
      <c r="L159" s="511">
        <v>38362</v>
      </c>
      <c r="M159" s="455"/>
      <c r="N159" s="418" t="str">
        <f t="shared" si="4"/>
        <v/>
      </c>
    </row>
    <row r="160" spans="1:14" ht="15.75">
      <c r="A160" s="410"/>
      <c r="B160" s="411">
        <f t="shared" si="5"/>
        <v>17</v>
      </c>
      <c r="C160" s="498" t="s">
        <v>861</v>
      </c>
      <c r="D160" s="449" t="s">
        <v>863</v>
      </c>
      <c r="E160" s="452" t="s">
        <v>595</v>
      </c>
      <c r="F160" s="449" t="s">
        <v>652</v>
      </c>
      <c r="G160" s="450"/>
      <c r="H160" s="451"/>
      <c r="I160" s="481"/>
      <c r="J160" s="144"/>
      <c r="K160" s="517"/>
      <c r="L160" s="511">
        <v>38362</v>
      </c>
      <c r="M160" s="455"/>
      <c r="N160" s="418" t="str">
        <f t="shared" si="4"/>
        <v/>
      </c>
    </row>
    <row r="161" spans="1:14" ht="15.75">
      <c r="A161" s="410"/>
      <c r="B161" s="411">
        <f t="shared" si="5"/>
        <v>17</v>
      </c>
      <c r="C161" s="498" t="s">
        <v>864</v>
      </c>
      <c r="D161" s="449" t="s">
        <v>865</v>
      </c>
      <c r="E161" s="452" t="s">
        <v>595</v>
      </c>
      <c r="F161" s="449" t="s">
        <v>652</v>
      </c>
      <c r="G161" s="450"/>
      <c r="H161" s="451"/>
      <c r="I161" s="481"/>
      <c r="J161" s="144"/>
      <c r="K161" s="517"/>
      <c r="L161" s="511">
        <v>38362</v>
      </c>
      <c r="M161" s="455"/>
      <c r="N161" s="418" t="str">
        <f t="shared" si="4"/>
        <v/>
      </c>
    </row>
    <row r="162" spans="1:14" ht="15.75">
      <c r="A162" s="410"/>
      <c r="B162" s="411">
        <f t="shared" si="5"/>
        <v>17</v>
      </c>
      <c r="C162" s="498" t="s">
        <v>866</v>
      </c>
      <c r="D162" s="449" t="s">
        <v>867</v>
      </c>
      <c r="E162" s="452" t="s">
        <v>595</v>
      </c>
      <c r="F162" s="449" t="s">
        <v>652</v>
      </c>
      <c r="G162" s="450"/>
      <c r="H162" s="451"/>
      <c r="I162" s="481"/>
      <c r="J162" s="144"/>
      <c r="K162" s="517"/>
      <c r="L162" s="511">
        <v>38362</v>
      </c>
      <c r="M162" s="455"/>
      <c r="N162" s="418" t="str">
        <f t="shared" si="4"/>
        <v/>
      </c>
    </row>
    <row r="163" spans="1:14" ht="15.75">
      <c r="A163" s="410"/>
      <c r="B163" s="411">
        <f t="shared" si="5"/>
        <v>17</v>
      </c>
      <c r="C163" s="498" t="s">
        <v>868</v>
      </c>
      <c r="D163" s="449" t="s">
        <v>869</v>
      </c>
      <c r="E163" s="452" t="s">
        <v>595</v>
      </c>
      <c r="F163" s="449" t="s">
        <v>652</v>
      </c>
      <c r="G163" s="450"/>
      <c r="H163" s="451"/>
      <c r="I163" s="481"/>
      <c r="J163" s="144"/>
      <c r="K163" s="517"/>
      <c r="L163" s="511">
        <v>38362</v>
      </c>
      <c r="M163" s="455"/>
      <c r="N163" s="418" t="str">
        <f t="shared" si="4"/>
        <v/>
      </c>
    </row>
    <row r="164" spans="1:14" ht="28.5">
      <c r="A164" s="410"/>
      <c r="B164" s="411">
        <f t="shared" si="5"/>
        <v>17</v>
      </c>
      <c r="C164" s="498" t="s">
        <v>870</v>
      </c>
      <c r="D164" s="449" t="s">
        <v>871</v>
      </c>
      <c r="E164" s="452" t="s">
        <v>595</v>
      </c>
      <c r="F164" s="449" t="s">
        <v>652</v>
      </c>
      <c r="G164" s="450"/>
      <c r="H164" s="451"/>
      <c r="I164" s="481"/>
      <c r="J164" s="144"/>
      <c r="K164" s="517"/>
      <c r="L164" s="511">
        <v>38362</v>
      </c>
      <c r="M164" s="455"/>
      <c r="N164" s="418" t="str">
        <f t="shared" si="4"/>
        <v/>
      </c>
    </row>
    <row r="165" spans="1:14" ht="28.5">
      <c r="A165" s="410"/>
      <c r="B165" s="411">
        <f t="shared" si="5"/>
        <v>17</v>
      </c>
      <c r="C165" s="498" t="s">
        <v>872</v>
      </c>
      <c r="D165" s="449" t="s">
        <v>873</v>
      </c>
      <c r="E165" s="452" t="s">
        <v>595</v>
      </c>
      <c r="F165" s="449" t="s">
        <v>652</v>
      </c>
      <c r="G165" s="450"/>
      <c r="H165" s="451"/>
      <c r="I165" s="481"/>
      <c r="J165" s="144"/>
      <c r="K165" s="517"/>
      <c r="L165" s="511">
        <v>38362</v>
      </c>
      <c r="M165" s="455"/>
      <c r="N165" s="418" t="str">
        <f t="shared" si="4"/>
        <v/>
      </c>
    </row>
    <row r="166" spans="1:14" ht="15.75">
      <c r="A166" s="410"/>
      <c r="B166" s="411">
        <f t="shared" si="5"/>
        <v>17</v>
      </c>
      <c r="C166" s="498" t="s">
        <v>874</v>
      </c>
      <c r="D166" s="449" t="s">
        <v>875</v>
      </c>
      <c r="E166" s="452" t="s">
        <v>595</v>
      </c>
      <c r="F166" s="449" t="s">
        <v>652</v>
      </c>
      <c r="G166" s="450"/>
      <c r="H166" s="451"/>
      <c r="I166" s="481"/>
      <c r="J166" s="144"/>
      <c r="K166" s="517"/>
      <c r="L166" s="511">
        <v>38362</v>
      </c>
      <c r="M166" s="455"/>
      <c r="N166" s="418" t="str">
        <f t="shared" si="4"/>
        <v/>
      </c>
    </row>
    <row r="167" spans="1:14" ht="15.75">
      <c r="A167" s="410"/>
      <c r="B167" s="411">
        <f t="shared" si="5"/>
        <v>17</v>
      </c>
      <c r="C167" s="498" t="s">
        <v>876</v>
      </c>
      <c r="D167" s="449" t="s">
        <v>877</v>
      </c>
      <c r="E167" s="452" t="s">
        <v>595</v>
      </c>
      <c r="F167" s="449" t="s">
        <v>652</v>
      </c>
      <c r="G167" s="450"/>
      <c r="H167" s="451"/>
      <c r="I167" s="481"/>
      <c r="J167" s="144"/>
      <c r="K167" s="517"/>
      <c r="L167" s="511">
        <v>38362</v>
      </c>
      <c r="M167" s="455"/>
      <c r="N167" s="418" t="str">
        <f t="shared" si="4"/>
        <v/>
      </c>
    </row>
    <row r="168" spans="1:14" ht="15.75">
      <c r="A168" s="410"/>
      <c r="B168" s="411">
        <f t="shared" si="5"/>
        <v>17</v>
      </c>
      <c r="C168" s="498" t="s">
        <v>878</v>
      </c>
      <c r="D168" s="449" t="s">
        <v>879</v>
      </c>
      <c r="E168" s="452" t="s">
        <v>595</v>
      </c>
      <c r="F168" s="449" t="s">
        <v>652</v>
      </c>
      <c r="G168" s="450"/>
      <c r="H168" s="451"/>
      <c r="I168" s="481"/>
      <c r="J168" s="144"/>
      <c r="K168" s="517"/>
      <c r="L168" s="511">
        <v>38362</v>
      </c>
      <c r="M168" s="455"/>
      <c r="N168" s="418" t="str">
        <f t="shared" si="4"/>
        <v/>
      </c>
    </row>
    <row r="169" spans="1:14" ht="15.75">
      <c r="A169" s="410"/>
      <c r="B169" s="411">
        <f t="shared" si="5"/>
        <v>17</v>
      </c>
      <c r="C169" s="498" t="s">
        <v>880</v>
      </c>
      <c r="D169" s="449" t="s">
        <v>881</v>
      </c>
      <c r="E169" s="452" t="s">
        <v>595</v>
      </c>
      <c r="F169" s="449" t="s">
        <v>652</v>
      </c>
      <c r="G169" s="450"/>
      <c r="H169" s="451"/>
      <c r="I169" s="481"/>
      <c r="J169" s="144"/>
      <c r="K169" s="517"/>
      <c r="L169" s="511">
        <v>38362</v>
      </c>
      <c r="M169" s="455"/>
      <c r="N169" s="418" t="str">
        <f t="shared" si="4"/>
        <v/>
      </c>
    </row>
    <row r="170" spans="1:14" ht="15.75">
      <c r="A170" s="410"/>
      <c r="B170" s="411">
        <f t="shared" si="5"/>
        <v>17</v>
      </c>
      <c r="C170" s="498" t="s">
        <v>882</v>
      </c>
      <c r="D170" s="449" t="s">
        <v>883</v>
      </c>
      <c r="E170" s="452" t="s">
        <v>595</v>
      </c>
      <c r="F170" s="449" t="s">
        <v>652</v>
      </c>
      <c r="G170" s="450"/>
      <c r="H170" s="451"/>
      <c r="I170" s="481"/>
      <c r="J170" s="144"/>
      <c r="K170" s="517"/>
      <c r="L170" s="511">
        <v>38362</v>
      </c>
      <c r="M170" s="455"/>
      <c r="N170" s="418" t="str">
        <f t="shared" si="4"/>
        <v/>
      </c>
    </row>
    <row r="171" spans="1:14" ht="15.75">
      <c r="A171" s="410"/>
      <c r="B171" s="411">
        <f t="shared" si="5"/>
        <v>17</v>
      </c>
      <c r="C171" s="498" t="s">
        <v>884</v>
      </c>
      <c r="D171" s="449" t="s">
        <v>885</v>
      </c>
      <c r="E171" s="452" t="s">
        <v>595</v>
      </c>
      <c r="F171" s="449" t="s">
        <v>652</v>
      </c>
      <c r="G171" s="450"/>
      <c r="H171" s="451"/>
      <c r="I171" s="481"/>
      <c r="J171" s="144"/>
      <c r="K171" s="517"/>
      <c r="L171" s="511">
        <v>38362</v>
      </c>
      <c r="M171" s="455"/>
      <c r="N171" s="418" t="str">
        <f t="shared" si="4"/>
        <v/>
      </c>
    </row>
    <row r="172" spans="1:14" ht="15.75">
      <c r="A172" s="410"/>
      <c r="B172" s="411">
        <f t="shared" si="5"/>
        <v>17</v>
      </c>
      <c r="C172" s="498" t="s">
        <v>886</v>
      </c>
      <c r="D172" s="449" t="s">
        <v>887</v>
      </c>
      <c r="E172" s="452" t="s">
        <v>595</v>
      </c>
      <c r="F172" s="449" t="s">
        <v>652</v>
      </c>
      <c r="G172" s="450"/>
      <c r="H172" s="451"/>
      <c r="I172" s="481"/>
      <c r="J172" s="144"/>
      <c r="K172" s="517"/>
      <c r="L172" s="511">
        <v>38362</v>
      </c>
      <c r="M172" s="455"/>
      <c r="N172" s="418" t="str">
        <f t="shared" si="4"/>
        <v/>
      </c>
    </row>
    <row r="173" spans="1:14" ht="15.75">
      <c r="A173" s="410"/>
      <c r="B173" s="411">
        <f t="shared" si="5"/>
        <v>17</v>
      </c>
      <c r="C173" s="498" t="s">
        <v>888</v>
      </c>
      <c r="D173" s="449" t="s">
        <v>889</v>
      </c>
      <c r="E173" s="452" t="s">
        <v>595</v>
      </c>
      <c r="F173" s="449" t="s">
        <v>652</v>
      </c>
      <c r="G173" s="450"/>
      <c r="H173" s="451"/>
      <c r="I173" s="481"/>
      <c r="J173" s="144"/>
      <c r="K173" s="517"/>
      <c r="L173" s="511">
        <v>38362</v>
      </c>
      <c r="M173" s="455"/>
      <c r="N173" s="418" t="str">
        <f t="shared" si="4"/>
        <v/>
      </c>
    </row>
    <row r="174" spans="1:14" ht="15.75">
      <c r="A174" s="410"/>
      <c r="B174" s="411">
        <f t="shared" si="5"/>
        <v>17</v>
      </c>
      <c r="C174" s="498" t="s">
        <v>890</v>
      </c>
      <c r="D174" s="449" t="s">
        <v>891</v>
      </c>
      <c r="E174" s="452" t="s">
        <v>595</v>
      </c>
      <c r="F174" s="449" t="s">
        <v>652</v>
      </c>
      <c r="G174" s="450"/>
      <c r="H174" s="451"/>
      <c r="I174" s="481"/>
      <c r="J174" s="144"/>
      <c r="K174" s="517"/>
      <c r="L174" s="511">
        <v>41306</v>
      </c>
      <c r="M174" s="455"/>
      <c r="N174" s="418" t="str">
        <f t="shared" si="4"/>
        <v/>
      </c>
    </row>
    <row r="175" spans="1:14" ht="15.75">
      <c r="A175" s="410"/>
      <c r="B175" s="411">
        <f t="shared" si="5"/>
        <v>17</v>
      </c>
      <c r="C175" s="498" t="s">
        <v>892</v>
      </c>
      <c r="D175" s="449" t="s">
        <v>893</v>
      </c>
      <c r="E175" s="452" t="s">
        <v>595</v>
      </c>
      <c r="F175" s="449" t="s">
        <v>652</v>
      </c>
      <c r="G175" s="450"/>
      <c r="H175" s="451"/>
      <c r="I175" s="481"/>
      <c r="J175" s="144"/>
      <c r="K175" s="517"/>
      <c r="L175" s="511">
        <v>38362</v>
      </c>
      <c r="M175" s="455">
        <v>41306</v>
      </c>
      <c r="N175" s="418" t="str">
        <f t="shared" si="4"/>
        <v/>
      </c>
    </row>
    <row r="176" spans="1:14" ht="15.75">
      <c r="A176" s="410"/>
      <c r="B176" s="411">
        <f t="shared" si="5"/>
        <v>17</v>
      </c>
      <c r="C176" s="498" t="s">
        <v>894</v>
      </c>
      <c r="D176" s="449" t="s">
        <v>895</v>
      </c>
      <c r="E176" s="452" t="s">
        <v>595</v>
      </c>
      <c r="F176" s="449" t="s">
        <v>652</v>
      </c>
      <c r="G176" s="450"/>
      <c r="H176" s="451"/>
      <c r="I176" s="481"/>
      <c r="J176" s="144"/>
      <c r="K176" s="517"/>
      <c r="L176" s="511">
        <v>38362</v>
      </c>
      <c r="M176" s="455"/>
      <c r="N176" s="418" t="str">
        <f t="shared" si="4"/>
        <v/>
      </c>
    </row>
    <row r="177" spans="1:14" ht="15.75">
      <c r="A177" s="410"/>
      <c r="B177" s="411">
        <f t="shared" si="5"/>
        <v>17</v>
      </c>
      <c r="C177" s="498" t="s">
        <v>896</v>
      </c>
      <c r="D177" s="449" t="s">
        <v>897</v>
      </c>
      <c r="E177" s="452" t="s">
        <v>595</v>
      </c>
      <c r="F177" s="449" t="s">
        <v>652</v>
      </c>
      <c r="G177" s="450"/>
      <c r="H177" s="451"/>
      <c r="I177" s="481"/>
      <c r="J177" s="144"/>
      <c r="K177" s="517"/>
      <c r="L177" s="511">
        <v>38362</v>
      </c>
      <c r="M177" s="455"/>
      <c r="N177" s="418" t="str">
        <f t="shared" si="4"/>
        <v/>
      </c>
    </row>
    <row r="178" spans="1:14" ht="15.75">
      <c r="A178" s="410"/>
      <c r="B178" s="411">
        <f t="shared" si="5"/>
        <v>17</v>
      </c>
      <c r="C178" s="498" t="s">
        <v>898</v>
      </c>
      <c r="D178" s="449" t="s">
        <v>899</v>
      </c>
      <c r="E178" s="452" t="s">
        <v>595</v>
      </c>
      <c r="F178" s="449" t="s">
        <v>652</v>
      </c>
      <c r="G178" s="450"/>
      <c r="H178" s="451"/>
      <c r="I178" s="481"/>
      <c r="J178" s="144"/>
      <c r="K178" s="517"/>
      <c r="L178" s="511">
        <v>38362</v>
      </c>
      <c r="M178" s="455"/>
      <c r="N178" s="418" t="str">
        <f t="shared" si="4"/>
        <v/>
      </c>
    </row>
    <row r="179" spans="1:14" ht="15.75">
      <c r="A179" s="410"/>
      <c r="B179" s="411">
        <f t="shared" si="5"/>
        <v>17</v>
      </c>
      <c r="C179" s="498" t="s">
        <v>900</v>
      </c>
      <c r="D179" s="449" t="s">
        <v>901</v>
      </c>
      <c r="E179" s="452" t="s">
        <v>595</v>
      </c>
      <c r="F179" s="449" t="s">
        <v>652</v>
      </c>
      <c r="G179" s="450"/>
      <c r="H179" s="451"/>
      <c r="I179" s="481"/>
      <c r="J179" s="144"/>
      <c r="K179" s="517"/>
      <c r="L179" s="511">
        <v>38362</v>
      </c>
      <c r="M179" s="455"/>
      <c r="N179" s="418" t="str">
        <f t="shared" si="4"/>
        <v/>
      </c>
    </row>
    <row r="180" spans="1:14" ht="15.75">
      <c r="A180" s="410"/>
      <c r="B180" s="411">
        <f t="shared" si="5"/>
        <v>17</v>
      </c>
      <c r="C180" s="498" t="s">
        <v>902</v>
      </c>
      <c r="D180" s="449" t="s">
        <v>903</v>
      </c>
      <c r="E180" s="452" t="s">
        <v>595</v>
      </c>
      <c r="F180" s="449" t="s">
        <v>652</v>
      </c>
      <c r="G180" s="450"/>
      <c r="H180" s="451"/>
      <c r="I180" s="481"/>
      <c r="J180" s="144"/>
      <c r="K180" s="517"/>
      <c r="L180" s="511">
        <v>38362</v>
      </c>
      <c r="M180" s="455"/>
      <c r="N180" s="418" t="str">
        <f t="shared" si="4"/>
        <v/>
      </c>
    </row>
    <row r="181" spans="1:14" ht="15.75">
      <c r="A181" s="410"/>
      <c r="B181" s="411">
        <f t="shared" si="5"/>
        <v>17</v>
      </c>
      <c r="C181" s="498" t="s">
        <v>904</v>
      </c>
      <c r="D181" s="449" t="s">
        <v>905</v>
      </c>
      <c r="E181" s="452" t="s">
        <v>595</v>
      </c>
      <c r="F181" s="449" t="s">
        <v>652</v>
      </c>
      <c r="G181" s="450"/>
      <c r="H181" s="451"/>
      <c r="I181" s="481"/>
      <c r="J181" s="144"/>
      <c r="K181" s="517"/>
      <c r="L181" s="511">
        <v>38362</v>
      </c>
      <c r="M181" s="455"/>
      <c r="N181" s="418" t="str">
        <f t="shared" si="4"/>
        <v/>
      </c>
    </row>
    <row r="182" spans="1:14" ht="15.75">
      <c r="A182" s="410"/>
      <c r="B182" s="411">
        <f t="shared" si="5"/>
        <v>17</v>
      </c>
      <c r="C182" s="498" t="s">
        <v>906</v>
      </c>
      <c r="D182" s="449" t="s">
        <v>907</v>
      </c>
      <c r="E182" s="452" t="s">
        <v>595</v>
      </c>
      <c r="F182" s="449" t="s">
        <v>652</v>
      </c>
      <c r="G182" s="450"/>
      <c r="H182" s="451"/>
      <c r="I182" s="481"/>
      <c r="J182" s="144"/>
      <c r="K182" s="517"/>
      <c r="L182" s="511">
        <v>38362</v>
      </c>
      <c r="M182" s="455"/>
      <c r="N182" s="418" t="str">
        <f t="shared" si="4"/>
        <v/>
      </c>
    </row>
    <row r="183" spans="1:14" ht="15.75">
      <c r="A183" s="410"/>
      <c r="B183" s="411">
        <f t="shared" si="5"/>
        <v>17</v>
      </c>
      <c r="C183" s="498" t="s">
        <v>908</v>
      </c>
      <c r="D183" s="449" t="s">
        <v>909</v>
      </c>
      <c r="E183" s="452" t="s">
        <v>595</v>
      </c>
      <c r="F183" s="449" t="s">
        <v>652</v>
      </c>
      <c r="G183" s="450"/>
      <c r="H183" s="451"/>
      <c r="I183" s="481"/>
      <c r="J183" s="144"/>
      <c r="K183" s="517"/>
      <c r="L183" s="511">
        <v>38362</v>
      </c>
      <c r="M183" s="455"/>
      <c r="N183" s="418" t="str">
        <f t="shared" si="4"/>
        <v/>
      </c>
    </row>
    <row r="184" spans="1:14" ht="15.75">
      <c r="A184" s="410"/>
      <c r="B184" s="411">
        <f t="shared" si="5"/>
        <v>17</v>
      </c>
      <c r="C184" s="498" t="s">
        <v>910</v>
      </c>
      <c r="D184" s="449" t="s">
        <v>911</v>
      </c>
      <c r="E184" s="452" t="s">
        <v>595</v>
      </c>
      <c r="F184" s="449" t="s">
        <v>652</v>
      </c>
      <c r="G184" s="450"/>
      <c r="H184" s="451"/>
      <c r="I184" s="481"/>
      <c r="J184" s="144"/>
      <c r="K184" s="517"/>
      <c r="L184" s="511">
        <v>38362</v>
      </c>
      <c r="M184" s="455"/>
      <c r="N184" s="418" t="str">
        <f t="shared" si="4"/>
        <v/>
      </c>
    </row>
    <row r="185" spans="1:14" ht="15.75">
      <c r="A185" s="410"/>
      <c r="B185" s="411">
        <f t="shared" si="5"/>
        <v>17</v>
      </c>
      <c r="C185" s="498" t="s">
        <v>912</v>
      </c>
      <c r="D185" s="449" t="s">
        <v>913</v>
      </c>
      <c r="E185" s="452" t="s">
        <v>595</v>
      </c>
      <c r="F185" s="449" t="s">
        <v>652</v>
      </c>
      <c r="G185" s="450"/>
      <c r="H185" s="451"/>
      <c r="I185" s="481"/>
      <c r="J185" s="144"/>
      <c r="K185" s="517"/>
      <c r="L185" s="511">
        <v>38362</v>
      </c>
      <c r="M185" s="455"/>
      <c r="N185" s="418" t="str">
        <f t="shared" si="4"/>
        <v/>
      </c>
    </row>
    <row r="186" spans="1:14" ht="15.75">
      <c r="A186" s="410"/>
      <c r="B186" s="411">
        <f t="shared" si="5"/>
        <v>17</v>
      </c>
      <c r="C186" s="498" t="s">
        <v>914</v>
      </c>
      <c r="D186" s="449" t="s">
        <v>915</v>
      </c>
      <c r="E186" s="452" t="s">
        <v>595</v>
      </c>
      <c r="F186" s="449" t="s">
        <v>652</v>
      </c>
      <c r="G186" s="450"/>
      <c r="H186" s="451"/>
      <c r="I186" s="481"/>
      <c r="J186" s="144"/>
      <c r="K186" s="517"/>
      <c r="L186" s="511">
        <v>38362</v>
      </c>
      <c r="M186" s="455"/>
      <c r="N186" s="418" t="str">
        <f t="shared" si="4"/>
        <v/>
      </c>
    </row>
    <row r="187" spans="1:14" ht="15.75">
      <c r="A187" s="410"/>
      <c r="B187" s="411">
        <f t="shared" si="5"/>
        <v>17</v>
      </c>
      <c r="C187" s="498" t="s">
        <v>916</v>
      </c>
      <c r="D187" s="449" t="s">
        <v>917</v>
      </c>
      <c r="E187" s="452" t="s">
        <v>595</v>
      </c>
      <c r="F187" s="449" t="s">
        <v>652</v>
      </c>
      <c r="G187" s="450"/>
      <c r="H187" s="451"/>
      <c r="I187" s="481"/>
      <c r="J187" s="144"/>
      <c r="K187" s="517"/>
      <c r="L187" s="511">
        <v>38362</v>
      </c>
      <c r="M187" s="455"/>
      <c r="N187" s="418" t="str">
        <f t="shared" si="4"/>
        <v/>
      </c>
    </row>
    <row r="188" spans="1:14" ht="15.75">
      <c r="A188" s="410"/>
      <c r="B188" s="411">
        <f t="shared" si="5"/>
        <v>17</v>
      </c>
      <c r="C188" s="498" t="s">
        <v>918</v>
      </c>
      <c r="D188" s="449" t="s">
        <v>919</v>
      </c>
      <c r="E188" s="452" t="s">
        <v>595</v>
      </c>
      <c r="F188" s="449" t="s">
        <v>652</v>
      </c>
      <c r="G188" s="450"/>
      <c r="H188" s="451"/>
      <c r="I188" s="481"/>
      <c r="J188" s="144"/>
      <c r="K188" s="517"/>
      <c r="L188" s="511">
        <v>38362</v>
      </c>
      <c r="M188" s="455"/>
      <c r="N188" s="418" t="str">
        <f t="shared" si="4"/>
        <v/>
      </c>
    </row>
    <row r="189" spans="1:14" ht="15.75">
      <c r="A189" s="410"/>
      <c r="B189" s="411">
        <f t="shared" si="5"/>
        <v>17</v>
      </c>
      <c r="C189" s="498" t="s">
        <v>920</v>
      </c>
      <c r="D189" s="449" t="s">
        <v>921</v>
      </c>
      <c r="E189" s="452" t="s">
        <v>595</v>
      </c>
      <c r="F189" s="449" t="s">
        <v>652</v>
      </c>
      <c r="G189" s="450"/>
      <c r="H189" s="451"/>
      <c r="I189" s="481"/>
      <c r="J189" s="144"/>
      <c r="K189" s="517"/>
      <c r="L189" s="511">
        <v>38362</v>
      </c>
      <c r="M189" s="455"/>
      <c r="N189" s="418" t="str">
        <f t="shared" si="4"/>
        <v/>
      </c>
    </row>
    <row r="190" spans="1:14" ht="15.75">
      <c r="A190" s="410"/>
      <c r="B190" s="411">
        <f t="shared" si="5"/>
        <v>17</v>
      </c>
      <c r="C190" s="498" t="s">
        <v>922</v>
      </c>
      <c r="D190" s="449" t="s">
        <v>923</v>
      </c>
      <c r="E190" s="452" t="s">
        <v>595</v>
      </c>
      <c r="F190" s="449" t="s">
        <v>652</v>
      </c>
      <c r="G190" s="450"/>
      <c r="H190" s="451"/>
      <c r="I190" s="481"/>
      <c r="J190" s="144"/>
      <c r="K190" s="517"/>
      <c r="L190" s="511">
        <v>38362</v>
      </c>
      <c r="M190" s="455"/>
      <c r="N190" s="418" t="str">
        <f t="shared" si="4"/>
        <v/>
      </c>
    </row>
    <row r="191" spans="1:14" ht="15.75">
      <c r="A191" s="410"/>
      <c r="B191" s="411">
        <f t="shared" si="5"/>
        <v>17</v>
      </c>
      <c r="C191" s="498" t="s">
        <v>924</v>
      </c>
      <c r="D191" s="449" t="s">
        <v>925</v>
      </c>
      <c r="E191" s="452" t="s">
        <v>595</v>
      </c>
      <c r="F191" s="449" t="s">
        <v>652</v>
      </c>
      <c r="G191" s="450"/>
      <c r="H191" s="451"/>
      <c r="I191" s="481"/>
      <c r="J191" s="144"/>
      <c r="K191" s="517"/>
      <c r="L191" s="511">
        <v>38362</v>
      </c>
      <c r="M191" s="455"/>
      <c r="N191" s="418" t="str">
        <f t="shared" si="4"/>
        <v/>
      </c>
    </row>
    <row r="192" spans="1:14" ht="15.75">
      <c r="A192" s="410"/>
      <c r="B192" s="411">
        <f t="shared" si="5"/>
        <v>17</v>
      </c>
      <c r="C192" s="498" t="s">
        <v>926</v>
      </c>
      <c r="D192" s="449" t="s">
        <v>927</v>
      </c>
      <c r="E192" s="452" t="s">
        <v>595</v>
      </c>
      <c r="F192" s="449" t="s">
        <v>652</v>
      </c>
      <c r="G192" s="450"/>
      <c r="H192" s="451"/>
      <c r="I192" s="481"/>
      <c r="J192" s="144"/>
      <c r="K192" s="517"/>
      <c r="L192" s="511">
        <v>38362</v>
      </c>
      <c r="M192" s="455"/>
      <c r="N192" s="418" t="str">
        <f t="shared" si="4"/>
        <v/>
      </c>
    </row>
    <row r="193" spans="1:14" ht="15.75">
      <c r="A193" s="410"/>
      <c r="B193" s="411">
        <f t="shared" si="5"/>
        <v>17</v>
      </c>
      <c r="C193" s="498" t="s">
        <v>928</v>
      </c>
      <c r="D193" s="449" t="s">
        <v>929</v>
      </c>
      <c r="E193" s="452" t="s">
        <v>595</v>
      </c>
      <c r="F193" s="449" t="s">
        <v>652</v>
      </c>
      <c r="G193" s="450"/>
      <c r="H193" s="451"/>
      <c r="I193" s="481"/>
      <c r="J193" s="144"/>
      <c r="K193" s="517"/>
      <c r="L193" s="511">
        <v>38362</v>
      </c>
      <c r="M193" s="455"/>
      <c r="N193" s="418" t="str">
        <f t="shared" si="4"/>
        <v/>
      </c>
    </row>
    <row r="194" spans="1:14" ht="15.75">
      <c r="A194" s="410"/>
      <c r="B194" s="411">
        <f t="shared" si="5"/>
        <v>17</v>
      </c>
      <c r="C194" s="498" t="s">
        <v>930</v>
      </c>
      <c r="D194" s="449" t="s">
        <v>931</v>
      </c>
      <c r="E194" s="452" t="s">
        <v>595</v>
      </c>
      <c r="F194" s="449" t="s">
        <v>652</v>
      </c>
      <c r="G194" s="450"/>
      <c r="H194" s="451"/>
      <c r="I194" s="481"/>
      <c r="J194" s="144"/>
      <c r="K194" s="517"/>
      <c r="L194" s="511">
        <v>38362</v>
      </c>
      <c r="M194" s="455"/>
      <c r="N194" s="418" t="str">
        <f t="shared" si="4"/>
        <v/>
      </c>
    </row>
    <row r="195" spans="1:14" ht="15.75">
      <c r="A195" s="410"/>
      <c r="B195" s="411">
        <f t="shared" si="5"/>
        <v>17</v>
      </c>
      <c r="C195" s="498" t="s">
        <v>932</v>
      </c>
      <c r="D195" s="449" t="s">
        <v>933</v>
      </c>
      <c r="E195" s="452" t="s">
        <v>595</v>
      </c>
      <c r="F195" s="449" t="s">
        <v>652</v>
      </c>
      <c r="G195" s="450"/>
      <c r="H195" s="451"/>
      <c r="I195" s="481"/>
      <c r="J195" s="144"/>
      <c r="K195" s="517"/>
      <c r="L195" s="511">
        <v>38362</v>
      </c>
      <c r="M195" s="455"/>
      <c r="N195" s="418" t="str">
        <f t="shared" si="4"/>
        <v/>
      </c>
    </row>
    <row r="196" spans="1:14" ht="15.75">
      <c r="A196" s="410"/>
      <c r="B196" s="411">
        <f t="shared" si="5"/>
        <v>17</v>
      </c>
      <c r="C196" s="498" t="s">
        <v>934</v>
      </c>
      <c r="D196" s="449" t="s">
        <v>935</v>
      </c>
      <c r="E196" s="452" t="s">
        <v>595</v>
      </c>
      <c r="F196" s="449" t="s">
        <v>652</v>
      </c>
      <c r="G196" s="450"/>
      <c r="H196" s="451"/>
      <c r="I196" s="481"/>
      <c r="J196" s="144"/>
      <c r="K196" s="517"/>
      <c r="L196" s="511">
        <v>38362</v>
      </c>
      <c r="M196" s="455"/>
      <c r="N196" s="418" t="str">
        <f t="shared" si="4"/>
        <v>DUPLICATE</v>
      </c>
    </row>
    <row r="197" spans="1:14" ht="15.75">
      <c r="A197" s="410"/>
      <c r="B197" s="411">
        <f t="shared" si="5"/>
        <v>17</v>
      </c>
      <c r="C197" s="498" t="s">
        <v>936</v>
      </c>
      <c r="D197" s="449" t="s">
        <v>937</v>
      </c>
      <c r="E197" s="452" t="s">
        <v>595</v>
      </c>
      <c r="F197" s="449" t="s">
        <v>652</v>
      </c>
      <c r="G197" s="450"/>
      <c r="H197" s="451"/>
      <c r="I197" s="481"/>
      <c r="J197" s="144"/>
      <c r="K197" s="517"/>
      <c r="L197" s="511">
        <v>38362</v>
      </c>
      <c r="M197" s="455"/>
      <c r="N197" s="418" t="str">
        <f t="shared" si="4"/>
        <v>DUPLICATE</v>
      </c>
    </row>
    <row r="198" spans="1:14" ht="15.75">
      <c r="A198" s="410"/>
      <c r="B198" s="411">
        <f t="shared" si="5"/>
        <v>17</v>
      </c>
      <c r="C198" s="498" t="s">
        <v>938</v>
      </c>
      <c r="D198" s="449" t="s">
        <v>939</v>
      </c>
      <c r="E198" s="452" t="s">
        <v>595</v>
      </c>
      <c r="F198" s="449" t="s">
        <v>652</v>
      </c>
      <c r="G198" s="450"/>
      <c r="H198" s="451"/>
      <c r="I198" s="481"/>
      <c r="J198" s="144"/>
      <c r="K198" s="517"/>
      <c r="L198" s="511">
        <v>38362</v>
      </c>
      <c r="M198" s="455"/>
      <c r="N198" s="418" t="str">
        <f t="shared" si="4"/>
        <v/>
      </c>
    </row>
    <row r="199" spans="1:14" ht="15.75">
      <c r="A199" s="410"/>
      <c r="B199" s="411">
        <f t="shared" si="5"/>
        <v>17</v>
      </c>
      <c r="C199" s="498" t="s">
        <v>940</v>
      </c>
      <c r="D199" s="449" t="s">
        <v>941</v>
      </c>
      <c r="E199" s="452" t="s">
        <v>595</v>
      </c>
      <c r="F199" s="449" t="s">
        <v>652</v>
      </c>
      <c r="G199" s="450"/>
      <c r="H199" s="451"/>
      <c r="I199" s="481"/>
      <c r="J199" s="144"/>
      <c r="K199" s="517"/>
      <c r="L199" s="511">
        <v>38362</v>
      </c>
      <c r="M199" s="455"/>
      <c r="N199" s="418" t="str">
        <f t="shared" si="4"/>
        <v/>
      </c>
    </row>
    <row r="200" spans="1:14" ht="15.75">
      <c r="A200" s="410"/>
      <c r="B200" s="411">
        <f t="shared" si="5"/>
        <v>17</v>
      </c>
      <c r="C200" s="498" t="s">
        <v>942</v>
      </c>
      <c r="D200" s="449" t="s">
        <v>943</v>
      </c>
      <c r="E200" s="452" t="s">
        <v>595</v>
      </c>
      <c r="F200" s="449" t="s">
        <v>652</v>
      </c>
      <c r="G200" s="450"/>
      <c r="H200" s="451"/>
      <c r="I200" s="481"/>
      <c r="J200" s="144"/>
      <c r="K200" s="517"/>
      <c r="L200" s="511">
        <v>38362</v>
      </c>
      <c r="M200" s="455"/>
      <c r="N200" s="418" t="str">
        <f t="shared" si="4"/>
        <v/>
      </c>
    </row>
    <row r="201" spans="1:14" ht="15.75">
      <c r="A201" s="410"/>
      <c r="B201" s="411">
        <f t="shared" si="5"/>
        <v>17</v>
      </c>
      <c r="C201" s="498" t="s">
        <v>944</v>
      </c>
      <c r="D201" s="449" t="s">
        <v>945</v>
      </c>
      <c r="E201" s="452" t="s">
        <v>595</v>
      </c>
      <c r="F201" s="449" t="s">
        <v>652</v>
      </c>
      <c r="G201" s="450"/>
      <c r="H201" s="451"/>
      <c r="I201" s="481"/>
      <c r="J201" s="144"/>
      <c r="K201" s="517"/>
      <c r="L201" s="511">
        <v>38362</v>
      </c>
      <c r="M201" s="455"/>
      <c r="N201" s="418" t="str">
        <f t="shared" si="4"/>
        <v/>
      </c>
    </row>
    <row r="202" spans="1:14" ht="15.75">
      <c r="A202" s="410"/>
      <c r="B202" s="411">
        <f t="shared" si="5"/>
        <v>17</v>
      </c>
      <c r="C202" s="498" t="s">
        <v>946</v>
      </c>
      <c r="D202" s="449" t="s">
        <v>947</v>
      </c>
      <c r="E202" s="452" t="s">
        <v>595</v>
      </c>
      <c r="F202" s="449" t="s">
        <v>652</v>
      </c>
      <c r="G202" s="450"/>
      <c r="H202" s="451"/>
      <c r="I202" s="481"/>
      <c r="J202" s="144"/>
      <c r="K202" s="517"/>
      <c r="L202" s="511">
        <v>38362</v>
      </c>
      <c r="M202" s="455"/>
      <c r="N202" s="418" t="str">
        <f t="shared" si="4"/>
        <v/>
      </c>
    </row>
    <row r="203" spans="1:14" ht="15.75">
      <c r="A203" s="410"/>
      <c r="B203" s="411">
        <f t="shared" si="5"/>
        <v>17</v>
      </c>
      <c r="C203" s="498" t="s">
        <v>946</v>
      </c>
      <c r="D203" s="449" t="s">
        <v>948</v>
      </c>
      <c r="E203" s="452" t="s">
        <v>595</v>
      </c>
      <c r="F203" s="449" t="s">
        <v>652</v>
      </c>
      <c r="G203" s="450"/>
      <c r="H203" s="451"/>
      <c r="I203" s="481"/>
      <c r="J203" s="144"/>
      <c r="K203" s="517"/>
      <c r="L203" s="511">
        <v>38362</v>
      </c>
      <c r="M203" s="455"/>
      <c r="N203" s="418" t="str">
        <f t="shared" si="4"/>
        <v/>
      </c>
    </row>
    <row r="204" spans="1:14" ht="15.75">
      <c r="A204" s="410"/>
      <c r="B204" s="411">
        <f t="shared" si="5"/>
        <v>17</v>
      </c>
      <c r="C204" s="498" t="s">
        <v>949</v>
      </c>
      <c r="D204" s="449" t="s">
        <v>950</v>
      </c>
      <c r="E204" s="452" t="s">
        <v>595</v>
      </c>
      <c r="F204" s="449" t="s">
        <v>652</v>
      </c>
      <c r="G204" s="450"/>
      <c r="H204" s="451"/>
      <c r="I204" s="481"/>
      <c r="J204" s="144"/>
      <c r="K204" s="517"/>
      <c r="L204" s="511">
        <v>38362</v>
      </c>
      <c r="M204" s="455"/>
      <c r="N204" s="418" t="str">
        <f t="shared" si="4"/>
        <v/>
      </c>
    </row>
    <row r="205" spans="1:14" ht="15.75">
      <c r="A205" s="410"/>
      <c r="B205" s="411">
        <f t="shared" si="5"/>
        <v>17</v>
      </c>
      <c r="C205" s="498" t="s">
        <v>951</v>
      </c>
      <c r="D205" s="449" t="s">
        <v>952</v>
      </c>
      <c r="E205" s="452" t="s">
        <v>595</v>
      </c>
      <c r="F205" s="449" t="s">
        <v>652</v>
      </c>
      <c r="G205" s="450"/>
      <c r="H205" s="451"/>
      <c r="I205" s="481"/>
      <c r="J205" s="144"/>
      <c r="K205" s="517"/>
      <c r="L205" s="511">
        <v>40940</v>
      </c>
      <c r="M205" s="455">
        <v>41306</v>
      </c>
      <c r="N205" s="418" t="str">
        <f t="shared" si="4"/>
        <v>DUPLICATE</v>
      </c>
    </row>
    <row r="206" spans="1:14" ht="15.75">
      <c r="A206" s="410"/>
      <c r="B206" s="411">
        <f t="shared" si="5"/>
        <v>17</v>
      </c>
      <c r="C206" s="498" t="s">
        <v>953</v>
      </c>
      <c r="D206" s="449" t="s">
        <v>954</v>
      </c>
      <c r="E206" s="452" t="s">
        <v>595</v>
      </c>
      <c r="F206" s="449" t="s">
        <v>652</v>
      </c>
      <c r="G206" s="450"/>
      <c r="H206" s="451"/>
      <c r="I206" s="481"/>
      <c r="J206" s="144"/>
      <c r="K206" s="517"/>
      <c r="L206" s="511">
        <v>38362</v>
      </c>
      <c r="M206" s="455"/>
      <c r="N206" s="418" t="str">
        <f t="shared" si="4"/>
        <v/>
      </c>
    </row>
    <row r="207" spans="1:14" ht="28.5">
      <c r="A207" s="410"/>
      <c r="B207" s="411">
        <f t="shared" si="5"/>
        <v>17</v>
      </c>
      <c r="C207" s="498" t="s">
        <v>955</v>
      </c>
      <c r="D207" s="449" t="s">
        <v>956</v>
      </c>
      <c r="E207" s="452" t="s">
        <v>595</v>
      </c>
      <c r="F207" s="449" t="s">
        <v>652</v>
      </c>
      <c r="G207" s="450"/>
      <c r="H207" s="451"/>
      <c r="I207" s="481"/>
      <c r="J207" s="144"/>
      <c r="K207" s="517"/>
      <c r="L207" s="511">
        <v>38362</v>
      </c>
      <c r="M207" s="455"/>
      <c r="N207" s="418" t="str">
        <f t="shared" si="4"/>
        <v/>
      </c>
    </row>
    <row r="208" spans="1:14" ht="28.5">
      <c r="A208" s="410"/>
      <c r="B208" s="411">
        <f t="shared" si="5"/>
        <v>17</v>
      </c>
      <c r="C208" s="498" t="s">
        <v>957</v>
      </c>
      <c r="D208" s="449" t="s">
        <v>958</v>
      </c>
      <c r="E208" s="452" t="s">
        <v>595</v>
      </c>
      <c r="F208" s="449" t="s">
        <v>652</v>
      </c>
      <c r="G208" s="450"/>
      <c r="H208" s="451"/>
      <c r="I208" s="481"/>
      <c r="J208" s="144"/>
      <c r="K208" s="517"/>
      <c r="L208" s="511">
        <v>38362</v>
      </c>
      <c r="M208" s="455"/>
      <c r="N208" s="418" t="str">
        <f t="shared" si="4"/>
        <v/>
      </c>
    </row>
    <row r="209" spans="1:14" ht="15.75">
      <c r="A209" s="410"/>
      <c r="B209" s="411">
        <f t="shared" si="5"/>
        <v>17</v>
      </c>
      <c r="C209" s="498" t="s">
        <v>959</v>
      </c>
      <c r="D209" s="449" t="s">
        <v>960</v>
      </c>
      <c r="E209" s="452" t="s">
        <v>595</v>
      </c>
      <c r="F209" s="449" t="s">
        <v>652</v>
      </c>
      <c r="G209" s="450"/>
      <c r="H209" s="451"/>
      <c r="I209" s="481"/>
      <c r="J209" s="144"/>
      <c r="K209" s="517"/>
      <c r="L209" s="511">
        <v>38362</v>
      </c>
      <c r="M209" s="455"/>
      <c r="N209" s="418" t="str">
        <f t="shared" si="4"/>
        <v/>
      </c>
    </row>
    <row r="210" spans="1:14" ht="15.75">
      <c r="A210" s="410"/>
      <c r="B210" s="411">
        <f t="shared" si="5"/>
        <v>17</v>
      </c>
      <c r="C210" s="498" t="s">
        <v>961</v>
      </c>
      <c r="D210" s="449" t="s">
        <v>962</v>
      </c>
      <c r="E210" s="452" t="s">
        <v>595</v>
      </c>
      <c r="F210" s="449" t="s">
        <v>652</v>
      </c>
      <c r="G210" s="450"/>
      <c r="H210" s="451"/>
      <c r="I210" s="481"/>
      <c r="J210" s="144"/>
      <c r="K210" s="517"/>
      <c r="L210" s="511">
        <v>38362</v>
      </c>
      <c r="M210" s="455"/>
      <c r="N210" s="418" t="str">
        <f t="shared" si="4"/>
        <v/>
      </c>
    </row>
    <row r="211" spans="1:14" ht="15.75">
      <c r="A211" s="410"/>
      <c r="B211" s="411">
        <f t="shared" si="5"/>
        <v>17</v>
      </c>
      <c r="C211" s="498" t="s">
        <v>963</v>
      </c>
      <c r="D211" s="449" t="s">
        <v>964</v>
      </c>
      <c r="E211" s="452" t="s">
        <v>595</v>
      </c>
      <c r="F211" s="449" t="s">
        <v>652</v>
      </c>
      <c r="G211" s="450"/>
      <c r="H211" s="451"/>
      <c r="I211" s="481"/>
      <c r="J211" s="144"/>
      <c r="K211" s="517"/>
      <c r="L211" s="511">
        <v>38362</v>
      </c>
      <c r="M211" s="455"/>
      <c r="N211" s="418" t="str">
        <f t="shared" si="4"/>
        <v/>
      </c>
    </row>
    <row r="212" spans="1:14" ht="15.75">
      <c r="A212" s="410"/>
      <c r="B212" s="411">
        <f t="shared" si="5"/>
        <v>17</v>
      </c>
      <c r="C212" s="498" t="s">
        <v>965</v>
      </c>
      <c r="D212" s="449" t="s">
        <v>966</v>
      </c>
      <c r="E212" s="452" t="s">
        <v>595</v>
      </c>
      <c r="F212" s="449" t="s">
        <v>652</v>
      </c>
      <c r="G212" s="450"/>
      <c r="H212" s="451"/>
      <c r="I212" s="481"/>
      <c r="J212" s="144"/>
      <c r="K212" s="517"/>
      <c r="L212" s="511">
        <v>38362</v>
      </c>
      <c r="M212" s="455"/>
      <c r="N212" s="418" t="str">
        <f t="shared" si="4"/>
        <v/>
      </c>
    </row>
    <row r="213" spans="1:14" ht="15.75">
      <c r="A213" s="410"/>
      <c r="B213" s="411">
        <f t="shared" si="5"/>
        <v>17</v>
      </c>
      <c r="C213" s="498" t="s">
        <v>967</v>
      </c>
      <c r="D213" s="449" t="s">
        <v>968</v>
      </c>
      <c r="E213" s="452" t="s">
        <v>595</v>
      </c>
      <c r="F213" s="449" t="s">
        <v>652</v>
      </c>
      <c r="G213" s="450"/>
      <c r="H213" s="451"/>
      <c r="I213" s="481"/>
      <c r="J213" s="144"/>
      <c r="K213" s="517"/>
      <c r="L213" s="511">
        <v>38362</v>
      </c>
      <c r="M213" s="455"/>
      <c r="N213" s="418" t="str">
        <f t="shared" si="4"/>
        <v/>
      </c>
    </row>
    <row r="214" spans="1:14" ht="15.75">
      <c r="A214" s="410"/>
      <c r="B214" s="411">
        <f t="shared" si="5"/>
        <v>17</v>
      </c>
      <c r="C214" s="498" t="s">
        <v>969</v>
      </c>
      <c r="D214" s="449" t="s">
        <v>970</v>
      </c>
      <c r="E214" s="452" t="s">
        <v>595</v>
      </c>
      <c r="F214" s="449" t="s">
        <v>652</v>
      </c>
      <c r="G214" s="450"/>
      <c r="H214" s="451"/>
      <c r="I214" s="481"/>
      <c r="J214" s="144"/>
      <c r="K214" s="517"/>
      <c r="L214" s="511">
        <v>38362</v>
      </c>
      <c r="M214" s="455"/>
      <c r="N214" s="418" t="str">
        <f t="shared" si="4"/>
        <v/>
      </c>
    </row>
    <row r="215" spans="1:14" ht="15.75">
      <c r="A215" s="410"/>
      <c r="B215" s="411">
        <f t="shared" si="5"/>
        <v>17</v>
      </c>
      <c r="C215" s="498" t="s">
        <v>971</v>
      </c>
      <c r="D215" s="449" t="s">
        <v>972</v>
      </c>
      <c r="E215" s="452" t="s">
        <v>595</v>
      </c>
      <c r="F215" s="449" t="s">
        <v>652</v>
      </c>
      <c r="G215" s="450"/>
      <c r="H215" s="451"/>
      <c r="I215" s="481"/>
      <c r="J215" s="144"/>
      <c r="K215" s="517"/>
      <c r="L215" s="511">
        <v>38362</v>
      </c>
      <c r="M215" s="455"/>
      <c r="N215" s="418" t="str">
        <f t="shared" si="4"/>
        <v/>
      </c>
    </row>
    <row r="216" spans="1:14" ht="15.75">
      <c r="A216" s="410"/>
      <c r="B216" s="411">
        <f t="shared" si="5"/>
        <v>17</v>
      </c>
      <c r="C216" s="498" t="s">
        <v>971</v>
      </c>
      <c r="D216" s="449" t="s">
        <v>973</v>
      </c>
      <c r="E216" s="452" t="s">
        <v>595</v>
      </c>
      <c r="F216" s="449" t="s">
        <v>652</v>
      </c>
      <c r="G216" s="450"/>
      <c r="H216" s="451"/>
      <c r="I216" s="481"/>
      <c r="J216" s="144"/>
      <c r="K216" s="517"/>
      <c r="L216" s="511">
        <v>38362</v>
      </c>
      <c r="M216" s="455"/>
      <c r="N216" s="418" t="str">
        <f t="shared" si="4"/>
        <v/>
      </c>
    </row>
    <row r="217" spans="1:14" ht="15.75">
      <c r="A217" s="410"/>
      <c r="B217" s="411">
        <f t="shared" si="5"/>
        <v>17</v>
      </c>
      <c r="C217" s="498" t="s">
        <v>974</v>
      </c>
      <c r="D217" s="449" t="s">
        <v>975</v>
      </c>
      <c r="E217" s="452" t="s">
        <v>595</v>
      </c>
      <c r="F217" s="449" t="s">
        <v>652</v>
      </c>
      <c r="G217" s="450"/>
      <c r="H217" s="451"/>
      <c r="I217" s="481"/>
      <c r="J217" s="144"/>
      <c r="K217" s="517"/>
      <c r="L217" s="511">
        <v>38362</v>
      </c>
      <c r="M217" s="455"/>
      <c r="N217" s="418" t="str">
        <f t="shared" ref="N217:N280" si="6">IF(D217="NA","",IF(COUNTIF($D$2:$D$5552,D217)&gt;1,"DUPLICATE",""))</f>
        <v/>
      </c>
    </row>
    <row r="218" spans="1:14" ht="15.75">
      <c r="A218" s="410"/>
      <c r="B218" s="411">
        <f t="shared" ref="B218:B281" si="7">IF(A218&gt;0,A218,B217)</f>
        <v>17</v>
      </c>
      <c r="C218" s="500" t="s">
        <v>976</v>
      </c>
      <c r="D218" s="494" t="s">
        <v>977</v>
      </c>
      <c r="E218" s="493" t="s">
        <v>595</v>
      </c>
      <c r="F218" s="494" t="s">
        <v>652</v>
      </c>
      <c r="G218" s="518" t="s">
        <v>28498</v>
      </c>
      <c r="H218" s="495"/>
      <c r="I218" s="513"/>
      <c r="J218" s="514"/>
      <c r="K218" s="519"/>
      <c r="L218" s="515">
        <v>38362</v>
      </c>
      <c r="M218" s="502">
        <v>43862</v>
      </c>
      <c r="N218" s="418" t="str">
        <f t="shared" si="6"/>
        <v/>
      </c>
    </row>
    <row r="219" spans="1:14" ht="15.75">
      <c r="A219" s="410"/>
      <c r="B219" s="411">
        <f t="shared" si="7"/>
        <v>17</v>
      </c>
      <c r="C219" s="498" t="s">
        <v>978</v>
      </c>
      <c r="D219" s="449" t="s">
        <v>979</v>
      </c>
      <c r="E219" s="452" t="s">
        <v>595</v>
      </c>
      <c r="F219" s="449" t="s">
        <v>652</v>
      </c>
      <c r="G219" s="450"/>
      <c r="H219" s="451"/>
      <c r="I219" s="481"/>
      <c r="J219" s="144"/>
      <c r="K219" s="517"/>
      <c r="L219" s="511">
        <v>38362</v>
      </c>
      <c r="M219" s="455"/>
      <c r="N219" s="418" t="str">
        <f t="shared" si="6"/>
        <v/>
      </c>
    </row>
    <row r="220" spans="1:14" ht="15.75">
      <c r="A220" s="410"/>
      <c r="B220" s="411">
        <f t="shared" si="7"/>
        <v>17</v>
      </c>
      <c r="C220" s="498" t="s">
        <v>980</v>
      </c>
      <c r="D220" s="449" t="s">
        <v>981</v>
      </c>
      <c r="E220" s="452" t="s">
        <v>595</v>
      </c>
      <c r="F220" s="449" t="s">
        <v>652</v>
      </c>
      <c r="G220" s="450"/>
      <c r="H220" s="451"/>
      <c r="I220" s="481"/>
      <c r="J220" s="144"/>
      <c r="K220" s="517"/>
      <c r="L220" s="511">
        <v>38362</v>
      </c>
      <c r="M220" s="455"/>
      <c r="N220" s="418" t="str">
        <f t="shared" si="6"/>
        <v/>
      </c>
    </row>
    <row r="221" spans="1:14" ht="15.75">
      <c r="A221" s="410"/>
      <c r="B221" s="411">
        <f t="shared" si="7"/>
        <v>17</v>
      </c>
      <c r="C221" s="498" t="s">
        <v>982</v>
      </c>
      <c r="D221" s="449" t="s">
        <v>983</v>
      </c>
      <c r="E221" s="452" t="s">
        <v>595</v>
      </c>
      <c r="F221" s="449" t="s">
        <v>652</v>
      </c>
      <c r="G221" s="450"/>
      <c r="H221" s="451"/>
      <c r="I221" s="481"/>
      <c r="J221" s="144"/>
      <c r="K221" s="517"/>
      <c r="L221" s="511">
        <v>38362</v>
      </c>
      <c r="M221" s="455"/>
      <c r="N221" s="418" t="str">
        <f t="shared" si="6"/>
        <v/>
      </c>
    </row>
    <row r="222" spans="1:14" ht="15.75">
      <c r="A222" s="410"/>
      <c r="B222" s="411">
        <f t="shared" si="7"/>
        <v>17</v>
      </c>
      <c r="C222" s="498" t="s">
        <v>984</v>
      </c>
      <c r="D222" s="449" t="s">
        <v>985</v>
      </c>
      <c r="E222" s="452" t="s">
        <v>595</v>
      </c>
      <c r="F222" s="449" t="s">
        <v>652</v>
      </c>
      <c r="G222" s="450"/>
      <c r="H222" s="451"/>
      <c r="I222" s="481"/>
      <c r="J222" s="144"/>
      <c r="K222" s="517"/>
      <c r="L222" s="511">
        <v>38362</v>
      </c>
      <c r="M222" s="455"/>
      <c r="N222" s="418" t="str">
        <f t="shared" si="6"/>
        <v/>
      </c>
    </row>
    <row r="223" spans="1:14" ht="15.75">
      <c r="A223" s="410"/>
      <c r="B223" s="411">
        <f t="shared" si="7"/>
        <v>17</v>
      </c>
      <c r="C223" s="498" t="s">
        <v>986</v>
      </c>
      <c r="D223" s="449" t="s">
        <v>987</v>
      </c>
      <c r="E223" s="452" t="s">
        <v>595</v>
      </c>
      <c r="F223" s="449" t="s">
        <v>652</v>
      </c>
      <c r="G223" s="450"/>
      <c r="H223" s="451"/>
      <c r="I223" s="481"/>
      <c r="J223" s="144"/>
      <c r="K223" s="517"/>
      <c r="L223" s="511">
        <v>38362</v>
      </c>
      <c r="M223" s="455"/>
      <c r="N223" s="418" t="str">
        <f t="shared" si="6"/>
        <v/>
      </c>
    </row>
    <row r="224" spans="1:14" ht="15.75">
      <c r="A224" s="410"/>
      <c r="B224" s="411">
        <f t="shared" si="7"/>
        <v>17</v>
      </c>
      <c r="C224" s="498" t="s">
        <v>988</v>
      </c>
      <c r="D224" s="449" t="s">
        <v>989</v>
      </c>
      <c r="E224" s="452" t="s">
        <v>595</v>
      </c>
      <c r="F224" s="449" t="s">
        <v>652</v>
      </c>
      <c r="G224" s="450"/>
      <c r="H224" s="451"/>
      <c r="I224" s="481"/>
      <c r="J224" s="144"/>
      <c r="K224" s="517"/>
      <c r="L224" s="511">
        <v>38362</v>
      </c>
      <c r="M224" s="455"/>
      <c r="N224" s="418" t="str">
        <f t="shared" si="6"/>
        <v/>
      </c>
    </row>
    <row r="225" spans="1:14" ht="31.5">
      <c r="A225" s="410"/>
      <c r="B225" s="411">
        <f t="shared" si="7"/>
        <v>17</v>
      </c>
      <c r="C225" s="498" t="s">
        <v>569</v>
      </c>
      <c r="D225" s="449" t="s">
        <v>571</v>
      </c>
      <c r="E225" s="452" t="s">
        <v>595</v>
      </c>
      <c r="F225" s="449" t="s">
        <v>600</v>
      </c>
      <c r="G225" s="450" t="s">
        <v>760</v>
      </c>
      <c r="H225" s="451"/>
      <c r="I225" s="481"/>
      <c r="J225" s="144"/>
      <c r="K225" s="517"/>
      <c r="L225" s="511">
        <v>40940</v>
      </c>
      <c r="M225" s="455">
        <v>42036</v>
      </c>
      <c r="N225" s="418" t="str">
        <f t="shared" si="6"/>
        <v/>
      </c>
    </row>
    <row r="226" spans="1:14" ht="15.75">
      <c r="A226" s="410"/>
      <c r="B226" s="411">
        <f t="shared" si="7"/>
        <v>17</v>
      </c>
      <c r="C226" s="498" t="s">
        <v>990</v>
      </c>
      <c r="D226" s="449" t="s">
        <v>991</v>
      </c>
      <c r="E226" s="452" t="s">
        <v>595</v>
      </c>
      <c r="F226" s="449" t="s">
        <v>652</v>
      </c>
      <c r="G226" s="450"/>
      <c r="H226" s="451"/>
      <c r="I226" s="481"/>
      <c r="J226" s="144"/>
      <c r="K226" s="517"/>
      <c r="L226" s="511">
        <v>38362</v>
      </c>
      <c r="M226" s="455"/>
      <c r="N226" s="418" t="str">
        <f t="shared" si="6"/>
        <v/>
      </c>
    </row>
    <row r="227" spans="1:14" ht="15.75">
      <c r="A227" s="410"/>
      <c r="B227" s="411">
        <f t="shared" si="7"/>
        <v>17</v>
      </c>
      <c r="C227" s="498" t="s">
        <v>992</v>
      </c>
      <c r="D227" s="449" t="s">
        <v>993</v>
      </c>
      <c r="E227" s="452" t="s">
        <v>595</v>
      </c>
      <c r="F227" s="449" t="s">
        <v>652</v>
      </c>
      <c r="G227" s="450"/>
      <c r="H227" s="451"/>
      <c r="I227" s="481"/>
      <c r="J227" s="144"/>
      <c r="K227" s="517"/>
      <c r="L227" s="511">
        <v>38362</v>
      </c>
      <c r="M227" s="455"/>
      <c r="N227" s="418" t="str">
        <f t="shared" si="6"/>
        <v/>
      </c>
    </row>
    <row r="228" spans="1:14" ht="15.75">
      <c r="A228" s="410"/>
      <c r="B228" s="411">
        <f t="shared" si="7"/>
        <v>17</v>
      </c>
      <c r="C228" s="498" t="s">
        <v>994</v>
      </c>
      <c r="D228" s="449" t="s">
        <v>995</v>
      </c>
      <c r="E228" s="452" t="s">
        <v>595</v>
      </c>
      <c r="F228" s="449" t="s">
        <v>652</v>
      </c>
      <c r="G228" s="450"/>
      <c r="H228" s="451"/>
      <c r="I228" s="481"/>
      <c r="J228" s="144"/>
      <c r="K228" s="517"/>
      <c r="L228" s="511">
        <v>38362</v>
      </c>
      <c r="M228" s="455"/>
      <c r="N228" s="418" t="str">
        <f t="shared" si="6"/>
        <v>DUPLICATE</v>
      </c>
    </row>
    <row r="229" spans="1:14" ht="15.75">
      <c r="A229" s="410"/>
      <c r="B229" s="411">
        <f t="shared" si="7"/>
        <v>17</v>
      </c>
      <c r="C229" s="498" t="s">
        <v>996</v>
      </c>
      <c r="D229" s="449" t="s">
        <v>997</v>
      </c>
      <c r="E229" s="452" t="s">
        <v>595</v>
      </c>
      <c r="F229" s="449" t="s">
        <v>652</v>
      </c>
      <c r="G229" s="450"/>
      <c r="H229" s="451"/>
      <c r="I229" s="481"/>
      <c r="J229" s="144"/>
      <c r="K229" s="517"/>
      <c r="L229" s="511">
        <v>38362</v>
      </c>
      <c r="M229" s="455"/>
      <c r="N229" s="418" t="str">
        <f t="shared" si="6"/>
        <v/>
      </c>
    </row>
    <row r="230" spans="1:14" ht="15.75">
      <c r="A230" s="410"/>
      <c r="B230" s="411">
        <f t="shared" si="7"/>
        <v>17</v>
      </c>
      <c r="C230" s="498" t="s">
        <v>998</v>
      </c>
      <c r="D230" s="449" t="s">
        <v>999</v>
      </c>
      <c r="E230" s="452" t="s">
        <v>595</v>
      </c>
      <c r="F230" s="449" t="s">
        <v>652</v>
      </c>
      <c r="G230" s="450"/>
      <c r="H230" s="451"/>
      <c r="I230" s="481"/>
      <c r="J230" s="144"/>
      <c r="K230" s="517"/>
      <c r="L230" s="511">
        <v>38362</v>
      </c>
      <c r="M230" s="455"/>
      <c r="N230" s="418" t="str">
        <f t="shared" si="6"/>
        <v/>
      </c>
    </row>
    <row r="231" spans="1:14" ht="15.75">
      <c r="A231" s="410"/>
      <c r="B231" s="411">
        <f t="shared" si="7"/>
        <v>17</v>
      </c>
      <c r="C231" s="498" t="s">
        <v>1000</v>
      </c>
      <c r="D231" s="449" t="s">
        <v>1001</v>
      </c>
      <c r="E231" s="452" t="s">
        <v>595</v>
      </c>
      <c r="F231" s="449" t="s">
        <v>652</v>
      </c>
      <c r="G231" s="450"/>
      <c r="H231" s="451"/>
      <c r="I231" s="481"/>
      <c r="J231" s="144"/>
      <c r="K231" s="517"/>
      <c r="L231" s="511">
        <v>38362</v>
      </c>
      <c r="M231" s="455"/>
      <c r="N231" s="418" t="str">
        <f t="shared" si="6"/>
        <v/>
      </c>
    </row>
    <row r="232" spans="1:14" ht="15.75">
      <c r="A232" s="410"/>
      <c r="B232" s="411">
        <f t="shared" si="7"/>
        <v>17</v>
      </c>
      <c r="C232" s="498" t="s">
        <v>1002</v>
      </c>
      <c r="D232" s="449" t="s">
        <v>1003</v>
      </c>
      <c r="E232" s="452" t="s">
        <v>595</v>
      </c>
      <c r="F232" s="449" t="s">
        <v>652</v>
      </c>
      <c r="G232" s="450"/>
      <c r="H232" s="451"/>
      <c r="I232" s="481"/>
      <c r="J232" s="144"/>
      <c r="K232" s="517"/>
      <c r="L232" s="511">
        <v>38362</v>
      </c>
      <c r="M232" s="455"/>
      <c r="N232" s="418" t="str">
        <f t="shared" si="6"/>
        <v/>
      </c>
    </row>
    <row r="233" spans="1:14" ht="15.75">
      <c r="A233" s="410"/>
      <c r="B233" s="411">
        <f t="shared" si="7"/>
        <v>17</v>
      </c>
      <c r="C233" s="498" t="s">
        <v>1004</v>
      </c>
      <c r="D233" s="449" t="s">
        <v>1005</v>
      </c>
      <c r="E233" s="452" t="s">
        <v>595</v>
      </c>
      <c r="F233" s="449" t="s">
        <v>652</v>
      </c>
      <c r="G233" s="450"/>
      <c r="H233" s="451"/>
      <c r="I233" s="481"/>
      <c r="J233" s="144"/>
      <c r="K233" s="517"/>
      <c r="L233" s="511">
        <v>38362</v>
      </c>
      <c r="M233" s="455"/>
      <c r="N233" s="418" t="str">
        <f t="shared" si="6"/>
        <v/>
      </c>
    </row>
    <row r="234" spans="1:14" ht="15.75">
      <c r="A234" s="410"/>
      <c r="B234" s="411">
        <f t="shared" si="7"/>
        <v>17</v>
      </c>
      <c r="C234" s="498" t="s">
        <v>1006</v>
      </c>
      <c r="D234" s="449" t="s">
        <v>1007</v>
      </c>
      <c r="E234" s="452" t="s">
        <v>595</v>
      </c>
      <c r="F234" s="449" t="s">
        <v>652</v>
      </c>
      <c r="G234" s="450"/>
      <c r="H234" s="451"/>
      <c r="I234" s="481"/>
      <c r="J234" s="144"/>
      <c r="K234" s="517"/>
      <c r="L234" s="511">
        <v>38362</v>
      </c>
      <c r="M234" s="455">
        <v>40940</v>
      </c>
      <c r="N234" s="418" t="str">
        <f t="shared" si="6"/>
        <v/>
      </c>
    </row>
    <row r="235" spans="1:14" ht="15.75">
      <c r="A235" s="410"/>
      <c r="B235" s="411">
        <f t="shared" si="7"/>
        <v>17</v>
      </c>
      <c r="C235" s="498" t="s">
        <v>1008</v>
      </c>
      <c r="D235" s="449" t="s">
        <v>1009</v>
      </c>
      <c r="E235" s="452" t="s">
        <v>595</v>
      </c>
      <c r="F235" s="449" t="s">
        <v>652</v>
      </c>
      <c r="G235" s="450"/>
      <c r="H235" s="451"/>
      <c r="I235" s="481"/>
      <c r="J235" s="144"/>
      <c r="K235" s="517"/>
      <c r="L235" s="511">
        <v>38362</v>
      </c>
      <c r="M235" s="455">
        <v>40940</v>
      </c>
      <c r="N235" s="418" t="str">
        <f t="shared" si="6"/>
        <v/>
      </c>
    </row>
    <row r="236" spans="1:14" ht="15.75">
      <c r="A236" s="410"/>
      <c r="B236" s="411">
        <f t="shared" si="7"/>
        <v>17</v>
      </c>
      <c r="C236" s="498" t="s">
        <v>1010</v>
      </c>
      <c r="D236" s="449" t="s">
        <v>1011</v>
      </c>
      <c r="E236" s="452" t="s">
        <v>595</v>
      </c>
      <c r="F236" s="449" t="s">
        <v>652</v>
      </c>
      <c r="G236" s="450"/>
      <c r="H236" s="451"/>
      <c r="I236" s="481"/>
      <c r="J236" s="144"/>
      <c r="K236" s="517"/>
      <c r="L236" s="511">
        <v>38362</v>
      </c>
      <c r="M236" s="455"/>
      <c r="N236" s="418" t="str">
        <f t="shared" si="6"/>
        <v/>
      </c>
    </row>
    <row r="237" spans="1:14" ht="15.75">
      <c r="A237" s="410"/>
      <c r="B237" s="411">
        <f t="shared" si="7"/>
        <v>17</v>
      </c>
      <c r="C237" s="498" t="s">
        <v>1012</v>
      </c>
      <c r="D237" s="449" t="s">
        <v>1013</v>
      </c>
      <c r="E237" s="452" t="s">
        <v>595</v>
      </c>
      <c r="F237" s="449" t="s">
        <v>652</v>
      </c>
      <c r="G237" s="450"/>
      <c r="H237" s="451"/>
      <c r="I237" s="481"/>
      <c r="J237" s="144"/>
      <c r="K237" s="517"/>
      <c r="L237" s="511">
        <v>38362</v>
      </c>
      <c r="M237" s="455"/>
      <c r="N237" s="418" t="str">
        <f t="shared" si="6"/>
        <v/>
      </c>
    </row>
    <row r="238" spans="1:14" ht="15.75">
      <c r="A238" s="410"/>
      <c r="B238" s="411">
        <f t="shared" si="7"/>
        <v>17</v>
      </c>
      <c r="C238" s="498" t="s">
        <v>1014</v>
      </c>
      <c r="D238" s="449" t="s">
        <v>1015</v>
      </c>
      <c r="E238" s="452" t="s">
        <v>595</v>
      </c>
      <c r="F238" s="449" t="s">
        <v>652</v>
      </c>
      <c r="G238" s="450"/>
      <c r="H238" s="451"/>
      <c r="I238" s="481"/>
      <c r="J238" s="144"/>
      <c r="K238" s="517"/>
      <c r="L238" s="511">
        <v>38362</v>
      </c>
      <c r="M238" s="455"/>
      <c r="N238" s="418" t="str">
        <f t="shared" si="6"/>
        <v/>
      </c>
    </row>
    <row r="239" spans="1:14" ht="15.75">
      <c r="A239" s="410"/>
      <c r="B239" s="411">
        <f t="shared" si="7"/>
        <v>17</v>
      </c>
      <c r="C239" s="498" t="s">
        <v>1016</v>
      </c>
      <c r="D239" s="449" t="s">
        <v>1017</v>
      </c>
      <c r="E239" s="452" t="s">
        <v>595</v>
      </c>
      <c r="F239" s="449" t="s">
        <v>652</v>
      </c>
      <c r="G239" s="450"/>
      <c r="H239" s="451"/>
      <c r="I239" s="481"/>
      <c r="J239" s="144"/>
      <c r="K239" s="517"/>
      <c r="L239" s="511">
        <v>38362</v>
      </c>
      <c r="M239" s="455"/>
      <c r="N239" s="418" t="str">
        <f t="shared" si="6"/>
        <v/>
      </c>
    </row>
    <row r="240" spans="1:14" ht="15.75">
      <c r="A240" s="410"/>
      <c r="B240" s="411">
        <f t="shared" si="7"/>
        <v>17</v>
      </c>
      <c r="C240" s="498" t="s">
        <v>1018</v>
      </c>
      <c r="D240" s="449" t="s">
        <v>1019</v>
      </c>
      <c r="E240" s="452" t="s">
        <v>595</v>
      </c>
      <c r="F240" s="449" t="s">
        <v>652</v>
      </c>
      <c r="G240" s="450"/>
      <c r="H240" s="451"/>
      <c r="I240" s="481"/>
      <c r="J240" s="144"/>
      <c r="K240" s="517"/>
      <c r="L240" s="511">
        <v>39845</v>
      </c>
      <c r="M240" s="455"/>
      <c r="N240" s="418" t="str">
        <f t="shared" si="6"/>
        <v/>
      </c>
    </row>
    <row r="241" spans="1:14" ht="15.75">
      <c r="A241" s="410"/>
      <c r="B241" s="411">
        <f t="shared" si="7"/>
        <v>17</v>
      </c>
      <c r="C241" s="498" t="s">
        <v>1020</v>
      </c>
      <c r="D241" s="449" t="s">
        <v>1021</v>
      </c>
      <c r="E241" s="452" t="s">
        <v>595</v>
      </c>
      <c r="F241" s="449" t="s">
        <v>652</v>
      </c>
      <c r="G241" s="450"/>
      <c r="H241" s="451"/>
      <c r="I241" s="481"/>
      <c r="J241" s="144"/>
      <c r="K241" s="517"/>
      <c r="L241" s="511">
        <v>39845</v>
      </c>
      <c r="M241" s="455"/>
      <c r="N241" s="418" t="str">
        <f t="shared" si="6"/>
        <v/>
      </c>
    </row>
    <row r="242" spans="1:14" ht="15.75">
      <c r="A242" s="410"/>
      <c r="B242" s="411">
        <f t="shared" si="7"/>
        <v>17</v>
      </c>
      <c r="C242" s="498" t="s">
        <v>1022</v>
      </c>
      <c r="D242" s="449" t="s">
        <v>1023</v>
      </c>
      <c r="E242" s="523" t="s">
        <v>707</v>
      </c>
      <c r="F242" s="449" t="s">
        <v>600</v>
      </c>
      <c r="G242" s="450" t="s">
        <v>1024</v>
      </c>
      <c r="H242" s="451"/>
      <c r="I242" s="481"/>
      <c r="J242" s="144"/>
      <c r="K242" s="517"/>
      <c r="L242" s="511">
        <v>39845</v>
      </c>
      <c r="M242" s="455">
        <v>41897</v>
      </c>
      <c r="N242" s="418" t="str">
        <f t="shared" si="6"/>
        <v>DUPLICATE</v>
      </c>
    </row>
    <row r="243" spans="1:14" ht="15.75">
      <c r="A243" s="410"/>
      <c r="B243" s="411">
        <f t="shared" si="7"/>
        <v>17</v>
      </c>
      <c r="C243" s="498" t="s">
        <v>1025</v>
      </c>
      <c r="D243" s="449" t="s">
        <v>1026</v>
      </c>
      <c r="E243" s="458" t="s">
        <v>595</v>
      </c>
      <c r="F243" s="458" t="s">
        <v>652</v>
      </c>
      <c r="G243" s="450"/>
      <c r="H243" s="460"/>
      <c r="I243" s="481"/>
      <c r="J243" s="144"/>
      <c r="K243" s="524"/>
      <c r="L243" s="511">
        <v>39845</v>
      </c>
      <c r="M243" s="455">
        <v>41306</v>
      </c>
      <c r="N243" s="418" t="str">
        <f t="shared" si="6"/>
        <v/>
      </c>
    </row>
    <row r="244" spans="1:14" ht="78.75">
      <c r="A244" s="410">
        <v>18</v>
      </c>
      <c r="B244" s="411">
        <f t="shared" si="7"/>
        <v>18</v>
      </c>
      <c r="C244" s="424" t="s">
        <v>1027</v>
      </c>
      <c r="D244" s="414"/>
      <c r="E244" s="414" t="s">
        <v>643</v>
      </c>
      <c r="F244" s="414" t="s">
        <v>600</v>
      </c>
      <c r="G244" s="414" t="s">
        <v>1028</v>
      </c>
      <c r="H244" s="415"/>
      <c r="I244" s="509"/>
      <c r="J244" s="416" t="s">
        <v>1029</v>
      </c>
      <c r="K244" s="458" t="s">
        <v>1030</v>
      </c>
      <c r="L244" s="417">
        <v>38362</v>
      </c>
      <c r="M244" s="417">
        <v>40575</v>
      </c>
      <c r="N244" s="418" t="str">
        <f t="shared" si="6"/>
        <v/>
      </c>
    </row>
    <row r="245" spans="1:14" ht="15.75">
      <c r="A245" s="410"/>
      <c r="B245" s="411">
        <f t="shared" si="7"/>
        <v>18</v>
      </c>
      <c r="C245" s="440" t="s">
        <v>1031</v>
      </c>
      <c r="D245" s="480" t="s">
        <v>1032</v>
      </c>
      <c r="E245" s="449" t="s">
        <v>643</v>
      </c>
      <c r="F245" s="449" t="s">
        <v>600</v>
      </c>
      <c r="G245" s="449"/>
      <c r="H245" s="444"/>
      <c r="I245" s="481"/>
      <c r="J245" s="144"/>
      <c r="K245" s="449"/>
      <c r="L245" s="469">
        <v>38362</v>
      </c>
      <c r="M245" s="469"/>
      <c r="N245" s="418" t="str">
        <f t="shared" si="6"/>
        <v/>
      </c>
    </row>
    <row r="246" spans="1:14" ht="15.75">
      <c r="A246" s="410"/>
      <c r="B246" s="411">
        <f t="shared" si="7"/>
        <v>18</v>
      </c>
      <c r="C246" s="492" t="s">
        <v>1033</v>
      </c>
      <c r="D246" s="525" t="s">
        <v>1034</v>
      </c>
      <c r="E246" s="494" t="s">
        <v>643</v>
      </c>
      <c r="F246" s="494" t="s">
        <v>600</v>
      </c>
      <c r="G246" s="494" t="s">
        <v>28498</v>
      </c>
      <c r="H246" s="495"/>
      <c r="I246" s="513"/>
      <c r="J246" s="514"/>
      <c r="K246" s="494"/>
      <c r="L246" s="516">
        <v>38362</v>
      </c>
      <c r="M246" s="516">
        <v>43862</v>
      </c>
      <c r="N246" s="418" t="str">
        <f t="shared" si="6"/>
        <v/>
      </c>
    </row>
    <row r="247" spans="1:14" ht="15.75">
      <c r="A247" s="410"/>
      <c r="B247" s="411">
        <f t="shared" si="7"/>
        <v>18</v>
      </c>
      <c r="C247" s="440" t="s">
        <v>1035</v>
      </c>
      <c r="D247" s="480" t="s">
        <v>1036</v>
      </c>
      <c r="E247" s="449" t="s">
        <v>643</v>
      </c>
      <c r="F247" s="449" t="s">
        <v>600</v>
      </c>
      <c r="G247" s="449"/>
      <c r="H247" s="451"/>
      <c r="I247" s="481"/>
      <c r="J247" s="144"/>
      <c r="K247" s="449"/>
      <c r="L247" s="469">
        <v>38362</v>
      </c>
      <c r="M247" s="469"/>
      <c r="N247" s="418" t="str">
        <f t="shared" si="6"/>
        <v/>
      </c>
    </row>
    <row r="248" spans="1:14" ht="15.75">
      <c r="A248" s="410"/>
      <c r="B248" s="411">
        <f t="shared" si="7"/>
        <v>18</v>
      </c>
      <c r="C248" s="440" t="s">
        <v>1037</v>
      </c>
      <c r="D248" s="480" t="s">
        <v>1038</v>
      </c>
      <c r="E248" s="449" t="s">
        <v>643</v>
      </c>
      <c r="F248" s="449" t="s">
        <v>600</v>
      </c>
      <c r="G248" s="449"/>
      <c r="H248" s="451"/>
      <c r="I248" s="481"/>
      <c r="J248" s="144"/>
      <c r="K248" s="449"/>
      <c r="L248" s="469">
        <v>38362</v>
      </c>
      <c r="M248" s="469">
        <v>40575</v>
      </c>
      <c r="N248" s="418" t="str">
        <f t="shared" si="6"/>
        <v/>
      </c>
    </row>
    <row r="249" spans="1:14" ht="15.75">
      <c r="A249" s="410"/>
      <c r="B249" s="411">
        <f t="shared" si="7"/>
        <v>18</v>
      </c>
      <c r="C249" s="492" t="s">
        <v>1039</v>
      </c>
      <c r="D249" s="525" t="s">
        <v>1040</v>
      </c>
      <c r="E249" s="494" t="s">
        <v>643</v>
      </c>
      <c r="F249" s="494" t="s">
        <v>600</v>
      </c>
      <c r="G249" s="494" t="s">
        <v>28498</v>
      </c>
      <c r="H249" s="495"/>
      <c r="I249" s="513"/>
      <c r="J249" s="514"/>
      <c r="K249" s="494"/>
      <c r="L249" s="516">
        <v>38362</v>
      </c>
      <c r="M249" s="516">
        <v>43862</v>
      </c>
      <c r="N249" s="418" t="str">
        <f t="shared" si="6"/>
        <v/>
      </c>
    </row>
    <row r="250" spans="1:14" ht="15.75">
      <c r="A250" s="410"/>
      <c r="B250" s="411">
        <f t="shared" si="7"/>
        <v>18</v>
      </c>
      <c r="C250" s="456" t="s">
        <v>1041</v>
      </c>
      <c r="D250" s="526" t="s">
        <v>1042</v>
      </c>
      <c r="E250" s="458" t="s">
        <v>643</v>
      </c>
      <c r="F250" s="458" t="s">
        <v>600</v>
      </c>
      <c r="G250" s="458"/>
      <c r="H250" s="460"/>
      <c r="I250" s="527"/>
      <c r="J250" s="528"/>
      <c r="K250" s="458"/>
      <c r="L250" s="423">
        <v>38362</v>
      </c>
      <c r="M250" s="423"/>
      <c r="N250" s="418" t="str">
        <f t="shared" si="6"/>
        <v/>
      </c>
    </row>
    <row r="251" spans="1:14" ht="31.5">
      <c r="A251" s="410">
        <v>19</v>
      </c>
      <c r="B251" s="411">
        <f t="shared" si="7"/>
        <v>19</v>
      </c>
      <c r="C251" s="485" t="s">
        <v>1043</v>
      </c>
      <c r="D251" s="529"/>
      <c r="E251" s="430" t="s">
        <v>707</v>
      </c>
      <c r="F251" s="430" t="s">
        <v>676</v>
      </c>
      <c r="G251" s="430" t="s">
        <v>1044</v>
      </c>
      <c r="H251" s="432"/>
      <c r="I251" s="520"/>
      <c r="J251" s="433" t="s">
        <v>1029</v>
      </c>
      <c r="K251" s="504" t="s">
        <v>1030</v>
      </c>
      <c r="L251" s="434">
        <v>39114</v>
      </c>
      <c r="M251" s="530">
        <v>42036</v>
      </c>
      <c r="N251" s="418" t="str">
        <f t="shared" si="6"/>
        <v/>
      </c>
    </row>
    <row r="252" spans="1:14" ht="94.5">
      <c r="A252" s="410"/>
      <c r="B252" s="411">
        <f t="shared" si="7"/>
        <v>19</v>
      </c>
      <c r="C252" s="492" t="s">
        <v>1045</v>
      </c>
      <c r="D252" s="525" t="s">
        <v>1046</v>
      </c>
      <c r="E252" s="494" t="s">
        <v>643</v>
      </c>
      <c r="F252" s="494" t="s">
        <v>600</v>
      </c>
      <c r="G252" s="494" t="s">
        <v>28500</v>
      </c>
      <c r="H252" s="531"/>
      <c r="I252" s="513"/>
      <c r="J252" s="514"/>
      <c r="K252" s="525"/>
      <c r="L252" s="516">
        <v>38362</v>
      </c>
      <c r="M252" s="516">
        <v>43862</v>
      </c>
      <c r="N252" s="418" t="str">
        <f t="shared" si="6"/>
        <v/>
      </c>
    </row>
    <row r="253" spans="1:14" ht="15.75">
      <c r="A253" s="410"/>
      <c r="B253" s="411">
        <f t="shared" si="7"/>
        <v>19</v>
      </c>
      <c r="C253" s="440" t="s">
        <v>1047</v>
      </c>
      <c r="D253" s="480" t="s">
        <v>1048</v>
      </c>
      <c r="E253" s="449" t="s">
        <v>595</v>
      </c>
      <c r="F253" s="449" t="s">
        <v>596</v>
      </c>
      <c r="G253" s="532"/>
      <c r="H253" s="451"/>
      <c r="I253" s="451"/>
      <c r="J253" s="144"/>
      <c r="K253" s="533"/>
      <c r="L253" s="468">
        <v>39114</v>
      </c>
      <c r="M253" s="455"/>
      <c r="N253" s="418" t="str">
        <f t="shared" si="6"/>
        <v/>
      </c>
    </row>
    <row r="254" spans="1:14" ht="15.75">
      <c r="A254" s="410"/>
      <c r="B254" s="411">
        <f t="shared" si="7"/>
        <v>19</v>
      </c>
      <c r="C254" s="440" t="s">
        <v>1049</v>
      </c>
      <c r="D254" s="480" t="s">
        <v>1050</v>
      </c>
      <c r="E254" s="449" t="s">
        <v>595</v>
      </c>
      <c r="F254" s="449" t="s">
        <v>596</v>
      </c>
      <c r="G254" s="532"/>
      <c r="H254" s="451"/>
      <c r="I254" s="451"/>
      <c r="J254" s="144"/>
      <c r="K254" s="533"/>
      <c r="L254" s="468">
        <v>39114</v>
      </c>
      <c r="M254" s="455"/>
      <c r="N254" s="418" t="str">
        <f t="shared" si="6"/>
        <v/>
      </c>
    </row>
    <row r="255" spans="1:14" ht="15.75">
      <c r="A255" s="410"/>
      <c r="B255" s="411">
        <f t="shared" si="7"/>
        <v>19</v>
      </c>
      <c r="C255" s="440" t="s">
        <v>1051</v>
      </c>
      <c r="D255" s="480" t="s">
        <v>1052</v>
      </c>
      <c r="E255" s="449" t="s">
        <v>595</v>
      </c>
      <c r="F255" s="449" t="s">
        <v>596</v>
      </c>
      <c r="G255" s="532"/>
      <c r="H255" s="451"/>
      <c r="I255" s="451"/>
      <c r="J255" s="144"/>
      <c r="K255" s="491"/>
      <c r="L255" s="468">
        <v>39114</v>
      </c>
      <c r="M255" s="455"/>
      <c r="N255" s="418" t="str">
        <f t="shared" si="6"/>
        <v/>
      </c>
    </row>
    <row r="256" spans="1:14" ht="15.75">
      <c r="A256" s="410"/>
      <c r="B256" s="411">
        <f t="shared" si="7"/>
        <v>19</v>
      </c>
      <c r="C256" s="498" t="s">
        <v>1047</v>
      </c>
      <c r="D256" s="480" t="s">
        <v>1053</v>
      </c>
      <c r="E256" s="480" t="s">
        <v>595</v>
      </c>
      <c r="F256" s="480" t="s">
        <v>596</v>
      </c>
      <c r="G256" s="479"/>
      <c r="H256" s="451"/>
      <c r="I256" s="451"/>
      <c r="J256" s="144"/>
      <c r="K256" s="533"/>
      <c r="L256" s="468">
        <v>39114</v>
      </c>
      <c r="M256" s="455"/>
      <c r="N256" s="418" t="str">
        <f t="shared" si="6"/>
        <v/>
      </c>
    </row>
    <row r="257" spans="1:14" ht="15.75">
      <c r="A257" s="410"/>
      <c r="B257" s="411">
        <f t="shared" si="7"/>
        <v>19</v>
      </c>
      <c r="C257" s="440" t="s">
        <v>1054</v>
      </c>
      <c r="D257" s="480" t="s">
        <v>1055</v>
      </c>
      <c r="E257" s="449" t="s">
        <v>643</v>
      </c>
      <c r="F257" s="449" t="s">
        <v>600</v>
      </c>
      <c r="G257" s="449" t="s">
        <v>1056</v>
      </c>
      <c r="H257" s="451"/>
      <c r="I257" s="481"/>
      <c r="J257" s="144"/>
      <c r="K257" s="480"/>
      <c r="L257" s="468">
        <v>38362</v>
      </c>
      <c r="M257" s="469">
        <v>40575</v>
      </c>
      <c r="N257" s="418" t="str">
        <f t="shared" si="6"/>
        <v/>
      </c>
    </row>
    <row r="258" spans="1:14" ht="15.75">
      <c r="A258" s="410"/>
      <c r="B258" s="411">
        <f t="shared" si="7"/>
        <v>19</v>
      </c>
      <c r="C258" s="456" t="s">
        <v>1057</v>
      </c>
      <c r="D258" s="526" t="s">
        <v>1058</v>
      </c>
      <c r="E258" s="458" t="s">
        <v>595</v>
      </c>
      <c r="F258" s="458" t="s">
        <v>596</v>
      </c>
      <c r="G258" s="532"/>
      <c r="H258" s="460"/>
      <c r="I258" s="527"/>
      <c r="J258" s="528"/>
      <c r="K258" s="526"/>
      <c r="L258" s="423">
        <v>38362</v>
      </c>
      <c r="M258" s="423">
        <v>39083</v>
      </c>
      <c r="N258" s="418" t="str">
        <f t="shared" si="6"/>
        <v/>
      </c>
    </row>
    <row r="259" spans="1:14" ht="110.25">
      <c r="A259" s="410">
        <v>20</v>
      </c>
      <c r="B259" s="411">
        <f t="shared" si="7"/>
        <v>20</v>
      </c>
      <c r="C259" s="471" t="s">
        <v>1059</v>
      </c>
      <c r="D259" s="414"/>
      <c r="E259" s="414" t="s">
        <v>707</v>
      </c>
      <c r="F259" s="414" t="s">
        <v>600</v>
      </c>
      <c r="G259" s="414" t="s">
        <v>1060</v>
      </c>
      <c r="H259" s="415"/>
      <c r="I259" s="415"/>
      <c r="J259" s="414" t="s">
        <v>1061</v>
      </c>
      <c r="K259" s="414"/>
      <c r="L259" s="417">
        <v>42036</v>
      </c>
      <c r="M259" s="417">
        <v>42401</v>
      </c>
      <c r="N259" s="418" t="str">
        <f t="shared" si="6"/>
        <v/>
      </c>
    </row>
    <row r="260" spans="1:14" ht="15.75">
      <c r="A260" s="410"/>
      <c r="B260" s="411">
        <f t="shared" si="7"/>
        <v>20</v>
      </c>
      <c r="C260" s="498" t="s">
        <v>1062</v>
      </c>
      <c r="D260" s="442" t="s">
        <v>1063</v>
      </c>
      <c r="E260" s="442" t="s">
        <v>707</v>
      </c>
      <c r="F260" s="442" t="s">
        <v>600</v>
      </c>
      <c r="G260" s="442" t="s">
        <v>1064</v>
      </c>
      <c r="H260" s="444"/>
      <c r="I260" s="444"/>
      <c r="J260" s="442"/>
      <c r="K260" s="445"/>
      <c r="L260" s="534">
        <v>42036</v>
      </c>
      <c r="M260" s="469">
        <v>42231</v>
      </c>
      <c r="N260" s="418" t="str">
        <f t="shared" si="6"/>
        <v/>
      </c>
    </row>
    <row r="261" spans="1:14" ht="15.75">
      <c r="A261" s="410"/>
      <c r="B261" s="411">
        <f t="shared" si="7"/>
        <v>20</v>
      </c>
      <c r="C261" s="498" t="s">
        <v>1065</v>
      </c>
      <c r="D261" s="449" t="s">
        <v>1066</v>
      </c>
      <c r="E261" s="449" t="s">
        <v>707</v>
      </c>
      <c r="F261" s="449" t="s">
        <v>600</v>
      </c>
      <c r="G261" s="449" t="s">
        <v>1064</v>
      </c>
      <c r="H261" s="451"/>
      <c r="I261" s="451"/>
      <c r="J261" s="449"/>
      <c r="K261" s="452"/>
      <c r="L261" s="534">
        <v>42036</v>
      </c>
      <c r="M261" s="469">
        <v>42231</v>
      </c>
      <c r="N261" s="418" t="str">
        <f t="shared" si="6"/>
        <v/>
      </c>
    </row>
    <row r="262" spans="1:14" ht="15.75">
      <c r="A262" s="410"/>
      <c r="B262" s="411">
        <f t="shared" si="7"/>
        <v>20</v>
      </c>
      <c r="C262" s="498" t="s">
        <v>1067</v>
      </c>
      <c r="D262" s="449" t="s">
        <v>1068</v>
      </c>
      <c r="E262" s="449" t="s">
        <v>707</v>
      </c>
      <c r="F262" s="449" t="s">
        <v>600</v>
      </c>
      <c r="G262" s="449" t="s">
        <v>1064</v>
      </c>
      <c r="H262" s="451"/>
      <c r="I262" s="451"/>
      <c r="J262" s="449"/>
      <c r="K262" s="452"/>
      <c r="L262" s="534">
        <v>42036</v>
      </c>
      <c r="M262" s="469">
        <v>42231</v>
      </c>
      <c r="N262" s="418" t="str">
        <f t="shared" si="6"/>
        <v/>
      </c>
    </row>
    <row r="263" spans="1:14" ht="15.75">
      <c r="A263" s="410"/>
      <c r="B263" s="411">
        <f t="shared" si="7"/>
        <v>20</v>
      </c>
      <c r="C263" s="498" t="s">
        <v>1069</v>
      </c>
      <c r="D263" s="449" t="s">
        <v>1070</v>
      </c>
      <c r="E263" s="449" t="s">
        <v>707</v>
      </c>
      <c r="F263" s="449" t="s">
        <v>600</v>
      </c>
      <c r="G263" s="449" t="s">
        <v>1064</v>
      </c>
      <c r="H263" s="451"/>
      <c r="I263" s="451"/>
      <c r="J263" s="449"/>
      <c r="K263" s="452"/>
      <c r="L263" s="534">
        <v>42036</v>
      </c>
      <c r="M263" s="469">
        <v>42231</v>
      </c>
      <c r="N263" s="418" t="str">
        <f t="shared" si="6"/>
        <v/>
      </c>
    </row>
    <row r="264" spans="1:14" ht="15.75">
      <c r="A264" s="410"/>
      <c r="B264" s="411">
        <f t="shared" si="7"/>
        <v>20</v>
      </c>
      <c r="C264" s="498" t="s">
        <v>1071</v>
      </c>
      <c r="D264" s="449" t="s">
        <v>1072</v>
      </c>
      <c r="E264" s="449" t="s">
        <v>707</v>
      </c>
      <c r="F264" s="449" t="s">
        <v>600</v>
      </c>
      <c r="G264" s="449" t="s">
        <v>1064</v>
      </c>
      <c r="H264" s="451"/>
      <c r="I264" s="451"/>
      <c r="J264" s="449"/>
      <c r="K264" s="452"/>
      <c r="L264" s="534">
        <v>42036</v>
      </c>
      <c r="M264" s="469">
        <v>42231</v>
      </c>
      <c r="N264" s="418" t="str">
        <f t="shared" si="6"/>
        <v/>
      </c>
    </row>
    <row r="265" spans="1:14" ht="15.75">
      <c r="A265" s="410"/>
      <c r="B265" s="411">
        <f t="shared" si="7"/>
        <v>20</v>
      </c>
      <c r="C265" s="498" t="s">
        <v>1073</v>
      </c>
      <c r="D265" s="449" t="s">
        <v>1074</v>
      </c>
      <c r="E265" s="449" t="s">
        <v>707</v>
      </c>
      <c r="F265" s="449" t="s">
        <v>600</v>
      </c>
      <c r="G265" s="449" t="s">
        <v>1064</v>
      </c>
      <c r="H265" s="451"/>
      <c r="I265" s="451"/>
      <c r="J265" s="449"/>
      <c r="K265" s="452"/>
      <c r="L265" s="534">
        <v>42036</v>
      </c>
      <c r="M265" s="469">
        <v>42231</v>
      </c>
      <c r="N265" s="418" t="str">
        <f t="shared" si="6"/>
        <v/>
      </c>
    </row>
    <row r="266" spans="1:14" ht="15.75">
      <c r="A266" s="410"/>
      <c r="B266" s="411">
        <f t="shared" si="7"/>
        <v>20</v>
      </c>
      <c r="C266" s="498" t="s">
        <v>1075</v>
      </c>
      <c r="D266" s="449" t="s">
        <v>1076</v>
      </c>
      <c r="E266" s="449" t="s">
        <v>707</v>
      </c>
      <c r="F266" s="449" t="s">
        <v>600</v>
      </c>
      <c r="G266" s="449" t="s">
        <v>1064</v>
      </c>
      <c r="H266" s="451"/>
      <c r="I266" s="451"/>
      <c r="J266" s="449"/>
      <c r="K266" s="452"/>
      <c r="L266" s="534">
        <v>42036</v>
      </c>
      <c r="M266" s="469">
        <v>42231</v>
      </c>
      <c r="N266" s="418" t="str">
        <f t="shared" si="6"/>
        <v/>
      </c>
    </row>
    <row r="267" spans="1:14" ht="15.75">
      <c r="A267" s="410"/>
      <c r="B267" s="411">
        <f t="shared" si="7"/>
        <v>20</v>
      </c>
      <c r="C267" s="498" t="s">
        <v>1077</v>
      </c>
      <c r="D267" s="449" t="s">
        <v>1078</v>
      </c>
      <c r="E267" s="449" t="s">
        <v>707</v>
      </c>
      <c r="F267" s="449" t="s">
        <v>600</v>
      </c>
      <c r="G267" s="449" t="s">
        <v>1064</v>
      </c>
      <c r="H267" s="451"/>
      <c r="I267" s="451"/>
      <c r="J267" s="449"/>
      <c r="K267" s="452"/>
      <c r="L267" s="534">
        <v>42036</v>
      </c>
      <c r="M267" s="469">
        <v>42231</v>
      </c>
      <c r="N267" s="418" t="str">
        <f t="shared" si="6"/>
        <v/>
      </c>
    </row>
    <row r="268" spans="1:14" ht="15.75">
      <c r="A268" s="410"/>
      <c r="B268" s="411">
        <f t="shared" si="7"/>
        <v>20</v>
      </c>
      <c r="C268" s="498" t="s">
        <v>1079</v>
      </c>
      <c r="D268" s="449" t="s">
        <v>1080</v>
      </c>
      <c r="E268" s="449" t="s">
        <v>707</v>
      </c>
      <c r="F268" s="449" t="s">
        <v>600</v>
      </c>
      <c r="G268" s="449" t="s">
        <v>1064</v>
      </c>
      <c r="H268" s="451"/>
      <c r="I268" s="451"/>
      <c r="J268" s="449"/>
      <c r="K268" s="452"/>
      <c r="L268" s="534">
        <v>42036</v>
      </c>
      <c r="M268" s="469">
        <v>42231</v>
      </c>
      <c r="N268" s="418" t="str">
        <f t="shared" si="6"/>
        <v/>
      </c>
    </row>
    <row r="269" spans="1:14" ht="15.75">
      <c r="A269" s="410"/>
      <c r="B269" s="411">
        <f t="shared" si="7"/>
        <v>20</v>
      </c>
      <c r="C269" s="498" t="s">
        <v>1081</v>
      </c>
      <c r="D269" s="449" t="s">
        <v>1082</v>
      </c>
      <c r="E269" s="449" t="s">
        <v>707</v>
      </c>
      <c r="F269" s="449" t="s">
        <v>600</v>
      </c>
      <c r="G269" s="449" t="s">
        <v>1064</v>
      </c>
      <c r="H269" s="451"/>
      <c r="I269" s="451"/>
      <c r="J269" s="449"/>
      <c r="K269" s="452"/>
      <c r="L269" s="534">
        <v>42036</v>
      </c>
      <c r="M269" s="469">
        <v>42231</v>
      </c>
      <c r="N269" s="418" t="str">
        <f t="shared" si="6"/>
        <v/>
      </c>
    </row>
    <row r="270" spans="1:14" ht="15.75">
      <c r="A270" s="410"/>
      <c r="B270" s="411">
        <f t="shared" si="7"/>
        <v>20</v>
      </c>
      <c r="C270" s="498" t="s">
        <v>1083</v>
      </c>
      <c r="D270" s="449" t="s">
        <v>1084</v>
      </c>
      <c r="E270" s="449" t="s">
        <v>707</v>
      </c>
      <c r="F270" s="449" t="s">
        <v>600</v>
      </c>
      <c r="G270" s="449" t="s">
        <v>1064</v>
      </c>
      <c r="H270" s="451"/>
      <c r="I270" s="451"/>
      <c r="J270" s="449"/>
      <c r="K270" s="452"/>
      <c r="L270" s="534">
        <v>42036</v>
      </c>
      <c r="M270" s="469">
        <v>42231</v>
      </c>
      <c r="N270" s="418" t="str">
        <f t="shared" si="6"/>
        <v/>
      </c>
    </row>
    <row r="271" spans="1:14" ht="15.75">
      <c r="A271" s="410"/>
      <c r="B271" s="411">
        <f t="shared" si="7"/>
        <v>20</v>
      </c>
      <c r="C271" s="498" t="s">
        <v>1085</v>
      </c>
      <c r="D271" s="449" t="s">
        <v>1086</v>
      </c>
      <c r="E271" s="449" t="s">
        <v>643</v>
      </c>
      <c r="F271" s="449" t="s">
        <v>600</v>
      </c>
      <c r="G271" s="449" t="s">
        <v>1064</v>
      </c>
      <c r="H271" s="451"/>
      <c r="I271" s="451"/>
      <c r="J271" s="449"/>
      <c r="K271" s="452"/>
      <c r="L271" s="534">
        <v>42036</v>
      </c>
      <c r="M271" s="469">
        <v>42401</v>
      </c>
      <c r="N271" s="418" t="str">
        <f t="shared" si="6"/>
        <v>DUPLICATE</v>
      </c>
    </row>
    <row r="272" spans="1:14" ht="15.75">
      <c r="A272" s="410"/>
      <c r="B272" s="411">
        <f t="shared" si="7"/>
        <v>20</v>
      </c>
      <c r="C272" s="498" t="s">
        <v>1087</v>
      </c>
      <c r="D272" s="449" t="s">
        <v>1088</v>
      </c>
      <c r="E272" s="449" t="s">
        <v>707</v>
      </c>
      <c r="F272" s="449" t="s">
        <v>600</v>
      </c>
      <c r="G272" s="449" t="s">
        <v>1064</v>
      </c>
      <c r="H272" s="451"/>
      <c r="I272" s="451"/>
      <c r="J272" s="449"/>
      <c r="K272" s="452"/>
      <c r="L272" s="534">
        <v>42036</v>
      </c>
      <c r="M272" s="469">
        <v>42231</v>
      </c>
      <c r="N272" s="418" t="str">
        <f t="shared" si="6"/>
        <v/>
      </c>
    </row>
    <row r="273" spans="1:14" ht="15.75">
      <c r="A273" s="410"/>
      <c r="B273" s="411">
        <f t="shared" si="7"/>
        <v>20</v>
      </c>
      <c r="C273" s="498" t="s">
        <v>1089</v>
      </c>
      <c r="D273" s="449" t="s">
        <v>1090</v>
      </c>
      <c r="E273" s="449" t="s">
        <v>707</v>
      </c>
      <c r="F273" s="449" t="s">
        <v>600</v>
      </c>
      <c r="G273" s="449" t="s">
        <v>1064</v>
      </c>
      <c r="H273" s="451"/>
      <c r="I273" s="451"/>
      <c r="J273" s="449"/>
      <c r="K273" s="452"/>
      <c r="L273" s="534">
        <v>42036</v>
      </c>
      <c r="M273" s="469">
        <v>42231</v>
      </c>
      <c r="N273" s="418" t="str">
        <f t="shared" si="6"/>
        <v/>
      </c>
    </row>
    <row r="274" spans="1:14" ht="15.75">
      <c r="A274" s="410"/>
      <c r="B274" s="411">
        <f t="shared" si="7"/>
        <v>20</v>
      </c>
      <c r="C274" s="498" t="s">
        <v>1091</v>
      </c>
      <c r="D274" s="449" t="s">
        <v>1092</v>
      </c>
      <c r="E274" s="449" t="s">
        <v>707</v>
      </c>
      <c r="F274" s="449" t="s">
        <v>600</v>
      </c>
      <c r="G274" s="449" t="s">
        <v>1064</v>
      </c>
      <c r="H274" s="451"/>
      <c r="I274" s="451"/>
      <c r="J274" s="449"/>
      <c r="K274" s="452"/>
      <c r="L274" s="534">
        <v>42036</v>
      </c>
      <c r="M274" s="469">
        <v>42231</v>
      </c>
      <c r="N274" s="418" t="str">
        <f t="shared" si="6"/>
        <v/>
      </c>
    </row>
    <row r="275" spans="1:14" ht="15.75">
      <c r="A275" s="410"/>
      <c r="B275" s="411">
        <f t="shared" si="7"/>
        <v>20</v>
      </c>
      <c r="C275" s="498" t="s">
        <v>1093</v>
      </c>
      <c r="D275" s="449" t="s">
        <v>1094</v>
      </c>
      <c r="E275" s="449" t="s">
        <v>707</v>
      </c>
      <c r="F275" s="449" t="s">
        <v>600</v>
      </c>
      <c r="G275" s="449" t="s">
        <v>1064</v>
      </c>
      <c r="H275" s="451"/>
      <c r="I275" s="451"/>
      <c r="J275" s="449"/>
      <c r="K275" s="452"/>
      <c r="L275" s="534">
        <v>42036</v>
      </c>
      <c r="M275" s="469">
        <v>42231</v>
      </c>
      <c r="N275" s="418" t="str">
        <f t="shared" si="6"/>
        <v/>
      </c>
    </row>
    <row r="276" spans="1:14" ht="15.75">
      <c r="A276" s="410"/>
      <c r="B276" s="411">
        <f t="shared" si="7"/>
        <v>20</v>
      </c>
      <c r="C276" s="498" t="s">
        <v>1095</v>
      </c>
      <c r="D276" s="449" t="s">
        <v>1096</v>
      </c>
      <c r="E276" s="449" t="s">
        <v>707</v>
      </c>
      <c r="F276" s="449" t="s">
        <v>600</v>
      </c>
      <c r="G276" s="449" t="s">
        <v>1064</v>
      </c>
      <c r="H276" s="451"/>
      <c r="I276" s="451"/>
      <c r="J276" s="449"/>
      <c r="K276" s="452"/>
      <c r="L276" s="534">
        <v>42036</v>
      </c>
      <c r="M276" s="469">
        <v>42231</v>
      </c>
      <c r="N276" s="418" t="str">
        <f t="shared" si="6"/>
        <v/>
      </c>
    </row>
    <row r="277" spans="1:14" ht="15.75">
      <c r="A277" s="410"/>
      <c r="B277" s="411">
        <f t="shared" si="7"/>
        <v>20</v>
      </c>
      <c r="C277" s="498" t="s">
        <v>1097</v>
      </c>
      <c r="D277" s="449" t="s">
        <v>1098</v>
      </c>
      <c r="E277" s="449" t="s">
        <v>707</v>
      </c>
      <c r="F277" s="449" t="s">
        <v>600</v>
      </c>
      <c r="G277" s="449" t="s">
        <v>1064</v>
      </c>
      <c r="H277" s="451"/>
      <c r="I277" s="451"/>
      <c r="J277" s="449"/>
      <c r="K277" s="452"/>
      <c r="L277" s="534">
        <v>42036</v>
      </c>
      <c r="M277" s="469">
        <v>42231</v>
      </c>
      <c r="N277" s="418" t="str">
        <f t="shared" si="6"/>
        <v/>
      </c>
    </row>
    <row r="278" spans="1:14" ht="15.75">
      <c r="A278" s="410"/>
      <c r="B278" s="411">
        <f t="shared" si="7"/>
        <v>20</v>
      </c>
      <c r="C278" s="498" t="s">
        <v>1099</v>
      </c>
      <c r="D278" s="449" t="s">
        <v>1100</v>
      </c>
      <c r="E278" s="449" t="s">
        <v>707</v>
      </c>
      <c r="F278" s="449" t="s">
        <v>600</v>
      </c>
      <c r="G278" s="449" t="s">
        <v>1064</v>
      </c>
      <c r="H278" s="451"/>
      <c r="I278" s="451"/>
      <c r="J278" s="449"/>
      <c r="K278" s="452"/>
      <c r="L278" s="534">
        <v>42036</v>
      </c>
      <c r="M278" s="469">
        <v>42231</v>
      </c>
      <c r="N278" s="418" t="str">
        <f t="shared" si="6"/>
        <v/>
      </c>
    </row>
    <row r="279" spans="1:14" ht="15.75">
      <c r="A279" s="410"/>
      <c r="B279" s="411">
        <f t="shared" si="7"/>
        <v>20</v>
      </c>
      <c r="C279" s="498" t="s">
        <v>1101</v>
      </c>
      <c r="D279" s="449" t="s">
        <v>1102</v>
      </c>
      <c r="E279" s="449" t="s">
        <v>707</v>
      </c>
      <c r="F279" s="449" t="s">
        <v>600</v>
      </c>
      <c r="G279" s="449" t="s">
        <v>1064</v>
      </c>
      <c r="H279" s="451"/>
      <c r="I279" s="451"/>
      <c r="J279" s="449"/>
      <c r="K279" s="452"/>
      <c r="L279" s="534">
        <v>42036</v>
      </c>
      <c r="M279" s="469">
        <v>42231</v>
      </c>
      <c r="N279" s="418" t="str">
        <f t="shared" si="6"/>
        <v/>
      </c>
    </row>
    <row r="280" spans="1:14" ht="15.75">
      <c r="A280" s="410"/>
      <c r="B280" s="411">
        <f t="shared" si="7"/>
        <v>20</v>
      </c>
      <c r="C280" s="498" t="s">
        <v>1103</v>
      </c>
      <c r="D280" s="449" t="s">
        <v>1104</v>
      </c>
      <c r="E280" s="449" t="s">
        <v>707</v>
      </c>
      <c r="F280" s="449" t="s">
        <v>600</v>
      </c>
      <c r="G280" s="449" t="s">
        <v>1064</v>
      </c>
      <c r="H280" s="451"/>
      <c r="I280" s="451"/>
      <c r="J280" s="449"/>
      <c r="K280" s="452"/>
      <c r="L280" s="534">
        <v>42036</v>
      </c>
      <c r="M280" s="469">
        <v>42231</v>
      </c>
      <c r="N280" s="418" t="str">
        <f t="shared" si="6"/>
        <v/>
      </c>
    </row>
    <row r="281" spans="1:14" ht="15.75">
      <c r="A281" s="410"/>
      <c r="B281" s="411">
        <f t="shared" si="7"/>
        <v>20</v>
      </c>
      <c r="C281" s="498" t="s">
        <v>1105</v>
      </c>
      <c r="D281" s="449" t="s">
        <v>1106</v>
      </c>
      <c r="E281" s="449" t="s">
        <v>707</v>
      </c>
      <c r="F281" s="449" t="s">
        <v>600</v>
      </c>
      <c r="G281" s="449" t="s">
        <v>1064</v>
      </c>
      <c r="H281" s="451"/>
      <c r="I281" s="451"/>
      <c r="J281" s="449"/>
      <c r="K281" s="452"/>
      <c r="L281" s="534">
        <v>42036</v>
      </c>
      <c r="M281" s="469">
        <v>42231</v>
      </c>
      <c r="N281" s="418" t="str">
        <f t="shared" ref="N281:N344" si="8">IF(D281="NA","",IF(COUNTIF($D$2:$D$5552,D281)&gt;1,"DUPLICATE",""))</f>
        <v/>
      </c>
    </row>
    <row r="282" spans="1:14" ht="15.75">
      <c r="A282" s="410"/>
      <c r="B282" s="411">
        <f t="shared" ref="B282:B345" si="9">IF(A282&gt;0,A282,B281)</f>
        <v>20</v>
      </c>
      <c r="C282" s="498" t="s">
        <v>1107</v>
      </c>
      <c r="D282" s="449" t="s">
        <v>1108</v>
      </c>
      <c r="E282" s="449" t="s">
        <v>707</v>
      </c>
      <c r="F282" s="449" t="s">
        <v>600</v>
      </c>
      <c r="G282" s="449" t="s">
        <v>1064</v>
      </c>
      <c r="H282" s="451"/>
      <c r="I282" s="451"/>
      <c r="J282" s="449"/>
      <c r="K282" s="452"/>
      <c r="L282" s="534">
        <v>42036</v>
      </c>
      <c r="M282" s="469">
        <v>42231</v>
      </c>
      <c r="N282" s="418" t="str">
        <f t="shared" si="8"/>
        <v/>
      </c>
    </row>
    <row r="283" spans="1:14" ht="15.75">
      <c r="A283" s="410"/>
      <c r="B283" s="411">
        <f t="shared" si="9"/>
        <v>20</v>
      </c>
      <c r="C283" s="498" t="s">
        <v>1109</v>
      </c>
      <c r="D283" s="449" t="s">
        <v>1110</v>
      </c>
      <c r="E283" s="449" t="s">
        <v>707</v>
      </c>
      <c r="F283" s="449" t="s">
        <v>600</v>
      </c>
      <c r="G283" s="449" t="s">
        <v>1064</v>
      </c>
      <c r="H283" s="451"/>
      <c r="I283" s="451"/>
      <c r="J283" s="449"/>
      <c r="K283" s="452"/>
      <c r="L283" s="534">
        <v>42036</v>
      </c>
      <c r="M283" s="469">
        <v>42231</v>
      </c>
      <c r="N283" s="418" t="str">
        <f t="shared" si="8"/>
        <v/>
      </c>
    </row>
    <row r="284" spans="1:14" ht="15.75">
      <c r="A284" s="410"/>
      <c r="B284" s="411">
        <f t="shared" si="9"/>
        <v>20</v>
      </c>
      <c r="C284" s="498" t="s">
        <v>1111</v>
      </c>
      <c r="D284" s="449" t="s">
        <v>1112</v>
      </c>
      <c r="E284" s="449" t="s">
        <v>707</v>
      </c>
      <c r="F284" s="449" t="s">
        <v>600</v>
      </c>
      <c r="G284" s="449" t="s">
        <v>1064</v>
      </c>
      <c r="H284" s="451"/>
      <c r="I284" s="451"/>
      <c r="J284" s="449"/>
      <c r="K284" s="452"/>
      <c r="L284" s="534">
        <v>42036</v>
      </c>
      <c r="M284" s="469">
        <v>42231</v>
      </c>
      <c r="N284" s="418" t="str">
        <f t="shared" si="8"/>
        <v/>
      </c>
    </row>
    <row r="285" spans="1:14" ht="15.75">
      <c r="A285" s="410"/>
      <c r="B285" s="411">
        <f t="shared" si="9"/>
        <v>20</v>
      </c>
      <c r="C285" s="498" t="s">
        <v>1113</v>
      </c>
      <c r="D285" s="449" t="s">
        <v>1114</v>
      </c>
      <c r="E285" s="449" t="s">
        <v>707</v>
      </c>
      <c r="F285" s="449" t="s">
        <v>600</v>
      </c>
      <c r="G285" s="449" t="s">
        <v>1064</v>
      </c>
      <c r="H285" s="451"/>
      <c r="I285" s="451"/>
      <c r="J285" s="449"/>
      <c r="K285" s="452"/>
      <c r="L285" s="534">
        <v>42036</v>
      </c>
      <c r="M285" s="469">
        <v>42231</v>
      </c>
      <c r="N285" s="418" t="str">
        <f t="shared" si="8"/>
        <v/>
      </c>
    </row>
    <row r="286" spans="1:14" ht="15.75">
      <c r="A286" s="410"/>
      <c r="B286" s="411">
        <f t="shared" si="9"/>
        <v>20</v>
      </c>
      <c r="C286" s="498" t="s">
        <v>1115</v>
      </c>
      <c r="D286" s="449" t="s">
        <v>1116</v>
      </c>
      <c r="E286" s="449" t="s">
        <v>707</v>
      </c>
      <c r="F286" s="449" t="s">
        <v>600</v>
      </c>
      <c r="G286" s="449" t="s">
        <v>1064</v>
      </c>
      <c r="H286" s="451"/>
      <c r="I286" s="451"/>
      <c r="J286" s="449"/>
      <c r="K286" s="452"/>
      <c r="L286" s="534">
        <v>42036</v>
      </c>
      <c r="M286" s="469">
        <v>42231</v>
      </c>
      <c r="N286" s="418" t="str">
        <f t="shared" si="8"/>
        <v/>
      </c>
    </row>
    <row r="287" spans="1:14" ht="15.75">
      <c r="A287" s="410"/>
      <c r="B287" s="411">
        <f t="shared" si="9"/>
        <v>20</v>
      </c>
      <c r="C287" s="498" t="s">
        <v>1117</v>
      </c>
      <c r="D287" s="449" t="s">
        <v>1118</v>
      </c>
      <c r="E287" s="449" t="s">
        <v>707</v>
      </c>
      <c r="F287" s="449" t="s">
        <v>600</v>
      </c>
      <c r="G287" s="449" t="s">
        <v>1064</v>
      </c>
      <c r="H287" s="451"/>
      <c r="I287" s="451"/>
      <c r="J287" s="449"/>
      <c r="K287" s="452"/>
      <c r="L287" s="534">
        <v>42036</v>
      </c>
      <c r="M287" s="469">
        <v>42231</v>
      </c>
      <c r="N287" s="418" t="str">
        <f t="shared" si="8"/>
        <v/>
      </c>
    </row>
    <row r="288" spans="1:14" ht="15.75">
      <c r="A288" s="410"/>
      <c r="B288" s="411">
        <f t="shared" si="9"/>
        <v>20</v>
      </c>
      <c r="C288" s="498" t="s">
        <v>1119</v>
      </c>
      <c r="D288" s="449" t="s">
        <v>1120</v>
      </c>
      <c r="E288" s="449" t="s">
        <v>707</v>
      </c>
      <c r="F288" s="449" t="s">
        <v>600</v>
      </c>
      <c r="G288" s="449" t="s">
        <v>1064</v>
      </c>
      <c r="H288" s="451"/>
      <c r="I288" s="451"/>
      <c r="J288" s="449"/>
      <c r="K288" s="452"/>
      <c r="L288" s="534">
        <v>42036</v>
      </c>
      <c r="M288" s="469">
        <v>42231</v>
      </c>
      <c r="N288" s="418" t="str">
        <f t="shared" si="8"/>
        <v/>
      </c>
    </row>
    <row r="289" spans="1:14" ht="15.75">
      <c r="A289" s="410"/>
      <c r="B289" s="411">
        <f t="shared" si="9"/>
        <v>20</v>
      </c>
      <c r="C289" s="498" t="s">
        <v>1121</v>
      </c>
      <c r="D289" s="449" t="s">
        <v>1122</v>
      </c>
      <c r="E289" s="449" t="s">
        <v>707</v>
      </c>
      <c r="F289" s="449" t="s">
        <v>600</v>
      </c>
      <c r="G289" s="449" t="s">
        <v>1064</v>
      </c>
      <c r="H289" s="451"/>
      <c r="I289" s="451"/>
      <c r="J289" s="449"/>
      <c r="K289" s="452"/>
      <c r="L289" s="534">
        <v>42036</v>
      </c>
      <c r="M289" s="469">
        <v>42231</v>
      </c>
      <c r="N289" s="418" t="str">
        <f t="shared" si="8"/>
        <v/>
      </c>
    </row>
    <row r="290" spans="1:14" ht="15.75">
      <c r="A290" s="410"/>
      <c r="B290" s="411">
        <f t="shared" si="9"/>
        <v>20</v>
      </c>
      <c r="C290" s="498" t="s">
        <v>1123</v>
      </c>
      <c r="D290" s="449" t="s">
        <v>1124</v>
      </c>
      <c r="E290" s="449" t="s">
        <v>643</v>
      </c>
      <c r="F290" s="449" t="s">
        <v>600</v>
      </c>
      <c r="G290" s="449" t="s">
        <v>1064</v>
      </c>
      <c r="H290" s="451"/>
      <c r="I290" s="451"/>
      <c r="J290" s="449"/>
      <c r="K290" s="452"/>
      <c r="L290" s="534">
        <v>42036</v>
      </c>
      <c r="M290" s="469">
        <v>42401</v>
      </c>
      <c r="N290" s="418" t="str">
        <f t="shared" si="8"/>
        <v>DUPLICATE</v>
      </c>
    </row>
    <row r="291" spans="1:14" ht="15.75">
      <c r="A291" s="410"/>
      <c r="B291" s="411">
        <f t="shared" si="9"/>
        <v>20</v>
      </c>
      <c r="C291" s="498" t="s">
        <v>1125</v>
      </c>
      <c r="D291" s="449" t="s">
        <v>1126</v>
      </c>
      <c r="E291" s="449" t="s">
        <v>707</v>
      </c>
      <c r="F291" s="449" t="s">
        <v>600</v>
      </c>
      <c r="G291" s="449" t="s">
        <v>1064</v>
      </c>
      <c r="H291" s="451"/>
      <c r="I291" s="451"/>
      <c r="J291" s="449"/>
      <c r="K291" s="452"/>
      <c r="L291" s="534">
        <v>42036</v>
      </c>
      <c r="M291" s="469">
        <v>42231</v>
      </c>
      <c r="N291" s="418" t="str">
        <f t="shared" si="8"/>
        <v/>
      </c>
    </row>
    <row r="292" spans="1:14" ht="15.75">
      <c r="A292" s="410"/>
      <c r="B292" s="411">
        <f t="shared" si="9"/>
        <v>20</v>
      </c>
      <c r="C292" s="498" t="s">
        <v>1127</v>
      </c>
      <c r="D292" s="449" t="s">
        <v>144</v>
      </c>
      <c r="E292" s="449" t="s">
        <v>643</v>
      </c>
      <c r="F292" s="449" t="s">
        <v>600</v>
      </c>
      <c r="G292" s="449" t="s">
        <v>1064</v>
      </c>
      <c r="H292" s="451"/>
      <c r="I292" s="451"/>
      <c r="J292" s="449"/>
      <c r="K292" s="452"/>
      <c r="L292" s="534">
        <v>42036</v>
      </c>
      <c r="M292" s="469">
        <v>42401</v>
      </c>
      <c r="N292" s="418" t="str">
        <f t="shared" si="8"/>
        <v>DUPLICATE</v>
      </c>
    </row>
    <row r="293" spans="1:14" ht="15.75">
      <c r="A293" s="410"/>
      <c r="B293" s="411">
        <f t="shared" si="9"/>
        <v>20</v>
      </c>
      <c r="C293" s="498" t="s">
        <v>1128</v>
      </c>
      <c r="D293" s="449" t="s">
        <v>1129</v>
      </c>
      <c r="E293" s="449" t="s">
        <v>707</v>
      </c>
      <c r="F293" s="449" t="s">
        <v>600</v>
      </c>
      <c r="G293" s="449" t="s">
        <v>1064</v>
      </c>
      <c r="H293" s="451"/>
      <c r="I293" s="451"/>
      <c r="J293" s="449"/>
      <c r="K293" s="452"/>
      <c r="L293" s="534">
        <v>42036</v>
      </c>
      <c r="M293" s="469">
        <v>42231</v>
      </c>
      <c r="N293" s="418" t="str">
        <f t="shared" si="8"/>
        <v/>
      </c>
    </row>
    <row r="294" spans="1:14" ht="15.75">
      <c r="A294" s="410"/>
      <c r="B294" s="411">
        <f t="shared" si="9"/>
        <v>20</v>
      </c>
      <c r="C294" s="498" t="s">
        <v>1130</v>
      </c>
      <c r="D294" s="449" t="s">
        <v>1131</v>
      </c>
      <c r="E294" s="449" t="s">
        <v>707</v>
      </c>
      <c r="F294" s="449" t="s">
        <v>600</v>
      </c>
      <c r="G294" s="449" t="s">
        <v>1064</v>
      </c>
      <c r="H294" s="451"/>
      <c r="I294" s="451"/>
      <c r="J294" s="449"/>
      <c r="K294" s="452"/>
      <c r="L294" s="534">
        <v>42036</v>
      </c>
      <c r="M294" s="469">
        <v>42231</v>
      </c>
      <c r="N294" s="418" t="str">
        <f t="shared" si="8"/>
        <v/>
      </c>
    </row>
    <row r="295" spans="1:14" ht="15.75">
      <c r="A295" s="410"/>
      <c r="B295" s="411">
        <f t="shared" si="9"/>
        <v>20</v>
      </c>
      <c r="C295" s="498" t="s">
        <v>1132</v>
      </c>
      <c r="D295" s="449" t="s">
        <v>1133</v>
      </c>
      <c r="E295" s="449" t="s">
        <v>643</v>
      </c>
      <c r="F295" s="449" t="s">
        <v>600</v>
      </c>
      <c r="G295" s="449" t="s">
        <v>1064</v>
      </c>
      <c r="H295" s="451"/>
      <c r="I295" s="451"/>
      <c r="J295" s="449"/>
      <c r="K295" s="452"/>
      <c r="L295" s="534">
        <v>42036</v>
      </c>
      <c r="M295" s="469">
        <v>42401</v>
      </c>
      <c r="N295" s="418" t="str">
        <f t="shared" si="8"/>
        <v>DUPLICATE</v>
      </c>
    </row>
    <row r="296" spans="1:14" ht="15.75">
      <c r="A296" s="410"/>
      <c r="B296" s="411">
        <f t="shared" si="9"/>
        <v>20</v>
      </c>
      <c r="C296" s="498" t="s">
        <v>1134</v>
      </c>
      <c r="D296" s="449" t="s">
        <v>1135</v>
      </c>
      <c r="E296" s="449" t="s">
        <v>707</v>
      </c>
      <c r="F296" s="449" t="s">
        <v>600</v>
      </c>
      <c r="G296" s="449" t="s">
        <v>1064</v>
      </c>
      <c r="H296" s="451"/>
      <c r="I296" s="451"/>
      <c r="J296" s="449"/>
      <c r="K296" s="452"/>
      <c r="L296" s="534">
        <v>42036</v>
      </c>
      <c r="M296" s="469">
        <v>42231</v>
      </c>
      <c r="N296" s="418" t="str">
        <f t="shared" si="8"/>
        <v/>
      </c>
    </row>
    <row r="297" spans="1:14" ht="15.75">
      <c r="A297" s="410"/>
      <c r="B297" s="411">
        <f t="shared" si="9"/>
        <v>20</v>
      </c>
      <c r="C297" s="498" t="s">
        <v>1136</v>
      </c>
      <c r="D297" s="449" t="s">
        <v>1137</v>
      </c>
      <c r="E297" s="449" t="s">
        <v>643</v>
      </c>
      <c r="F297" s="449" t="s">
        <v>600</v>
      </c>
      <c r="G297" s="449" t="s">
        <v>1064</v>
      </c>
      <c r="H297" s="451"/>
      <c r="I297" s="451"/>
      <c r="J297" s="449"/>
      <c r="K297" s="452"/>
      <c r="L297" s="534">
        <v>42036</v>
      </c>
      <c r="M297" s="469">
        <v>42231</v>
      </c>
      <c r="N297" s="418" t="str">
        <f t="shared" si="8"/>
        <v>DUPLICATE</v>
      </c>
    </row>
    <row r="298" spans="1:14" ht="15.75">
      <c r="A298" s="410"/>
      <c r="B298" s="411">
        <f t="shared" si="9"/>
        <v>20</v>
      </c>
      <c r="C298" s="498" t="s">
        <v>1138</v>
      </c>
      <c r="D298" s="449" t="s">
        <v>1139</v>
      </c>
      <c r="E298" s="449" t="s">
        <v>707</v>
      </c>
      <c r="F298" s="449" t="s">
        <v>600</v>
      </c>
      <c r="G298" s="449" t="s">
        <v>1064</v>
      </c>
      <c r="H298" s="451"/>
      <c r="I298" s="451"/>
      <c r="J298" s="449"/>
      <c r="K298" s="452"/>
      <c r="L298" s="534">
        <v>42036</v>
      </c>
      <c r="M298" s="469">
        <v>42231</v>
      </c>
      <c r="N298" s="418" t="str">
        <f t="shared" si="8"/>
        <v/>
      </c>
    </row>
    <row r="299" spans="1:14" ht="15.75">
      <c r="A299" s="410"/>
      <c r="B299" s="411">
        <f t="shared" si="9"/>
        <v>20</v>
      </c>
      <c r="C299" s="498" t="s">
        <v>1140</v>
      </c>
      <c r="D299" s="449" t="s">
        <v>1141</v>
      </c>
      <c r="E299" s="449" t="s">
        <v>707</v>
      </c>
      <c r="F299" s="449" t="s">
        <v>600</v>
      </c>
      <c r="G299" s="449" t="s">
        <v>1064</v>
      </c>
      <c r="H299" s="451"/>
      <c r="I299" s="451"/>
      <c r="J299" s="449"/>
      <c r="K299" s="452"/>
      <c r="L299" s="534">
        <v>42036</v>
      </c>
      <c r="M299" s="469">
        <v>42231</v>
      </c>
      <c r="N299" s="418" t="str">
        <f t="shared" si="8"/>
        <v/>
      </c>
    </row>
    <row r="300" spans="1:14" ht="15.75">
      <c r="A300" s="410"/>
      <c r="B300" s="411">
        <f t="shared" si="9"/>
        <v>20</v>
      </c>
      <c r="C300" s="498" t="s">
        <v>1142</v>
      </c>
      <c r="D300" s="449" t="s">
        <v>1143</v>
      </c>
      <c r="E300" s="449" t="s">
        <v>707</v>
      </c>
      <c r="F300" s="449" t="s">
        <v>600</v>
      </c>
      <c r="G300" s="449" t="s">
        <v>1064</v>
      </c>
      <c r="H300" s="451"/>
      <c r="I300" s="451"/>
      <c r="J300" s="449"/>
      <c r="K300" s="452"/>
      <c r="L300" s="534">
        <v>42036</v>
      </c>
      <c r="M300" s="469">
        <v>42231</v>
      </c>
      <c r="N300" s="418" t="str">
        <f t="shared" si="8"/>
        <v/>
      </c>
    </row>
    <row r="301" spans="1:14" ht="15.75">
      <c r="A301" s="410"/>
      <c r="B301" s="411">
        <f t="shared" si="9"/>
        <v>20</v>
      </c>
      <c r="C301" s="498" t="s">
        <v>1144</v>
      </c>
      <c r="D301" s="449" t="s">
        <v>1145</v>
      </c>
      <c r="E301" s="449" t="s">
        <v>643</v>
      </c>
      <c r="F301" s="449" t="s">
        <v>600</v>
      </c>
      <c r="G301" s="449" t="s">
        <v>1064</v>
      </c>
      <c r="H301" s="451"/>
      <c r="I301" s="451"/>
      <c r="J301" s="449"/>
      <c r="K301" s="452"/>
      <c r="L301" s="534">
        <v>42036</v>
      </c>
      <c r="M301" s="469">
        <v>42401</v>
      </c>
      <c r="N301" s="418" t="str">
        <f t="shared" si="8"/>
        <v>DUPLICATE</v>
      </c>
    </row>
    <row r="302" spans="1:14" ht="15.75">
      <c r="A302" s="410"/>
      <c r="B302" s="411">
        <f t="shared" si="9"/>
        <v>20</v>
      </c>
      <c r="C302" s="498" t="s">
        <v>1146</v>
      </c>
      <c r="D302" s="449" t="s">
        <v>1147</v>
      </c>
      <c r="E302" s="449" t="s">
        <v>707</v>
      </c>
      <c r="F302" s="449" t="s">
        <v>600</v>
      </c>
      <c r="G302" s="449" t="s">
        <v>1064</v>
      </c>
      <c r="H302" s="451"/>
      <c r="I302" s="451"/>
      <c r="J302" s="449"/>
      <c r="K302" s="452"/>
      <c r="L302" s="534">
        <v>42036</v>
      </c>
      <c r="M302" s="469">
        <v>42231</v>
      </c>
      <c r="N302" s="418" t="str">
        <f t="shared" si="8"/>
        <v/>
      </c>
    </row>
    <row r="303" spans="1:14" ht="15.75">
      <c r="A303" s="410"/>
      <c r="B303" s="411">
        <f t="shared" si="9"/>
        <v>20</v>
      </c>
      <c r="C303" s="498" t="s">
        <v>1148</v>
      </c>
      <c r="D303" s="449" t="s">
        <v>1149</v>
      </c>
      <c r="E303" s="449" t="s">
        <v>707</v>
      </c>
      <c r="F303" s="449" t="s">
        <v>600</v>
      </c>
      <c r="G303" s="449" t="s">
        <v>1064</v>
      </c>
      <c r="H303" s="451"/>
      <c r="I303" s="451"/>
      <c r="J303" s="449"/>
      <c r="K303" s="452"/>
      <c r="L303" s="534">
        <v>42036</v>
      </c>
      <c r="M303" s="469">
        <v>42231</v>
      </c>
      <c r="N303" s="418" t="str">
        <f t="shared" si="8"/>
        <v/>
      </c>
    </row>
    <row r="304" spans="1:14" ht="15.75">
      <c r="A304" s="410"/>
      <c r="B304" s="411">
        <f t="shared" si="9"/>
        <v>20</v>
      </c>
      <c r="C304" s="498" t="s">
        <v>1150</v>
      </c>
      <c r="D304" s="449" t="s">
        <v>1151</v>
      </c>
      <c r="E304" s="449" t="s">
        <v>707</v>
      </c>
      <c r="F304" s="449" t="s">
        <v>600</v>
      </c>
      <c r="G304" s="449" t="s">
        <v>1064</v>
      </c>
      <c r="H304" s="451"/>
      <c r="I304" s="451"/>
      <c r="J304" s="449"/>
      <c r="K304" s="452"/>
      <c r="L304" s="534">
        <v>42036</v>
      </c>
      <c r="M304" s="469">
        <v>42231</v>
      </c>
      <c r="N304" s="418" t="str">
        <f t="shared" si="8"/>
        <v/>
      </c>
    </row>
    <row r="305" spans="1:14" ht="15.75">
      <c r="A305" s="410"/>
      <c r="B305" s="411">
        <f t="shared" si="9"/>
        <v>20</v>
      </c>
      <c r="C305" s="498" t="s">
        <v>1152</v>
      </c>
      <c r="D305" s="449" t="s">
        <v>1153</v>
      </c>
      <c r="E305" s="449" t="s">
        <v>707</v>
      </c>
      <c r="F305" s="449" t="s">
        <v>600</v>
      </c>
      <c r="G305" s="449" t="s">
        <v>1064</v>
      </c>
      <c r="H305" s="451"/>
      <c r="I305" s="451"/>
      <c r="J305" s="449"/>
      <c r="K305" s="452"/>
      <c r="L305" s="534">
        <v>42036</v>
      </c>
      <c r="M305" s="469">
        <v>42231</v>
      </c>
      <c r="N305" s="418" t="str">
        <f t="shared" si="8"/>
        <v/>
      </c>
    </row>
    <row r="306" spans="1:14" ht="15.75">
      <c r="A306" s="410"/>
      <c r="B306" s="411">
        <f t="shared" si="9"/>
        <v>20</v>
      </c>
      <c r="C306" s="498" t="s">
        <v>1154</v>
      </c>
      <c r="D306" s="449" t="s">
        <v>1155</v>
      </c>
      <c r="E306" s="449" t="s">
        <v>707</v>
      </c>
      <c r="F306" s="449" t="s">
        <v>600</v>
      </c>
      <c r="G306" s="449" t="s">
        <v>1064</v>
      </c>
      <c r="H306" s="451"/>
      <c r="I306" s="451"/>
      <c r="J306" s="449"/>
      <c r="K306" s="452"/>
      <c r="L306" s="534">
        <v>42036</v>
      </c>
      <c r="M306" s="469">
        <v>42231</v>
      </c>
      <c r="N306" s="418" t="str">
        <f t="shared" si="8"/>
        <v/>
      </c>
    </row>
    <row r="307" spans="1:14" ht="15.75">
      <c r="A307" s="410"/>
      <c r="B307" s="411">
        <f t="shared" si="9"/>
        <v>20</v>
      </c>
      <c r="C307" s="498" t="s">
        <v>1156</v>
      </c>
      <c r="D307" s="449" t="s">
        <v>1157</v>
      </c>
      <c r="E307" s="449" t="s">
        <v>707</v>
      </c>
      <c r="F307" s="449" t="s">
        <v>600</v>
      </c>
      <c r="G307" s="449" t="s">
        <v>1064</v>
      </c>
      <c r="H307" s="451"/>
      <c r="I307" s="451"/>
      <c r="J307" s="449"/>
      <c r="K307" s="452"/>
      <c r="L307" s="534">
        <v>42036</v>
      </c>
      <c r="M307" s="469">
        <v>42231</v>
      </c>
      <c r="N307" s="418" t="str">
        <f t="shared" si="8"/>
        <v/>
      </c>
    </row>
    <row r="308" spans="1:14" ht="15.75">
      <c r="A308" s="410"/>
      <c r="B308" s="411">
        <f t="shared" si="9"/>
        <v>20</v>
      </c>
      <c r="C308" s="498" t="s">
        <v>1158</v>
      </c>
      <c r="D308" s="449" t="s">
        <v>1159</v>
      </c>
      <c r="E308" s="449" t="s">
        <v>707</v>
      </c>
      <c r="F308" s="449" t="s">
        <v>600</v>
      </c>
      <c r="G308" s="449" t="s">
        <v>1064</v>
      </c>
      <c r="H308" s="451"/>
      <c r="I308" s="451"/>
      <c r="J308" s="449"/>
      <c r="K308" s="452"/>
      <c r="L308" s="534">
        <v>42036</v>
      </c>
      <c r="M308" s="469">
        <v>42231</v>
      </c>
      <c r="N308" s="418" t="str">
        <f t="shared" si="8"/>
        <v/>
      </c>
    </row>
    <row r="309" spans="1:14" ht="15.75">
      <c r="A309" s="410"/>
      <c r="B309" s="411">
        <f t="shared" si="9"/>
        <v>20</v>
      </c>
      <c r="C309" s="498" t="s">
        <v>1160</v>
      </c>
      <c r="D309" s="449" t="s">
        <v>1161</v>
      </c>
      <c r="E309" s="449" t="s">
        <v>707</v>
      </c>
      <c r="F309" s="449" t="s">
        <v>600</v>
      </c>
      <c r="G309" s="449" t="s">
        <v>1064</v>
      </c>
      <c r="H309" s="451"/>
      <c r="I309" s="451"/>
      <c r="J309" s="449"/>
      <c r="K309" s="452"/>
      <c r="L309" s="534">
        <v>42036</v>
      </c>
      <c r="M309" s="469">
        <v>42231</v>
      </c>
      <c r="N309" s="418" t="str">
        <f t="shared" si="8"/>
        <v/>
      </c>
    </row>
    <row r="310" spans="1:14" ht="15.75">
      <c r="A310" s="410"/>
      <c r="B310" s="411">
        <f t="shared" si="9"/>
        <v>20</v>
      </c>
      <c r="C310" s="498" t="s">
        <v>1162</v>
      </c>
      <c r="D310" s="449" t="s">
        <v>1163</v>
      </c>
      <c r="E310" s="449" t="s">
        <v>707</v>
      </c>
      <c r="F310" s="449" t="s">
        <v>600</v>
      </c>
      <c r="G310" s="449" t="s">
        <v>1064</v>
      </c>
      <c r="H310" s="451"/>
      <c r="I310" s="451"/>
      <c r="J310" s="449"/>
      <c r="K310" s="452"/>
      <c r="L310" s="534">
        <v>42036</v>
      </c>
      <c r="M310" s="469">
        <v>42231</v>
      </c>
      <c r="N310" s="418" t="str">
        <f t="shared" si="8"/>
        <v/>
      </c>
    </row>
    <row r="311" spans="1:14" ht="15.75">
      <c r="A311" s="410"/>
      <c r="B311" s="411">
        <f t="shared" si="9"/>
        <v>20</v>
      </c>
      <c r="C311" s="498" t="s">
        <v>1164</v>
      </c>
      <c r="D311" s="449" t="s">
        <v>1165</v>
      </c>
      <c r="E311" s="449" t="s">
        <v>707</v>
      </c>
      <c r="F311" s="449" t="s">
        <v>600</v>
      </c>
      <c r="G311" s="449" t="s">
        <v>1064</v>
      </c>
      <c r="H311" s="451"/>
      <c r="I311" s="451"/>
      <c r="J311" s="449"/>
      <c r="K311" s="452"/>
      <c r="L311" s="534">
        <v>42036</v>
      </c>
      <c r="M311" s="469">
        <v>42231</v>
      </c>
      <c r="N311" s="418" t="str">
        <f t="shared" si="8"/>
        <v/>
      </c>
    </row>
    <row r="312" spans="1:14" ht="15.75">
      <c r="A312" s="410"/>
      <c r="B312" s="411">
        <f t="shared" si="9"/>
        <v>20</v>
      </c>
      <c r="C312" s="498" t="s">
        <v>1166</v>
      </c>
      <c r="D312" s="449" t="s">
        <v>1167</v>
      </c>
      <c r="E312" s="449" t="s">
        <v>707</v>
      </c>
      <c r="F312" s="449" t="s">
        <v>600</v>
      </c>
      <c r="G312" s="449" t="s">
        <v>1064</v>
      </c>
      <c r="H312" s="451"/>
      <c r="I312" s="451"/>
      <c r="J312" s="449"/>
      <c r="K312" s="452"/>
      <c r="L312" s="534">
        <v>42036</v>
      </c>
      <c r="M312" s="469">
        <v>42231</v>
      </c>
      <c r="N312" s="418" t="str">
        <f t="shared" si="8"/>
        <v/>
      </c>
    </row>
    <row r="313" spans="1:14" ht="15.75">
      <c r="A313" s="410"/>
      <c r="B313" s="411">
        <f t="shared" si="9"/>
        <v>20</v>
      </c>
      <c r="C313" s="498" t="s">
        <v>1168</v>
      </c>
      <c r="D313" s="449" t="s">
        <v>1169</v>
      </c>
      <c r="E313" s="449" t="s">
        <v>643</v>
      </c>
      <c r="F313" s="449" t="s">
        <v>600</v>
      </c>
      <c r="G313" s="449" t="s">
        <v>1064</v>
      </c>
      <c r="H313" s="451"/>
      <c r="I313" s="451"/>
      <c r="J313" s="449"/>
      <c r="K313" s="452"/>
      <c r="L313" s="534">
        <v>42036</v>
      </c>
      <c r="M313" s="469">
        <v>42401</v>
      </c>
      <c r="N313" s="418" t="str">
        <f t="shared" si="8"/>
        <v>DUPLICATE</v>
      </c>
    </row>
    <row r="314" spans="1:14" ht="15.75">
      <c r="A314" s="410"/>
      <c r="B314" s="411">
        <f t="shared" si="9"/>
        <v>20</v>
      </c>
      <c r="C314" s="498" t="s">
        <v>1170</v>
      </c>
      <c r="D314" s="449" t="s">
        <v>1171</v>
      </c>
      <c r="E314" s="449" t="s">
        <v>707</v>
      </c>
      <c r="F314" s="449" t="s">
        <v>600</v>
      </c>
      <c r="G314" s="449" t="s">
        <v>1064</v>
      </c>
      <c r="H314" s="451"/>
      <c r="I314" s="451"/>
      <c r="J314" s="449"/>
      <c r="K314" s="452"/>
      <c r="L314" s="534">
        <v>42036</v>
      </c>
      <c r="M314" s="469">
        <v>42231</v>
      </c>
      <c r="N314" s="418" t="str">
        <f t="shared" si="8"/>
        <v/>
      </c>
    </row>
    <row r="315" spans="1:14" ht="15.75">
      <c r="A315" s="410"/>
      <c r="B315" s="411">
        <f t="shared" si="9"/>
        <v>20</v>
      </c>
      <c r="C315" s="498" t="s">
        <v>1172</v>
      </c>
      <c r="D315" s="449" t="s">
        <v>1173</v>
      </c>
      <c r="E315" s="449" t="s">
        <v>643</v>
      </c>
      <c r="F315" s="449" t="s">
        <v>600</v>
      </c>
      <c r="G315" s="449" t="s">
        <v>1064</v>
      </c>
      <c r="H315" s="451"/>
      <c r="I315" s="451"/>
      <c r="J315" s="449"/>
      <c r="K315" s="452"/>
      <c r="L315" s="534">
        <v>42036</v>
      </c>
      <c r="M315" s="469">
        <v>42401</v>
      </c>
      <c r="N315" s="418" t="str">
        <f t="shared" si="8"/>
        <v>DUPLICATE</v>
      </c>
    </row>
    <row r="316" spans="1:14" ht="15.75">
      <c r="A316" s="410"/>
      <c r="B316" s="411">
        <f t="shared" si="9"/>
        <v>20</v>
      </c>
      <c r="C316" s="498" t="s">
        <v>1174</v>
      </c>
      <c r="D316" s="449" t="s">
        <v>1175</v>
      </c>
      <c r="E316" s="449" t="s">
        <v>643</v>
      </c>
      <c r="F316" s="449" t="s">
        <v>600</v>
      </c>
      <c r="G316" s="449" t="s">
        <v>1064</v>
      </c>
      <c r="H316" s="451"/>
      <c r="I316" s="451"/>
      <c r="J316" s="449"/>
      <c r="K316" s="452"/>
      <c r="L316" s="534">
        <v>42036</v>
      </c>
      <c r="M316" s="469">
        <v>42401</v>
      </c>
      <c r="N316" s="418" t="str">
        <f t="shared" si="8"/>
        <v>DUPLICATE</v>
      </c>
    </row>
    <row r="317" spans="1:14" ht="15.75">
      <c r="A317" s="410"/>
      <c r="B317" s="411">
        <f t="shared" si="9"/>
        <v>20</v>
      </c>
      <c r="C317" s="498" t="s">
        <v>1176</v>
      </c>
      <c r="D317" s="449" t="s">
        <v>1177</v>
      </c>
      <c r="E317" s="449" t="s">
        <v>707</v>
      </c>
      <c r="F317" s="449" t="s">
        <v>600</v>
      </c>
      <c r="G317" s="449" t="s">
        <v>1064</v>
      </c>
      <c r="H317" s="451"/>
      <c r="I317" s="451"/>
      <c r="J317" s="449"/>
      <c r="K317" s="452"/>
      <c r="L317" s="534">
        <v>42036</v>
      </c>
      <c r="M317" s="469">
        <v>42231</v>
      </c>
      <c r="N317" s="418" t="str">
        <f t="shared" si="8"/>
        <v/>
      </c>
    </row>
    <row r="318" spans="1:14" ht="15.75">
      <c r="A318" s="410"/>
      <c r="B318" s="411">
        <f t="shared" si="9"/>
        <v>20</v>
      </c>
      <c r="C318" s="498" t="s">
        <v>1178</v>
      </c>
      <c r="D318" s="449" t="s">
        <v>1179</v>
      </c>
      <c r="E318" s="449" t="s">
        <v>707</v>
      </c>
      <c r="F318" s="449" t="s">
        <v>600</v>
      </c>
      <c r="G318" s="449" t="s">
        <v>1064</v>
      </c>
      <c r="H318" s="451"/>
      <c r="I318" s="451"/>
      <c r="J318" s="449"/>
      <c r="K318" s="452"/>
      <c r="L318" s="534">
        <v>42036</v>
      </c>
      <c r="M318" s="469">
        <v>42231</v>
      </c>
      <c r="N318" s="418" t="str">
        <f t="shared" si="8"/>
        <v/>
      </c>
    </row>
    <row r="319" spans="1:14" ht="15.75">
      <c r="A319" s="410"/>
      <c r="B319" s="411">
        <f t="shared" si="9"/>
        <v>20</v>
      </c>
      <c r="C319" s="498" t="s">
        <v>1180</v>
      </c>
      <c r="D319" s="449" t="s">
        <v>1181</v>
      </c>
      <c r="E319" s="449" t="s">
        <v>643</v>
      </c>
      <c r="F319" s="449" t="s">
        <v>600</v>
      </c>
      <c r="G319" s="449" t="s">
        <v>1064</v>
      </c>
      <c r="H319" s="451"/>
      <c r="I319" s="451"/>
      <c r="J319" s="449"/>
      <c r="K319" s="452"/>
      <c r="L319" s="534">
        <v>42036</v>
      </c>
      <c r="M319" s="469">
        <v>42401</v>
      </c>
      <c r="N319" s="418" t="str">
        <f t="shared" si="8"/>
        <v>DUPLICATE</v>
      </c>
    </row>
    <row r="320" spans="1:14" ht="15.75">
      <c r="A320" s="410"/>
      <c r="B320" s="411">
        <f t="shared" si="9"/>
        <v>20</v>
      </c>
      <c r="C320" s="498" t="s">
        <v>1182</v>
      </c>
      <c r="D320" s="449" t="s">
        <v>1183</v>
      </c>
      <c r="E320" s="449" t="s">
        <v>707</v>
      </c>
      <c r="F320" s="449" t="s">
        <v>600</v>
      </c>
      <c r="G320" s="449" t="s">
        <v>1064</v>
      </c>
      <c r="H320" s="451"/>
      <c r="I320" s="451"/>
      <c r="J320" s="449"/>
      <c r="K320" s="452"/>
      <c r="L320" s="534">
        <v>42036</v>
      </c>
      <c r="M320" s="469">
        <v>42231</v>
      </c>
      <c r="N320" s="418" t="str">
        <f t="shared" si="8"/>
        <v/>
      </c>
    </row>
    <row r="321" spans="1:14" ht="15.75">
      <c r="A321" s="410"/>
      <c r="B321" s="411">
        <f t="shared" si="9"/>
        <v>20</v>
      </c>
      <c r="C321" s="498" t="s">
        <v>1184</v>
      </c>
      <c r="D321" s="449" t="s">
        <v>1185</v>
      </c>
      <c r="E321" s="449" t="s">
        <v>707</v>
      </c>
      <c r="F321" s="449" t="s">
        <v>600</v>
      </c>
      <c r="G321" s="449" t="s">
        <v>1064</v>
      </c>
      <c r="H321" s="451"/>
      <c r="I321" s="451"/>
      <c r="J321" s="449"/>
      <c r="K321" s="452"/>
      <c r="L321" s="534">
        <v>42036</v>
      </c>
      <c r="M321" s="469">
        <v>42231</v>
      </c>
      <c r="N321" s="418" t="str">
        <f t="shared" si="8"/>
        <v/>
      </c>
    </row>
    <row r="322" spans="1:14" ht="15.75">
      <c r="A322" s="410"/>
      <c r="B322" s="411">
        <f t="shared" si="9"/>
        <v>20</v>
      </c>
      <c r="C322" s="498" t="s">
        <v>1186</v>
      </c>
      <c r="D322" s="449" t="s">
        <v>1187</v>
      </c>
      <c r="E322" s="449" t="s">
        <v>643</v>
      </c>
      <c r="F322" s="449" t="s">
        <v>600</v>
      </c>
      <c r="G322" s="449" t="s">
        <v>1064</v>
      </c>
      <c r="H322" s="451"/>
      <c r="I322" s="451"/>
      <c r="J322" s="449"/>
      <c r="K322" s="452"/>
      <c r="L322" s="534">
        <v>42036</v>
      </c>
      <c r="M322" s="469">
        <v>42401</v>
      </c>
      <c r="N322" s="418" t="str">
        <f t="shared" si="8"/>
        <v>DUPLICATE</v>
      </c>
    </row>
    <row r="323" spans="1:14" ht="15.75">
      <c r="A323" s="410"/>
      <c r="B323" s="411">
        <f t="shared" si="9"/>
        <v>20</v>
      </c>
      <c r="C323" s="498" t="s">
        <v>1188</v>
      </c>
      <c r="D323" s="449" t="s">
        <v>1189</v>
      </c>
      <c r="E323" s="449" t="s">
        <v>643</v>
      </c>
      <c r="F323" s="449" t="s">
        <v>600</v>
      </c>
      <c r="G323" s="449" t="s">
        <v>1064</v>
      </c>
      <c r="H323" s="451"/>
      <c r="I323" s="451"/>
      <c r="J323" s="449"/>
      <c r="K323" s="452"/>
      <c r="L323" s="534">
        <v>42036</v>
      </c>
      <c r="M323" s="469">
        <v>42401</v>
      </c>
      <c r="N323" s="418" t="str">
        <f t="shared" si="8"/>
        <v>DUPLICATE</v>
      </c>
    </row>
    <row r="324" spans="1:14" ht="15.75">
      <c r="A324" s="410"/>
      <c r="B324" s="411">
        <f t="shared" si="9"/>
        <v>20</v>
      </c>
      <c r="C324" s="498" t="s">
        <v>1190</v>
      </c>
      <c r="D324" s="449" t="s">
        <v>1191</v>
      </c>
      <c r="E324" s="449" t="s">
        <v>707</v>
      </c>
      <c r="F324" s="449" t="s">
        <v>600</v>
      </c>
      <c r="G324" s="449" t="s">
        <v>1064</v>
      </c>
      <c r="H324" s="451"/>
      <c r="I324" s="451"/>
      <c r="J324" s="449"/>
      <c r="K324" s="452"/>
      <c r="L324" s="534">
        <v>42036</v>
      </c>
      <c r="M324" s="469">
        <v>42231</v>
      </c>
      <c r="N324" s="418" t="str">
        <f t="shared" si="8"/>
        <v/>
      </c>
    </row>
    <row r="325" spans="1:14" ht="15.75">
      <c r="A325" s="535"/>
      <c r="B325" s="411">
        <f t="shared" si="9"/>
        <v>20</v>
      </c>
      <c r="C325" s="498" t="s">
        <v>1192</v>
      </c>
      <c r="D325" s="449" t="s">
        <v>1193</v>
      </c>
      <c r="E325" s="449" t="s">
        <v>643</v>
      </c>
      <c r="F325" s="449" t="s">
        <v>600</v>
      </c>
      <c r="G325" s="449" t="s">
        <v>1064</v>
      </c>
      <c r="H325" s="451"/>
      <c r="I325" s="451"/>
      <c r="J325" s="449"/>
      <c r="K325" s="452"/>
      <c r="L325" s="534">
        <v>42036</v>
      </c>
      <c r="M325" s="469">
        <v>42401</v>
      </c>
      <c r="N325" s="418" t="str">
        <f t="shared" si="8"/>
        <v>DUPLICATE</v>
      </c>
    </row>
    <row r="326" spans="1:14" ht="15.75">
      <c r="A326" s="535"/>
      <c r="B326" s="411">
        <f t="shared" si="9"/>
        <v>20</v>
      </c>
      <c r="C326" s="498" t="s">
        <v>1194</v>
      </c>
      <c r="D326" s="449" t="s">
        <v>1195</v>
      </c>
      <c r="E326" s="449" t="s">
        <v>707</v>
      </c>
      <c r="F326" s="449" t="s">
        <v>600</v>
      </c>
      <c r="G326" s="449" t="s">
        <v>1064</v>
      </c>
      <c r="H326" s="451"/>
      <c r="I326" s="451"/>
      <c r="J326" s="449"/>
      <c r="K326" s="452"/>
      <c r="L326" s="534">
        <v>42036</v>
      </c>
      <c r="M326" s="469">
        <v>42231</v>
      </c>
      <c r="N326" s="418" t="str">
        <f t="shared" si="8"/>
        <v/>
      </c>
    </row>
    <row r="327" spans="1:14" ht="15.75">
      <c r="A327" s="535"/>
      <c r="B327" s="411">
        <f t="shared" si="9"/>
        <v>20</v>
      </c>
      <c r="C327" s="498" t="s">
        <v>1196</v>
      </c>
      <c r="D327" s="449" t="s">
        <v>1197</v>
      </c>
      <c r="E327" s="449" t="s">
        <v>643</v>
      </c>
      <c r="F327" s="449" t="s">
        <v>600</v>
      </c>
      <c r="G327" s="449" t="s">
        <v>1064</v>
      </c>
      <c r="H327" s="451"/>
      <c r="I327" s="451"/>
      <c r="J327" s="449"/>
      <c r="K327" s="452"/>
      <c r="L327" s="534">
        <v>42036</v>
      </c>
      <c r="M327" s="469">
        <v>42401</v>
      </c>
      <c r="N327" s="418" t="str">
        <f t="shared" si="8"/>
        <v>DUPLICATE</v>
      </c>
    </row>
    <row r="328" spans="1:14" ht="15.75">
      <c r="A328" s="535"/>
      <c r="B328" s="411">
        <f t="shared" si="9"/>
        <v>20</v>
      </c>
      <c r="C328" s="498" t="s">
        <v>1198</v>
      </c>
      <c r="D328" s="449" t="s">
        <v>1199</v>
      </c>
      <c r="E328" s="449" t="s">
        <v>707</v>
      </c>
      <c r="F328" s="449" t="s">
        <v>600</v>
      </c>
      <c r="G328" s="449" t="s">
        <v>1064</v>
      </c>
      <c r="H328" s="451"/>
      <c r="I328" s="451"/>
      <c r="J328" s="449"/>
      <c r="K328" s="452"/>
      <c r="L328" s="534">
        <v>42036</v>
      </c>
      <c r="M328" s="469">
        <v>42231</v>
      </c>
      <c r="N328" s="418" t="str">
        <f t="shared" si="8"/>
        <v/>
      </c>
    </row>
    <row r="329" spans="1:14" ht="15.75">
      <c r="A329" s="535"/>
      <c r="B329" s="411">
        <f t="shared" si="9"/>
        <v>20</v>
      </c>
      <c r="C329" s="498" t="s">
        <v>1200</v>
      </c>
      <c r="D329" s="449" t="s">
        <v>1201</v>
      </c>
      <c r="E329" s="449" t="s">
        <v>707</v>
      </c>
      <c r="F329" s="449" t="s">
        <v>600</v>
      </c>
      <c r="G329" s="449" t="s">
        <v>1064</v>
      </c>
      <c r="H329" s="451"/>
      <c r="I329" s="451"/>
      <c r="J329" s="449"/>
      <c r="K329" s="452"/>
      <c r="L329" s="534">
        <v>42036</v>
      </c>
      <c r="M329" s="469">
        <v>42231</v>
      </c>
      <c r="N329" s="418" t="str">
        <f t="shared" si="8"/>
        <v/>
      </c>
    </row>
    <row r="330" spans="1:14" ht="15.75">
      <c r="A330" s="535"/>
      <c r="B330" s="411">
        <f t="shared" si="9"/>
        <v>20</v>
      </c>
      <c r="C330" s="498" t="s">
        <v>1202</v>
      </c>
      <c r="D330" s="449" t="s">
        <v>1203</v>
      </c>
      <c r="E330" s="449" t="s">
        <v>643</v>
      </c>
      <c r="F330" s="449" t="s">
        <v>600</v>
      </c>
      <c r="G330" s="449" t="s">
        <v>1064</v>
      </c>
      <c r="H330" s="451"/>
      <c r="I330" s="451"/>
      <c r="J330" s="449"/>
      <c r="K330" s="452"/>
      <c r="L330" s="534">
        <v>42036</v>
      </c>
      <c r="M330" s="469">
        <v>42401</v>
      </c>
      <c r="N330" s="418" t="str">
        <f t="shared" si="8"/>
        <v>DUPLICATE</v>
      </c>
    </row>
    <row r="331" spans="1:14" ht="15.75">
      <c r="A331" s="535"/>
      <c r="B331" s="411">
        <f t="shared" si="9"/>
        <v>20</v>
      </c>
      <c r="C331" s="498" t="s">
        <v>1204</v>
      </c>
      <c r="D331" s="449" t="s">
        <v>1205</v>
      </c>
      <c r="E331" s="449" t="s">
        <v>643</v>
      </c>
      <c r="F331" s="449" t="s">
        <v>600</v>
      </c>
      <c r="G331" s="449" t="s">
        <v>1064</v>
      </c>
      <c r="H331" s="451"/>
      <c r="I331" s="451"/>
      <c r="J331" s="449"/>
      <c r="K331" s="452"/>
      <c r="L331" s="534">
        <v>42036</v>
      </c>
      <c r="M331" s="469">
        <v>42401</v>
      </c>
      <c r="N331" s="418" t="str">
        <f t="shared" si="8"/>
        <v>DUPLICATE</v>
      </c>
    </row>
    <row r="332" spans="1:14" ht="15.75">
      <c r="A332" s="535"/>
      <c r="B332" s="411">
        <f t="shared" si="9"/>
        <v>20</v>
      </c>
      <c r="C332" s="498" t="s">
        <v>1206</v>
      </c>
      <c r="D332" s="449" t="s">
        <v>1207</v>
      </c>
      <c r="E332" s="449" t="s">
        <v>643</v>
      </c>
      <c r="F332" s="449" t="s">
        <v>600</v>
      </c>
      <c r="G332" s="449" t="s">
        <v>1064</v>
      </c>
      <c r="H332" s="451"/>
      <c r="I332" s="451"/>
      <c r="J332" s="449"/>
      <c r="K332" s="452"/>
      <c r="L332" s="534">
        <v>42036</v>
      </c>
      <c r="M332" s="469">
        <v>42401</v>
      </c>
      <c r="N332" s="418" t="str">
        <f t="shared" si="8"/>
        <v>DUPLICATE</v>
      </c>
    </row>
    <row r="333" spans="1:14" ht="15.75">
      <c r="A333" s="535"/>
      <c r="B333" s="411">
        <f t="shared" si="9"/>
        <v>20</v>
      </c>
      <c r="C333" s="498" t="s">
        <v>1208</v>
      </c>
      <c r="D333" s="449" t="s">
        <v>1209</v>
      </c>
      <c r="E333" s="449" t="s">
        <v>707</v>
      </c>
      <c r="F333" s="449" t="s">
        <v>600</v>
      </c>
      <c r="G333" s="449" t="s">
        <v>1064</v>
      </c>
      <c r="H333" s="451"/>
      <c r="I333" s="451"/>
      <c r="J333" s="449"/>
      <c r="K333" s="452"/>
      <c r="L333" s="534">
        <v>42036</v>
      </c>
      <c r="M333" s="469">
        <v>42231</v>
      </c>
      <c r="N333" s="418" t="str">
        <f t="shared" si="8"/>
        <v/>
      </c>
    </row>
    <row r="334" spans="1:14" ht="15.75">
      <c r="A334" s="535"/>
      <c r="B334" s="411">
        <f t="shared" si="9"/>
        <v>20</v>
      </c>
      <c r="C334" s="498" t="s">
        <v>1210</v>
      </c>
      <c r="D334" s="449" t="s">
        <v>1211</v>
      </c>
      <c r="E334" s="449" t="s">
        <v>707</v>
      </c>
      <c r="F334" s="449" t="s">
        <v>600</v>
      </c>
      <c r="G334" s="449" t="s">
        <v>1064</v>
      </c>
      <c r="H334" s="451"/>
      <c r="I334" s="451"/>
      <c r="J334" s="449"/>
      <c r="K334" s="452"/>
      <c r="L334" s="534">
        <v>42036</v>
      </c>
      <c r="M334" s="469">
        <v>42231</v>
      </c>
      <c r="N334" s="418" t="str">
        <f t="shared" si="8"/>
        <v/>
      </c>
    </row>
    <row r="335" spans="1:14" ht="15.75">
      <c r="A335" s="535"/>
      <c r="B335" s="411">
        <f t="shared" si="9"/>
        <v>20</v>
      </c>
      <c r="C335" s="498" t="s">
        <v>1212</v>
      </c>
      <c r="D335" s="449" t="s">
        <v>1213</v>
      </c>
      <c r="E335" s="449" t="s">
        <v>707</v>
      </c>
      <c r="F335" s="449" t="s">
        <v>600</v>
      </c>
      <c r="G335" s="449" t="s">
        <v>1064</v>
      </c>
      <c r="H335" s="451"/>
      <c r="I335" s="451"/>
      <c r="J335" s="449"/>
      <c r="K335" s="452"/>
      <c r="L335" s="534">
        <v>42036</v>
      </c>
      <c r="M335" s="469">
        <v>42231</v>
      </c>
      <c r="N335" s="418" t="str">
        <f t="shared" si="8"/>
        <v/>
      </c>
    </row>
    <row r="336" spans="1:14" ht="15.75">
      <c r="A336" s="535"/>
      <c r="B336" s="411">
        <f t="shared" si="9"/>
        <v>20</v>
      </c>
      <c r="C336" s="498" t="s">
        <v>1214</v>
      </c>
      <c r="D336" s="449" t="s">
        <v>1215</v>
      </c>
      <c r="E336" s="449" t="s">
        <v>707</v>
      </c>
      <c r="F336" s="449" t="s">
        <v>600</v>
      </c>
      <c r="G336" s="449" t="s">
        <v>1064</v>
      </c>
      <c r="H336" s="451"/>
      <c r="I336" s="451"/>
      <c r="J336" s="449"/>
      <c r="K336" s="452"/>
      <c r="L336" s="534">
        <v>42036</v>
      </c>
      <c r="M336" s="469">
        <v>42231</v>
      </c>
      <c r="N336" s="418" t="str">
        <f t="shared" si="8"/>
        <v/>
      </c>
    </row>
    <row r="337" spans="1:14" ht="15.75">
      <c r="A337" s="535"/>
      <c r="B337" s="411">
        <f t="shared" si="9"/>
        <v>20</v>
      </c>
      <c r="C337" s="498" t="s">
        <v>1216</v>
      </c>
      <c r="D337" s="449" t="s">
        <v>1217</v>
      </c>
      <c r="E337" s="449" t="s">
        <v>707</v>
      </c>
      <c r="F337" s="449" t="s">
        <v>600</v>
      </c>
      <c r="G337" s="449" t="s">
        <v>1064</v>
      </c>
      <c r="H337" s="451"/>
      <c r="I337" s="451"/>
      <c r="J337" s="449"/>
      <c r="K337" s="452"/>
      <c r="L337" s="534">
        <v>42036</v>
      </c>
      <c r="M337" s="469">
        <v>42231</v>
      </c>
      <c r="N337" s="418" t="str">
        <f t="shared" si="8"/>
        <v/>
      </c>
    </row>
    <row r="338" spans="1:14" ht="15.75">
      <c r="A338" s="535"/>
      <c r="B338" s="411">
        <f t="shared" si="9"/>
        <v>20</v>
      </c>
      <c r="C338" s="498" t="s">
        <v>1218</v>
      </c>
      <c r="D338" s="449" t="s">
        <v>1219</v>
      </c>
      <c r="E338" s="449" t="s">
        <v>643</v>
      </c>
      <c r="F338" s="449" t="s">
        <v>600</v>
      </c>
      <c r="G338" s="449" t="s">
        <v>1064</v>
      </c>
      <c r="H338" s="451"/>
      <c r="I338" s="451"/>
      <c r="J338" s="449"/>
      <c r="K338" s="452"/>
      <c r="L338" s="534">
        <v>42036</v>
      </c>
      <c r="M338" s="469">
        <v>42401</v>
      </c>
      <c r="N338" s="418" t="str">
        <f t="shared" si="8"/>
        <v>DUPLICATE</v>
      </c>
    </row>
    <row r="339" spans="1:14" ht="15.75">
      <c r="A339" s="535"/>
      <c r="B339" s="411">
        <f t="shared" si="9"/>
        <v>20</v>
      </c>
      <c r="C339" s="498" t="s">
        <v>1220</v>
      </c>
      <c r="D339" s="449" t="s">
        <v>1221</v>
      </c>
      <c r="E339" s="449" t="s">
        <v>707</v>
      </c>
      <c r="F339" s="449" t="s">
        <v>600</v>
      </c>
      <c r="G339" s="449" t="s">
        <v>1064</v>
      </c>
      <c r="H339" s="451"/>
      <c r="I339" s="451"/>
      <c r="J339" s="449"/>
      <c r="K339" s="452"/>
      <c r="L339" s="534">
        <v>42036</v>
      </c>
      <c r="M339" s="469">
        <v>42231</v>
      </c>
      <c r="N339" s="418" t="str">
        <f t="shared" si="8"/>
        <v/>
      </c>
    </row>
    <row r="340" spans="1:14" ht="15.75">
      <c r="A340" s="535"/>
      <c r="B340" s="411">
        <f t="shared" si="9"/>
        <v>20</v>
      </c>
      <c r="C340" s="498" t="s">
        <v>1222</v>
      </c>
      <c r="D340" s="449" t="s">
        <v>1223</v>
      </c>
      <c r="E340" s="449" t="s">
        <v>707</v>
      </c>
      <c r="F340" s="449" t="s">
        <v>600</v>
      </c>
      <c r="G340" s="449" t="s">
        <v>1064</v>
      </c>
      <c r="H340" s="451"/>
      <c r="I340" s="451"/>
      <c r="J340" s="449"/>
      <c r="K340" s="452"/>
      <c r="L340" s="534">
        <v>42036</v>
      </c>
      <c r="M340" s="469">
        <v>42231</v>
      </c>
      <c r="N340" s="418" t="str">
        <f t="shared" si="8"/>
        <v/>
      </c>
    </row>
    <row r="341" spans="1:14" ht="15.75">
      <c r="A341" s="535"/>
      <c r="B341" s="411">
        <f t="shared" si="9"/>
        <v>20</v>
      </c>
      <c r="C341" s="498" t="s">
        <v>1224</v>
      </c>
      <c r="D341" s="449" t="s">
        <v>1225</v>
      </c>
      <c r="E341" s="449" t="s">
        <v>643</v>
      </c>
      <c r="F341" s="449" t="s">
        <v>600</v>
      </c>
      <c r="G341" s="449" t="s">
        <v>1064</v>
      </c>
      <c r="H341" s="451"/>
      <c r="I341" s="451"/>
      <c r="J341" s="449"/>
      <c r="K341" s="452"/>
      <c r="L341" s="534">
        <v>42036</v>
      </c>
      <c r="M341" s="469">
        <v>42401</v>
      </c>
      <c r="N341" s="418" t="str">
        <f t="shared" si="8"/>
        <v>DUPLICATE</v>
      </c>
    </row>
    <row r="342" spans="1:14" ht="15.75">
      <c r="A342" s="535"/>
      <c r="B342" s="411">
        <f t="shared" si="9"/>
        <v>20</v>
      </c>
      <c r="C342" s="498" t="s">
        <v>1226</v>
      </c>
      <c r="D342" s="449" t="s">
        <v>1227</v>
      </c>
      <c r="E342" s="449" t="s">
        <v>707</v>
      </c>
      <c r="F342" s="449" t="s">
        <v>600</v>
      </c>
      <c r="G342" s="449" t="s">
        <v>1064</v>
      </c>
      <c r="H342" s="451"/>
      <c r="I342" s="451"/>
      <c r="J342" s="449"/>
      <c r="K342" s="452"/>
      <c r="L342" s="534">
        <v>42036</v>
      </c>
      <c r="M342" s="469">
        <v>42231</v>
      </c>
      <c r="N342" s="418" t="str">
        <f t="shared" si="8"/>
        <v/>
      </c>
    </row>
    <row r="343" spans="1:14" ht="15.75">
      <c r="A343" s="535"/>
      <c r="B343" s="411">
        <f t="shared" si="9"/>
        <v>20</v>
      </c>
      <c r="C343" s="498" t="s">
        <v>1228</v>
      </c>
      <c r="D343" s="449" t="s">
        <v>1229</v>
      </c>
      <c r="E343" s="449" t="s">
        <v>707</v>
      </c>
      <c r="F343" s="449" t="s">
        <v>600</v>
      </c>
      <c r="G343" s="449" t="s">
        <v>1064</v>
      </c>
      <c r="H343" s="451"/>
      <c r="I343" s="451"/>
      <c r="J343" s="449"/>
      <c r="K343" s="452"/>
      <c r="L343" s="534">
        <v>42036</v>
      </c>
      <c r="M343" s="469">
        <v>42231</v>
      </c>
      <c r="N343" s="418" t="str">
        <f t="shared" si="8"/>
        <v/>
      </c>
    </row>
    <row r="344" spans="1:14" ht="15.75">
      <c r="A344" s="535"/>
      <c r="B344" s="411">
        <f t="shared" si="9"/>
        <v>20</v>
      </c>
      <c r="C344" s="498" t="s">
        <v>1230</v>
      </c>
      <c r="D344" s="449" t="s">
        <v>1231</v>
      </c>
      <c r="E344" s="449" t="s">
        <v>707</v>
      </c>
      <c r="F344" s="449" t="s">
        <v>600</v>
      </c>
      <c r="G344" s="449" t="s">
        <v>1064</v>
      </c>
      <c r="H344" s="451"/>
      <c r="I344" s="451"/>
      <c r="J344" s="449"/>
      <c r="K344" s="452"/>
      <c r="L344" s="534">
        <v>42036</v>
      </c>
      <c r="M344" s="469">
        <v>42231</v>
      </c>
      <c r="N344" s="418" t="str">
        <f t="shared" si="8"/>
        <v/>
      </c>
    </row>
    <row r="345" spans="1:14" ht="15.75">
      <c r="A345" s="535"/>
      <c r="B345" s="411">
        <f t="shared" si="9"/>
        <v>20</v>
      </c>
      <c r="C345" s="498" t="s">
        <v>1232</v>
      </c>
      <c r="D345" s="449" t="s">
        <v>1233</v>
      </c>
      <c r="E345" s="449" t="s">
        <v>707</v>
      </c>
      <c r="F345" s="449" t="s">
        <v>600</v>
      </c>
      <c r="G345" s="449" t="s">
        <v>1064</v>
      </c>
      <c r="H345" s="451"/>
      <c r="I345" s="451"/>
      <c r="J345" s="449"/>
      <c r="K345" s="452"/>
      <c r="L345" s="534">
        <v>42036</v>
      </c>
      <c r="M345" s="469">
        <v>42231</v>
      </c>
      <c r="N345" s="418" t="str">
        <f t="shared" ref="N345:N408" si="10">IF(D345="NA","",IF(COUNTIF($D$2:$D$5552,D345)&gt;1,"DUPLICATE",""))</f>
        <v/>
      </c>
    </row>
    <row r="346" spans="1:14" ht="15.75">
      <c r="A346" s="535"/>
      <c r="B346" s="411">
        <f t="shared" ref="B346:B409" si="11">IF(A346&gt;0,A346,B345)</f>
        <v>20</v>
      </c>
      <c r="C346" s="498" t="s">
        <v>1234</v>
      </c>
      <c r="D346" s="449" t="s">
        <v>1235</v>
      </c>
      <c r="E346" s="449" t="s">
        <v>707</v>
      </c>
      <c r="F346" s="449" t="s">
        <v>600</v>
      </c>
      <c r="G346" s="449" t="s">
        <v>1064</v>
      </c>
      <c r="H346" s="451"/>
      <c r="I346" s="451"/>
      <c r="J346" s="449"/>
      <c r="K346" s="452"/>
      <c r="L346" s="534">
        <v>42036</v>
      </c>
      <c r="M346" s="469">
        <v>42231</v>
      </c>
      <c r="N346" s="418" t="str">
        <f t="shared" si="10"/>
        <v/>
      </c>
    </row>
    <row r="347" spans="1:14" ht="15.75">
      <c r="A347" s="535"/>
      <c r="B347" s="411">
        <f t="shared" si="11"/>
        <v>20</v>
      </c>
      <c r="C347" s="498" t="s">
        <v>1236</v>
      </c>
      <c r="D347" s="449" t="s">
        <v>1237</v>
      </c>
      <c r="E347" s="449" t="s">
        <v>707</v>
      </c>
      <c r="F347" s="449" t="s">
        <v>600</v>
      </c>
      <c r="G347" s="449" t="s">
        <v>1064</v>
      </c>
      <c r="H347" s="451"/>
      <c r="I347" s="451"/>
      <c r="J347" s="449"/>
      <c r="K347" s="452"/>
      <c r="L347" s="534">
        <v>42036</v>
      </c>
      <c r="M347" s="469">
        <v>42231</v>
      </c>
      <c r="N347" s="418" t="str">
        <f t="shared" si="10"/>
        <v/>
      </c>
    </row>
    <row r="348" spans="1:14" ht="15.75">
      <c r="A348" s="535"/>
      <c r="B348" s="411">
        <f t="shared" si="11"/>
        <v>20</v>
      </c>
      <c r="C348" s="498" t="s">
        <v>1238</v>
      </c>
      <c r="D348" s="449" t="s">
        <v>1239</v>
      </c>
      <c r="E348" s="449" t="s">
        <v>707</v>
      </c>
      <c r="F348" s="449" t="s">
        <v>600</v>
      </c>
      <c r="G348" s="449" t="s">
        <v>1064</v>
      </c>
      <c r="H348" s="451"/>
      <c r="I348" s="451"/>
      <c r="J348" s="449"/>
      <c r="K348" s="452"/>
      <c r="L348" s="534">
        <v>42036</v>
      </c>
      <c r="M348" s="469">
        <v>42231</v>
      </c>
      <c r="N348" s="418" t="str">
        <f t="shared" si="10"/>
        <v/>
      </c>
    </row>
    <row r="349" spans="1:14" ht="15.75">
      <c r="A349" s="535"/>
      <c r="B349" s="411">
        <f t="shared" si="11"/>
        <v>20</v>
      </c>
      <c r="C349" s="498" t="s">
        <v>1240</v>
      </c>
      <c r="D349" s="449" t="s">
        <v>1241</v>
      </c>
      <c r="E349" s="449" t="s">
        <v>707</v>
      </c>
      <c r="F349" s="449" t="s">
        <v>600</v>
      </c>
      <c r="G349" s="449" t="s">
        <v>1064</v>
      </c>
      <c r="H349" s="451"/>
      <c r="I349" s="451"/>
      <c r="J349" s="449"/>
      <c r="K349" s="452"/>
      <c r="L349" s="534">
        <v>42036</v>
      </c>
      <c r="M349" s="469">
        <v>42231</v>
      </c>
      <c r="N349" s="418" t="str">
        <f t="shared" si="10"/>
        <v/>
      </c>
    </row>
    <row r="350" spans="1:14" ht="15.75">
      <c r="A350" s="535"/>
      <c r="B350" s="411">
        <f t="shared" si="11"/>
        <v>20</v>
      </c>
      <c r="C350" s="498" t="s">
        <v>1242</v>
      </c>
      <c r="D350" s="449" t="s">
        <v>1243</v>
      </c>
      <c r="E350" s="449" t="s">
        <v>707</v>
      </c>
      <c r="F350" s="449" t="s">
        <v>600</v>
      </c>
      <c r="G350" s="449" t="s">
        <v>1064</v>
      </c>
      <c r="H350" s="451"/>
      <c r="I350" s="451"/>
      <c r="J350" s="449"/>
      <c r="K350" s="452"/>
      <c r="L350" s="534">
        <v>42036</v>
      </c>
      <c r="M350" s="469">
        <v>42231</v>
      </c>
      <c r="N350" s="418" t="str">
        <f t="shared" si="10"/>
        <v/>
      </c>
    </row>
    <row r="351" spans="1:14" ht="15.75">
      <c r="A351" s="535"/>
      <c r="B351" s="411">
        <f t="shared" si="11"/>
        <v>20</v>
      </c>
      <c r="C351" s="498" t="s">
        <v>1244</v>
      </c>
      <c r="D351" s="449" t="s">
        <v>141</v>
      </c>
      <c r="E351" s="449" t="s">
        <v>643</v>
      </c>
      <c r="F351" s="449" t="s">
        <v>600</v>
      </c>
      <c r="G351" s="449" t="s">
        <v>1064</v>
      </c>
      <c r="H351" s="451"/>
      <c r="I351" s="451"/>
      <c r="J351" s="449"/>
      <c r="K351" s="452"/>
      <c r="L351" s="534">
        <v>42036</v>
      </c>
      <c r="M351" s="469">
        <v>42401</v>
      </c>
      <c r="N351" s="418" t="str">
        <f t="shared" si="10"/>
        <v>DUPLICATE</v>
      </c>
    </row>
    <row r="352" spans="1:14" ht="15.75">
      <c r="A352" s="535"/>
      <c r="B352" s="411">
        <f t="shared" si="11"/>
        <v>20</v>
      </c>
      <c r="C352" s="498" t="s">
        <v>1245</v>
      </c>
      <c r="D352" s="449" t="s">
        <v>1246</v>
      </c>
      <c r="E352" s="449" t="s">
        <v>643</v>
      </c>
      <c r="F352" s="449" t="s">
        <v>600</v>
      </c>
      <c r="G352" s="449" t="s">
        <v>1064</v>
      </c>
      <c r="H352" s="451"/>
      <c r="I352" s="451"/>
      <c r="J352" s="449"/>
      <c r="K352" s="452"/>
      <c r="L352" s="534">
        <v>42036</v>
      </c>
      <c r="M352" s="469">
        <v>42401</v>
      </c>
      <c r="N352" s="418" t="str">
        <f t="shared" si="10"/>
        <v>DUPLICATE</v>
      </c>
    </row>
    <row r="353" spans="1:14" ht="15.75">
      <c r="A353" s="535"/>
      <c r="B353" s="411">
        <f t="shared" si="11"/>
        <v>20</v>
      </c>
      <c r="C353" s="498" t="s">
        <v>1247</v>
      </c>
      <c r="D353" s="449" t="s">
        <v>1248</v>
      </c>
      <c r="E353" s="449" t="s">
        <v>707</v>
      </c>
      <c r="F353" s="449" t="s">
        <v>600</v>
      </c>
      <c r="G353" s="449" t="s">
        <v>1064</v>
      </c>
      <c r="H353" s="451"/>
      <c r="I353" s="451"/>
      <c r="J353" s="449"/>
      <c r="K353" s="452"/>
      <c r="L353" s="534">
        <v>42036</v>
      </c>
      <c r="M353" s="469">
        <v>42231</v>
      </c>
      <c r="N353" s="418" t="str">
        <f t="shared" si="10"/>
        <v/>
      </c>
    </row>
    <row r="354" spans="1:14" ht="15.75">
      <c r="A354" s="535"/>
      <c r="B354" s="411">
        <f t="shared" si="11"/>
        <v>20</v>
      </c>
      <c r="C354" s="498" t="s">
        <v>1249</v>
      </c>
      <c r="D354" s="449" t="s">
        <v>1250</v>
      </c>
      <c r="E354" s="449" t="s">
        <v>707</v>
      </c>
      <c r="F354" s="449" t="s">
        <v>600</v>
      </c>
      <c r="G354" s="449" t="s">
        <v>1064</v>
      </c>
      <c r="H354" s="451"/>
      <c r="I354" s="451"/>
      <c r="J354" s="449"/>
      <c r="K354" s="452"/>
      <c r="L354" s="534">
        <v>42036</v>
      </c>
      <c r="M354" s="469">
        <v>42231</v>
      </c>
      <c r="N354" s="418" t="str">
        <f t="shared" si="10"/>
        <v/>
      </c>
    </row>
    <row r="355" spans="1:14" ht="15.75">
      <c r="A355" s="535"/>
      <c r="B355" s="411">
        <f t="shared" si="11"/>
        <v>20</v>
      </c>
      <c r="C355" s="498" t="s">
        <v>1251</v>
      </c>
      <c r="D355" s="449" t="s">
        <v>1252</v>
      </c>
      <c r="E355" s="449" t="s">
        <v>707</v>
      </c>
      <c r="F355" s="449" t="s">
        <v>600</v>
      </c>
      <c r="G355" s="449" t="s">
        <v>1064</v>
      </c>
      <c r="H355" s="451"/>
      <c r="I355" s="451"/>
      <c r="J355" s="449"/>
      <c r="K355" s="452"/>
      <c r="L355" s="534">
        <v>42036</v>
      </c>
      <c r="M355" s="469">
        <v>42231</v>
      </c>
      <c r="N355" s="418" t="str">
        <f t="shared" si="10"/>
        <v/>
      </c>
    </row>
    <row r="356" spans="1:14" ht="15.75">
      <c r="A356" s="535"/>
      <c r="B356" s="411">
        <f t="shared" si="11"/>
        <v>20</v>
      </c>
      <c r="C356" s="498" t="s">
        <v>1253</v>
      </c>
      <c r="D356" s="449" t="s">
        <v>1254</v>
      </c>
      <c r="E356" s="449" t="s">
        <v>707</v>
      </c>
      <c r="F356" s="449" t="s">
        <v>600</v>
      </c>
      <c r="G356" s="449" t="s">
        <v>1064</v>
      </c>
      <c r="H356" s="451"/>
      <c r="I356" s="451"/>
      <c r="J356" s="449"/>
      <c r="K356" s="452"/>
      <c r="L356" s="534">
        <v>42036</v>
      </c>
      <c r="M356" s="469">
        <v>42231</v>
      </c>
      <c r="N356" s="418" t="str">
        <f t="shared" si="10"/>
        <v/>
      </c>
    </row>
    <row r="357" spans="1:14" ht="15.75">
      <c r="A357" s="535"/>
      <c r="B357" s="411">
        <f t="shared" si="11"/>
        <v>20</v>
      </c>
      <c r="C357" s="498" t="s">
        <v>1255</v>
      </c>
      <c r="D357" s="449" t="s">
        <v>1256</v>
      </c>
      <c r="E357" s="449" t="s">
        <v>707</v>
      </c>
      <c r="F357" s="449" t="s">
        <v>600</v>
      </c>
      <c r="G357" s="449" t="s">
        <v>1064</v>
      </c>
      <c r="H357" s="451"/>
      <c r="I357" s="451"/>
      <c r="J357" s="449"/>
      <c r="K357" s="452"/>
      <c r="L357" s="534">
        <v>42036</v>
      </c>
      <c r="M357" s="469">
        <v>42231</v>
      </c>
      <c r="N357" s="418" t="str">
        <f t="shared" si="10"/>
        <v/>
      </c>
    </row>
    <row r="358" spans="1:14" ht="15.75">
      <c r="A358" s="535"/>
      <c r="B358" s="411">
        <f t="shared" si="11"/>
        <v>20</v>
      </c>
      <c r="C358" s="498" t="s">
        <v>1257</v>
      </c>
      <c r="D358" s="449" t="s">
        <v>1258</v>
      </c>
      <c r="E358" s="449" t="s">
        <v>707</v>
      </c>
      <c r="F358" s="449" t="s">
        <v>600</v>
      </c>
      <c r="G358" s="449" t="s">
        <v>1064</v>
      </c>
      <c r="H358" s="451"/>
      <c r="I358" s="451"/>
      <c r="J358" s="449"/>
      <c r="K358" s="452"/>
      <c r="L358" s="534">
        <v>42036</v>
      </c>
      <c r="M358" s="469">
        <v>42231</v>
      </c>
      <c r="N358" s="418" t="str">
        <f t="shared" si="10"/>
        <v/>
      </c>
    </row>
    <row r="359" spans="1:14" ht="15.75">
      <c r="A359" s="535"/>
      <c r="B359" s="411">
        <f t="shared" si="11"/>
        <v>20</v>
      </c>
      <c r="C359" s="498" t="s">
        <v>1259</v>
      </c>
      <c r="D359" s="449" t="s">
        <v>1260</v>
      </c>
      <c r="E359" s="449" t="s">
        <v>707</v>
      </c>
      <c r="F359" s="449" t="s">
        <v>600</v>
      </c>
      <c r="G359" s="449" t="s">
        <v>1064</v>
      </c>
      <c r="H359" s="451"/>
      <c r="I359" s="451"/>
      <c r="J359" s="449"/>
      <c r="K359" s="452"/>
      <c r="L359" s="534">
        <v>42036</v>
      </c>
      <c r="M359" s="469">
        <v>42231</v>
      </c>
      <c r="N359" s="418" t="str">
        <f t="shared" si="10"/>
        <v/>
      </c>
    </row>
    <row r="360" spans="1:14" ht="15.75">
      <c r="A360" s="535"/>
      <c r="B360" s="411">
        <f t="shared" si="11"/>
        <v>20</v>
      </c>
      <c r="C360" s="498" t="s">
        <v>1261</v>
      </c>
      <c r="D360" s="449" t="s">
        <v>1262</v>
      </c>
      <c r="E360" s="449" t="s">
        <v>707</v>
      </c>
      <c r="F360" s="449" t="s">
        <v>600</v>
      </c>
      <c r="G360" s="449" t="s">
        <v>1064</v>
      </c>
      <c r="H360" s="451"/>
      <c r="I360" s="451"/>
      <c r="J360" s="449"/>
      <c r="K360" s="452"/>
      <c r="L360" s="534">
        <v>42036</v>
      </c>
      <c r="M360" s="469">
        <v>42231</v>
      </c>
      <c r="N360" s="418" t="str">
        <f t="shared" si="10"/>
        <v/>
      </c>
    </row>
    <row r="361" spans="1:14" ht="15.75">
      <c r="A361" s="535"/>
      <c r="B361" s="411">
        <f t="shared" si="11"/>
        <v>20</v>
      </c>
      <c r="C361" s="498" t="s">
        <v>1263</v>
      </c>
      <c r="D361" s="449" t="s">
        <v>1264</v>
      </c>
      <c r="E361" s="449" t="s">
        <v>707</v>
      </c>
      <c r="F361" s="449" t="s">
        <v>600</v>
      </c>
      <c r="G361" s="449" t="s">
        <v>1064</v>
      </c>
      <c r="H361" s="451"/>
      <c r="I361" s="451"/>
      <c r="J361" s="449"/>
      <c r="K361" s="452"/>
      <c r="L361" s="534">
        <v>42036</v>
      </c>
      <c r="M361" s="469">
        <v>42231</v>
      </c>
      <c r="N361" s="418" t="str">
        <f t="shared" si="10"/>
        <v/>
      </c>
    </row>
    <row r="362" spans="1:14" ht="15.75">
      <c r="A362" s="535"/>
      <c r="B362" s="411">
        <f t="shared" si="11"/>
        <v>20</v>
      </c>
      <c r="C362" s="498" t="s">
        <v>1265</v>
      </c>
      <c r="D362" s="449" t="s">
        <v>1266</v>
      </c>
      <c r="E362" s="449" t="s">
        <v>707</v>
      </c>
      <c r="F362" s="449" t="s">
        <v>600</v>
      </c>
      <c r="G362" s="449" t="s">
        <v>1064</v>
      </c>
      <c r="H362" s="451"/>
      <c r="I362" s="451"/>
      <c r="J362" s="449"/>
      <c r="K362" s="452"/>
      <c r="L362" s="534">
        <v>42036</v>
      </c>
      <c r="M362" s="469">
        <v>42231</v>
      </c>
      <c r="N362" s="418" t="str">
        <f t="shared" si="10"/>
        <v/>
      </c>
    </row>
    <row r="363" spans="1:14" ht="15.75">
      <c r="A363" s="535"/>
      <c r="B363" s="411">
        <f t="shared" si="11"/>
        <v>20</v>
      </c>
      <c r="C363" s="498" t="s">
        <v>1267</v>
      </c>
      <c r="D363" s="449" t="s">
        <v>1268</v>
      </c>
      <c r="E363" s="449" t="s">
        <v>707</v>
      </c>
      <c r="F363" s="449" t="s">
        <v>600</v>
      </c>
      <c r="G363" s="449" t="s">
        <v>1064</v>
      </c>
      <c r="H363" s="451"/>
      <c r="I363" s="451"/>
      <c r="J363" s="449"/>
      <c r="K363" s="452"/>
      <c r="L363" s="534">
        <v>42036</v>
      </c>
      <c r="M363" s="469">
        <v>42231</v>
      </c>
      <c r="N363" s="418" t="str">
        <f t="shared" si="10"/>
        <v/>
      </c>
    </row>
    <row r="364" spans="1:14" ht="15.75">
      <c r="A364" s="535"/>
      <c r="B364" s="411">
        <f t="shared" si="11"/>
        <v>20</v>
      </c>
      <c r="C364" s="498" t="s">
        <v>1269</v>
      </c>
      <c r="D364" s="449" t="s">
        <v>1270</v>
      </c>
      <c r="E364" s="449" t="s">
        <v>643</v>
      </c>
      <c r="F364" s="449" t="s">
        <v>600</v>
      </c>
      <c r="G364" s="449" t="s">
        <v>1064</v>
      </c>
      <c r="H364" s="451"/>
      <c r="I364" s="451"/>
      <c r="J364" s="449"/>
      <c r="K364" s="452"/>
      <c r="L364" s="534">
        <v>42036</v>
      </c>
      <c r="M364" s="469">
        <v>42401</v>
      </c>
      <c r="N364" s="418" t="str">
        <f t="shared" si="10"/>
        <v>DUPLICATE</v>
      </c>
    </row>
    <row r="365" spans="1:14" ht="15.75">
      <c r="A365" s="535"/>
      <c r="B365" s="411">
        <f t="shared" si="11"/>
        <v>20</v>
      </c>
      <c r="C365" s="498" t="s">
        <v>1271</v>
      </c>
      <c r="D365" s="449" t="s">
        <v>1272</v>
      </c>
      <c r="E365" s="449" t="s">
        <v>707</v>
      </c>
      <c r="F365" s="449" t="s">
        <v>600</v>
      </c>
      <c r="G365" s="449" t="s">
        <v>1064</v>
      </c>
      <c r="H365" s="451"/>
      <c r="I365" s="451"/>
      <c r="J365" s="449"/>
      <c r="K365" s="452"/>
      <c r="L365" s="534">
        <v>42036</v>
      </c>
      <c r="M365" s="469">
        <v>42231</v>
      </c>
      <c r="N365" s="418" t="str">
        <f t="shared" si="10"/>
        <v/>
      </c>
    </row>
    <row r="366" spans="1:14" ht="15.75">
      <c r="A366" s="535"/>
      <c r="B366" s="411">
        <f t="shared" si="11"/>
        <v>20</v>
      </c>
      <c r="C366" s="498" t="s">
        <v>1273</v>
      </c>
      <c r="D366" s="449" t="s">
        <v>1274</v>
      </c>
      <c r="E366" s="449" t="s">
        <v>707</v>
      </c>
      <c r="F366" s="449" t="s">
        <v>600</v>
      </c>
      <c r="G366" s="449" t="s">
        <v>1064</v>
      </c>
      <c r="H366" s="451"/>
      <c r="I366" s="451"/>
      <c r="J366" s="449"/>
      <c r="K366" s="452"/>
      <c r="L366" s="534">
        <v>42036</v>
      </c>
      <c r="M366" s="469">
        <v>42231</v>
      </c>
      <c r="N366" s="418" t="str">
        <f t="shared" si="10"/>
        <v/>
      </c>
    </row>
    <row r="367" spans="1:14" ht="15.75">
      <c r="A367" s="535"/>
      <c r="B367" s="411">
        <f t="shared" si="11"/>
        <v>20</v>
      </c>
      <c r="C367" s="498" t="s">
        <v>1275</v>
      </c>
      <c r="D367" s="449" t="s">
        <v>1276</v>
      </c>
      <c r="E367" s="449" t="s">
        <v>707</v>
      </c>
      <c r="F367" s="449" t="s">
        <v>600</v>
      </c>
      <c r="G367" s="449" t="s">
        <v>1064</v>
      </c>
      <c r="H367" s="451"/>
      <c r="I367" s="451"/>
      <c r="J367" s="449"/>
      <c r="K367" s="452"/>
      <c r="L367" s="534">
        <v>42036</v>
      </c>
      <c r="M367" s="469">
        <v>42231</v>
      </c>
      <c r="N367" s="418" t="str">
        <f t="shared" si="10"/>
        <v/>
      </c>
    </row>
    <row r="368" spans="1:14" ht="15.75">
      <c r="A368" s="535"/>
      <c r="B368" s="411">
        <f t="shared" si="11"/>
        <v>20</v>
      </c>
      <c r="C368" s="498" t="s">
        <v>1277</v>
      </c>
      <c r="D368" s="449" t="s">
        <v>1278</v>
      </c>
      <c r="E368" s="449" t="s">
        <v>707</v>
      </c>
      <c r="F368" s="449" t="s">
        <v>600</v>
      </c>
      <c r="G368" s="449" t="s">
        <v>1064</v>
      </c>
      <c r="H368" s="451"/>
      <c r="I368" s="451"/>
      <c r="J368" s="449"/>
      <c r="K368" s="452"/>
      <c r="L368" s="534">
        <v>42036</v>
      </c>
      <c r="M368" s="469">
        <v>42231</v>
      </c>
      <c r="N368" s="418" t="str">
        <f t="shared" si="10"/>
        <v/>
      </c>
    </row>
    <row r="369" spans="1:14" ht="15.75">
      <c r="A369" s="535"/>
      <c r="B369" s="411">
        <f t="shared" si="11"/>
        <v>20</v>
      </c>
      <c r="C369" s="498" t="s">
        <v>1279</v>
      </c>
      <c r="D369" s="449" t="s">
        <v>1280</v>
      </c>
      <c r="E369" s="449" t="s">
        <v>707</v>
      </c>
      <c r="F369" s="449" t="s">
        <v>600</v>
      </c>
      <c r="G369" s="449" t="s">
        <v>1064</v>
      </c>
      <c r="H369" s="451"/>
      <c r="I369" s="451"/>
      <c r="J369" s="449"/>
      <c r="K369" s="452"/>
      <c r="L369" s="534">
        <v>42036</v>
      </c>
      <c r="M369" s="469">
        <v>42231</v>
      </c>
      <c r="N369" s="418" t="str">
        <f t="shared" si="10"/>
        <v/>
      </c>
    </row>
    <row r="370" spans="1:14" ht="15.75">
      <c r="A370" s="535"/>
      <c r="B370" s="411">
        <f t="shared" si="11"/>
        <v>20</v>
      </c>
      <c r="C370" s="498" t="s">
        <v>1281</v>
      </c>
      <c r="D370" s="449" t="s">
        <v>1282</v>
      </c>
      <c r="E370" s="449" t="s">
        <v>707</v>
      </c>
      <c r="F370" s="449" t="s">
        <v>600</v>
      </c>
      <c r="G370" s="449" t="s">
        <v>1064</v>
      </c>
      <c r="H370" s="451"/>
      <c r="I370" s="451"/>
      <c r="J370" s="449"/>
      <c r="K370" s="452"/>
      <c r="L370" s="534">
        <v>42036</v>
      </c>
      <c r="M370" s="469">
        <v>42231</v>
      </c>
      <c r="N370" s="418" t="str">
        <f t="shared" si="10"/>
        <v/>
      </c>
    </row>
    <row r="371" spans="1:14" ht="15.75">
      <c r="A371" s="535"/>
      <c r="B371" s="411">
        <f t="shared" si="11"/>
        <v>20</v>
      </c>
      <c r="C371" s="498" t="s">
        <v>1283</v>
      </c>
      <c r="D371" s="449" t="s">
        <v>1284</v>
      </c>
      <c r="E371" s="449" t="s">
        <v>707</v>
      </c>
      <c r="F371" s="449" t="s">
        <v>600</v>
      </c>
      <c r="G371" s="449" t="s">
        <v>1064</v>
      </c>
      <c r="H371" s="451"/>
      <c r="I371" s="451"/>
      <c r="J371" s="449"/>
      <c r="K371" s="452"/>
      <c r="L371" s="534">
        <v>42036</v>
      </c>
      <c r="M371" s="469">
        <v>42231</v>
      </c>
      <c r="N371" s="418" t="str">
        <f t="shared" si="10"/>
        <v/>
      </c>
    </row>
    <row r="372" spans="1:14" ht="15.75">
      <c r="A372" s="535"/>
      <c r="B372" s="411">
        <f t="shared" si="11"/>
        <v>20</v>
      </c>
      <c r="C372" s="498" t="s">
        <v>1285</v>
      </c>
      <c r="D372" s="449" t="s">
        <v>1286</v>
      </c>
      <c r="E372" s="449" t="s">
        <v>707</v>
      </c>
      <c r="F372" s="449" t="s">
        <v>600</v>
      </c>
      <c r="G372" s="449" t="s">
        <v>1064</v>
      </c>
      <c r="H372" s="451"/>
      <c r="I372" s="451"/>
      <c r="J372" s="449"/>
      <c r="K372" s="452"/>
      <c r="L372" s="534">
        <v>42036</v>
      </c>
      <c r="M372" s="469">
        <v>42231</v>
      </c>
      <c r="N372" s="418" t="str">
        <f t="shared" si="10"/>
        <v/>
      </c>
    </row>
    <row r="373" spans="1:14" ht="15.75">
      <c r="A373" s="535"/>
      <c r="B373" s="411">
        <f t="shared" si="11"/>
        <v>20</v>
      </c>
      <c r="C373" s="498" t="s">
        <v>1287</v>
      </c>
      <c r="D373" s="449" t="s">
        <v>1288</v>
      </c>
      <c r="E373" s="449" t="s">
        <v>707</v>
      </c>
      <c r="F373" s="449" t="s">
        <v>600</v>
      </c>
      <c r="G373" s="449" t="s">
        <v>1064</v>
      </c>
      <c r="H373" s="451"/>
      <c r="I373" s="451"/>
      <c r="J373" s="449"/>
      <c r="K373" s="452"/>
      <c r="L373" s="534">
        <v>42036</v>
      </c>
      <c r="M373" s="469">
        <v>42231</v>
      </c>
      <c r="N373" s="418" t="str">
        <f t="shared" si="10"/>
        <v/>
      </c>
    </row>
    <row r="374" spans="1:14" ht="15.75">
      <c r="A374" s="535"/>
      <c r="B374" s="411">
        <f t="shared" si="11"/>
        <v>20</v>
      </c>
      <c r="C374" s="498" t="s">
        <v>1289</v>
      </c>
      <c r="D374" s="449" t="s">
        <v>1290</v>
      </c>
      <c r="E374" s="449" t="s">
        <v>707</v>
      </c>
      <c r="F374" s="449" t="s">
        <v>600</v>
      </c>
      <c r="G374" s="449" t="s">
        <v>1064</v>
      </c>
      <c r="H374" s="451"/>
      <c r="I374" s="451"/>
      <c r="J374" s="449"/>
      <c r="K374" s="452"/>
      <c r="L374" s="534">
        <v>42036</v>
      </c>
      <c r="M374" s="469">
        <v>42231</v>
      </c>
      <c r="N374" s="418" t="str">
        <f t="shared" si="10"/>
        <v/>
      </c>
    </row>
    <row r="375" spans="1:14" ht="15.75">
      <c r="A375" s="535"/>
      <c r="B375" s="411">
        <f t="shared" si="11"/>
        <v>20</v>
      </c>
      <c r="C375" s="498" t="s">
        <v>1291</v>
      </c>
      <c r="D375" s="449" t="s">
        <v>1292</v>
      </c>
      <c r="E375" s="449" t="s">
        <v>707</v>
      </c>
      <c r="F375" s="449" t="s">
        <v>600</v>
      </c>
      <c r="G375" s="449" t="s">
        <v>1064</v>
      </c>
      <c r="H375" s="451"/>
      <c r="I375" s="451"/>
      <c r="J375" s="449"/>
      <c r="K375" s="452"/>
      <c r="L375" s="534">
        <v>42036</v>
      </c>
      <c r="M375" s="469">
        <v>42231</v>
      </c>
      <c r="N375" s="418" t="str">
        <f t="shared" si="10"/>
        <v/>
      </c>
    </row>
    <row r="376" spans="1:14" ht="15.75">
      <c r="A376" s="535"/>
      <c r="B376" s="411">
        <f t="shared" si="11"/>
        <v>20</v>
      </c>
      <c r="C376" s="498" t="s">
        <v>1293</v>
      </c>
      <c r="D376" s="449" t="s">
        <v>1294</v>
      </c>
      <c r="E376" s="449" t="s">
        <v>707</v>
      </c>
      <c r="F376" s="449" t="s">
        <v>600</v>
      </c>
      <c r="G376" s="449" t="s">
        <v>1064</v>
      </c>
      <c r="H376" s="451"/>
      <c r="I376" s="451"/>
      <c r="J376" s="449"/>
      <c r="K376" s="452"/>
      <c r="L376" s="534">
        <v>42036</v>
      </c>
      <c r="M376" s="469">
        <v>42231</v>
      </c>
      <c r="N376" s="418" t="str">
        <f t="shared" si="10"/>
        <v/>
      </c>
    </row>
    <row r="377" spans="1:14" ht="15.75">
      <c r="A377" s="535"/>
      <c r="B377" s="411">
        <f t="shared" si="11"/>
        <v>20</v>
      </c>
      <c r="C377" s="498" t="s">
        <v>1295</v>
      </c>
      <c r="D377" s="449" t="s">
        <v>1296</v>
      </c>
      <c r="E377" s="449" t="s">
        <v>707</v>
      </c>
      <c r="F377" s="449" t="s">
        <v>600</v>
      </c>
      <c r="G377" s="449" t="s">
        <v>1064</v>
      </c>
      <c r="H377" s="451"/>
      <c r="I377" s="451"/>
      <c r="J377" s="449"/>
      <c r="K377" s="452"/>
      <c r="L377" s="534">
        <v>42036</v>
      </c>
      <c r="M377" s="469">
        <v>42231</v>
      </c>
      <c r="N377" s="418" t="str">
        <f t="shared" si="10"/>
        <v/>
      </c>
    </row>
    <row r="378" spans="1:14" ht="15.75">
      <c r="A378" s="535"/>
      <c r="B378" s="411">
        <f t="shared" si="11"/>
        <v>20</v>
      </c>
      <c r="C378" s="498" t="s">
        <v>1297</v>
      </c>
      <c r="D378" s="449" t="s">
        <v>1298</v>
      </c>
      <c r="E378" s="449" t="s">
        <v>707</v>
      </c>
      <c r="F378" s="449" t="s">
        <v>600</v>
      </c>
      <c r="G378" s="449" t="s">
        <v>1064</v>
      </c>
      <c r="H378" s="451"/>
      <c r="I378" s="451"/>
      <c r="J378" s="449"/>
      <c r="K378" s="452"/>
      <c r="L378" s="534">
        <v>42036</v>
      </c>
      <c r="M378" s="469">
        <v>42231</v>
      </c>
      <c r="N378" s="418" t="str">
        <f t="shared" si="10"/>
        <v/>
      </c>
    </row>
    <row r="379" spans="1:14" ht="15.75">
      <c r="A379" s="535"/>
      <c r="B379" s="411">
        <f t="shared" si="11"/>
        <v>20</v>
      </c>
      <c r="C379" s="498" t="s">
        <v>1299</v>
      </c>
      <c r="D379" s="449" t="s">
        <v>1300</v>
      </c>
      <c r="E379" s="449" t="s">
        <v>707</v>
      </c>
      <c r="F379" s="449" t="s">
        <v>600</v>
      </c>
      <c r="G379" s="449" t="s">
        <v>1064</v>
      </c>
      <c r="H379" s="451"/>
      <c r="I379" s="451"/>
      <c r="J379" s="449"/>
      <c r="K379" s="452"/>
      <c r="L379" s="534">
        <v>42036</v>
      </c>
      <c r="M379" s="469">
        <v>42231</v>
      </c>
      <c r="N379" s="418" t="str">
        <f t="shared" si="10"/>
        <v/>
      </c>
    </row>
    <row r="380" spans="1:14" ht="15.75">
      <c r="A380" s="535"/>
      <c r="B380" s="411">
        <f t="shared" si="11"/>
        <v>20</v>
      </c>
      <c r="C380" s="498" t="s">
        <v>1301</v>
      </c>
      <c r="D380" s="449" t="s">
        <v>1302</v>
      </c>
      <c r="E380" s="449" t="s">
        <v>707</v>
      </c>
      <c r="F380" s="449" t="s">
        <v>600</v>
      </c>
      <c r="G380" s="449" t="s">
        <v>1064</v>
      </c>
      <c r="H380" s="451"/>
      <c r="I380" s="451"/>
      <c r="J380" s="449"/>
      <c r="K380" s="452"/>
      <c r="L380" s="534">
        <v>42036</v>
      </c>
      <c r="M380" s="469">
        <v>42231</v>
      </c>
      <c r="N380" s="418" t="str">
        <f t="shared" si="10"/>
        <v/>
      </c>
    </row>
    <row r="381" spans="1:14" ht="15.75">
      <c r="A381" s="535"/>
      <c r="B381" s="411">
        <f t="shared" si="11"/>
        <v>20</v>
      </c>
      <c r="C381" s="498" t="s">
        <v>1303</v>
      </c>
      <c r="D381" s="449" t="s">
        <v>1304</v>
      </c>
      <c r="E381" s="449" t="s">
        <v>707</v>
      </c>
      <c r="F381" s="449" t="s">
        <v>600</v>
      </c>
      <c r="G381" s="449" t="s">
        <v>1064</v>
      </c>
      <c r="H381" s="451"/>
      <c r="I381" s="451"/>
      <c r="J381" s="449"/>
      <c r="K381" s="452"/>
      <c r="L381" s="534">
        <v>42036</v>
      </c>
      <c r="M381" s="469">
        <v>42231</v>
      </c>
      <c r="N381" s="418" t="str">
        <f t="shared" si="10"/>
        <v/>
      </c>
    </row>
    <row r="382" spans="1:14" ht="15.75">
      <c r="A382" s="535"/>
      <c r="B382" s="411">
        <f t="shared" si="11"/>
        <v>20</v>
      </c>
      <c r="C382" s="498" t="s">
        <v>1305</v>
      </c>
      <c r="D382" s="449" t="s">
        <v>1306</v>
      </c>
      <c r="E382" s="449" t="s">
        <v>707</v>
      </c>
      <c r="F382" s="449" t="s">
        <v>600</v>
      </c>
      <c r="G382" s="449" t="s">
        <v>1064</v>
      </c>
      <c r="H382" s="451"/>
      <c r="I382" s="451"/>
      <c r="J382" s="449"/>
      <c r="K382" s="452"/>
      <c r="L382" s="534">
        <v>42036</v>
      </c>
      <c r="M382" s="469">
        <v>42231</v>
      </c>
      <c r="N382" s="418" t="str">
        <f t="shared" si="10"/>
        <v/>
      </c>
    </row>
    <row r="383" spans="1:14" ht="15.75">
      <c r="A383" s="535"/>
      <c r="B383" s="411">
        <f t="shared" si="11"/>
        <v>20</v>
      </c>
      <c r="C383" s="498" t="s">
        <v>1307</v>
      </c>
      <c r="D383" s="449" t="s">
        <v>1308</v>
      </c>
      <c r="E383" s="449" t="s">
        <v>707</v>
      </c>
      <c r="F383" s="449" t="s">
        <v>600</v>
      </c>
      <c r="G383" s="449" t="s">
        <v>1064</v>
      </c>
      <c r="H383" s="451"/>
      <c r="I383" s="451"/>
      <c r="J383" s="449"/>
      <c r="K383" s="452"/>
      <c r="L383" s="534">
        <v>42036</v>
      </c>
      <c r="M383" s="469">
        <v>42231</v>
      </c>
      <c r="N383" s="418" t="str">
        <f t="shared" si="10"/>
        <v/>
      </c>
    </row>
    <row r="384" spans="1:14" ht="15.75">
      <c r="A384" s="535"/>
      <c r="B384" s="411">
        <f t="shared" si="11"/>
        <v>20</v>
      </c>
      <c r="C384" s="498" t="s">
        <v>1309</v>
      </c>
      <c r="D384" s="449" t="s">
        <v>1310</v>
      </c>
      <c r="E384" s="449" t="s">
        <v>707</v>
      </c>
      <c r="F384" s="449" t="s">
        <v>600</v>
      </c>
      <c r="G384" s="449" t="s">
        <v>1064</v>
      </c>
      <c r="H384" s="451"/>
      <c r="I384" s="451"/>
      <c r="J384" s="449"/>
      <c r="K384" s="452"/>
      <c r="L384" s="534">
        <v>42036</v>
      </c>
      <c r="M384" s="469">
        <v>42231</v>
      </c>
      <c r="N384" s="418" t="str">
        <f t="shared" si="10"/>
        <v/>
      </c>
    </row>
    <row r="385" spans="1:14" ht="15.75">
      <c r="A385" s="535"/>
      <c r="B385" s="411">
        <f t="shared" si="11"/>
        <v>20</v>
      </c>
      <c r="C385" s="498" t="s">
        <v>1311</v>
      </c>
      <c r="D385" s="449" t="s">
        <v>1312</v>
      </c>
      <c r="E385" s="449" t="s">
        <v>707</v>
      </c>
      <c r="F385" s="449" t="s">
        <v>600</v>
      </c>
      <c r="G385" s="449" t="s">
        <v>1064</v>
      </c>
      <c r="H385" s="451"/>
      <c r="I385" s="451"/>
      <c r="J385" s="449"/>
      <c r="K385" s="452"/>
      <c r="L385" s="534">
        <v>42036</v>
      </c>
      <c r="M385" s="469">
        <v>42231</v>
      </c>
      <c r="N385" s="418" t="str">
        <f t="shared" si="10"/>
        <v/>
      </c>
    </row>
    <row r="386" spans="1:14" ht="15.75">
      <c r="A386" s="535"/>
      <c r="B386" s="411">
        <f t="shared" si="11"/>
        <v>20</v>
      </c>
      <c r="C386" s="498" t="s">
        <v>1313</v>
      </c>
      <c r="D386" s="449" t="s">
        <v>1314</v>
      </c>
      <c r="E386" s="449" t="s">
        <v>707</v>
      </c>
      <c r="F386" s="449" t="s">
        <v>600</v>
      </c>
      <c r="G386" s="449" t="s">
        <v>1064</v>
      </c>
      <c r="H386" s="451"/>
      <c r="I386" s="451"/>
      <c r="J386" s="449"/>
      <c r="K386" s="452"/>
      <c r="L386" s="534">
        <v>42036</v>
      </c>
      <c r="M386" s="469">
        <v>42231</v>
      </c>
      <c r="N386" s="418" t="str">
        <f t="shared" si="10"/>
        <v/>
      </c>
    </row>
    <row r="387" spans="1:14" ht="28.5">
      <c r="A387" s="410"/>
      <c r="B387" s="411">
        <f t="shared" si="11"/>
        <v>20</v>
      </c>
      <c r="C387" s="498" t="s">
        <v>1315</v>
      </c>
      <c r="D387" s="458" t="s">
        <v>1316</v>
      </c>
      <c r="E387" s="458" t="s">
        <v>643</v>
      </c>
      <c r="F387" s="458" t="s">
        <v>600</v>
      </c>
      <c r="G387" s="458" t="s">
        <v>1317</v>
      </c>
      <c r="H387" s="460"/>
      <c r="I387" s="460"/>
      <c r="J387" s="458"/>
      <c r="K387" s="461"/>
      <c r="L387" s="534">
        <v>42036</v>
      </c>
      <c r="M387" s="469">
        <v>42401</v>
      </c>
      <c r="N387" s="418" t="str">
        <f t="shared" si="10"/>
        <v/>
      </c>
    </row>
    <row r="388" spans="1:14" ht="31.5">
      <c r="A388" s="536">
        <v>21</v>
      </c>
      <c r="B388" s="411">
        <f t="shared" si="11"/>
        <v>21</v>
      </c>
      <c r="C388" s="471" t="s">
        <v>1318</v>
      </c>
      <c r="D388" s="414"/>
      <c r="E388" s="414" t="s">
        <v>595</v>
      </c>
      <c r="F388" s="414" t="s">
        <v>1319</v>
      </c>
      <c r="G388" s="414" t="s">
        <v>597</v>
      </c>
      <c r="H388" s="415"/>
      <c r="I388" s="415"/>
      <c r="J388" s="414" t="s">
        <v>1320</v>
      </c>
      <c r="K388" s="537">
        <v>0.01</v>
      </c>
      <c r="L388" s="417">
        <v>38362</v>
      </c>
      <c r="M388" s="417">
        <v>41671</v>
      </c>
      <c r="N388" s="418" t="str">
        <f t="shared" si="10"/>
        <v/>
      </c>
    </row>
    <row r="389" spans="1:14" ht="15.75">
      <c r="A389" s="538"/>
      <c r="B389" s="411">
        <f t="shared" si="11"/>
        <v>21</v>
      </c>
      <c r="C389" s="498" t="s">
        <v>1321</v>
      </c>
      <c r="D389" s="539" t="s">
        <v>1322</v>
      </c>
      <c r="E389" s="522" t="s">
        <v>595</v>
      </c>
      <c r="F389" s="539" t="s">
        <v>596</v>
      </c>
      <c r="G389" s="443"/>
      <c r="H389" s="444"/>
      <c r="I389" s="481"/>
      <c r="J389" s="144"/>
      <c r="K389" s="540"/>
      <c r="L389" s="477">
        <v>38362</v>
      </c>
      <c r="M389" s="448"/>
      <c r="N389" s="418" t="str">
        <f t="shared" si="10"/>
        <v/>
      </c>
    </row>
    <row r="390" spans="1:14" ht="28.5">
      <c r="A390" s="538"/>
      <c r="B390" s="411">
        <f t="shared" si="11"/>
        <v>21</v>
      </c>
      <c r="C390" s="498" t="s">
        <v>1323</v>
      </c>
      <c r="D390" s="522" t="s">
        <v>1324</v>
      </c>
      <c r="E390" s="449" t="s">
        <v>595</v>
      </c>
      <c r="F390" s="449" t="s">
        <v>596</v>
      </c>
      <c r="G390" s="450"/>
      <c r="H390" s="451"/>
      <c r="I390" s="481"/>
      <c r="J390" s="144"/>
      <c r="K390" s="540"/>
      <c r="L390" s="469">
        <v>38362</v>
      </c>
      <c r="M390" s="455"/>
      <c r="N390" s="418" t="str">
        <f t="shared" si="10"/>
        <v/>
      </c>
    </row>
    <row r="391" spans="1:14" ht="28.5">
      <c r="A391" s="538"/>
      <c r="B391" s="411">
        <f t="shared" si="11"/>
        <v>21</v>
      </c>
      <c r="C391" s="498" t="s">
        <v>1325</v>
      </c>
      <c r="D391" s="522" t="s">
        <v>1326</v>
      </c>
      <c r="E391" s="449" t="s">
        <v>595</v>
      </c>
      <c r="F391" s="449" t="s">
        <v>596</v>
      </c>
      <c r="G391" s="450"/>
      <c r="H391" s="451"/>
      <c r="I391" s="481"/>
      <c r="J391" s="144"/>
      <c r="K391" s="540"/>
      <c r="L391" s="469">
        <v>38362</v>
      </c>
      <c r="M391" s="455"/>
      <c r="N391" s="418" t="str">
        <f t="shared" si="10"/>
        <v/>
      </c>
    </row>
    <row r="392" spans="1:14" ht="15.75">
      <c r="A392" s="538"/>
      <c r="B392" s="411">
        <f t="shared" si="11"/>
        <v>21</v>
      </c>
      <c r="C392" s="498" t="s">
        <v>1327</v>
      </c>
      <c r="D392" s="522" t="s">
        <v>1328</v>
      </c>
      <c r="E392" s="449" t="s">
        <v>595</v>
      </c>
      <c r="F392" s="449" t="s">
        <v>596</v>
      </c>
      <c r="G392" s="450"/>
      <c r="H392" s="451"/>
      <c r="I392" s="481"/>
      <c r="J392" s="144"/>
      <c r="K392" s="540"/>
      <c r="L392" s="469">
        <v>38362</v>
      </c>
      <c r="M392" s="455"/>
      <c r="N392" s="418" t="str">
        <f t="shared" si="10"/>
        <v/>
      </c>
    </row>
    <row r="393" spans="1:14" ht="28.5">
      <c r="A393" s="538"/>
      <c r="B393" s="411">
        <f t="shared" si="11"/>
        <v>21</v>
      </c>
      <c r="C393" s="498" t="s">
        <v>1329</v>
      </c>
      <c r="D393" s="522" t="s">
        <v>1330</v>
      </c>
      <c r="E393" s="449" t="s">
        <v>595</v>
      </c>
      <c r="F393" s="449" t="s">
        <v>596</v>
      </c>
      <c r="G393" s="450"/>
      <c r="H393" s="451"/>
      <c r="I393" s="481"/>
      <c r="J393" s="144"/>
      <c r="K393" s="540"/>
      <c r="L393" s="469">
        <v>38362</v>
      </c>
      <c r="M393" s="455"/>
      <c r="N393" s="418" t="str">
        <f t="shared" si="10"/>
        <v/>
      </c>
    </row>
    <row r="394" spans="1:14" ht="15.75">
      <c r="A394" s="538"/>
      <c r="B394" s="411">
        <f t="shared" si="11"/>
        <v>21</v>
      </c>
      <c r="C394" s="498" t="s">
        <v>1331</v>
      </c>
      <c r="D394" s="522" t="s">
        <v>1332</v>
      </c>
      <c r="E394" s="522" t="s">
        <v>595</v>
      </c>
      <c r="F394" s="522" t="s">
        <v>596</v>
      </c>
      <c r="G394" s="450"/>
      <c r="H394" s="451"/>
      <c r="I394" s="481"/>
      <c r="J394" s="144"/>
      <c r="K394" s="540"/>
      <c r="L394" s="469">
        <v>38362</v>
      </c>
      <c r="M394" s="455"/>
      <c r="N394" s="418" t="str">
        <f t="shared" si="10"/>
        <v/>
      </c>
    </row>
    <row r="395" spans="1:14" ht="15.75">
      <c r="A395" s="538"/>
      <c r="B395" s="411">
        <f t="shared" si="11"/>
        <v>21</v>
      </c>
      <c r="C395" s="498" t="s">
        <v>1333</v>
      </c>
      <c r="D395" s="522" t="s">
        <v>1334</v>
      </c>
      <c r="E395" s="522" t="s">
        <v>595</v>
      </c>
      <c r="F395" s="522" t="s">
        <v>596</v>
      </c>
      <c r="G395" s="450"/>
      <c r="H395" s="451"/>
      <c r="I395" s="481"/>
      <c r="J395" s="144"/>
      <c r="K395" s="540"/>
      <c r="L395" s="469">
        <v>38362</v>
      </c>
      <c r="M395" s="455"/>
      <c r="N395" s="418" t="str">
        <f t="shared" si="10"/>
        <v/>
      </c>
    </row>
    <row r="396" spans="1:14" ht="15.75">
      <c r="A396" s="538"/>
      <c r="B396" s="411">
        <f t="shared" si="11"/>
        <v>21</v>
      </c>
      <c r="C396" s="498" t="s">
        <v>1335</v>
      </c>
      <c r="D396" s="522" t="s">
        <v>1336</v>
      </c>
      <c r="E396" s="522" t="s">
        <v>595</v>
      </c>
      <c r="F396" s="522" t="s">
        <v>596</v>
      </c>
      <c r="G396" s="450"/>
      <c r="H396" s="451"/>
      <c r="I396" s="481"/>
      <c r="J396" s="144"/>
      <c r="K396" s="540"/>
      <c r="L396" s="469">
        <v>38362</v>
      </c>
      <c r="M396" s="455"/>
      <c r="N396" s="418" t="str">
        <f t="shared" si="10"/>
        <v/>
      </c>
    </row>
    <row r="397" spans="1:14" ht="15.75">
      <c r="A397" s="538"/>
      <c r="B397" s="411">
        <f t="shared" si="11"/>
        <v>21</v>
      </c>
      <c r="C397" s="498" t="s">
        <v>1337</v>
      </c>
      <c r="D397" s="522" t="s">
        <v>1338</v>
      </c>
      <c r="E397" s="522" t="s">
        <v>595</v>
      </c>
      <c r="F397" s="522" t="s">
        <v>596</v>
      </c>
      <c r="G397" s="450"/>
      <c r="H397" s="451"/>
      <c r="I397" s="481"/>
      <c r="J397" s="144"/>
      <c r="K397" s="540"/>
      <c r="L397" s="469">
        <v>38362</v>
      </c>
      <c r="M397" s="455"/>
      <c r="N397" s="418" t="str">
        <f t="shared" si="10"/>
        <v/>
      </c>
    </row>
    <row r="398" spans="1:14" ht="15.75">
      <c r="A398" s="538"/>
      <c r="B398" s="411">
        <f t="shared" si="11"/>
        <v>21</v>
      </c>
      <c r="C398" s="498" t="s">
        <v>1339</v>
      </c>
      <c r="D398" s="522" t="s">
        <v>1340</v>
      </c>
      <c r="E398" s="522" t="s">
        <v>595</v>
      </c>
      <c r="F398" s="522" t="s">
        <v>596</v>
      </c>
      <c r="G398" s="450"/>
      <c r="H398" s="451"/>
      <c r="I398" s="481"/>
      <c r="J398" s="144"/>
      <c r="K398" s="540"/>
      <c r="L398" s="469">
        <v>38362</v>
      </c>
      <c r="M398" s="455"/>
      <c r="N398" s="418" t="str">
        <f t="shared" si="10"/>
        <v/>
      </c>
    </row>
    <row r="399" spans="1:14" ht="28.5">
      <c r="A399" s="538"/>
      <c r="B399" s="411">
        <f t="shared" si="11"/>
        <v>21</v>
      </c>
      <c r="C399" s="498" t="s">
        <v>1341</v>
      </c>
      <c r="D399" s="522" t="s">
        <v>1342</v>
      </c>
      <c r="E399" s="449" t="s">
        <v>595</v>
      </c>
      <c r="F399" s="449" t="s">
        <v>596</v>
      </c>
      <c r="G399" s="450"/>
      <c r="H399" s="451"/>
      <c r="I399" s="481"/>
      <c r="J399" s="144"/>
      <c r="K399" s="540"/>
      <c r="L399" s="469">
        <v>38362</v>
      </c>
      <c r="M399" s="455"/>
      <c r="N399" s="418" t="str">
        <f t="shared" si="10"/>
        <v/>
      </c>
    </row>
    <row r="400" spans="1:14" ht="15.75">
      <c r="A400" s="538"/>
      <c r="B400" s="411">
        <f t="shared" si="11"/>
        <v>21</v>
      </c>
      <c r="C400" s="498" t="s">
        <v>1343</v>
      </c>
      <c r="D400" s="522" t="s">
        <v>1344</v>
      </c>
      <c r="E400" s="522" t="s">
        <v>595</v>
      </c>
      <c r="F400" s="522" t="s">
        <v>596</v>
      </c>
      <c r="G400" s="450"/>
      <c r="H400" s="451"/>
      <c r="I400" s="481"/>
      <c r="J400" s="144"/>
      <c r="K400" s="540"/>
      <c r="L400" s="469">
        <v>38362</v>
      </c>
      <c r="M400" s="455"/>
      <c r="N400" s="418" t="str">
        <f t="shared" si="10"/>
        <v/>
      </c>
    </row>
    <row r="401" spans="1:14" ht="15.75">
      <c r="A401" s="538"/>
      <c r="B401" s="411">
        <f t="shared" si="11"/>
        <v>21</v>
      </c>
      <c r="C401" s="498" t="s">
        <v>1345</v>
      </c>
      <c r="D401" s="522" t="s">
        <v>1346</v>
      </c>
      <c r="E401" s="522" t="s">
        <v>595</v>
      </c>
      <c r="F401" s="522" t="s">
        <v>596</v>
      </c>
      <c r="G401" s="450"/>
      <c r="H401" s="451"/>
      <c r="I401" s="481"/>
      <c r="J401" s="144"/>
      <c r="K401" s="540"/>
      <c r="L401" s="469">
        <v>38362</v>
      </c>
      <c r="M401" s="455"/>
      <c r="N401" s="418" t="str">
        <f t="shared" si="10"/>
        <v/>
      </c>
    </row>
    <row r="402" spans="1:14" ht="15.75">
      <c r="A402" s="538"/>
      <c r="B402" s="411">
        <f t="shared" si="11"/>
        <v>21</v>
      </c>
      <c r="C402" s="498" t="s">
        <v>1347</v>
      </c>
      <c r="D402" s="522" t="s">
        <v>1348</v>
      </c>
      <c r="E402" s="522" t="s">
        <v>595</v>
      </c>
      <c r="F402" s="522" t="s">
        <v>596</v>
      </c>
      <c r="G402" s="450"/>
      <c r="H402" s="451"/>
      <c r="I402" s="481"/>
      <c r="J402" s="144"/>
      <c r="K402" s="540"/>
      <c r="L402" s="469">
        <v>38362</v>
      </c>
      <c r="M402" s="455"/>
      <c r="N402" s="418" t="str">
        <f t="shared" si="10"/>
        <v/>
      </c>
    </row>
    <row r="403" spans="1:14" ht="15.75">
      <c r="A403" s="538"/>
      <c r="B403" s="411">
        <f t="shared" si="11"/>
        <v>21</v>
      </c>
      <c r="C403" s="498" t="s">
        <v>1349</v>
      </c>
      <c r="D403" s="522" t="s">
        <v>1350</v>
      </c>
      <c r="E403" s="522" t="s">
        <v>595</v>
      </c>
      <c r="F403" s="522" t="s">
        <v>596</v>
      </c>
      <c r="G403" s="450"/>
      <c r="H403" s="451"/>
      <c r="I403" s="481"/>
      <c r="J403" s="144"/>
      <c r="K403" s="540"/>
      <c r="L403" s="469">
        <v>38362</v>
      </c>
      <c r="M403" s="455"/>
      <c r="N403" s="418" t="str">
        <f t="shared" si="10"/>
        <v/>
      </c>
    </row>
    <row r="404" spans="1:14" ht="15.75">
      <c r="A404" s="538"/>
      <c r="B404" s="411">
        <f t="shared" si="11"/>
        <v>21</v>
      </c>
      <c r="C404" s="498" t="s">
        <v>1351</v>
      </c>
      <c r="D404" s="522" t="s">
        <v>1352</v>
      </c>
      <c r="E404" s="522" t="s">
        <v>595</v>
      </c>
      <c r="F404" s="522" t="s">
        <v>596</v>
      </c>
      <c r="G404" s="450"/>
      <c r="H404" s="451"/>
      <c r="I404" s="481"/>
      <c r="J404" s="144"/>
      <c r="K404" s="540"/>
      <c r="L404" s="469">
        <v>38362</v>
      </c>
      <c r="M404" s="455"/>
      <c r="N404" s="418" t="str">
        <f t="shared" si="10"/>
        <v/>
      </c>
    </row>
    <row r="405" spans="1:14" ht="15.75">
      <c r="A405" s="538"/>
      <c r="B405" s="411">
        <f t="shared" si="11"/>
        <v>21</v>
      </c>
      <c r="C405" s="498" t="s">
        <v>1353</v>
      </c>
      <c r="D405" s="522" t="s">
        <v>1354</v>
      </c>
      <c r="E405" s="522" t="s">
        <v>595</v>
      </c>
      <c r="F405" s="522" t="s">
        <v>596</v>
      </c>
      <c r="G405" s="450"/>
      <c r="H405" s="451"/>
      <c r="I405" s="481"/>
      <c r="J405" s="144"/>
      <c r="K405" s="540"/>
      <c r="L405" s="469">
        <v>38362</v>
      </c>
      <c r="M405" s="455"/>
      <c r="N405" s="418" t="str">
        <f t="shared" si="10"/>
        <v/>
      </c>
    </row>
    <row r="406" spans="1:14" ht="15.75">
      <c r="A406" s="538"/>
      <c r="B406" s="411">
        <f t="shared" si="11"/>
        <v>21</v>
      </c>
      <c r="C406" s="498" t="s">
        <v>1355</v>
      </c>
      <c r="D406" s="522" t="s">
        <v>1356</v>
      </c>
      <c r="E406" s="522" t="s">
        <v>595</v>
      </c>
      <c r="F406" s="522" t="s">
        <v>596</v>
      </c>
      <c r="G406" s="450"/>
      <c r="H406" s="451"/>
      <c r="I406" s="481"/>
      <c r="J406" s="144"/>
      <c r="K406" s="540"/>
      <c r="L406" s="469">
        <v>38362</v>
      </c>
      <c r="M406" s="455"/>
      <c r="N406" s="418" t="str">
        <f t="shared" si="10"/>
        <v/>
      </c>
    </row>
    <row r="407" spans="1:14" ht="15.75">
      <c r="A407" s="538"/>
      <c r="B407" s="411">
        <f t="shared" si="11"/>
        <v>21</v>
      </c>
      <c r="C407" s="498" t="s">
        <v>1357</v>
      </c>
      <c r="D407" s="522" t="s">
        <v>1358</v>
      </c>
      <c r="E407" s="522" t="s">
        <v>595</v>
      </c>
      <c r="F407" s="522" t="s">
        <v>596</v>
      </c>
      <c r="G407" s="450"/>
      <c r="H407" s="451"/>
      <c r="I407" s="481"/>
      <c r="J407" s="144"/>
      <c r="K407" s="540"/>
      <c r="L407" s="469">
        <v>38362</v>
      </c>
      <c r="M407" s="455"/>
      <c r="N407" s="418" t="str">
        <f t="shared" si="10"/>
        <v/>
      </c>
    </row>
    <row r="408" spans="1:14" ht="15.75">
      <c r="A408" s="538"/>
      <c r="B408" s="411">
        <f t="shared" si="11"/>
        <v>21</v>
      </c>
      <c r="C408" s="498" t="s">
        <v>1359</v>
      </c>
      <c r="D408" s="522" t="s">
        <v>1360</v>
      </c>
      <c r="E408" s="522" t="s">
        <v>595</v>
      </c>
      <c r="F408" s="522" t="s">
        <v>596</v>
      </c>
      <c r="G408" s="450"/>
      <c r="H408" s="451"/>
      <c r="I408" s="481"/>
      <c r="J408" s="144"/>
      <c r="K408" s="540"/>
      <c r="L408" s="469">
        <v>38362</v>
      </c>
      <c r="M408" s="455"/>
      <c r="N408" s="418" t="str">
        <f t="shared" si="10"/>
        <v/>
      </c>
    </row>
    <row r="409" spans="1:14" ht="15.75">
      <c r="A409" s="538"/>
      <c r="B409" s="411">
        <f t="shared" si="11"/>
        <v>21</v>
      </c>
      <c r="C409" s="498" t="s">
        <v>1361</v>
      </c>
      <c r="D409" s="522" t="s">
        <v>1362</v>
      </c>
      <c r="E409" s="522" t="s">
        <v>595</v>
      </c>
      <c r="F409" s="522" t="s">
        <v>596</v>
      </c>
      <c r="G409" s="450"/>
      <c r="H409" s="451"/>
      <c r="I409" s="481"/>
      <c r="J409" s="144"/>
      <c r="K409" s="540"/>
      <c r="L409" s="469">
        <v>38362</v>
      </c>
      <c r="M409" s="455"/>
      <c r="N409" s="418" t="str">
        <f t="shared" ref="N409:N472" si="12">IF(D409="NA","",IF(COUNTIF($D$2:$D$5552,D409)&gt;1,"DUPLICATE",""))</f>
        <v/>
      </c>
    </row>
    <row r="410" spans="1:14" ht="78.75">
      <c r="A410" s="538"/>
      <c r="B410" s="411">
        <f t="shared" ref="B410:B473" si="13">IF(A410&gt;0,A410,B409)</f>
        <v>21</v>
      </c>
      <c r="C410" s="498" t="s">
        <v>1363</v>
      </c>
      <c r="D410" s="522" t="s">
        <v>1364</v>
      </c>
      <c r="E410" s="522" t="s">
        <v>595</v>
      </c>
      <c r="F410" s="522" t="s">
        <v>652</v>
      </c>
      <c r="G410" s="449" t="s">
        <v>1365</v>
      </c>
      <c r="H410" s="451"/>
      <c r="I410" s="481"/>
      <c r="J410" s="144"/>
      <c r="K410" s="441"/>
      <c r="L410" s="469">
        <v>38362</v>
      </c>
      <c r="M410" s="455">
        <v>41671</v>
      </c>
      <c r="N410" s="418" t="str">
        <f t="shared" si="12"/>
        <v>DUPLICATE</v>
      </c>
    </row>
    <row r="411" spans="1:14" ht="15.75">
      <c r="A411" s="538"/>
      <c r="B411" s="411">
        <f t="shared" si="13"/>
        <v>21</v>
      </c>
      <c r="C411" s="498" t="s">
        <v>1366</v>
      </c>
      <c r="D411" s="522" t="s">
        <v>1367</v>
      </c>
      <c r="E411" s="522" t="s">
        <v>595</v>
      </c>
      <c r="F411" s="522" t="s">
        <v>596</v>
      </c>
      <c r="G411" s="450"/>
      <c r="H411" s="451"/>
      <c r="I411" s="481"/>
      <c r="J411" s="144"/>
      <c r="K411" s="540"/>
      <c r="L411" s="469">
        <v>38362</v>
      </c>
      <c r="M411" s="455"/>
      <c r="N411" s="418" t="str">
        <f t="shared" si="12"/>
        <v/>
      </c>
    </row>
    <row r="412" spans="1:14" ht="15.75">
      <c r="A412" s="538"/>
      <c r="B412" s="411">
        <f t="shared" si="13"/>
        <v>21</v>
      </c>
      <c r="C412" s="498" t="s">
        <v>1368</v>
      </c>
      <c r="D412" s="522" t="s">
        <v>1369</v>
      </c>
      <c r="E412" s="522" t="s">
        <v>595</v>
      </c>
      <c r="F412" s="522" t="s">
        <v>596</v>
      </c>
      <c r="G412" s="450"/>
      <c r="H412" s="451"/>
      <c r="I412" s="481"/>
      <c r="J412" s="144"/>
      <c r="K412" s="540"/>
      <c r="L412" s="469">
        <v>38362</v>
      </c>
      <c r="M412" s="455"/>
      <c r="N412" s="418" t="str">
        <f t="shared" si="12"/>
        <v/>
      </c>
    </row>
    <row r="413" spans="1:14" ht="15.75">
      <c r="A413" s="538"/>
      <c r="B413" s="411">
        <f t="shared" si="13"/>
        <v>21</v>
      </c>
      <c r="C413" s="440" t="s">
        <v>1370</v>
      </c>
      <c r="D413" s="522" t="s">
        <v>1371</v>
      </c>
      <c r="E413" s="522" t="s">
        <v>595</v>
      </c>
      <c r="F413" s="522" t="s">
        <v>596</v>
      </c>
      <c r="G413" s="450"/>
      <c r="H413" s="451"/>
      <c r="I413" s="481"/>
      <c r="J413" s="144"/>
      <c r="K413" s="540"/>
      <c r="L413" s="469">
        <v>38362</v>
      </c>
      <c r="M413" s="541"/>
      <c r="N413" s="418" t="str">
        <f t="shared" si="12"/>
        <v/>
      </c>
    </row>
    <row r="414" spans="1:14" ht="15.75">
      <c r="A414" s="410"/>
      <c r="B414" s="411">
        <f t="shared" si="13"/>
        <v>21</v>
      </c>
      <c r="C414" s="456" t="s">
        <v>1372</v>
      </c>
      <c r="D414" s="457" t="s">
        <v>1373</v>
      </c>
      <c r="E414" s="542" t="s">
        <v>595</v>
      </c>
      <c r="F414" s="457" t="s">
        <v>596</v>
      </c>
      <c r="G414" s="459" t="s">
        <v>1374</v>
      </c>
      <c r="H414" s="460"/>
      <c r="I414" s="481"/>
      <c r="J414" s="458"/>
      <c r="K414" s="418"/>
      <c r="L414" s="469">
        <v>40210</v>
      </c>
      <c r="M414" s="464"/>
      <c r="N414" s="418" t="str">
        <f t="shared" si="12"/>
        <v/>
      </c>
    </row>
    <row r="415" spans="1:14" ht="141.75">
      <c r="A415" s="543">
        <v>22</v>
      </c>
      <c r="B415" s="484">
        <f t="shared" si="13"/>
        <v>22</v>
      </c>
      <c r="C415" s="485" t="s">
        <v>1375</v>
      </c>
      <c r="D415" s="430"/>
      <c r="E415" s="430" t="s">
        <v>643</v>
      </c>
      <c r="F415" s="430" t="s">
        <v>600</v>
      </c>
      <c r="G415" s="430" t="s">
        <v>34142</v>
      </c>
      <c r="H415" s="432"/>
      <c r="I415" s="432"/>
      <c r="J415" s="433" t="s">
        <v>1377</v>
      </c>
      <c r="K415" s="544" t="s">
        <v>34143</v>
      </c>
      <c r="L415" s="434">
        <v>38362</v>
      </c>
      <c r="M415" s="434">
        <v>44228</v>
      </c>
      <c r="N415" s="418" t="str">
        <f t="shared" si="12"/>
        <v/>
      </c>
    </row>
    <row r="416" spans="1:14" ht="15.75">
      <c r="A416" s="536"/>
      <c r="B416" s="411">
        <f t="shared" si="13"/>
        <v>22</v>
      </c>
      <c r="C416" s="545" t="s">
        <v>1375</v>
      </c>
      <c r="D416" s="414" t="s">
        <v>1376</v>
      </c>
      <c r="E416" s="414" t="s">
        <v>595</v>
      </c>
      <c r="F416" s="414" t="s">
        <v>652</v>
      </c>
      <c r="G416" s="442" t="s">
        <v>1378</v>
      </c>
      <c r="H416" s="415"/>
      <c r="I416" s="415"/>
      <c r="J416" s="416" t="s">
        <v>1379</v>
      </c>
      <c r="K416" s="422" t="s">
        <v>1380</v>
      </c>
      <c r="L416" s="417"/>
      <c r="M416" s="417">
        <v>41671</v>
      </c>
      <c r="N416" s="418" t="str">
        <f t="shared" si="12"/>
        <v/>
      </c>
    </row>
    <row r="417" spans="1:14" ht="63">
      <c r="A417" s="543">
        <v>23</v>
      </c>
      <c r="B417" s="411">
        <f t="shared" si="13"/>
        <v>23</v>
      </c>
      <c r="C417" s="546" t="s">
        <v>1381</v>
      </c>
      <c r="D417" s="547" t="s">
        <v>533</v>
      </c>
      <c r="E417" s="430" t="s">
        <v>707</v>
      </c>
      <c r="F417" s="430" t="s">
        <v>600</v>
      </c>
      <c r="G417" s="430" t="s">
        <v>35310</v>
      </c>
      <c r="H417" s="432">
        <v>41872</v>
      </c>
      <c r="I417" s="520" t="s">
        <v>711</v>
      </c>
      <c r="J417" s="548"/>
      <c r="K417" s="430"/>
      <c r="L417" s="434">
        <v>42767</v>
      </c>
      <c r="M417" s="434">
        <v>43862</v>
      </c>
      <c r="N417" s="549" t="str">
        <f t="shared" si="12"/>
        <v/>
      </c>
    </row>
    <row r="418" spans="1:14" ht="31.5">
      <c r="A418" s="543">
        <v>24</v>
      </c>
      <c r="B418" s="411">
        <f t="shared" si="13"/>
        <v>24</v>
      </c>
      <c r="C418" s="546" t="s">
        <v>34144</v>
      </c>
      <c r="D418" s="547" t="s">
        <v>14095</v>
      </c>
      <c r="E418" s="430" t="s">
        <v>595</v>
      </c>
      <c r="F418" s="430" t="s">
        <v>600</v>
      </c>
      <c r="G418" s="430" t="s">
        <v>3530</v>
      </c>
      <c r="H418" s="432"/>
      <c r="I418" s="520"/>
      <c r="J418" s="548" t="s">
        <v>28501</v>
      </c>
      <c r="K418" s="430"/>
      <c r="L418" s="434">
        <v>43862</v>
      </c>
      <c r="M418" s="434"/>
      <c r="N418" s="549" t="str">
        <f t="shared" si="12"/>
        <v/>
      </c>
    </row>
    <row r="419" spans="1:14" ht="57">
      <c r="A419" s="536">
        <v>25</v>
      </c>
      <c r="B419" s="411">
        <f t="shared" si="13"/>
        <v>25</v>
      </c>
      <c r="C419" s="550" t="s">
        <v>1382</v>
      </c>
      <c r="D419" s="421" t="s">
        <v>1383</v>
      </c>
      <c r="E419" s="414" t="s">
        <v>595</v>
      </c>
      <c r="F419" s="414" t="s">
        <v>596</v>
      </c>
      <c r="G419" s="414" t="s">
        <v>614</v>
      </c>
      <c r="H419" s="415"/>
      <c r="I419" s="415"/>
      <c r="J419" s="437"/>
      <c r="K419" s="414"/>
      <c r="L419" s="417">
        <v>42767</v>
      </c>
      <c r="M419" s="417"/>
      <c r="N419" s="418" t="str">
        <f t="shared" si="12"/>
        <v/>
      </c>
    </row>
    <row r="420" spans="1:14" ht="141.75">
      <c r="A420" s="536">
        <v>26</v>
      </c>
      <c r="B420" s="411">
        <f t="shared" si="13"/>
        <v>26</v>
      </c>
      <c r="C420" s="424" t="s">
        <v>1384</v>
      </c>
      <c r="D420" s="421" t="s">
        <v>1385</v>
      </c>
      <c r="E420" s="421" t="s">
        <v>595</v>
      </c>
      <c r="F420" s="551" t="s">
        <v>596</v>
      </c>
      <c r="G420" s="414" t="s">
        <v>26535</v>
      </c>
      <c r="H420" s="509"/>
      <c r="I420" s="415"/>
      <c r="J420" s="438"/>
      <c r="K420" s="414" t="s">
        <v>671</v>
      </c>
      <c r="L420" s="417">
        <v>39845</v>
      </c>
      <c r="M420" s="417">
        <v>43497</v>
      </c>
      <c r="N420" s="418" t="str">
        <f t="shared" si="12"/>
        <v/>
      </c>
    </row>
    <row r="421" spans="1:14" ht="78.75">
      <c r="A421" s="536">
        <v>27</v>
      </c>
      <c r="B421" s="411">
        <f t="shared" si="13"/>
        <v>27</v>
      </c>
      <c r="C421" s="424" t="s">
        <v>1386</v>
      </c>
      <c r="D421" s="421" t="s">
        <v>1387</v>
      </c>
      <c r="E421" s="421" t="s">
        <v>595</v>
      </c>
      <c r="F421" s="421" t="s">
        <v>596</v>
      </c>
      <c r="G421" s="552" t="s">
        <v>1388</v>
      </c>
      <c r="H421" s="415"/>
      <c r="I421" s="415"/>
      <c r="J421" s="438" t="s">
        <v>1389</v>
      </c>
      <c r="K421" s="414" t="s">
        <v>671</v>
      </c>
      <c r="L421" s="417">
        <v>39845</v>
      </c>
      <c r="M421" s="417">
        <v>41730</v>
      </c>
      <c r="N421" s="418" t="str">
        <f t="shared" si="12"/>
        <v/>
      </c>
    </row>
    <row r="422" spans="1:14" ht="31.5">
      <c r="A422" s="536">
        <v>28</v>
      </c>
      <c r="B422" s="411">
        <f t="shared" si="13"/>
        <v>28</v>
      </c>
      <c r="C422" s="553" t="s">
        <v>13984</v>
      </c>
      <c r="D422" s="554" t="s">
        <v>13985</v>
      </c>
      <c r="E422" s="427" t="s">
        <v>595</v>
      </c>
      <c r="F422" s="427" t="s">
        <v>596</v>
      </c>
      <c r="G422" s="427" t="s">
        <v>1390</v>
      </c>
      <c r="H422" s="555"/>
      <c r="I422" s="555"/>
      <c r="J422" s="554" t="s">
        <v>13986</v>
      </c>
      <c r="K422" s="555"/>
      <c r="L422" s="556">
        <v>43132</v>
      </c>
      <c r="M422" s="555"/>
      <c r="N422" s="418" t="str">
        <f t="shared" si="12"/>
        <v/>
      </c>
    </row>
    <row r="423" spans="1:14" ht="31.5">
      <c r="A423" s="536">
        <v>29</v>
      </c>
      <c r="B423" s="411">
        <f t="shared" si="13"/>
        <v>29</v>
      </c>
      <c r="C423" s="557" t="s">
        <v>13987</v>
      </c>
      <c r="D423" s="554" t="s">
        <v>13988</v>
      </c>
      <c r="E423" s="427" t="s">
        <v>595</v>
      </c>
      <c r="F423" s="427" t="s">
        <v>596</v>
      </c>
      <c r="G423" s="427" t="s">
        <v>1390</v>
      </c>
      <c r="H423" s="558"/>
      <c r="I423" s="558"/>
      <c r="J423" s="554" t="s">
        <v>13989</v>
      </c>
      <c r="K423" s="558"/>
      <c r="L423" s="556">
        <v>43132</v>
      </c>
      <c r="M423" s="555"/>
      <c r="N423" s="418" t="str">
        <f t="shared" si="12"/>
        <v/>
      </c>
    </row>
    <row r="424" spans="1:14" ht="47.25">
      <c r="A424" s="536">
        <v>30</v>
      </c>
      <c r="B424" s="411">
        <f>IF(A424&gt;0,A424,B423)</f>
        <v>30</v>
      </c>
      <c r="C424" s="424" t="s">
        <v>1391</v>
      </c>
      <c r="D424" s="421" t="s">
        <v>1392</v>
      </c>
      <c r="E424" s="421" t="s">
        <v>595</v>
      </c>
      <c r="F424" s="421" t="s">
        <v>600</v>
      </c>
      <c r="G424" s="559" t="s">
        <v>1393</v>
      </c>
      <c r="H424" s="415"/>
      <c r="I424" s="415"/>
      <c r="J424" s="144" t="s">
        <v>1394</v>
      </c>
      <c r="K424" s="414"/>
      <c r="L424" s="417">
        <v>41671</v>
      </c>
      <c r="M424" s="417"/>
      <c r="N424" s="418" t="str">
        <f t="shared" si="12"/>
        <v/>
      </c>
    </row>
    <row r="425" spans="1:14" ht="47.25">
      <c r="A425" s="536">
        <v>31</v>
      </c>
      <c r="B425" s="411">
        <f t="shared" si="13"/>
        <v>31</v>
      </c>
      <c r="C425" s="550" t="s">
        <v>1395</v>
      </c>
      <c r="D425" s="421" t="s">
        <v>1396</v>
      </c>
      <c r="E425" s="414" t="s">
        <v>595</v>
      </c>
      <c r="F425" s="414" t="s">
        <v>596</v>
      </c>
      <c r="G425" s="414" t="s">
        <v>614</v>
      </c>
      <c r="H425" s="415"/>
      <c r="I425" s="415"/>
      <c r="J425" s="437"/>
      <c r="K425" s="414"/>
      <c r="L425" s="417">
        <v>42767</v>
      </c>
      <c r="M425" s="417"/>
      <c r="N425" s="418" t="str">
        <f t="shared" si="12"/>
        <v/>
      </c>
    </row>
    <row r="426" spans="1:14" ht="47.25">
      <c r="A426" s="536">
        <v>32</v>
      </c>
      <c r="B426" s="411">
        <f t="shared" si="13"/>
        <v>32</v>
      </c>
      <c r="C426" s="550" t="s">
        <v>1397</v>
      </c>
      <c r="D426" s="421" t="s">
        <v>1398</v>
      </c>
      <c r="E426" s="414" t="s">
        <v>595</v>
      </c>
      <c r="F426" s="414" t="s">
        <v>596</v>
      </c>
      <c r="G426" s="414" t="s">
        <v>614</v>
      </c>
      <c r="H426" s="415"/>
      <c r="I426" s="415"/>
      <c r="J426" s="437"/>
      <c r="K426" s="414"/>
      <c r="L426" s="417">
        <v>42767</v>
      </c>
      <c r="M426" s="417"/>
      <c r="N426" s="418" t="str">
        <f t="shared" si="12"/>
        <v/>
      </c>
    </row>
    <row r="427" spans="1:14" ht="47.25">
      <c r="A427" s="536">
        <v>33</v>
      </c>
      <c r="B427" s="411">
        <f t="shared" si="13"/>
        <v>33</v>
      </c>
      <c r="C427" s="550" t="s">
        <v>1399</v>
      </c>
      <c r="D427" s="421" t="s">
        <v>1400</v>
      </c>
      <c r="E427" s="414" t="s">
        <v>595</v>
      </c>
      <c r="F427" s="414" t="s">
        <v>596</v>
      </c>
      <c r="G427" s="414" t="s">
        <v>614</v>
      </c>
      <c r="H427" s="415"/>
      <c r="I427" s="415"/>
      <c r="J427" s="437"/>
      <c r="K427" s="414"/>
      <c r="L427" s="417">
        <v>42767</v>
      </c>
      <c r="M427" s="417"/>
      <c r="N427" s="418" t="str">
        <f t="shared" si="12"/>
        <v/>
      </c>
    </row>
    <row r="428" spans="1:14" ht="47.25">
      <c r="A428" s="536">
        <v>34</v>
      </c>
      <c r="B428" s="411">
        <f t="shared" si="13"/>
        <v>34</v>
      </c>
      <c r="C428" s="560" t="s">
        <v>1401</v>
      </c>
      <c r="D428" s="421" t="s">
        <v>1402</v>
      </c>
      <c r="E428" s="414" t="s">
        <v>595</v>
      </c>
      <c r="F428" s="414" t="s">
        <v>596</v>
      </c>
      <c r="G428" s="414" t="s">
        <v>614</v>
      </c>
      <c r="H428" s="415"/>
      <c r="I428" s="415"/>
      <c r="J428" s="437"/>
      <c r="K428" s="414"/>
      <c r="L428" s="417">
        <v>42767</v>
      </c>
      <c r="M428" s="417"/>
      <c r="N428" s="418" t="str">
        <f t="shared" si="12"/>
        <v/>
      </c>
    </row>
    <row r="429" spans="1:14" ht="47.25">
      <c r="A429" s="536">
        <v>35</v>
      </c>
      <c r="B429" s="411">
        <f t="shared" si="13"/>
        <v>35</v>
      </c>
      <c r="C429" s="550" t="s">
        <v>1403</v>
      </c>
      <c r="D429" s="421" t="s">
        <v>1404</v>
      </c>
      <c r="E429" s="414" t="s">
        <v>595</v>
      </c>
      <c r="F429" s="414" t="s">
        <v>596</v>
      </c>
      <c r="G429" s="414" t="s">
        <v>614</v>
      </c>
      <c r="H429" s="415"/>
      <c r="I429" s="415"/>
      <c r="J429" s="437"/>
      <c r="K429" s="414"/>
      <c r="L429" s="417">
        <v>42767</v>
      </c>
      <c r="M429" s="417"/>
      <c r="N429" s="418" t="str">
        <f t="shared" si="12"/>
        <v/>
      </c>
    </row>
    <row r="430" spans="1:14" ht="47.25">
      <c r="A430" s="536">
        <v>36</v>
      </c>
      <c r="B430" s="411">
        <f t="shared" si="13"/>
        <v>36</v>
      </c>
      <c r="C430" s="550" t="s">
        <v>1405</v>
      </c>
      <c r="D430" s="421" t="s">
        <v>1406</v>
      </c>
      <c r="E430" s="414" t="s">
        <v>595</v>
      </c>
      <c r="F430" s="414" t="s">
        <v>596</v>
      </c>
      <c r="G430" s="414" t="s">
        <v>614</v>
      </c>
      <c r="H430" s="415"/>
      <c r="I430" s="415"/>
      <c r="J430" s="437"/>
      <c r="K430" s="414"/>
      <c r="L430" s="417">
        <v>42767</v>
      </c>
      <c r="M430" s="417"/>
      <c r="N430" s="418" t="str">
        <f t="shared" si="12"/>
        <v/>
      </c>
    </row>
    <row r="431" spans="1:14" ht="47.25">
      <c r="A431" s="536">
        <v>37</v>
      </c>
      <c r="B431" s="411">
        <f t="shared" si="13"/>
        <v>37</v>
      </c>
      <c r="C431" s="550" t="s">
        <v>1407</v>
      </c>
      <c r="D431" s="421" t="s">
        <v>1408</v>
      </c>
      <c r="E431" s="414" t="s">
        <v>595</v>
      </c>
      <c r="F431" s="414" t="s">
        <v>596</v>
      </c>
      <c r="G431" s="414" t="s">
        <v>614</v>
      </c>
      <c r="H431" s="415"/>
      <c r="I431" s="415"/>
      <c r="J431" s="437"/>
      <c r="K431" s="414"/>
      <c r="L431" s="417">
        <v>42767</v>
      </c>
      <c r="M431" s="417"/>
      <c r="N431" s="418" t="str">
        <f t="shared" si="12"/>
        <v/>
      </c>
    </row>
    <row r="432" spans="1:14" ht="63">
      <c r="A432" s="536">
        <v>38</v>
      </c>
      <c r="B432" s="411">
        <f t="shared" si="13"/>
        <v>38</v>
      </c>
      <c r="C432" s="465" t="s">
        <v>1409</v>
      </c>
      <c r="D432" s="561"/>
      <c r="E432" s="442" t="s">
        <v>643</v>
      </c>
      <c r="F432" s="445" t="s">
        <v>600</v>
      </c>
      <c r="G432" s="452" t="s">
        <v>1410</v>
      </c>
      <c r="H432" s="415"/>
      <c r="I432" s="444"/>
      <c r="J432" s="445" t="s">
        <v>645</v>
      </c>
      <c r="K432" s="562" t="s">
        <v>1411</v>
      </c>
      <c r="L432" s="477">
        <v>38362</v>
      </c>
      <c r="M432" s="469">
        <v>41671</v>
      </c>
      <c r="N432" s="418" t="str">
        <f t="shared" si="12"/>
        <v/>
      </c>
    </row>
    <row r="433" spans="1:14" ht="78.75">
      <c r="A433" s="563"/>
      <c r="B433" s="411">
        <f t="shared" si="13"/>
        <v>38</v>
      </c>
      <c r="C433" s="564" t="s">
        <v>1412</v>
      </c>
      <c r="D433" s="565" t="s">
        <v>1413</v>
      </c>
      <c r="E433" s="566" t="s">
        <v>643</v>
      </c>
      <c r="F433" s="565" t="s">
        <v>600</v>
      </c>
      <c r="G433" s="566" t="s">
        <v>35311</v>
      </c>
      <c r="H433" s="531"/>
      <c r="I433" s="567"/>
      <c r="J433" s="565" t="s">
        <v>1415</v>
      </c>
      <c r="K433" s="568" t="s">
        <v>1416</v>
      </c>
      <c r="L433" s="569">
        <v>38362</v>
      </c>
      <c r="M433" s="569">
        <v>43862</v>
      </c>
      <c r="N433" s="418" t="str">
        <f t="shared" si="12"/>
        <v/>
      </c>
    </row>
    <row r="434" spans="1:14" ht="15.75">
      <c r="A434" s="538"/>
      <c r="B434" s="411">
        <f t="shared" si="13"/>
        <v>38</v>
      </c>
      <c r="C434" s="440" t="s">
        <v>1417</v>
      </c>
      <c r="D434" s="144" t="s">
        <v>1418</v>
      </c>
      <c r="E434" s="449" t="s">
        <v>643</v>
      </c>
      <c r="F434" s="144" t="s">
        <v>600</v>
      </c>
      <c r="G434" s="449"/>
      <c r="H434" s="451"/>
      <c r="I434" s="481"/>
      <c r="J434" s="144"/>
      <c r="K434" s="449"/>
      <c r="L434" s="469">
        <v>38362</v>
      </c>
      <c r="M434" s="511"/>
      <c r="N434" s="418" t="str">
        <f t="shared" si="12"/>
        <v/>
      </c>
    </row>
    <row r="435" spans="1:14" ht="15.75">
      <c r="A435" s="563"/>
      <c r="B435" s="411">
        <f t="shared" si="13"/>
        <v>38</v>
      </c>
      <c r="C435" s="492" t="s">
        <v>1419</v>
      </c>
      <c r="D435" s="514" t="s">
        <v>1420</v>
      </c>
      <c r="E435" s="494" t="s">
        <v>643</v>
      </c>
      <c r="F435" s="514" t="s">
        <v>600</v>
      </c>
      <c r="G435" s="494" t="s">
        <v>28498</v>
      </c>
      <c r="H435" s="495"/>
      <c r="I435" s="513"/>
      <c r="J435" s="514"/>
      <c r="K435" s="494"/>
      <c r="L435" s="516">
        <v>38362</v>
      </c>
      <c r="M435" s="515">
        <v>43862</v>
      </c>
      <c r="N435" s="418" t="str">
        <f t="shared" si="12"/>
        <v/>
      </c>
    </row>
    <row r="436" spans="1:14" ht="15.75">
      <c r="A436" s="563"/>
      <c r="B436" s="411">
        <f t="shared" si="13"/>
        <v>38</v>
      </c>
      <c r="C436" s="492" t="s">
        <v>1421</v>
      </c>
      <c r="D436" s="514" t="s">
        <v>1422</v>
      </c>
      <c r="E436" s="494" t="s">
        <v>643</v>
      </c>
      <c r="F436" s="514" t="s">
        <v>600</v>
      </c>
      <c r="G436" s="494" t="s">
        <v>28498</v>
      </c>
      <c r="H436" s="495"/>
      <c r="I436" s="513"/>
      <c r="J436" s="514"/>
      <c r="K436" s="494"/>
      <c r="L436" s="516">
        <v>38362</v>
      </c>
      <c r="M436" s="515">
        <v>43862</v>
      </c>
      <c r="N436" s="418" t="str">
        <f t="shared" si="12"/>
        <v/>
      </c>
    </row>
    <row r="437" spans="1:14" ht="15.75">
      <c r="A437" s="538"/>
      <c r="B437" s="411">
        <f t="shared" si="13"/>
        <v>38</v>
      </c>
      <c r="C437" s="440" t="s">
        <v>1423</v>
      </c>
      <c r="D437" s="144" t="s">
        <v>1424</v>
      </c>
      <c r="E437" s="449" t="s">
        <v>643</v>
      </c>
      <c r="F437" s="144" t="s">
        <v>600</v>
      </c>
      <c r="G437" s="449"/>
      <c r="H437" s="451"/>
      <c r="I437" s="481"/>
      <c r="J437" s="144"/>
      <c r="K437" s="449"/>
      <c r="L437" s="469">
        <v>38362</v>
      </c>
      <c r="M437" s="511"/>
      <c r="N437" s="418" t="str">
        <f t="shared" si="12"/>
        <v>DUPLICATE</v>
      </c>
    </row>
    <row r="438" spans="1:14" ht="78.75">
      <c r="A438" s="563"/>
      <c r="B438" s="411">
        <f t="shared" si="13"/>
        <v>38</v>
      </c>
      <c r="C438" s="492" t="s">
        <v>1425</v>
      </c>
      <c r="D438" s="514" t="s">
        <v>1426</v>
      </c>
      <c r="E438" s="494" t="s">
        <v>643</v>
      </c>
      <c r="F438" s="514" t="s">
        <v>600</v>
      </c>
      <c r="G438" s="494" t="s">
        <v>35311</v>
      </c>
      <c r="H438" s="495"/>
      <c r="I438" s="513"/>
      <c r="J438" s="514" t="s">
        <v>1415</v>
      </c>
      <c r="K438" s="570" t="s">
        <v>1416</v>
      </c>
      <c r="L438" s="516">
        <v>38362</v>
      </c>
      <c r="M438" s="515">
        <v>43862</v>
      </c>
      <c r="N438" s="418" t="str">
        <f t="shared" si="12"/>
        <v/>
      </c>
    </row>
    <row r="439" spans="1:14" ht="15.75">
      <c r="A439" s="538"/>
      <c r="B439" s="411">
        <f t="shared" si="13"/>
        <v>38</v>
      </c>
      <c r="C439" s="440" t="s">
        <v>1427</v>
      </c>
      <c r="D439" s="144" t="s">
        <v>1428</v>
      </c>
      <c r="E439" s="449" t="s">
        <v>643</v>
      </c>
      <c r="F439" s="144" t="s">
        <v>600</v>
      </c>
      <c r="G439" s="449"/>
      <c r="H439" s="451"/>
      <c r="I439" s="481"/>
      <c r="J439" s="144"/>
      <c r="K439" s="449"/>
      <c r="L439" s="469">
        <v>38362</v>
      </c>
      <c r="M439" s="511"/>
      <c r="N439" s="418" t="str">
        <f t="shared" si="12"/>
        <v/>
      </c>
    </row>
    <row r="440" spans="1:14" ht="15.75">
      <c r="A440" s="538"/>
      <c r="B440" s="411">
        <f t="shared" si="13"/>
        <v>38</v>
      </c>
      <c r="C440" s="440" t="s">
        <v>1429</v>
      </c>
      <c r="D440" s="144" t="s">
        <v>1430</v>
      </c>
      <c r="E440" s="449" t="s">
        <v>643</v>
      </c>
      <c r="F440" s="144" t="s">
        <v>600</v>
      </c>
      <c r="G440" s="449"/>
      <c r="H440" s="451"/>
      <c r="I440" s="481"/>
      <c r="J440" s="144"/>
      <c r="K440" s="449"/>
      <c r="L440" s="469">
        <v>38362</v>
      </c>
      <c r="M440" s="511"/>
      <c r="N440" s="418" t="str">
        <f t="shared" si="12"/>
        <v/>
      </c>
    </row>
    <row r="441" spans="1:14" ht="15.75">
      <c r="A441" s="538"/>
      <c r="B441" s="411">
        <f t="shared" si="13"/>
        <v>38</v>
      </c>
      <c r="C441" s="440" t="s">
        <v>1431</v>
      </c>
      <c r="D441" s="144" t="s">
        <v>1432</v>
      </c>
      <c r="E441" s="449" t="s">
        <v>643</v>
      </c>
      <c r="F441" s="144" t="s">
        <v>600</v>
      </c>
      <c r="G441" s="449"/>
      <c r="H441" s="451"/>
      <c r="I441" s="481"/>
      <c r="J441" s="144"/>
      <c r="K441" s="449"/>
      <c r="L441" s="469">
        <v>38362</v>
      </c>
      <c r="M441" s="511"/>
      <c r="N441" s="418" t="str">
        <f t="shared" si="12"/>
        <v/>
      </c>
    </row>
    <row r="442" spans="1:14" ht="15.75">
      <c r="A442" s="538"/>
      <c r="B442" s="411">
        <f t="shared" si="13"/>
        <v>38</v>
      </c>
      <c r="C442" s="440" t="s">
        <v>1433</v>
      </c>
      <c r="D442" s="144" t="s">
        <v>1434</v>
      </c>
      <c r="E442" s="449" t="s">
        <v>643</v>
      </c>
      <c r="F442" s="144" t="s">
        <v>600</v>
      </c>
      <c r="G442" s="449"/>
      <c r="H442" s="451"/>
      <c r="I442" s="481"/>
      <c r="J442" s="144"/>
      <c r="K442" s="449"/>
      <c r="L442" s="469">
        <v>38362</v>
      </c>
      <c r="M442" s="511"/>
      <c r="N442" s="418" t="str">
        <f t="shared" si="12"/>
        <v/>
      </c>
    </row>
    <row r="443" spans="1:14" ht="15.75">
      <c r="A443" s="538"/>
      <c r="B443" s="411">
        <f t="shared" si="13"/>
        <v>38</v>
      </c>
      <c r="C443" s="440" t="s">
        <v>1435</v>
      </c>
      <c r="D443" s="144" t="s">
        <v>1436</v>
      </c>
      <c r="E443" s="449" t="s">
        <v>643</v>
      </c>
      <c r="F443" s="144" t="s">
        <v>600</v>
      </c>
      <c r="G443" s="449"/>
      <c r="H443" s="451"/>
      <c r="I443" s="481"/>
      <c r="J443" s="144"/>
      <c r="K443" s="449"/>
      <c r="L443" s="469">
        <v>38362</v>
      </c>
      <c r="M443" s="511"/>
      <c r="N443" s="418" t="str">
        <f t="shared" si="12"/>
        <v/>
      </c>
    </row>
    <row r="444" spans="1:14" ht="15.75">
      <c r="A444" s="538"/>
      <c r="B444" s="411">
        <f t="shared" si="13"/>
        <v>38</v>
      </c>
      <c r="C444" s="440" t="s">
        <v>1437</v>
      </c>
      <c r="D444" s="144" t="s">
        <v>1086</v>
      </c>
      <c r="E444" s="449" t="s">
        <v>643</v>
      </c>
      <c r="F444" s="144" t="s">
        <v>600</v>
      </c>
      <c r="G444" s="449"/>
      <c r="H444" s="451"/>
      <c r="I444" s="481"/>
      <c r="J444" s="144"/>
      <c r="K444" s="449"/>
      <c r="L444" s="469">
        <v>38362</v>
      </c>
      <c r="M444" s="511"/>
      <c r="N444" s="418" t="str">
        <f t="shared" si="12"/>
        <v>DUPLICATE</v>
      </c>
    </row>
    <row r="445" spans="1:14" ht="31.5">
      <c r="A445" s="538"/>
      <c r="B445" s="411">
        <f t="shared" si="13"/>
        <v>38</v>
      </c>
      <c r="C445" s="440" t="s">
        <v>1438</v>
      </c>
      <c r="D445" s="144" t="s">
        <v>144</v>
      </c>
      <c r="E445" s="449" t="s">
        <v>643</v>
      </c>
      <c r="F445" s="144" t="s">
        <v>600</v>
      </c>
      <c r="G445" s="449" t="s">
        <v>760</v>
      </c>
      <c r="H445" s="451"/>
      <c r="I445" s="481"/>
      <c r="J445" s="144"/>
      <c r="K445" s="449"/>
      <c r="L445" s="469">
        <v>38362</v>
      </c>
      <c r="M445" s="511"/>
      <c r="N445" s="418" t="str">
        <f t="shared" si="12"/>
        <v>DUPLICATE</v>
      </c>
    </row>
    <row r="446" spans="1:14" ht="15.75">
      <c r="A446" s="538"/>
      <c r="B446" s="411">
        <f t="shared" si="13"/>
        <v>38</v>
      </c>
      <c r="C446" s="440" t="s">
        <v>1439</v>
      </c>
      <c r="D446" s="144" t="s">
        <v>1124</v>
      </c>
      <c r="E446" s="449" t="s">
        <v>643</v>
      </c>
      <c r="F446" s="144" t="s">
        <v>600</v>
      </c>
      <c r="G446" s="449"/>
      <c r="H446" s="451"/>
      <c r="I446" s="481"/>
      <c r="J446" s="144"/>
      <c r="K446" s="449"/>
      <c r="L446" s="469">
        <v>38362</v>
      </c>
      <c r="M446" s="511"/>
      <c r="N446" s="418" t="str">
        <f t="shared" si="12"/>
        <v>DUPLICATE</v>
      </c>
    </row>
    <row r="447" spans="1:14" ht="15.75">
      <c r="A447" s="538"/>
      <c r="B447" s="411">
        <f t="shared" si="13"/>
        <v>38</v>
      </c>
      <c r="C447" s="440" t="s">
        <v>1440</v>
      </c>
      <c r="D447" s="144" t="s">
        <v>1137</v>
      </c>
      <c r="E447" s="449" t="s">
        <v>643</v>
      </c>
      <c r="F447" s="144" t="s">
        <v>600</v>
      </c>
      <c r="G447" s="449"/>
      <c r="H447" s="451"/>
      <c r="I447" s="481"/>
      <c r="J447" s="144"/>
      <c r="K447" s="449"/>
      <c r="L447" s="469">
        <v>38362</v>
      </c>
      <c r="M447" s="511"/>
      <c r="N447" s="418" t="str">
        <f t="shared" si="12"/>
        <v>DUPLICATE</v>
      </c>
    </row>
    <row r="448" spans="1:14" ht="15.75">
      <c r="A448" s="538"/>
      <c r="B448" s="411">
        <f t="shared" si="13"/>
        <v>38</v>
      </c>
      <c r="C448" s="440" t="s">
        <v>1441</v>
      </c>
      <c r="D448" s="144" t="s">
        <v>1133</v>
      </c>
      <c r="E448" s="449" t="s">
        <v>643</v>
      </c>
      <c r="F448" s="144" t="s">
        <v>600</v>
      </c>
      <c r="G448" s="449"/>
      <c r="H448" s="451"/>
      <c r="I448" s="481"/>
      <c r="J448" s="144"/>
      <c r="K448" s="449"/>
      <c r="L448" s="469">
        <v>38362</v>
      </c>
      <c r="M448" s="511"/>
      <c r="N448" s="418" t="str">
        <f t="shared" si="12"/>
        <v>DUPLICATE</v>
      </c>
    </row>
    <row r="449" spans="1:14" ht="15.75">
      <c r="A449" s="538"/>
      <c r="B449" s="411">
        <f t="shared" si="13"/>
        <v>38</v>
      </c>
      <c r="C449" s="440" t="s">
        <v>1442</v>
      </c>
      <c r="D449" s="144" t="s">
        <v>1169</v>
      </c>
      <c r="E449" s="449" t="s">
        <v>643</v>
      </c>
      <c r="F449" s="144" t="s">
        <v>600</v>
      </c>
      <c r="G449" s="449"/>
      <c r="H449" s="451"/>
      <c r="I449" s="481"/>
      <c r="J449" s="144"/>
      <c r="K449" s="449"/>
      <c r="L449" s="469">
        <v>38362</v>
      </c>
      <c r="M449" s="511"/>
      <c r="N449" s="418" t="str">
        <f t="shared" si="12"/>
        <v>DUPLICATE</v>
      </c>
    </row>
    <row r="450" spans="1:14" ht="15.75">
      <c r="A450" s="538"/>
      <c r="B450" s="411">
        <f t="shared" si="13"/>
        <v>38</v>
      </c>
      <c r="C450" s="440" t="s">
        <v>1443</v>
      </c>
      <c r="D450" s="144" t="s">
        <v>1173</v>
      </c>
      <c r="E450" s="449" t="s">
        <v>643</v>
      </c>
      <c r="F450" s="144" t="s">
        <v>600</v>
      </c>
      <c r="G450" s="449"/>
      <c r="H450" s="451"/>
      <c r="I450" s="481"/>
      <c r="J450" s="144"/>
      <c r="K450" s="449"/>
      <c r="L450" s="469">
        <v>38362</v>
      </c>
      <c r="M450" s="511"/>
      <c r="N450" s="418" t="str">
        <f t="shared" si="12"/>
        <v>DUPLICATE</v>
      </c>
    </row>
    <row r="451" spans="1:14" ht="15.75">
      <c r="A451" s="538"/>
      <c r="B451" s="411">
        <f t="shared" si="13"/>
        <v>38</v>
      </c>
      <c r="C451" s="440" t="s">
        <v>1444</v>
      </c>
      <c r="D451" s="144" t="s">
        <v>1197</v>
      </c>
      <c r="E451" s="449" t="s">
        <v>643</v>
      </c>
      <c r="F451" s="144" t="s">
        <v>600</v>
      </c>
      <c r="G451" s="449"/>
      <c r="H451" s="451"/>
      <c r="I451" s="481"/>
      <c r="J451" s="144"/>
      <c r="K451" s="449"/>
      <c r="L451" s="469">
        <v>38362</v>
      </c>
      <c r="M451" s="511"/>
      <c r="N451" s="418" t="str">
        <f t="shared" si="12"/>
        <v>DUPLICATE</v>
      </c>
    </row>
    <row r="452" spans="1:14" ht="15.75">
      <c r="A452" s="538"/>
      <c r="B452" s="411">
        <f t="shared" si="13"/>
        <v>38</v>
      </c>
      <c r="C452" s="440" t="s">
        <v>1445</v>
      </c>
      <c r="D452" s="144" t="s">
        <v>1181</v>
      </c>
      <c r="E452" s="449" t="s">
        <v>643</v>
      </c>
      <c r="F452" s="144" t="s">
        <v>600</v>
      </c>
      <c r="G452" s="449"/>
      <c r="H452" s="451"/>
      <c r="I452" s="481"/>
      <c r="J452" s="144"/>
      <c r="K452" s="449"/>
      <c r="L452" s="469">
        <v>38362</v>
      </c>
      <c r="M452" s="511"/>
      <c r="N452" s="418" t="str">
        <f t="shared" si="12"/>
        <v>DUPLICATE</v>
      </c>
    </row>
    <row r="453" spans="1:14" ht="15.75">
      <c r="A453" s="538"/>
      <c r="B453" s="411">
        <f t="shared" si="13"/>
        <v>38</v>
      </c>
      <c r="C453" s="440" t="s">
        <v>1446</v>
      </c>
      <c r="D453" s="144" t="s">
        <v>1187</v>
      </c>
      <c r="E453" s="449" t="s">
        <v>643</v>
      </c>
      <c r="F453" s="144" t="s">
        <v>600</v>
      </c>
      <c r="G453" s="449"/>
      <c r="H453" s="451"/>
      <c r="I453" s="481"/>
      <c r="J453" s="144"/>
      <c r="K453" s="449"/>
      <c r="L453" s="469">
        <v>38362</v>
      </c>
      <c r="M453" s="511"/>
      <c r="N453" s="418" t="str">
        <f t="shared" si="12"/>
        <v>DUPLICATE</v>
      </c>
    </row>
    <row r="454" spans="1:14" ht="15.75">
      <c r="A454" s="538"/>
      <c r="B454" s="411">
        <f t="shared" si="13"/>
        <v>38</v>
      </c>
      <c r="C454" s="440" t="s">
        <v>1447</v>
      </c>
      <c r="D454" s="144" t="s">
        <v>1175</v>
      </c>
      <c r="E454" s="449" t="s">
        <v>643</v>
      </c>
      <c r="F454" s="144" t="s">
        <v>600</v>
      </c>
      <c r="G454" s="449"/>
      <c r="H454" s="451"/>
      <c r="I454" s="481"/>
      <c r="J454" s="144"/>
      <c r="K454" s="449"/>
      <c r="L454" s="469">
        <v>38362</v>
      </c>
      <c r="M454" s="511"/>
      <c r="N454" s="418" t="str">
        <f t="shared" si="12"/>
        <v>DUPLICATE</v>
      </c>
    </row>
    <row r="455" spans="1:14" ht="15.75">
      <c r="A455" s="538"/>
      <c r="B455" s="411">
        <f t="shared" si="13"/>
        <v>38</v>
      </c>
      <c r="C455" s="440" t="s">
        <v>1448</v>
      </c>
      <c r="D455" s="144" t="s">
        <v>1193</v>
      </c>
      <c r="E455" s="449" t="s">
        <v>643</v>
      </c>
      <c r="F455" s="144" t="s">
        <v>600</v>
      </c>
      <c r="G455" s="449"/>
      <c r="H455" s="451"/>
      <c r="I455" s="481"/>
      <c r="J455" s="144"/>
      <c r="K455" s="449"/>
      <c r="L455" s="469">
        <v>38362</v>
      </c>
      <c r="M455" s="511"/>
      <c r="N455" s="418" t="str">
        <f t="shared" si="12"/>
        <v>DUPLICATE</v>
      </c>
    </row>
    <row r="456" spans="1:14" ht="15.75">
      <c r="A456" s="538"/>
      <c r="B456" s="411">
        <f t="shared" si="13"/>
        <v>38</v>
      </c>
      <c r="C456" s="440" t="s">
        <v>1449</v>
      </c>
      <c r="D456" s="144" t="s">
        <v>1203</v>
      </c>
      <c r="E456" s="449" t="s">
        <v>643</v>
      </c>
      <c r="F456" s="144" t="s">
        <v>600</v>
      </c>
      <c r="G456" s="449"/>
      <c r="H456" s="451"/>
      <c r="I456" s="481"/>
      <c r="J456" s="144"/>
      <c r="K456" s="449"/>
      <c r="L456" s="469">
        <v>38362</v>
      </c>
      <c r="M456" s="511"/>
      <c r="N456" s="418" t="str">
        <f t="shared" si="12"/>
        <v>DUPLICATE</v>
      </c>
    </row>
    <row r="457" spans="1:14" ht="15.75">
      <c r="A457" s="538"/>
      <c r="B457" s="411">
        <f t="shared" si="13"/>
        <v>38</v>
      </c>
      <c r="C457" s="440" t="s">
        <v>1450</v>
      </c>
      <c r="D457" s="144" t="s">
        <v>1205</v>
      </c>
      <c r="E457" s="449" t="s">
        <v>643</v>
      </c>
      <c r="F457" s="144" t="s">
        <v>600</v>
      </c>
      <c r="G457" s="449"/>
      <c r="H457" s="451"/>
      <c r="I457" s="481"/>
      <c r="J457" s="144"/>
      <c r="K457" s="449"/>
      <c r="L457" s="469">
        <v>38362</v>
      </c>
      <c r="M457" s="511"/>
      <c r="N457" s="418" t="str">
        <f t="shared" si="12"/>
        <v>DUPLICATE</v>
      </c>
    </row>
    <row r="458" spans="1:14" ht="15.75">
      <c r="A458" s="538"/>
      <c r="B458" s="411">
        <f t="shared" si="13"/>
        <v>38</v>
      </c>
      <c r="C458" s="440" t="s">
        <v>1451</v>
      </c>
      <c r="D458" s="144" t="s">
        <v>1207</v>
      </c>
      <c r="E458" s="449" t="s">
        <v>643</v>
      </c>
      <c r="F458" s="144" t="s">
        <v>600</v>
      </c>
      <c r="G458" s="449"/>
      <c r="H458" s="451"/>
      <c r="I458" s="481"/>
      <c r="J458" s="144"/>
      <c r="K458" s="449"/>
      <c r="L458" s="469">
        <v>38362</v>
      </c>
      <c r="M458" s="511"/>
      <c r="N458" s="418" t="str">
        <f t="shared" si="12"/>
        <v>DUPLICATE</v>
      </c>
    </row>
    <row r="459" spans="1:14" ht="15.75">
      <c r="A459" s="538"/>
      <c r="B459" s="411">
        <f t="shared" si="13"/>
        <v>38</v>
      </c>
      <c r="C459" s="440" t="s">
        <v>1452</v>
      </c>
      <c r="D459" s="144" t="s">
        <v>1225</v>
      </c>
      <c r="E459" s="449" t="s">
        <v>643</v>
      </c>
      <c r="F459" s="144" t="s">
        <v>600</v>
      </c>
      <c r="G459" s="449"/>
      <c r="H459" s="451"/>
      <c r="I459" s="481"/>
      <c r="J459" s="144"/>
      <c r="K459" s="449"/>
      <c r="L459" s="469">
        <v>38362</v>
      </c>
      <c r="M459" s="511"/>
      <c r="N459" s="418" t="str">
        <f t="shared" si="12"/>
        <v>DUPLICATE</v>
      </c>
    </row>
    <row r="460" spans="1:14" ht="31.5">
      <c r="A460" s="538"/>
      <c r="B460" s="411">
        <f t="shared" si="13"/>
        <v>38</v>
      </c>
      <c r="C460" s="440" t="s">
        <v>1453</v>
      </c>
      <c r="D460" s="144" t="s">
        <v>141</v>
      </c>
      <c r="E460" s="449" t="s">
        <v>643</v>
      </c>
      <c r="F460" s="144" t="s">
        <v>600</v>
      </c>
      <c r="G460" s="449" t="s">
        <v>760</v>
      </c>
      <c r="H460" s="451"/>
      <c r="I460" s="481"/>
      <c r="J460" s="144"/>
      <c r="K460" s="449"/>
      <c r="L460" s="469">
        <v>38362</v>
      </c>
      <c r="M460" s="511"/>
      <c r="N460" s="418" t="str">
        <f t="shared" si="12"/>
        <v>DUPLICATE</v>
      </c>
    </row>
    <row r="461" spans="1:14" ht="15.75">
      <c r="A461" s="538"/>
      <c r="B461" s="411">
        <f t="shared" si="13"/>
        <v>38</v>
      </c>
      <c r="C461" s="440" t="s">
        <v>1454</v>
      </c>
      <c r="D461" s="144" t="s">
        <v>1246</v>
      </c>
      <c r="E461" s="449" t="s">
        <v>643</v>
      </c>
      <c r="F461" s="144" t="s">
        <v>600</v>
      </c>
      <c r="G461" s="449"/>
      <c r="H461" s="451"/>
      <c r="I461" s="481"/>
      <c r="J461" s="144"/>
      <c r="K461" s="449"/>
      <c r="L461" s="469">
        <v>38362</v>
      </c>
      <c r="M461" s="511"/>
      <c r="N461" s="418" t="str">
        <f t="shared" si="12"/>
        <v>DUPLICATE</v>
      </c>
    </row>
    <row r="462" spans="1:14" ht="15.75">
      <c r="A462" s="538"/>
      <c r="B462" s="411">
        <f t="shared" si="13"/>
        <v>38</v>
      </c>
      <c r="C462" s="440" t="s">
        <v>1455</v>
      </c>
      <c r="D462" s="144" t="s">
        <v>1270</v>
      </c>
      <c r="E462" s="449" t="s">
        <v>643</v>
      </c>
      <c r="F462" s="144" t="s">
        <v>600</v>
      </c>
      <c r="G462" s="449"/>
      <c r="H462" s="451"/>
      <c r="I462" s="481"/>
      <c r="J462" s="144"/>
      <c r="K462" s="449"/>
      <c r="L462" s="469">
        <v>38362</v>
      </c>
      <c r="M462" s="511"/>
      <c r="N462" s="418" t="str">
        <f t="shared" si="12"/>
        <v>DUPLICATE</v>
      </c>
    </row>
    <row r="463" spans="1:14" ht="15.75">
      <c r="A463" s="538"/>
      <c r="B463" s="411">
        <f t="shared" si="13"/>
        <v>38</v>
      </c>
      <c r="C463" s="571" t="s">
        <v>1456</v>
      </c>
      <c r="D463" s="144" t="s">
        <v>1457</v>
      </c>
      <c r="E463" s="449" t="s">
        <v>643</v>
      </c>
      <c r="F463" s="144" t="s">
        <v>600</v>
      </c>
      <c r="G463" s="449"/>
      <c r="H463" s="451"/>
      <c r="I463" s="481"/>
      <c r="J463" s="144"/>
      <c r="K463" s="449"/>
      <c r="L463" s="469">
        <v>38362</v>
      </c>
      <c r="M463" s="511"/>
      <c r="N463" s="418" t="str">
        <f t="shared" si="12"/>
        <v/>
      </c>
    </row>
    <row r="464" spans="1:14" ht="42.75">
      <c r="A464" s="538"/>
      <c r="B464" s="411">
        <f t="shared" si="13"/>
        <v>38</v>
      </c>
      <c r="C464" s="440" t="s">
        <v>1458</v>
      </c>
      <c r="D464" s="144" t="s">
        <v>1219</v>
      </c>
      <c r="E464" s="449" t="s">
        <v>643</v>
      </c>
      <c r="F464" s="144" t="s">
        <v>600</v>
      </c>
      <c r="G464" s="449"/>
      <c r="H464" s="451"/>
      <c r="I464" s="481"/>
      <c r="J464" s="144"/>
      <c r="K464" s="449"/>
      <c r="L464" s="469">
        <v>38362</v>
      </c>
      <c r="M464" s="511"/>
      <c r="N464" s="418" t="str">
        <f t="shared" si="12"/>
        <v>DUPLICATE</v>
      </c>
    </row>
    <row r="465" spans="1:14" ht="15.75">
      <c r="A465" s="538"/>
      <c r="B465" s="411">
        <f t="shared" si="13"/>
        <v>38</v>
      </c>
      <c r="C465" s="440" t="s">
        <v>1459</v>
      </c>
      <c r="D465" s="144" t="s">
        <v>1145</v>
      </c>
      <c r="E465" s="449" t="s">
        <v>643</v>
      </c>
      <c r="F465" s="144" t="s">
        <v>600</v>
      </c>
      <c r="G465" s="449"/>
      <c r="H465" s="451"/>
      <c r="I465" s="481"/>
      <c r="J465" s="144"/>
      <c r="K465" s="449"/>
      <c r="L465" s="469">
        <v>38362</v>
      </c>
      <c r="M465" s="511"/>
      <c r="N465" s="418" t="str">
        <f t="shared" si="12"/>
        <v>DUPLICATE</v>
      </c>
    </row>
    <row r="466" spans="1:14" ht="57">
      <c r="A466" s="538"/>
      <c r="B466" s="411">
        <f t="shared" si="13"/>
        <v>38</v>
      </c>
      <c r="C466" s="440" t="s">
        <v>1460</v>
      </c>
      <c r="D466" s="144" t="s">
        <v>1189</v>
      </c>
      <c r="E466" s="449" t="s">
        <v>643</v>
      </c>
      <c r="F466" s="144" t="s">
        <v>600</v>
      </c>
      <c r="G466" s="449"/>
      <c r="H466" s="451"/>
      <c r="I466" s="481"/>
      <c r="J466" s="144"/>
      <c r="K466" s="449"/>
      <c r="L466" s="469">
        <v>38362</v>
      </c>
      <c r="M466" s="511"/>
      <c r="N466" s="418" t="str">
        <f t="shared" si="12"/>
        <v>DUPLICATE</v>
      </c>
    </row>
    <row r="467" spans="1:14" ht="15.75">
      <c r="A467" s="538"/>
      <c r="B467" s="411">
        <f t="shared" si="13"/>
        <v>38</v>
      </c>
      <c r="C467" s="440" t="s">
        <v>1461</v>
      </c>
      <c r="D467" s="449" t="s">
        <v>1462</v>
      </c>
      <c r="E467" s="140" t="s">
        <v>643</v>
      </c>
      <c r="F467" s="522" t="s">
        <v>600</v>
      </c>
      <c r="G467" s="449"/>
      <c r="H467" s="451"/>
      <c r="I467" s="481"/>
      <c r="J467" s="144"/>
      <c r="K467" s="449"/>
      <c r="L467" s="469">
        <v>41671</v>
      </c>
      <c r="M467" s="511"/>
      <c r="N467" s="418" t="str">
        <f t="shared" si="12"/>
        <v/>
      </c>
    </row>
    <row r="468" spans="1:14" ht="15.75">
      <c r="A468" s="538"/>
      <c r="B468" s="411">
        <f t="shared" si="13"/>
        <v>38</v>
      </c>
      <c r="C468" s="440" t="s">
        <v>1463</v>
      </c>
      <c r="D468" s="449" t="s">
        <v>1464</v>
      </c>
      <c r="E468" s="140" t="s">
        <v>643</v>
      </c>
      <c r="F468" s="522" t="s">
        <v>600</v>
      </c>
      <c r="G468" s="449"/>
      <c r="H468" s="451"/>
      <c r="I468" s="481"/>
      <c r="J468" s="144"/>
      <c r="K468" s="449"/>
      <c r="L468" s="469">
        <v>41671</v>
      </c>
      <c r="M468" s="511"/>
      <c r="N468" s="418" t="str">
        <f t="shared" si="12"/>
        <v/>
      </c>
    </row>
    <row r="469" spans="1:14" ht="15.75">
      <c r="A469" s="538"/>
      <c r="B469" s="411">
        <f t="shared" si="13"/>
        <v>38</v>
      </c>
      <c r="C469" s="440" t="s">
        <v>1465</v>
      </c>
      <c r="D469" s="449" t="s">
        <v>1466</v>
      </c>
      <c r="E469" s="140" t="s">
        <v>643</v>
      </c>
      <c r="F469" s="522" t="s">
        <v>600</v>
      </c>
      <c r="G469" s="449"/>
      <c r="H469" s="451"/>
      <c r="I469" s="481"/>
      <c r="J469" s="144"/>
      <c r="K469" s="449"/>
      <c r="L469" s="469">
        <v>41671</v>
      </c>
      <c r="M469" s="511"/>
      <c r="N469" s="418" t="str">
        <f t="shared" si="12"/>
        <v/>
      </c>
    </row>
    <row r="470" spans="1:14" ht="15.75">
      <c r="A470" s="538"/>
      <c r="B470" s="411">
        <f t="shared" si="13"/>
        <v>38</v>
      </c>
      <c r="C470" s="440" t="s">
        <v>1467</v>
      </c>
      <c r="D470" s="144"/>
      <c r="E470" s="449" t="s">
        <v>643</v>
      </c>
      <c r="F470" s="144" t="s">
        <v>600</v>
      </c>
      <c r="G470" s="449"/>
      <c r="H470" s="451"/>
      <c r="I470" s="481"/>
      <c r="J470" s="144"/>
      <c r="K470" s="449"/>
      <c r="L470" s="469">
        <v>39845</v>
      </c>
      <c r="M470" s="511"/>
      <c r="N470" s="418" t="str">
        <f t="shared" si="12"/>
        <v/>
      </c>
    </row>
    <row r="471" spans="1:14" ht="28.5">
      <c r="A471" s="538"/>
      <c r="B471" s="411">
        <f t="shared" si="13"/>
        <v>38</v>
      </c>
      <c r="C471" s="440" t="s">
        <v>1468</v>
      </c>
      <c r="D471" s="449" t="s">
        <v>1469</v>
      </c>
      <c r="E471" s="449" t="s">
        <v>643</v>
      </c>
      <c r="F471" s="449" t="s">
        <v>600</v>
      </c>
      <c r="G471" s="449"/>
      <c r="H471" s="460"/>
      <c r="I471" s="451"/>
      <c r="J471" s="452"/>
      <c r="K471" s="449"/>
      <c r="L471" s="469">
        <v>38362</v>
      </c>
      <c r="M471" s="469"/>
      <c r="N471" s="418" t="str">
        <f t="shared" si="12"/>
        <v/>
      </c>
    </row>
    <row r="472" spans="1:14" ht="47.25">
      <c r="A472" s="572">
        <v>39</v>
      </c>
      <c r="B472" s="411">
        <f t="shared" si="13"/>
        <v>39</v>
      </c>
      <c r="C472" s="424" t="s">
        <v>1470</v>
      </c>
      <c r="D472" s="414" t="s">
        <v>1471</v>
      </c>
      <c r="E472" s="438" t="s">
        <v>595</v>
      </c>
      <c r="F472" s="414" t="s">
        <v>596</v>
      </c>
      <c r="G472" s="414" t="s">
        <v>614</v>
      </c>
      <c r="H472" s="415"/>
      <c r="I472" s="415"/>
      <c r="J472" s="437"/>
      <c r="K472" s="414"/>
      <c r="L472" s="417">
        <v>42767</v>
      </c>
      <c r="M472" s="417"/>
      <c r="N472" s="418" t="str">
        <f t="shared" si="12"/>
        <v>DUPLICATE</v>
      </c>
    </row>
    <row r="473" spans="1:14" ht="47.25">
      <c r="A473" s="536">
        <v>40</v>
      </c>
      <c r="B473" s="411">
        <f t="shared" si="13"/>
        <v>40</v>
      </c>
      <c r="C473" s="550" t="s">
        <v>1472</v>
      </c>
      <c r="D473" s="421" t="s">
        <v>1473</v>
      </c>
      <c r="E473" s="414" t="s">
        <v>595</v>
      </c>
      <c r="F473" s="414" t="s">
        <v>596</v>
      </c>
      <c r="G473" s="414" t="s">
        <v>614</v>
      </c>
      <c r="H473" s="415"/>
      <c r="I473" s="415"/>
      <c r="J473" s="437"/>
      <c r="K473" s="414"/>
      <c r="L473" s="417">
        <v>42767</v>
      </c>
      <c r="M473" s="417"/>
      <c r="N473" s="418" t="str">
        <f t="shared" ref="N473:N536" si="14">IF(D473="NA","",IF(COUNTIF($D$2:$D$5552,D473)&gt;1,"DUPLICATE",""))</f>
        <v/>
      </c>
    </row>
    <row r="474" spans="1:14" ht="31.5">
      <c r="A474" s="536">
        <v>41</v>
      </c>
      <c r="B474" s="411">
        <f t="shared" ref="B474:B537" si="15">IF(A474&gt;0,A474,B473)</f>
        <v>41</v>
      </c>
      <c r="C474" s="573" t="s">
        <v>26536</v>
      </c>
      <c r="D474" s="421" t="s">
        <v>26537</v>
      </c>
      <c r="E474" s="438" t="s">
        <v>595</v>
      </c>
      <c r="F474" s="414" t="s">
        <v>596</v>
      </c>
      <c r="G474" s="414" t="s">
        <v>26538</v>
      </c>
      <c r="H474" s="415"/>
      <c r="I474" s="415"/>
      <c r="J474" s="437" t="s">
        <v>26539</v>
      </c>
      <c r="K474" s="414"/>
      <c r="L474" s="417">
        <v>43497</v>
      </c>
      <c r="M474" s="417"/>
      <c r="N474" s="418" t="str">
        <f t="shared" si="14"/>
        <v/>
      </c>
    </row>
    <row r="475" spans="1:14" ht="47.25">
      <c r="A475" s="572">
        <v>42</v>
      </c>
      <c r="B475" s="411">
        <f t="shared" si="15"/>
        <v>42</v>
      </c>
      <c r="C475" s="424" t="s">
        <v>1474</v>
      </c>
      <c r="D475" s="414" t="s">
        <v>1475</v>
      </c>
      <c r="E475" s="438" t="s">
        <v>595</v>
      </c>
      <c r="F475" s="414" t="s">
        <v>596</v>
      </c>
      <c r="G475" s="414" t="s">
        <v>614</v>
      </c>
      <c r="H475" s="415"/>
      <c r="I475" s="415"/>
      <c r="J475" s="437"/>
      <c r="K475" s="414"/>
      <c r="L475" s="417">
        <v>42767</v>
      </c>
      <c r="M475" s="417"/>
      <c r="N475" s="418" t="str">
        <f t="shared" si="14"/>
        <v>DUPLICATE</v>
      </c>
    </row>
    <row r="476" spans="1:14" ht="31.5">
      <c r="A476" s="536">
        <v>43</v>
      </c>
      <c r="B476" s="411">
        <f t="shared" si="15"/>
        <v>43</v>
      </c>
      <c r="C476" s="424" t="s">
        <v>26540</v>
      </c>
      <c r="D476" s="421" t="s">
        <v>1476</v>
      </c>
      <c r="E476" s="421" t="s">
        <v>595</v>
      </c>
      <c r="F476" s="421" t="s">
        <v>596</v>
      </c>
      <c r="G476" s="414" t="s">
        <v>1477</v>
      </c>
      <c r="H476" s="415"/>
      <c r="I476" s="415"/>
      <c r="J476" s="438" t="s">
        <v>1478</v>
      </c>
      <c r="K476" s="474" t="s">
        <v>1479</v>
      </c>
      <c r="L476" s="439">
        <v>39845</v>
      </c>
      <c r="M476" s="439"/>
      <c r="N476" s="418" t="str">
        <f t="shared" si="14"/>
        <v/>
      </c>
    </row>
    <row r="477" spans="1:14" ht="47.25">
      <c r="A477" s="536">
        <v>44</v>
      </c>
      <c r="B477" s="411">
        <f t="shared" si="15"/>
        <v>44</v>
      </c>
      <c r="C477" s="550" t="s">
        <v>1480</v>
      </c>
      <c r="D477" s="421" t="s">
        <v>1481</v>
      </c>
      <c r="E477" s="414" t="s">
        <v>595</v>
      </c>
      <c r="F477" s="414" t="s">
        <v>596</v>
      </c>
      <c r="G477" s="414" t="s">
        <v>614</v>
      </c>
      <c r="H477" s="415"/>
      <c r="I477" s="415"/>
      <c r="J477" s="437"/>
      <c r="K477" s="414"/>
      <c r="L477" s="417">
        <v>42767</v>
      </c>
      <c r="M477" s="417"/>
      <c r="N477" s="418" t="str">
        <f t="shared" si="14"/>
        <v/>
      </c>
    </row>
    <row r="478" spans="1:14" ht="31.5">
      <c r="A478" s="536">
        <v>45</v>
      </c>
      <c r="B478" s="411">
        <f t="shared" si="15"/>
        <v>45</v>
      </c>
      <c r="C478" s="424" t="s">
        <v>1482</v>
      </c>
      <c r="D478" s="421" t="s">
        <v>108</v>
      </c>
      <c r="E478" s="421" t="s">
        <v>595</v>
      </c>
      <c r="F478" s="421" t="s">
        <v>600</v>
      </c>
      <c r="G478" s="144" t="s">
        <v>811</v>
      </c>
      <c r="H478" s="415">
        <v>45257</v>
      </c>
      <c r="I478" s="460" t="s">
        <v>711</v>
      </c>
      <c r="J478" s="144" t="s">
        <v>1483</v>
      </c>
      <c r="K478" s="474"/>
      <c r="L478" s="439">
        <v>42036</v>
      </c>
      <c r="M478" s="439">
        <v>43862</v>
      </c>
      <c r="N478" s="418" t="str">
        <f t="shared" si="14"/>
        <v/>
      </c>
    </row>
    <row r="479" spans="1:14" ht="31.5">
      <c r="A479" s="536">
        <v>46</v>
      </c>
      <c r="B479" s="411">
        <f t="shared" si="15"/>
        <v>46</v>
      </c>
      <c r="C479" s="424" t="s">
        <v>1484</v>
      </c>
      <c r="D479" s="421" t="s">
        <v>1485</v>
      </c>
      <c r="E479" s="414" t="s">
        <v>595</v>
      </c>
      <c r="F479" s="414" t="s">
        <v>596</v>
      </c>
      <c r="G479" s="414" t="s">
        <v>1390</v>
      </c>
      <c r="H479" s="415"/>
      <c r="I479" s="415"/>
      <c r="J479" s="414" t="s">
        <v>1486</v>
      </c>
      <c r="K479" s="414"/>
      <c r="L479" s="417">
        <v>42767</v>
      </c>
      <c r="M479" s="417"/>
      <c r="N479" s="418" t="str">
        <f t="shared" si="14"/>
        <v/>
      </c>
    </row>
    <row r="480" spans="1:14" ht="31.5">
      <c r="A480" s="536">
        <v>47</v>
      </c>
      <c r="B480" s="411">
        <f t="shared" si="15"/>
        <v>47</v>
      </c>
      <c r="C480" s="424" t="s">
        <v>1487</v>
      </c>
      <c r="D480" s="414"/>
      <c r="E480" s="414" t="s">
        <v>595</v>
      </c>
      <c r="F480" s="414" t="s">
        <v>596</v>
      </c>
      <c r="G480" s="414" t="s">
        <v>597</v>
      </c>
      <c r="H480" s="415"/>
      <c r="I480" s="415"/>
      <c r="J480" s="416" t="s">
        <v>1488</v>
      </c>
      <c r="K480" s="414"/>
      <c r="L480" s="417">
        <v>38362</v>
      </c>
      <c r="M480" s="417">
        <v>42036</v>
      </c>
      <c r="N480" s="418" t="str">
        <f t="shared" si="14"/>
        <v/>
      </c>
    </row>
    <row r="481" spans="1:14" ht="15.75">
      <c r="A481" s="574"/>
      <c r="B481" s="411">
        <f t="shared" si="15"/>
        <v>47</v>
      </c>
      <c r="C481" s="575" t="s">
        <v>1489</v>
      </c>
      <c r="D481" s="576" t="s">
        <v>1490</v>
      </c>
      <c r="E481" s="576" t="s">
        <v>595</v>
      </c>
      <c r="F481" s="442" t="s">
        <v>596</v>
      </c>
      <c r="G481" s="442"/>
      <c r="H481" s="444"/>
      <c r="I481" s="444"/>
      <c r="J481" s="445"/>
      <c r="K481" s="577"/>
      <c r="L481" s="477">
        <v>38362</v>
      </c>
      <c r="M481" s="477"/>
      <c r="N481" s="418" t="str">
        <f t="shared" si="14"/>
        <v/>
      </c>
    </row>
    <row r="482" spans="1:14" ht="15.75">
      <c r="A482" s="538"/>
      <c r="B482" s="411">
        <f t="shared" si="15"/>
        <v>47</v>
      </c>
      <c r="C482" s="498" t="s">
        <v>1491</v>
      </c>
      <c r="D482" s="480" t="s">
        <v>1492</v>
      </c>
      <c r="E482" s="480" t="s">
        <v>595</v>
      </c>
      <c r="F482" s="449" t="s">
        <v>596</v>
      </c>
      <c r="G482" s="449"/>
      <c r="H482" s="451"/>
      <c r="I482" s="451"/>
      <c r="J482" s="452"/>
      <c r="K482" s="144"/>
      <c r="L482" s="469">
        <v>38362</v>
      </c>
      <c r="M482" s="469"/>
      <c r="N482" s="418" t="str">
        <f t="shared" si="14"/>
        <v/>
      </c>
    </row>
    <row r="483" spans="1:14" ht="15.75">
      <c r="A483" s="538"/>
      <c r="B483" s="411">
        <f t="shared" si="15"/>
        <v>47</v>
      </c>
      <c r="C483" s="498" t="s">
        <v>1493</v>
      </c>
      <c r="D483" s="480" t="s">
        <v>1494</v>
      </c>
      <c r="E483" s="480" t="s">
        <v>595</v>
      </c>
      <c r="F483" s="449" t="s">
        <v>596</v>
      </c>
      <c r="G483" s="449"/>
      <c r="H483" s="451"/>
      <c r="I483" s="451"/>
      <c r="J483" s="452"/>
      <c r="K483" s="144"/>
      <c r="L483" s="469">
        <v>38362</v>
      </c>
      <c r="M483" s="469"/>
      <c r="N483" s="418" t="str">
        <f t="shared" si="14"/>
        <v/>
      </c>
    </row>
    <row r="484" spans="1:14" ht="15.75">
      <c r="A484" s="538"/>
      <c r="B484" s="411">
        <f t="shared" si="15"/>
        <v>47</v>
      </c>
      <c r="C484" s="498" t="s">
        <v>1495</v>
      </c>
      <c r="D484" s="480" t="s">
        <v>1496</v>
      </c>
      <c r="E484" s="480" t="s">
        <v>595</v>
      </c>
      <c r="F484" s="449" t="s">
        <v>596</v>
      </c>
      <c r="G484" s="449"/>
      <c r="H484" s="451"/>
      <c r="I484" s="451"/>
      <c r="J484" s="452"/>
      <c r="K484" s="144"/>
      <c r="L484" s="469">
        <v>38362</v>
      </c>
      <c r="M484" s="469"/>
      <c r="N484" s="418" t="str">
        <f t="shared" si="14"/>
        <v/>
      </c>
    </row>
    <row r="485" spans="1:14" ht="15.75">
      <c r="A485" s="538"/>
      <c r="B485" s="411">
        <f t="shared" si="15"/>
        <v>47</v>
      </c>
      <c r="C485" s="498" t="s">
        <v>1497</v>
      </c>
      <c r="D485" s="480" t="s">
        <v>1498</v>
      </c>
      <c r="E485" s="480" t="s">
        <v>595</v>
      </c>
      <c r="F485" s="449" t="s">
        <v>596</v>
      </c>
      <c r="G485" s="449"/>
      <c r="H485" s="451"/>
      <c r="I485" s="451"/>
      <c r="J485" s="452"/>
      <c r="K485" s="144"/>
      <c r="L485" s="469">
        <v>38362</v>
      </c>
      <c r="M485" s="469"/>
      <c r="N485" s="418" t="str">
        <f t="shared" si="14"/>
        <v/>
      </c>
    </row>
    <row r="486" spans="1:14" ht="15.75">
      <c r="A486" s="538"/>
      <c r="B486" s="411">
        <f t="shared" si="15"/>
        <v>47</v>
      </c>
      <c r="C486" s="498" t="s">
        <v>1499</v>
      </c>
      <c r="D486" s="480" t="s">
        <v>1500</v>
      </c>
      <c r="E486" s="480" t="s">
        <v>595</v>
      </c>
      <c r="F486" s="449" t="s">
        <v>596</v>
      </c>
      <c r="G486" s="449"/>
      <c r="H486" s="451"/>
      <c r="I486" s="451"/>
      <c r="J486" s="452"/>
      <c r="K486" s="144"/>
      <c r="L486" s="469">
        <v>38362</v>
      </c>
      <c r="M486" s="469"/>
      <c r="N486" s="418" t="str">
        <f t="shared" si="14"/>
        <v/>
      </c>
    </row>
    <row r="487" spans="1:14" ht="15.75">
      <c r="A487" s="538"/>
      <c r="B487" s="411">
        <f t="shared" si="15"/>
        <v>47</v>
      </c>
      <c r="C487" s="498" t="s">
        <v>1501</v>
      </c>
      <c r="D487" s="480" t="s">
        <v>1502</v>
      </c>
      <c r="E487" s="480" t="s">
        <v>595</v>
      </c>
      <c r="F487" s="449" t="s">
        <v>596</v>
      </c>
      <c r="G487" s="449"/>
      <c r="H487" s="451"/>
      <c r="I487" s="451"/>
      <c r="J487" s="452"/>
      <c r="K487" s="144"/>
      <c r="L487" s="469">
        <v>38362</v>
      </c>
      <c r="M487" s="469"/>
      <c r="N487" s="418" t="str">
        <f t="shared" si="14"/>
        <v/>
      </c>
    </row>
    <row r="488" spans="1:14" ht="15.75">
      <c r="A488" s="538"/>
      <c r="B488" s="411">
        <f t="shared" si="15"/>
        <v>47</v>
      </c>
      <c r="C488" s="498" t="s">
        <v>1503</v>
      </c>
      <c r="D488" s="480" t="s">
        <v>1504</v>
      </c>
      <c r="E488" s="480" t="s">
        <v>595</v>
      </c>
      <c r="F488" s="449" t="s">
        <v>596</v>
      </c>
      <c r="G488" s="449"/>
      <c r="H488" s="451"/>
      <c r="I488" s="451"/>
      <c r="J488" s="452"/>
      <c r="K488" s="144"/>
      <c r="L488" s="469">
        <v>38362</v>
      </c>
      <c r="M488" s="469"/>
      <c r="N488" s="418" t="str">
        <f t="shared" si="14"/>
        <v/>
      </c>
    </row>
    <row r="489" spans="1:14" ht="15.75">
      <c r="A489" s="538"/>
      <c r="B489" s="411">
        <f t="shared" si="15"/>
        <v>47</v>
      </c>
      <c r="C489" s="498" t="s">
        <v>1505</v>
      </c>
      <c r="D489" s="480" t="s">
        <v>1506</v>
      </c>
      <c r="E489" s="480" t="s">
        <v>595</v>
      </c>
      <c r="F489" s="449" t="s">
        <v>596</v>
      </c>
      <c r="G489" s="449"/>
      <c r="H489" s="451"/>
      <c r="I489" s="451"/>
      <c r="J489" s="452"/>
      <c r="K489" s="144"/>
      <c r="L489" s="469">
        <v>38362</v>
      </c>
      <c r="M489" s="469"/>
      <c r="N489" s="418" t="str">
        <f t="shared" si="14"/>
        <v/>
      </c>
    </row>
    <row r="490" spans="1:14" ht="15.75">
      <c r="A490" s="538"/>
      <c r="B490" s="411">
        <f t="shared" si="15"/>
        <v>47</v>
      </c>
      <c r="C490" s="498" t="s">
        <v>1507</v>
      </c>
      <c r="D490" s="480" t="s">
        <v>1508</v>
      </c>
      <c r="E490" s="480" t="s">
        <v>595</v>
      </c>
      <c r="F490" s="449" t="s">
        <v>596</v>
      </c>
      <c r="G490" s="449"/>
      <c r="H490" s="451"/>
      <c r="I490" s="451"/>
      <c r="J490" s="452"/>
      <c r="K490" s="144"/>
      <c r="L490" s="469">
        <v>38362</v>
      </c>
      <c r="M490" s="469"/>
      <c r="N490" s="418" t="str">
        <f t="shared" si="14"/>
        <v/>
      </c>
    </row>
    <row r="491" spans="1:14" ht="15.75">
      <c r="A491" s="538"/>
      <c r="B491" s="411">
        <f t="shared" si="15"/>
        <v>47</v>
      </c>
      <c r="C491" s="498" t="s">
        <v>1509</v>
      </c>
      <c r="D491" s="480" t="s">
        <v>1510</v>
      </c>
      <c r="E491" s="480" t="s">
        <v>595</v>
      </c>
      <c r="F491" s="449" t="s">
        <v>596</v>
      </c>
      <c r="G491" s="449"/>
      <c r="H491" s="451"/>
      <c r="I491" s="451"/>
      <c r="J491" s="452"/>
      <c r="K491" s="144"/>
      <c r="L491" s="469">
        <v>38362</v>
      </c>
      <c r="M491" s="469"/>
      <c r="N491" s="418" t="str">
        <f t="shared" si="14"/>
        <v/>
      </c>
    </row>
    <row r="492" spans="1:14" ht="15.75">
      <c r="A492" s="538"/>
      <c r="B492" s="411">
        <f t="shared" si="15"/>
        <v>47</v>
      </c>
      <c r="C492" s="498" t="s">
        <v>1509</v>
      </c>
      <c r="D492" s="480" t="s">
        <v>1511</v>
      </c>
      <c r="E492" s="480" t="s">
        <v>595</v>
      </c>
      <c r="F492" s="449" t="s">
        <v>596</v>
      </c>
      <c r="G492" s="449"/>
      <c r="H492" s="451"/>
      <c r="I492" s="451"/>
      <c r="J492" s="452"/>
      <c r="K492" s="144"/>
      <c r="L492" s="469">
        <v>38362</v>
      </c>
      <c r="M492" s="469"/>
      <c r="N492" s="418" t="str">
        <f t="shared" si="14"/>
        <v/>
      </c>
    </row>
    <row r="493" spans="1:14" ht="15.75">
      <c r="A493" s="538"/>
      <c r="B493" s="411">
        <f t="shared" si="15"/>
        <v>47</v>
      </c>
      <c r="C493" s="498" t="s">
        <v>1512</v>
      </c>
      <c r="D493" s="480" t="s">
        <v>1513</v>
      </c>
      <c r="E493" s="480" t="s">
        <v>595</v>
      </c>
      <c r="F493" s="449" t="s">
        <v>596</v>
      </c>
      <c r="G493" s="449"/>
      <c r="H493" s="451"/>
      <c r="I493" s="451"/>
      <c r="J493" s="452"/>
      <c r="K493" s="144"/>
      <c r="L493" s="469">
        <v>38362</v>
      </c>
      <c r="M493" s="469"/>
      <c r="N493" s="418" t="str">
        <f t="shared" si="14"/>
        <v/>
      </c>
    </row>
    <row r="494" spans="1:14" ht="15.75">
      <c r="A494" s="538"/>
      <c r="B494" s="411">
        <f t="shared" si="15"/>
        <v>47</v>
      </c>
      <c r="C494" s="498" t="s">
        <v>1514</v>
      </c>
      <c r="D494" s="480" t="s">
        <v>1515</v>
      </c>
      <c r="E494" s="480" t="s">
        <v>595</v>
      </c>
      <c r="F494" s="449" t="s">
        <v>596</v>
      </c>
      <c r="G494" s="449"/>
      <c r="H494" s="451"/>
      <c r="I494" s="451"/>
      <c r="J494" s="452"/>
      <c r="K494" s="144"/>
      <c r="L494" s="469">
        <v>38362</v>
      </c>
      <c r="M494" s="469"/>
      <c r="N494" s="418" t="str">
        <f t="shared" si="14"/>
        <v/>
      </c>
    </row>
    <row r="495" spans="1:14" ht="15.75">
      <c r="A495" s="538"/>
      <c r="B495" s="411">
        <f t="shared" si="15"/>
        <v>47</v>
      </c>
      <c r="C495" s="498" t="s">
        <v>1516</v>
      </c>
      <c r="D495" s="480" t="s">
        <v>1517</v>
      </c>
      <c r="E495" s="480" t="s">
        <v>595</v>
      </c>
      <c r="F495" s="449" t="s">
        <v>596</v>
      </c>
      <c r="G495" s="449"/>
      <c r="H495" s="451"/>
      <c r="I495" s="451"/>
      <c r="J495" s="452"/>
      <c r="K495" s="144"/>
      <c r="L495" s="469">
        <v>38362</v>
      </c>
      <c r="M495" s="469"/>
      <c r="N495" s="418" t="str">
        <f t="shared" si="14"/>
        <v/>
      </c>
    </row>
    <row r="496" spans="1:14" ht="15.75">
      <c r="A496" s="538"/>
      <c r="B496" s="411">
        <f t="shared" si="15"/>
        <v>47</v>
      </c>
      <c r="C496" s="498" t="s">
        <v>1516</v>
      </c>
      <c r="D496" s="480" t="s">
        <v>1518</v>
      </c>
      <c r="E496" s="480" t="s">
        <v>595</v>
      </c>
      <c r="F496" s="449" t="s">
        <v>596</v>
      </c>
      <c r="G496" s="449"/>
      <c r="H496" s="451"/>
      <c r="I496" s="451"/>
      <c r="J496" s="452"/>
      <c r="K496" s="144"/>
      <c r="L496" s="469">
        <v>38362</v>
      </c>
      <c r="M496" s="469"/>
      <c r="N496" s="418" t="str">
        <f t="shared" si="14"/>
        <v/>
      </c>
    </row>
    <row r="497" spans="1:14" ht="15.75">
      <c r="A497" s="538"/>
      <c r="B497" s="411">
        <f t="shared" si="15"/>
        <v>47</v>
      </c>
      <c r="C497" s="498" t="s">
        <v>1519</v>
      </c>
      <c r="D497" s="480" t="s">
        <v>1520</v>
      </c>
      <c r="E497" s="480" t="s">
        <v>595</v>
      </c>
      <c r="F497" s="449" t="s">
        <v>596</v>
      </c>
      <c r="G497" s="449"/>
      <c r="H497" s="451"/>
      <c r="I497" s="451"/>
      <c r="J497" s="452"/>
      <c r="K497" s="144"/>
      <c r="L497" s="469">
        <v>38362</v>
      </c>
      <c r="M497" s="469"/>
      <c r="N497" s="418" t="str">
        <f t="shared" si="14"/>
        <v/>
      </c>
    </row>
    <row r="498" spans="1:14" ht="15.75">
      <c r="A498" s="538"/>
      <c r="B498" s="411">
        <f t="shared" si="15"/>
        <v>47</v>
      </c>
      <c r="C498" s="498" t="s">
        <v>1521</v>
      </c>
      <c r="D498" s="480" t="s">
        <v>1522</v>
      </c>
      <c r="E498" s="480" t="s">
        <v>595</v>
      </c>
      <c r="F498" s="449" t="s">
        <v>596</v>
      </c>
      <c r="G498" s="449"/>
      <c r="H498" s="451"/>
      <c r="I498" s="451"/>
      <c r="J498" s="452"/>
      <c r="K498" s="144"/>
      <c r="L498" s="469">
        <v>38362</v>
      </c>
      <c r="M498" s="469"/>
      <c r="N498" s="418" t="str">
        <f t="shared" si="14"/>
        <v/>
      </c>
    </row>
    <row r="499" spans="1:14" ht="15.75">
      <c r="A499" s="538"/>
      <c r="B499" s="411">
        <f t="shared" si="15"/>
        <v>47</v>
      </c>
      <c r="C499" s="498" t="s">
        <v>1523</v>
      </c>
      <c r="D499" s="480" t="s">
        <v>1524</v>
      </c>
      <c r="E499" s="480" t="s">
        <v>595</v>
      </c>
      <c r="F499" s="449" t="s">
        <v>596</v>
      </c>
      <c r="G499" s="449"/>
      <c r="H499" s="451"/>
      <c r="I499" s="451"/>
      <c r="J499" s="452"/>
      <c r="K499" s="144"/>
      <c r="L499" s="469">
        <v>38362</v>
      </c>
      <c r="M499" s="469"/>
      <c r="N499" s="418" t="str">
        <f t="shared" si="14"/>
        <v/>
      </c>
    </row>
    <row r="500" spans="1:14" ht="15.75">
      <c r="A500" s="538"/>
      <c r="B500" s="411">
        <f t="shared" si="15"/>
        <v>47</v>
      </c>
      <c r="C500" s="498" t="s">
        <v>1525</v>
      </c>
      <c r="D500" s="480" t="s">
        <v>1526</v>
      </c>
      <c r="E500" s="480" t="s">
        <v>595</v>
      </c>
      <c r="F500" s="449" t="s">
        <v>596</v>
      </c>
      <c r="G500" s="449"/>
      <c r="H500" s="451"/>
      <c r="I500" s="451"/>
      <c r="J500" s="452"/>
      <c r="K500" s="144"/>
      <c r="L500" s="469">
        <v>38362</v>
      </c>
      <c r="M500" s="469"/>
      <c r="N500" s="418" t="str">
        <f t="shared" si="14"/>
        <v/>
      </c>
    </row>
    <row r="501" spans="1:14" ht="15.75">
      <c r="A501" s="538"/>
      <c r="B501" s="411">
        <f t="shared" si="15"/>
        <v>47</v>
      </c>
      <c r="C501" s="498" t="s">
        <v>1527</v>
      </c>
      <c r="D501" s="480" t="s">
        <v>1528</v>
      </c>
      <c r="E501" s="480" t="s">
        <v>595</v>
      </c>
      <c r="F501" s="449" t="s">
        <v>596</v>
      </c>
      <c r="G501" s="449"/>
      <c r="H501" s="451"/>
      <c r="I501" s="451"/>
      <c r="J501" s="452"/>
      <c r="K501" s="144"/>
      <c r="L501" s="469">
        <v>38362</v>
      </c>
      <c r="M501" s="469"/>
      <c r="N501" s="418" t="str">
        <f t="shared" si="14"/>
        <v/>
      </c>
    </row>
    <row r="502" spans="1:14" ht="15.75">
      <c r="A502" s="538"/>
      <c r="B502" s="411">
        <f t="shared" si="15"/>
        <v>47</v>
      </c>
      <c r="C502" s="498" t="s">
        <v>1529</v>
      </c>
      <c r="D502" s="480" t="s">
        <v>1530</v>
      </c>
      <c r="E502" s="480" t="s">
        <v>595</v>
      </c>
      <c r="F502" s="449" t="s">
        <v>596</v>
      </c>
      <c r="G502" s="449"/>
      <c r="H502" s="451"/>
      <c r="I502" s="451"/>
      <c r="J502" s="452"/>
      <c r="K502" s="144"/>
      <c r="L502" s="469">
        <v>38362</v>
      </c>
      <c r="M502" s="469"/>
      <c r="N502" s="418" t="str">
        <f t="shared" si="14"/>
        <v/>
      </c>
    </row>
    <row r="503" spans="1:14" ht="15.75">
      <c r="A503" s="538"/>
      <c r="B503" s="411">
        <f t="shared" si="15"/>
        <v>47</v>
      </c>
      <c r="C503" s="498" t="s">
        <v>1531</v>
      </c>
      <c r="D503" s="480" t="s">
        <v>1532</v>
      </c>
      <c r="E503" s="480" t="s">
        <v>595</v>
      </c>
      <c r="F503" s="449" t="s">
        <v>596</v>
      </c>
      <c r="G503" s="449"/>
      <c r="H503" s="451"/>
      <c r="I503" s="451"/>
      <c r="J503" s="452"/>
      <c r="K503" s="144"/>
      <c r="L503" s="469">
        <v>38362</v>
      </c>
      <c r="M503" s="469"/>
      <c r="N503" s="418" t="str">
        <f t="shared" si="14"/>
        <v/>
      </c>
    </row>
    <row r="504" spans="1:14" ht="15.75">
      <c r="A504" s="538"/>
      <c r="B504" s="411">
        <f t="shared" si="15"/>
        <v>47</v>
      </c>
      <c r="C504" s="498" t="s">
        <v>1533</v>
      </c>
      <c r="D504" s="480" t="s">
        <v>1534</v>
      </c>
      <c r="E504" s="480" t="s">
        <v>595</v>
      </c>
      <c r="F504" s="449" t="s">
        <v>596</v>
      </c>
      <c r="G504" s="449"/>
      <c r="H504" s="451"/>
      <c r="I504" s="451"/>
      <c r="J504" s="452"/>
      <c r="K504" s="144"/>
      <c r="L504" s="469">
        <v>38362</v>
      </c>
      <c r="M504" s="469"/>
      <c r="N504" s="418" t="str">
        <f t="shared" si="14"/>
        <v>DUPLICATE</v>
      </c>
    </row>
    <row r="505" spans="1:14" ht="15.75">
      <c r="A505" s="538"/>
      <c r="B505" s="411">
        <f t="shared" si="15"/>
        <v>47</v>
      </c>
      <c r="C505" s="498" t="s">
        <v>1535</v>
      </c>
      <c r="D505" s="480" t="s">
        <v>1536</v>
      </c>
      <c r="E505" s="480" t="s">
        <v>595</v>
      </c>
      <c r="F505" s="449" t="s">
        <v>596</v>
      </c>
      <c r="G505" s="449"/>
      <c r="H505" s="451"/>
      <c r="I505" s="451"/>
      <c r="J505" s="452"/>
      <c r="K505" s="144"/>
      <c r="L505" s="469">
        <v>38362</v>
      </c>
      <c r="M505" s="469"/>
      <c r="N505" s="418" t="str">
        <f t="shared" si="14"/>
        <v/>
      </c>
    </row>
    <row r="506" spans="1:14" ht="15.75">
      <c r="A506" s="538"/>
      <c r="B506" s="411">
        <f t="shared" si="15"/>
        <v>47</v>
      </c>
      <c r="C506" s="498" t="s">
        <v>1537</v>
      </c>
      <c r="D506" s="480" t="s">
        <v>1538</v>
      </c>
      <c r="E506" s="480" t="s">
        <v>595</v>
      </c>
      <c r="F506" s="449" t="s">
        <v>596</v>
      </c>
      <c r="G506" s="449"/>
      <c r="H506" s="451"/>
      <c r="I506" s="451"/>
      <c r="J506" s="452"/>
      <c r="K506" s="144"/>
      <c r="L506" s="469">
        <v>38362</v>
      </c>
      <c r="M506" s="469"/>
      <c r="N506" s="418" t="str">
        <f t="shared" si="14"/>
        <v/>
      </c>
    </row>
    <row r="507" spans="1:14" ht="15.75">
      <c r="A507" s="538"/>
      <c r="B507" s="411">
        <f t="shared" si="15"/>
        <v>47</v>
      </c>
      <c r="C507" s="498" t="s">
        <v>1539</v>
      </c>
      <c r="D507" s="480" t="s">
        <v>1540</v>
      </c>
      <c r="E507" s="480" t="s">
        <v>595</v>
      </c>
      <c r="F507" s="449" t="s">
        <v>596</v>
      </c>
      <c r="G507" s="449"/>
      <c r="H507" s="451"/>
      <c r="I507" s="451"/>
      <c r="J507" s="452"/>
      <c r="K507" s="144"/>
      <c r="L507" s="469">
        <v>38362</v>
      </c>
      <c r="M507" s="469"/>
      <c r="N507" s="418" t="str">
        <f t="shared" si="14"/>
        <v/>
      </c>
    </row>
    <row r="508" spans="1:14" ht="15.75">
      <c r="A508" s="538"/>
      <c r="B508" s="411">
        <f t="shared" si="15"/>
        <v>47</v>
      </c>
      <c r="C508" s="498" t="s">
        <v>1541</v>
      </c>
      <c r="D508" s="480" t="s">
        <v>1542</v>
      </c>
      <c r="E508" s="480" t="s">
        <v>595</v>
      </c>
      <c r="F508" s="449" t="s">
        <v>596</v>
      </c>
      <c r="G508" s="449"/>
      <c r="H508" s="451"/>
      <c r="I508" s="451"/>
      <c r="J508" s="452"/>
      <c r="K508" s="144"/>
      <c r="L508" s="469">
        <v>38362</v>
      </c>
      <c r="M508" s="469"/>
      <c r="N508" s="418" t="str">
        <f t="shared" si="14"/>
        <v/>
      </c>
    </row>
    <row r="509" spans="1:14" ht="15.75">
      <c r="A509" s="538"/>
      <c r="B509" s="411">
        <f t="shared" si="15"/>
        <v>47</v>
      </c>
      <c r="C509" s="498" t="s">
        <v>1543</v>
      </c>
      <c r="D509" s="480" t="s">
        <v>1544</v>
      </c>
      <c r="E509" s="480" t="s">
        <v>595</v>
      </c>
      <c r="F509" s="449" t="s">
        <v>596</v>
      </c>
      <c r="G509" s="449"/>
      <c r="H509" s="451"/>
      <c r="I509" s="451"/>
      <c r="J509" s="452"/>
      <c r="K509" s="144"/>
      <c r="L509" s="469">
        <v>38362</v>
      </c>
      <c r="M509" s="469"/>
      <c r="N509" s="418" t="str">
        <f t="shared" si="14"/>
        <v/>
      </c>
    </row>
    <row r="510" spans="1:14" ht="15.75">
      <c r="A510" s="538"/>
      <c r="B510" s="411">
        <f t="shared" si="15"/>
        <v>47</v>
      </c>
      <c r="C510" s="498" t="s">
        <v>1543</v>
      </c>
      <c r="D510" s="480" t="s">
        <v>1545</v>
      </c>
      <c r="E510" s="480" t="s">
        <v>595</v>
      </c>
      <c r="F510" s="449" t="s">
        <v>596</v>
      </c>
      <c r="G510" s="449"/>
      <c r="H510" s="451"/>
      <c r="I510" s="451"/>
      <c r="J510" s="452"/>
      <c r="K510" s="144"/>
      <c r="L510" s="469">
        <v>38362</v>
      </c>
      <c r="M510" s="469"/>
      <c r="N510" s="418" t="str">
        <f t="shared" si="14"/>
        <v/>
      </c>
    </row>
    <row r="511" spans="1:14" ht="15.75">
      <c r="A511" s="538"/>
      <c r="B511" s="411">
        <f t="shared" si="15"/>
        <v>47</v>
      </c>
      <c r="C511" s="498" t="s">
        <v>1546</v>
      </c>
      <c r="D511" s="480" t="s">
        <v>1547</v>
      </c>
      <c r="E511" s="480" t="s">
        <v>595</v>
      </c>
      <c r="F511" s="449" t="s">
        <v>596</v>
      </c>
      <c r="G511" s="449"/>
      <c r="H511" s="451"/>
      <c r="I511" s="451"/>
      <c r="J511" s="452"/>
      <c r="K511" s="144"/>
      <c r="L511" s="469">
        <v>38362</v>
      </c>
      <c r="M511" s="469"/>
      <c r="N511" s="418" t="str">
        <f t="shared" si="14"/>
        <v/>
      </c>
    </row>
    <row r="512" spans="1:14" ht="15.75">
      <c r="A512" s="538"/>
      <c r="B512" s="411">
        <f t="shared" si="15"/>
        <v>47</v>
      </c>
      <c r="C512" s="498" t="s">
        <v>1548</v>
      </c>
      <c r="D512" s="480" t="s">
        <v>1549</v>
      </c>
      <c r="E512" s="480" t="s">
        <v>595</v>
      </c>
      <c r="F512" s="449" t="s">
        <v>596</v>
      </c>
      <c r="G512" s="449"/>
      <c r="H512" s="451"/>
      <c r="I512" s="451"/>
      <c r="J512" s="452"/>
      <c r="K512" s="144"/>
      <c r="L512" s="469">
        <v>38362</v>
      </c>
      <c r="M512" s="469"/>
      <c r="N512" s="418" t="str">
        <f t="shared" si="14"/>
        <v/>
      </c>
    </row>
    <row r="513" spans="1:14" ht="15.75">
      <c r="A513" s="538"/>
      <c r="B513" s="411">
        <f t="shared" si="15"/>
        <v>47</v>
      </c>
      <c r="C513" s="498" t="s">
        <v>1550</v>
      </c>
      <c r="D513" s="480" t="s">
        <v>1551</v>
      </c>
      <c r="E513" s="480" t="s">
        <v>595</v>
      </c>
      <c r="F513" s="449" t="s">
        <v>596</v>
      </c>
      <c r="G513" s="449"/>
      <c r="H513" s="451"/>
      <c r="I513" s="451"/>
      <c r="J513" s="452"/>
      <c r="K513" s="144"/>
      <c r="L513" s="469">
        <v>38362</v>
      </c>
      <c r="M513" s="469"/>
      <c r="N513" s="418" t="str">
        <f t="shared" si="14"/>
        <v/>
      </c>
    </row>
    <row r="514" spans="1:14" ht="15.75">
      <c r="A514" s="538"/>
      <c r="B514" s="411">
        <f t="shared" si="15"/>
        <v>47</v>
      </c>
      <c r="C514" s="498" t="s">
        <v>1552</v>
      </c>
      <c r="D514" s="480" t="s">
        <v>1553</v>
      </c>
      <c r="E514" s="480" t="s">
        <v>595</v>
      </c>
      <c r="F514" s="449" t="s">
        <v>596</v>
      </c>
      <c r="G514" s="449"/>
      <c r="H514" s="451"/>
      <c r="I514" s="451"/>
      <c r="J514" s="452"/>
      <c r="K514" s="144"/>
      <c r="L514" s="469">
        <v>38362</v>
      </c>
      <c r="M514" s="469"/>
      <c r="N514" s="418" t="str">
        <f t="shared" si="14"/>
        <v/>
      </c>
    </row>
    <row r="515" spans="1:14" ht="15.75">
      <c r="A515" s="538"/>
      <c r="B515" s="411">
        <f t="shared" si="15"/>
        <v>47</v>
      </c>
      <c r="C515" s="498" t="s">
        <v>1554</v>
      </c>
      <c r="D515" s="480" t="s">
        <v>1555</v>
      </c>
      <c r="E515" s="480" t="s">
        <v>595</v>
      </c>
      <c r="F515" s="449" t="s">
        <v>596</v>
      </c>
      <c r="G515" s="449"/>
      <c r="H515" s="451"/>
      <c r="I515" s="451"/>
      <c r="J515" s="452"/>
      <c r="K515" s="144"/>
      <c r="L515" s="469">
        <v>38362</v>
      </c>
      <c r="M515" s="469"/>
      <c r="N515" s="418" t="str">
        <f t="shared" si="14"/>
        <v/>
      </c>
    </row>
    <row r="516" spans="1:14" ht="15.75">
      <c r="A516" s="538"/>
      <c r="B516" s="411">
        <f t="shared" si="15"/>
        <v>47</v>
      </c>
      <c r="C516" s="498" t="s">
        <v>1556</v>
      </c>
      <c r="D516" s="480" t="s">
        <v>1557</v>
      </c>
      <c r="E516" s="480" t="s">
        <v>595</v>
      </c>
      <c r="F516" s="449" t="s">
        <v>596</v>
      </c>
      <c r="G516" s="449"/>
      <c r="H516" s="451"/>
      <c r="I516" s="451"/>
      <c r="J516" s="452"/>
      <c r="K516" s="144"/>
      <c r="L516" s="469">
        <v>38362</v>
      </c>
      <c r="M516" s="469"/>
      <c r="N516" s="418" t="str">
        <f t="shared" si="14"/>
        <v/>
      </c>
    </row>
    <row r="517" spans="1:14" ht="15.75">
      <c r="A517" s="538"/>
      <c r="B517" s="411">
        <f t="shared" si="15"/>
        <v>47</v>
      </c>
      <c r="C517" s="498" t="s">
        <v>1558</v>
      </c>
      <c r="D517" s="480" t="s">
        <v>1559</v>
      </c>
      <c r="E517" s="480" t="s">
        <v>595</v>
      </c>
      <c r="F517" s="449" t="s">
        <v>596</v>
      </c>
      <c r="G517" s="449"/>
      <c r="H517" s="451"/>
      <c r="I517" s="451"/>
      <c r="J517" s="452"/>
      <c r="K517" s="144"/>
      <c r="L517" s="469">
        <v>38362</v>
      </c>
      <c r="M517" s="469"/>
      <c r="N517" s="418" t="str">
        <f t="shared" si="14"/>
        <v/>
      </c>
    </row>
    <row r="518" spans="1:14" ht="15.75">
      <c r="A518" s="410"/>
      <c r="B518" s="411">
        <f t="shared" si="15"/>
        <v>47</v>
      </c>
      <c r="C518" s="578" t="s">
        <v>1560</v>
      </c>
      <c r="D518" s="526" t="s">
        <v>1561</v>
      </c>
      <c r="E518" s="458" t="s">
        <v>595</v>
      </c>
      <c r="F518" s="458" t="s">
        <v>596</v>
      </c>
      <c r="G518" s="458"/>
      <c r="H518" s="460"/>
      <c r="I518" s="460"/>
      <c r="J518" s="461"/>
      <c r="K518" s="528"/>
      <c r="L518" s="423">
        <v>38362</v>
      </c>
      <c r="M518" s="423"/>
      <c r="N518" s="418" t="str">
        <f t="shared" si="14"/>
        <v/>
      </c>
    </row>
    <row r="519" spans="1:14" ht="157.5">
      <c r="A519" s="410">
        <v>48</v>
      </c>
      <c r="B519" s="411">
        <f t="shared" si="15"/>
        <v>48</v>
      </c>
      <c r="C519" s="424" t="s">
        <v>1562</v>
      </c>
      <c r="D519" s="579"/>
      <c r="E519" s="458" t="s">
        <v>707</v>
      </c>
      <c r="F519" s="458" t="s">
        <v>600</v>
      </c>
      <c r="G519" s="458" t="s">
        <v>1563</v>
      </c>
      <c r="H519" s="417">
        <v>42795</v>
      </c>
      <c r="I519" s="460" t="s">
        <v>1564</v>
      </c>
      <c r="J519" s="528" t="s">
        <v>1565</v>
      </c>
      <c r="K519" s="414" t="s">
        <v>1030</v>
      </c>
      <c r="L519" s="417">
        <v>41859</v>
      </c>
      <c r="M519" s="423">
        <v>42767</v>
      </c>
      <c r="N519" s="418" t="str">
        <f t="shared" si="14"/>
        <v/>
      </c>
    </row>
    <row r="520" spans="1:14" ht="94.5">
      <c r="A520" s="538"/>
      <c r="B520" s="411">
        <f t="shared" si="15"/>
        <v>48</v>
      </c>
      <c r="C520" s="575" t="s">
        <v>1566</v>
      </c>
      <c r="D520" s="442" t="s">
        <v>1567</v>
      </c>
      <c r="E520" s="580" t="s">
        <v>707</v>
      </c>
      <c r="F520" s="449" t="s">
        <v>600</v>
      </c>
      <c r="G520" s="442" t="s">
        <v>1568</v>
      </c>
      <c r="H520" s="581">
        <v>42795</v>
      </c>
      <c r="I520" s="451"/>
      <c r="J520" s="442"/>
      <c r="K520" s="480"/>
      <c r="L520" s="477"/>
      <c r="M520" s="423">
        <v>41897</v>
      </c>
      <c r="N520" s="418" t="str">
        <f t="shared" si="14"/>
        <v/>
      </c>
    </row>
    <row r="521" spans="1:14" ht="94.5">
      <c r="A521" s="538"/>
      <c r="B521" s="411">
        <f t="shared" si="15"/>
        <v>48</v>
      </c>
      <c r="C521" s="498" t="s">
        <v>1569</v>
      </c>
      <c r="D521" s="449" t="s">
        <v>1570</v>
      </c>
      <c r="E521" s="523" t="s">
        <v>707</v>
      </c>
      <c r="F521" s="449" t="s">
        <v>600</v>
      </c>
      <c r="G521" s="449" t="s">
        <v>1571</v>
      </c>
      <c r="H521" s="582">
        <v>42795</v>
      </c>
      <c r="I521" s="451"/>
      <c r="J521" s="452"/>
      <c r="K521" s="480"/>
      <c r="L521" s="477"/>
      <c r="M521" s="423">
        <v>41897</v>
      </c>
      <c r="N521" s="418" t="str">
        <f t="shared" si="14"/>
        <v/>
      </c>
    </row>
    <row r="522" spans="1:14" ht="78.75">
      <c r="A522" s="538"/>
      <c r="B522" s="411">
        <f t="shared" si="15"/>
        <v>48</v>
      </c>
      <c r="C522" s="498" t="s">
        <v>1572</v>
      </c>
      <c r="D522" s="449" t="s">
        <v>1573</v>
      </c>
      <c r="E522" s="523" t="s">
        <v>707</v>
      </c>
      <c r="F522" s="449" t="s">
        <v>600</v>
      </c>
      <c r="G522" s="449" t="s">
        <v>1574</v>
      </c>
      <c r="H522" s="583">
        <v>42795</v>
      </c>
      <c r="I522" s="451"/>
      <c r="J522" s="452"/>
      <c r="K522" s="480"/>
      <c r="L522" s="477"/>
      <c r="M522" s="423">
        <v>41897</v>
      </c>
      <c r="N522" s="418" t="str">
        <f t="shared" si="14"/>
        <v/>
      </c>
    </row>
    <row r="523" spans="1:14" ht="94.5">
      <c r="A523" s="538"/>
      <c r="B523" s="411">
        <f t="shared" si="15"/>
        <v>48</v>
      </c>
      <c r="C523" s="498" t="s">
        <v>1575</v>
      </c>
      <c r="D523" s="449" t="s">
        <v>1576</v>
      </c>
      <c r="E523" s="523" t="s">
        <v>707</v>
      </c>
      <c r="F523" s="449" t="s">
        <v>600</v>
      </c>
      <c r="G523" s="449" t="s">
        <v>1571</v>
      </c>
      <c r="H523" s="582">
        <v>42795</v>
      </c>
      <c r="I523" s="451"/>
      <c r="J523" s="452"/>
      <c r="K523" s="480"/>
      <c r="L523" s="477"/>
      <c r="M523" s="423">
        <v>41897</v>
      </c>
      <c r="N523" s="418" t="str">
        <f t="shared" si="14"/>
        <v/>
      </c>
    </row>
    <row r="524" spans="1:14" ht="94.5">
      <c r="A524" s="538"/>
      <c r="B524" s="411">
        <f t="shared" si="15"/>
        <v>48</v>
      </c>
      <c r="C524" s="498" t="s">
        <v>1577</v>
      </c>
      <c r="D524" s="449" t="s">
        <v>1578</v>
      </c>
      <c r="E524" s="523" t="s">
        <v>707</v>
      </c>
      <c r="F524" s="449" t="s">
        <v>600</v>
      </c>
      <c r="G524" s="452" t="s">
        <v>1579</v>
      </c>
      <c r="H524" s="583">
        <v>42795</v>
      </c>
      <c r="I524" s="451"/>
      <c r="J524" s="452"/>
      <c r="K524" s="480"/>
      <c r="L524" s="477"/>
      <c r="M524" s="423">
        <v>41897</v>
      </c>
      <c r="N524" s="418" t="str">
        <f t="shared" si="14"/>
        <v/>
      </c>
    </row>
    <row r="525" spans="1:14" ht="94.5">
      <c r="A525" s="538"/>
      <c r="B525" s="411">
        <f t="shared" si="15"/>
        <v>48</v>
      </c>
      <c r="C525" s="498" t="s">
        <v>1580</v>
      </c>
      <c r="D525" s="449" t="s">
        <v>1581</v>
      </c>
      <c r="E525" s="523" t="s">
        <v>707</v>
      </c>
      <c r="F525" s="449" t="s">
        <v>600</v>
      </c>
      <c r="G525" s="452" t="s">
        <v>1579</v>
      </c>
      <c r="H525" s="583">
        <v>42795</v>
      </c>
      <c r="I525" s="451"/>
      <c r="J525" s="452"/>
      <c r="K525" s="480"/>
      <c r="L525" s="477"/>
      <c r="M525" s="423">
        <v>41897</v>
      </c>
      <c r="N525" s="418" t="str">
        <f t="shared" si="14"/>
        <v/>
      </c>
    </row>
    <row r="526" spans="1:14" ht="78.75">
      <c r="A526" s="538"/>
      <c r="B526" s="411">
        <f t="shared" si="15"/>
        <v>48</v>
      </c>
      <c r="C526" s="498" t="s">
        <v>1582</v>
      </c>
      <c r="D526" s="449" t="s">
        <v>1583</v>
      </c>
      <c r="E526" s="523" t="s">
        <v>707</v>
      </c>
      <c r="F526" s="449" t="s">
        <v>600</v>
      </c>
      <c r="G526" s="452" t="s">
        <v>1584</v>
      </c>
      <c r="H526" s="582">
        <v>42795</v>
      </c>
      <c r="I526" s="451"/>
      <c r="J526" s="452"/>
      <c r="K526" s="480"/>
      <c r="L526" s="477">
        <v>42036</v>
      </c>
      <c r="M526" s="423"/>
      <c r="N526" s="418" t="str">
        <f t="shared" si="14"/>
        <v/>
      </c>
    </row>
    <row r="527" spans="1:14" ht="63">
      <c r="A527" s="538"/>
      <c r="B527" s="411">
        <f t="shared" si="15"/>
        <v>48</v>
      </c>
      <c r="C527" s="498" t="s">
        <v>1585</v>
      </c>
      <c r="D527" s="449" t="s">
        <v>1586</v>
      </c>
      <c r="E527" s="523" t="s">
        <v>707</v>
      </c>
      <c r="F527" s="449" t="s">
        <v>600</v>
      </c>
      <c r="G527" s="452" t="s">
        <v>1587</v>
      </c>
      <c r="H527" s="582" t="s">
        <v>1588</v>
      </c>
      <c r="I527" s="451"/>
      <c r="J527" s="452"/>
      <c r="K527" s="480"/>
      <c r="L527" s="477">
        <v>42401</v>
      </c>
      <c r="M527" s="423"/>
      <c r="N527" s="418" t="str">
        <f t="shared" si="14"/>
        <v/>
      </c>
    </row>
    <row r="528" spans="1:14" ht="94.5">
      <c r="A528" s="538"/>
      <c r="B528" s="411">
        <f t="shared" si="15"/>
        <v>48</v>
      </c>
      <c r="C528" s="498" t="s">
        <v>1589</v>
      </c>
      <c r="D528" s="449" t="s">
        <v>1590</v>
      </c>
      <c r="E528" s="523" t="s">
        <v>707</v>
      </c>
      <c r="F528" s="449" t="s">
        <v>600</v>
      </c>
      <c r="G528" s="452" t="s">
        <v>1591</v>
      </c>
      <c r="H528" s="582" t="s">
        <v>1588</v>
      </c>
      <c r="I528" s="451"/>
      <c r="J528" s="452"/>
      <c r="K528" s="480"/>
      <c r="L528" s="477"/>
      <c r="M528" s="423">
        <v>41897</v>
      </c>
      <c r="N528" s="418" t="str">
        <f t="shared" si="14"/>
        <v/>
      </c>
    </row>
    <row r="529" spans="1:14" ht="94.5">
      <c r="A529" s="538"/>
      <c r="B529" s="411">
        <f t="shared" si="15"/>
        <v>48</v>
      </c>
      <c r="C529" s="498" t="s">
        <v>1592</v>
      </c>
      <c r="D529" s="449" t="s">
        <v>1593</v>
      </c>
      <c r="E529" s="523" t="s">
        <v>707</v>
      </c>
      <c r="F529" s="449" t="s">
        <v>600</v>
      </c>
      <c r="G529" s="452" t="s">
        <v>1591</v>
      </c>
      <c r="H529" s="582" t="s">
        <v>1588</v>
      </c>
      <c r="I529" s="451"/>
      <c r="J529" s="452"/>
      <c r="K529" s="480"/>
      <c r="L529" s="477"/>
      <c r="M529" s="423">
        <v>41897</v>
      </c>
      <c r="N529" s="418" t="str">
        <f t="shared" si="14"/>
        <v/>
      </c>
    </row>
    <row r="530" spans="1:14" ht="94.5">
      <c r="A530" s="538"/>
      <c r="B530" s="411">
        <f t="shared" si="15"/>
        <v>48</v>
      </c>
      <c r="C530" s="498" t="s">
        <v>1594</v>
      </c>
      <c r="D530" s="449" t="s">
        <v>1595</v>
      </c>
      <c r="E530" s="523" t="s">
        <v>707</v>
      </c>
      <c r="F530" s="449" t="s">
        <v>600</v>
      </c>
      <c r="G530" s="452" t="s">
        <v>1571</v>
      </c>
      <c r="H530" s="582">
        <v>42795</v>
      </c>
      <c r="I530" s="451"/>
      <c r="J530" s="452"/>
      <c r="K530" s="480"/>
      <c r="L530" s="477"/>
      <c r="M530" s="423">
        <v>41897</v>
      </c>
      <c r="N530" s="418" t="str">
        <f t="shared" si="14"/>
        <v/>
      </c>
    </row>
    <row r="531" spans="1:14" ht="94.5">
      <c r="A531" s="538"/>
      <c r="B531" s="411">
        <f t="shared" si="15"/>
        <v>48</v>
      </c>
      <c r="C531" s="498" t="s">
        <v>1596</v>
      </c>
      <c r="D531" s="449" t="s">
        <v>1597</v>
      </c>
      <c r="E531" s="523" t="s">
        <v>707</v>
      </c>
      <c r="F531" s="449" t="s">
        <v>600</v>
      </c>
      <c r="G531" s="452" t="s">
        <v>1591</v>
      </c>
      <c r="H531" s="582" t="s">
        <v>1588</v>
      </c>
      <c r="I531" s="451"/>
      <c r="J531" s="452"/>
      <c r="K531" s="480"/>
      <c r="L531" s="477"/>
      <c r="M531" s="423">
        <v>41897</v>
      </c>
      <c r="N531" s="418" t="str">
        <f t="shared" si="14"/>
        <v/>
      </c>
    </row>
    <row r="532" spans="1:14" ht="94.5">
      <c r="A532" s="538"/>
      <c r="B532" s="411">
        <f t="shared" si="15"/>
        <v>48</v>
      </c>
      <c r="C532" s="498" t="s">
        <v>1598</v>
      </c>
      <c r="D532" s="449" t="s">
        <v>1599</v>
      </c>
      <c r="E532" s="523" t="s">
        <v>707</v>
      </c>
      <c r="F532" s="449" t="s">
        <v>600</v>
      </c>
      <c r="G532" s="452" t="s">
        <v>1591</v>
      </c>
      <c r="H532" s="582" t="s">
        <v>1588</v>
      </c>
      <c r="I532" s="451"/>
      <c r="J532" s="452"/>
      <c r="K532" s="480"/>
      <c r="L532" s="477"/>
      <c r="M532" s="423">
        <v>41897</v>
      </c>
      <c r="N532" s="418" t="str">
        <f t="shared" si="14"/>
        <v/>
      </c>
    </row>
    <row r="533" spans="1:14" ht="94.5">
      <c r="A533" s="538"/>
      <c r="B533" s="411">
        <f t="shared" si="15"/>
        <v>48</v>
      </c>
      <c r="C533" s="498" t="s">
        <v>1600</v>
      </c>
      <c r="D533" s="449" t="s">
        <v>1601</v>
      </c>
      <c r="E533" s="523" t="s">
        <v>707</v>
      </c>
      <c r="F533" s="449" t="s">
        <v>600</v>
      </c>
      <c r="G533" s="452" t="s">
        <v>1591</v>
      </c>
      <c r="H533" s="582" t="s">
        <v>1588</v>
      </c>
      <c r="I533" s="451"/>
      <c r="J533" s="452"/>
      <c r="K533" s="480"/>
      <c r="L533" s="477"/>
      <c r="M533" s="423">
        <v>41897</v>
      </c>
      <c r="N533" s="418" t="str">
        <f t="shared" si="14"/>
        <v/>
      </c>
    </row>
    <row r="534" spans="1:14" ht="63">
      <c r="A534" s="538"/>
      <c r="B534" s="411">
        <f t="shared" si="15"/>
        <v>48</v>
      </c>
      <c r="C534" s="498" t="s">
        <v>1602</v>
      </c>
      <c r="D534" s="449" t="s">
        <v>1603</v>
      </c>
      <c r="E534" s="523" t="s">
        <v>595</v>
      </c>
      <c r="F534" s="449" t="s">
        <v>600</v>
      </c>
      <c r="G534" s="449" t="s">
        <v>1604</v>
      </c>
      <c r="H534" s="584"/>
      <c r="I534" s="451"/>
      <c r="J534" s="452"/>
      <c r="K534" s="480"/>
      <c r="L534" s="477"/>
      <c r="M534" s="423">
        <v>41897</v>
      </c>
      <c r="N534" s="418" t="str">
        <f t="shared" si="14"/>
        <v/>
      </c>
    </row>
    <row r="535" spans="1:14" ht="78.75">
      <c r="A535" s="538"/>
      <c r="B535" s="411">
        <f t="shared" si="15"/>
        <v>48</v>
      </c>
      <c r="C535" s="498" t="s">
        <v>1605</v>
      </c>
      <c r="D535" s="449" t="s">
        <v>1606</v>
      </c>
      <c r="E535" s="523" t="s">
        <v>707</v>
      </c>
      <c r="F535" s="449" t="s">
        <v>600</v>
      </c>
      <c r="G535" s="449" t="s">
        <v>1607</v>
      </c>
      <c r="H535" s="585">
        <v>42795</v>
      </c>
      <c r="I535" s="451"/>
      <c r="J535" s="452"/>
      <c r="K535" s="480"/>
      <c r="L535" s="477">
        <v>41897</v>
      </c>
      <c r="M535" s="423">
        <v>42036</v>
      </c>
      <c r="N535" s="418" t="str">
        <f t="shared" si="14"/>
        <v/>
      </c>
    </row>
    <row r="536" spans="1:14" ht="63">
      <c r="A536" s="538"/>
      <c r="B536" s="411">
        <f t="shared" si="15"/>
        <v>48</v>
      </c>
      <c r="C536" s="498" t="s">
        <v>1608</v>
      </c>
      <c r="D536" s="449" t="s">
        <v>1609</v>
      </c>
      <c r="E536" s="523" t="s">
        <v>595</v>
      </c>
      <c r="F536" s="449" t="s">
        <v>600</v>
      </c>
      <c r="G536" s="449" t="s">
        <v>1604</v>
      </c>
      <c r="H536" s="584"/>
      <c r="I536" s="451"/>
      <c r="J536" s="452"/>
      <c r="K536" s="480"/>
      <c r="L536" s="477"/>
      <c r="M536" s="423">
        <v>41897</v>
      </c>
      <c r="N536" s="418" t="str">
        <f t="shared" si="14"/>
        <v/>
      </c>
    </row>
    <row r="537" spans="1:14" ht="94.5">
      <c r="A537" s="538"/>
      <c r="B537" s="411">
        <f t="shared" si="15"/>
        <v>48</v>
      </c>
      <c r="C537" s="498" t="s">
        <v>1610</v>
      </c>
      <c r="D537" s="449" t="s">
        <v>1611</v>
      </c>
      <c r="E537" s="523" t="s">
        <v>707</v>
      </c>
      <c r="F537" s="449" t="s">
        <v>600</v>
      </c>
      <c r="G537" s="449" t="s">
        <v>1591</v>
      </c>
      <c r="H537" s="559" t="s">
        <v>1588</v>
      </c>
      <c r="I537" s="451"/>
      <c r="J537" s="452"/>
      <c r="K537" s="480"/>
      <c r="L537" s="477"/>
      <c r="M537" s="423">
        <v>41897</v>
      </c>
      <c r="N537" s="418" t="str">
        <f t="shared" ref="N537:N600" si="16">IF(D537="NA","",IF(COUNTIF($D$2:$D$5552,D537)&gt;1,"DUPLICATE",""))</f>
        <v/>
      </c>
    </row>
    <row r="538" spans="1:14" ht="47.25">
      <c r="A538" s="538"/>
      <c r="B538" s="411">
        <f t="shared" ref="B538:B601" si="17">IF(A538&gt;0,A538,B537)</f>
        <v>48</v>
      </c>
      <c r="C538" s="498" t="s">
        <v>1612</v>
      </c>
      <c r="D538" s="449" t="s">
        <v>1613</v>
      </c>
      <c r="E538" s="523" t="s">
        <v>595</v>
      </c>
      <c r="F538" s="449" t="s">
        <v>600</v>
      </c>
      <c r="G538" s="449" t="s">
        <v>1614</v>
      </c>
      <c r="H538" s="586"/>
      <c r="I538" s="451"/>
      <c r="J538" s="452"/>
      <c r="K538" s="480"/>
      <c r="L538" s="477"/>
      <c r="M538" s="423">
        <v>41897</v>
      </c>
      <c r="N538" s="418" t="str">
        <f t="shared" si="16"/>
        <v/>
      </c>
    </row>
    <row r="539" spans="1:14" ht="47.25">
      <c r="A539" s="538"/>
      <c r="B539" s="411">
        <f t="shared" si="17"/>
        <v>48</v>
      </c>
      <c r="C539" s="498" t="s">
        <v>1615</v>
      </c>
      <c r="D539" s="449" t="s">
        <v>1616</v>
      </c>
      <c r="E539" s="523" t="s">
        <v>595</v>
      </c>
      <c r="F539" s="449" t="s">
        <v>600</v>
      </c>
      <c r="G539" s="449" t="s">
        <v>1614</v>
      </c>
      <c r="H539" s="584"/>
      <c r="I539" s="451"/>
      <c r="J539" s="452"/>
      <c r="K539" s="480"/>
      <c r="L539" s="477"/>
      <c r="M539" s="423">
        <v>41897</v>
      </c>
      <c r="N539" s="418" t="str">
        <f t="shared" si="16"/>
        <v/>
      </c>
    </row>
    <row r="540" spans="1:14" ht="94.5">
      <c r="A540" s="538"/>
      <c r="B540" s="411">
        <f t="shared" si="17"/>
        <v>48</v>
      </c>
      <c r="C540" s="498" t="s">
        <v>1617</v>
      </c>
      <c r="D540" s="449" t="s">
        <v>1618</v>
      </c>
      <c r="E540" s="523" t="s">
        <v>707</v>
      </c>
      <c r="F540" s="449" t="s">
        <v>600</v>
      </c>
      <c r="G540" s="449" t="s">
        <v>1571</v>
      </c>
      <c r="H540" s="582">
        <v>42795</v>
      </c>
      <c r="I540" s="451"/>
      <c r="J540" s="452"/>
      <c r="K540" s="480"/>
      <c r="L540" s="477"/>
      <c r="M540" s="423">
        <v>41897</v>
      </c>
      <c r="N540" s="418" t="str">
        <f t="shared" si="16"/>
        <v/>
      </c>
    </row>
    <row r="541" spans="1:14" ht="94.5">
      <c r="A541" s="538"/>
      <c r="B541" s="411">
        <f t="shared" si="17"/>
        <v>48</v>
      </c>
      <c r="C541" s="498" t="s">
        <v>1619</v>
      </c>
      <c r="D541" s="449" t="s">
        <v>1620</v>
      </c>
      <c r="E541" s="523" t="s">
        <v>707</v>
      </c>
      <c r="F541" s="449" t="s">
        <v>600</v>
      </c>
      <c r="G541" s="449" t="s">
        <v>1571</v>
      </c>
      <c r="H541" s="587">
        <v>42795</v>
      </c>
      <c r="I541" s="451"/>
      <c r="J541" s="452"/>
      <c r="K541" s="480"/>
      <c r="L541" s="477"/>
      <c r="M541" s="423">
        <v>41897</v>
      </c>
      <c r="N541" s="418" t="str">
        <f t="shared" si="16"/>
        <v/>
      </c>
    </row>
    <row r="542" spans="1:14" ht="15.75">
      <c r="A542" s="538"/>
      <c r="B542" s="411">
        <f t="shared" si="17"/>
        <v>48</v>
      </c>
      <c r="C542" s="498" t="s">
        <v>1621</v>
      </c>
      <c r="D542" s="522" t="s">
        <v>1622</v>
      </c>
      <c r="E542" s="449" t="s">
        <v>643</v>
      </c>
      <c r="F542" s="449" t="s">
        <v>600</v>
      </c>
      <c r="G542" s="449" t="s">
        <v>1623</v>
      </c>
      <c r="H542" s="586"/>
      <c r="I542" s="451"/>
      <c r="J542" s="452"/>
      <c r="K542" s="480"/>
      <c r="L542" s="477"/>
      <c r="M542" s="423">
        <v>41897</v>
      </c>
      <c r="N542" s="418" t="str">
        <f t="shared" si="16"/>
        <v/>
      </c>
    </row>
    <row r="543" spans="1:14" ht="94.5">
      <c r="A543" s="563"/>
      <c r="B543" s="411">
        <f t="shared" si="17"/>
        <v>48</v>
      </c>
      <c r="C543" s="500" t="s">
        <v>28502</v>
      </c>
      <c r="D543" s="521" t="s">
        <v>28503</v>
      </c>
      <c r="E543" s="494" t="s">
        <v>595</v>
      </c>
      <c r="F543" s="494" t="s">
        <v>600</v>
      </c>
      <c r="G543" s="494" t="s">
        <v>28504</v>
      </c>
      <c r="H543" s="588"/>
      <c r="I543" s="495"/>
      <c r="J543" s="493" t="s">
        <v>28505</v>
      </c>
      <c r="K543" s="525"/>
      <c r="L543" s="569">
        <v>43862</v>
      </c>
      <c r="M543" s="589"/>
      <c r="N543" s="418" t="str">
        <f t="shared" si="16"/>
        <v/>
      </c>
    </row>
    <row r="544" spans="1:14" ht="94.5">
      <c r="A544" s="538"/>
      <c r="B544" s="411">
        <f t="shared" si="17"/>
        <v>48</v>
      </c>
      <c r="C544" s="498" t="s">
        <v>1624</v>
      </c>
      <c r="D544" s="522" t="s">
        <v>1625</v>
      </c>
      <c r="E544" s="449" t="s">
        <v>707</v>
      </c>
      <c r="F544" s="449" t="s">
        <v>600</v>
      </c>
      <c r="G544" s="449" t="s">
        <v>1626</v>
      </c>
      <c r="H544" s="474" t="s">
        <v>28506</v>
      </c>
      <c r="I544" s="451"/>
      <c r="J544" s="452"/>
      <c r="K544" s="480"/>
      <c r="L544" s="477">
        <v>41897</v>
      </c>
      <c r="M544" s="423">
        <v>42125</v>
      </c>
      <c r="N544" s="418" t="str">
        <f t="shared" si="16"/>
        <v/>
      </c>
    </row>
    <row r="545" spans="1:14" ht="94.5">
      <c r="A545" s="538"/>
      <c r="B545" s="411">
        <f t="shared" si="17"/>
        <v>48</v>
      </c>
      <c r="C545" s="498" t="s">
        <v>1628</v>
      </c>
      <c r="D545" s="449" t="s">
        <v>1629</v>
      </c>
      <c r="E545" s="523" t="s">
        <v>707</v>
      </c>
      <c r="F545" s="449" t="s">
        <v>600</v>
      </c>
      <c r="G545" s="449" t="s">
        <v>1568</v>
      </c>
      <c r="H545" s="581">
        <v>42795</v>
      </c>
      <c r="I545" s="451"/>
      <c r="J545" s="452"/>
      <c r="K545" s="480"/>
      <c r="L545" s="477"/>
      <c r="M545" s="423">
        <v>41897</v>
      </c>
      <c r="N545" s="418" t="str">
        <f t="shared" si="16"/>
        <v/>
      </c>
    </row>
    <row r="546" spans="1:14" ht="78.75">
      <c r="A546" s="563"/>
      <c r="B546" s="484">
        <f t="shared" si="17"/>
        <v>48</v>
      </c>
      <c r="C546" s="500" t="s">
        <v>1630</v>
      </c>
      <c r="D546" s="494" t="s">
        <v>1631</v>
      </c>
      <c r="E546" s="590" t="s">
        <v>707</v>
      </c>
      <c r="F546" s="494" t="s">
        <v>600</v>
      </c>
      <c r="G546" s="494" t="s">
        <v>34145</v>
      </c>
      <c r="H546" s="591" t="s">
        <v>34146</v>
      </c>
      <c r="I546" s="495"/>
      <c r="J546" s="493"/>
      <c r="K546" s="525"/>
      <c r="L546" s="569"/>
      <c r="M546" s="589">
        <v>44228</v>
      </c>
      <c r="N546" s="418" t="str">
        <f t="shared" si="16"/>
        <v/>
      </c>
    </row>
    <row r="547" spans="1:14" ht="78.75">
      <c r="A547" s="563"/>
      <c r="B547" s="484">
        <f t="shared" si="17"/>
        <v>48</v>
      </c>
      <c r="C547" s="500" t="s">
        <v>1632</v>
      </c>
      <c r="D547" s="494" t="s">
        <v>1633</v>
      </c>
      <c r="E547" s="590" t="s">
        <v>707</v>
      </c>
      <c r="F547" s="494" t="s">
        <v>600</v>
      </c>
      <c r="G547" s="494" t="s">
        <v>34145</v>
      </c>
      <c r="H547" s="591">
        <v>43796</v>
      </c>
      <c r="I547" s="495"/>
      <c r="J547" s="493"/>
      <c r="K547" s="525"/>
      <c r="L547" s="569">
        <v>42401</v>
      </c>
      <c r="M547" s="589">
        <v>44228</v>
      </c>
      <c r="N547" s="418" t="str">
        <f t="shared" si="16"/>
        <v/>
      </c>
    </row>
    <row r="548" spans="1:14" ht="94.5">
      <c r="A548" s="538"/>
      <c r="B548" s="411">
        <f t="shared" si="17"/>
        <v>48</v>
      </c>
      <c r="C548" s="498" t="s">
        <v>1635</v>
      </c>
      <c r="D548" s="449" t="s">
        <v>1636</v>
      </c>
      <c r="E548" s="523" t="s">
        <v>707</v>
      </c>
      <c r="F548" s="449" t="s">
        <v>600</v>
      </c>
      <c r="G548" s="449" t="s">
        <v>1579</v>
      </c>
      <c r="H548" s="583">
        <v>42795</v>
      </c>
      <c r="I548" s="451"/>
      <c r="J548" s="452"/>
      <c r="K548" s="480"/>
      <c r="L548" s="477"/>
      <c r="M548" s="423">
        <v>41897</v>
      </c>
      <c r="N548" s="418" t="str">
        <f t="shared" si="16"/>
        <v/>
      </c>
    </row>
    <row r="549" spans="1:14" ht="94.5">
      <c r="A549" s="538"/>
      <c r="B549" s="411">
        <f t="shared" si="17"/>
        <v>48</v>
      </c>
      <c r="C549" s="498" t="s">
        <v>1637</v>
      </c>
      <c r="D549" s="449" t="s">
        <v>1638</v>
      </c>
      <c r="E549" s="523" t="s">
        <v>707</v>
      </c>
      <c r="F549" s="449" t="s">
        <v>600</v>
      </c>
      <c r="G549" s="449" t="s">
        <v>1591</v>
      </c>
      <c r="H549" s="583" t="s">
        <v>1588</v>
      </c>
      <c r="I549" s="451"/>
      <c r="J549" s="452"/>
      <c r="K549" s="480"/>
      <c r="L549" s="477"/>
      <c r="M549" s="423">
        <v>41897</v>
      </c>
      <c r="N549" s="418" t="str">
        <f t="shared" si="16"/>
        <v/>
      </c>
    </row>
    <row r="550" spans="1:14" ht="94.5">
      <c r="A550" s="538"/>
      <c r="B550" s="411">
        <f t="shared" si="17"/>
        <v>48</v>
      </c>
      <c r="C550" s="440" t="s">
        <v>1639</v>
      </c>
      <c r="D550" s="449" t="s">
        <v>1640</v>
      </c>
      <c r="E550" s="523" t="s">
        <v>707</v>
      </c>
      <c r="F550" s="449" t="s">
        <v>600</v>
      </c>
      <c r="G550" s="449" t="s">
        <v>1641</v>
      </c>
      <c r="H550" s="583" t="s">
        <v>1642</v>
      </c>
      <c r="I550" s="451"/>
      <c r="J550" s="452"/>
      <c r="K550" s="480"/>
      <c r="L550" s="477"/>
      <c r="M550" s="423">
        <v>42767</v>
      </c>
      <c r="N550" s="418" t="str">
        <f t="shared" si="16"/>
        <v/>
      </c>
    </row>
    <row r="551" spans="1:14" ht="94.5">
      <c r="A551" s="538"/>
      <c r="B551" s="411">
        <f t="shared" si="17"/>
        <v>48</v>
      </c>
      <c r="C551" s="440" t="s">
        <v>1643</v>
      </c>
      <c r="D551" s="449" t="s">
        <v>1471</v>
      </c>
      <c r="E551" s="449" t="s">
        <v>707</v>
      </c>
      <c r="F551" s="449" t="s">
        <v>600</v>
      </c>
      <c r="G551" s="449" t="s">
        <v>1641</v>
      </c>
      <c r="H551" s="583" t="s">
        <v>1642</v>
      </c>
      <c r="I551" s="451"/>
      <c r="J551" s="452"/>
      <c r="K551" s="480"/>
      <c r="L551" s="477"/>
      <c r="M551" s="423">
        <v>42767</v>
      </c>
      <c r="N551" s="418" t="str">
        <f t="shared" si="16"/>
        <v>DUPLICATE</v>
      </c>
    </row>
    <row r="552" spans="1:14" ht="94.5">
      <c r="A552" s="538"/>
      <c r="B552" s="411">
        <f t="shared" si="17"/>
        <v>48</v>
      </c>
      <c r="C552" s="440" t="s">
        <v>1644</v>
      </c>
      <c r="D552" s="449" t="s">
        <v>1475</v>
      </c>
      <c r="E552" s="449" t="s">
        <v>707</v>
      </c>
      <c r="F552" s="449" t="s">
        <v>600</v>
      </c>
      <c r="G552" s="449" t="s">
        <v>1641</v>
      </c>
      <c r="H552" s="583" t="s">
        <v>1642</v>
      </c>
      <c r="I552" s="451"/>
      <c r="J552" s="452"/>
      <c r="K552" s="480"/>
      <c r="L552" s="477"/>
      <c r="M552" s="423">
        <v>41897</v>
      </c>
      <c r="N552" s="418" t="str">
        <f t="shared" si="16"/>
        <v>DUPLICATE</v>
      </c>
    </row>
    <row r="553" spans="1:14" ht="94.5">
      <c r="A553" s="538"/>
      <c r="B553" s="411">
        <f t="shared" si="17"/>
        <v>48</v>
      </c>
      <c r="C553" s="498" t="s">
        <v>1645</v>
      </c>
      <c r="D553" s="449" t="s">
        <v>1646</v>
      </c>
      <c r="E553" s="523" t="s">
        <v>707</v>
      </c>
      <c r="F553" s="449" t="s">
        <v>600</v>
      </c>
      <c r="G553" s="449" t="s">
        <v>1571</v>
      </c>
      <c r="H553" s="582">
        <v>42795</v>
      </c>
      <c r="I553" s="451"/>
      <c r="J553" s="452"/>
      <c r="K553" s="480"/>
      <c r="L553" s="477"/>
      <c r="M553" s="423">
        <v>41897</v>
      </c>
      <c r="N553" s="418" t="str">
        <f t="shared" si="16"/>
        <v/>
      </c>
    </row>
    <row r="554" spans="1:14" ht="94.5">
      <c r="A554" s="538"/>
      <c r="B554" s="411">
        <f t="shared" si="17"/>
        <v>48</v>
      </c>
      <c r="C554" s="498" t="s">
        <v>1647</v>
      </c>
      <c r="D554" s="449" t="s">
        <v>1648</v>
      </c>
      <c r="E554" s="449" t="s">
        <v>707</v>
      </c>
      <c r="F554" s="449" t="s">
        <v>600</v>
      </c>
      <c r="G554" s="449" t="s">
        <v>1641</v>
      </c>
      <c r="H554" s="583" t="s">
        <v>1642</v>
      </c>
      <c r="I554" s="451"/>
      <c r="J554" s="452"/>
      <c r="K554" s="480"/>
      <c r="L554" s="477"/>
      <c r="M554" s="423">
        <v>42767</v>
      </c>
      <c r="N554" s="418" t="str">
        <f t="shared" si="16"/>
        <v/>
      </c>
    </row>
    <row r="555" spans="1:14" ht="94.5">
      <c r="A555" s="538"/>
      <c r="B555" s="411">
        <f t="shared" si="17"/>
        <v>48</v>
      </c>
      <c r="C555" s="498" t="s">
        <v>1649</v>
      </c>
      <c r="D555" s="449" t="s">
        <v>1650</v>
      </c>
      <c r="E555" s="449" t="s">
        <v>707</v>
      </c>
      <c r="F555" s="449" t="s">
        <v>600</v>
      </c>
      <c r="G555" s="449" t="s">
        <v>1641</v>
      </c>
      <c r="H555" s="583" t="s">
        <v>1642</v>
      </c>
      <c r="I555" s="451"/>
      <c r="J555" s="452"/>
      <c r="K555" s="480"/>
      <c r="L555" s="477"/>
      <c r="M555" s="423">
        <v>42767</v>
      </c>
      <c r="N555" s="418" t="str">
        <f t="shared" si="16"/>
        <v/>
      </c>
    </row>
    <row r="556" spans="1:14" ht="94.5">
      <c r="A556" s="538"/>
      <c r="B556" s="411">
        <f t="shared" si="17"/>
        <v>48</v>
      </c>
      <c r="C556" s="498" t="s">
        <v>1651</v>
      </c>
      <c r="D556" s="449" t="s">
        <v>1652</v>
      </c>
      <c r="E556" s="449" t="s">
        <v>707</v>
      </c>
      <c r="F556" s="449" t="s">
        <v>600</v>
      </c>
      <c r="G556" s="449" t="s">
        <v>1641</v>
      </c>
      <c r="H556" s="583" t="s">
        <v>1642</v>
      </c>
      <c r="I556" s="451"/>
      <c r="J556" s="452"/>
      <c r="K556" s="480"/>
      <c r="L556" s="477"/>
      <c r="M556" s="423">
        <v>42767</v>
      </c>
      <c r="N556" s="418" t="str">
        <f t="shared" si="16"/>
        <v/>
      </c>
    </row>
    <row r="557" spans="1:14" ht="78.75">
      <c r="A557" s="538"/>
      <c r="B557" s="411">
        <f t="shared" si="17"/>
        <v>48</v>
      </c>
      <c r="C557" s="498" t="s">
        <v>1653</v>
      </c>
      <c r="D557" s="449" t="s">
        <v>1654</v>
      </c>
      <c r="E557" s="449" t="s">
        <v>707</v>
      </c>
      <c r="F557" s="449" t="s">
        <v>600</v>
      </c>
      <c r="G557" s="449" t="s">
        <v>1584</v>
      </c>
      <c r="H557" s="582">
        <v>42795</v>
      </c>
      <c r="I557" s="451"/>
      <c r="J557" s="452"/>
      <c r="K557" s="480"/>
      <c r="L557" s="477">
        <v>42401</v>
      </c>
      <c r="M557" s="423"/>
      <c r="N557" s="418" t="str">
        <f t="shared" si="16"/>
        <v/>
      </c>
    </row>
    <row r="558" spans="1:14" ht="78.75">
      <c r="A558" s="538"/>
      <c r="B558" s="411">
        <f t="shared" si="17"/>
        <v>48</v>
      </c>
      <c r="C558" s="498" t="s">
        <v>1655</v>
      </c>
      <c r="D558" s="449" t="s">
        <v>1656</v>
      </c>
      <c r="E558" s="523" t="s">
        <v>595</v>
      </c>
      <c r="F558" s="449" t="s">
        <v>600</v>
      </c>
      <c r="G558" s="449" t="s">
        <v>1657</v>
      </c>
      <c r="H558" s="586"/>
      <c r="I558" s="451"/>
      <c r="J558" s="452"/>
      <c r="K558" s="480"/>
      <c r="L558" s="477"/>
      <c r="M558" s="423">
        <v>41897</v>
      </c>
      <c r="N558" s="418" t="str">
        <f t="shared" si="16"/>
        <v/>
      </c>
    </row>
    <row r="559" spans="1:14" ht="94.5">
      <c r="A559" s="538"/>
      <c r="B559" s="411">
        <f t="shared" si="17"/>
        <v>48</v>
      </c>
      <c r="C559" s="498" t="s">
        <v>1658</v>
      </c>
      <c r="D559" s="449" t="s">
        <v>1659</v>
      </c>
      <c r="E559" s="523" t="s">
        <v>707</v>
      </c>
      <c r="F559" s="449" t="s">
        <v>600</v>
      </c>
      <c r="G559" s="449" t="s">
        <v>1571</v>
      </c>
      <c r="H559" s="582">
        <v>42795</v>
      </c>
      <c r="I559" s="451"/>
      <c r="J559" s="452"/>
      <c r="K559" s="480"/>
      <c r="L559" s="477"/>
      <c r="M559" s="423">
        <v>41897</v>
      </c>
      <c r="N559" s="418" t="str">
        <f t="shared" si="16"/>
        <v/>
      </c>
    </row>
    <row r="560" spans="1:14" ht="94.5">
      <c r="A560" s="538"/>
      <c r="B560" s="411">
        <f t="shared" si="17"/>
        <v>48</v>
      </c>
      <c r="C560" s="498" t="s">
        <v>1660</v>
      </c>
      <c r="D560" s="449" t="s">
        <v>548</v>
      </c>
      <c r="E560" s="523" t="s">
        <v>643</v>
      </c>
      <c r="F560" s="449" t="s">
        <v>600</v>
      </c>
      <c r="G560" s="449" t="s">
        <v>1568</v>
      </c>
      <c r="H560" s="581">
        <v>42795</v>
      </c>
      <c r="I560" s="451"/>
      <c r="J560" s="452"/>
      <c r="K560" s="480"/>
      <c r="L560" s="477"/>
      <c r="M560" s="423">
        <v>41897</v>
      </c>
      <c r="N560" s="418" t="str">
        <f t="shared" si="16"/>
        <v>DUPLICATE</v>
      </c>
    </row>
    <row r="561" spans="1:14" ht="94.5">
      <c r="A561" s="538"/>
      <c r="B561" s="411">
        <f t="shared" si="17"/>
        <v>48</v>
      </c>
      <c r="C561" s="498" t="s">
        <v>1661</v>
      </c>
      <c r="D561" s="449" t="s">
        <v>1662</v>
      </c>
      <c r="E561" s="523" t="s">
        <v>707</v>
      </c>
      <c r="F561" s="449" t="s">
        <v>600</v>
      </c>
      <c r="G561" s="449" t="s">
        <v>1571</v>
      </c>
      <c r="H561" s="582">
        <v>42795</v>
      </c>
      <c r="I561" s="451"/>
      <c r="J561" s="452"/>
      <c r="K561" s="480"/>
      <c r="L561" s="477"/>
      <c r="M561" s="423">
        <v>41897</v>
      </c>
      <c r="N561" s="418" t="str">
        <f t="shared" si="16"/>
        <v/>
      </c>
    </row>
    <row r="562" spans="1:14" ht="78.75">
      <c r="A562" s="538"/>
      <c r="B562" s="411">
        <f t="shared" si="17"/>
        <v>48</v>
      </c>
      <c r="C562" s="498" t="s">
        <v>469</v>
      </c>
      <c r="D562" s="449" t="s">
        <v>1663</v>
      </c>
      <c r="E562" s="523" t="s">
        <v>707</v>
      </c>
      <c r="F562" s="449" t="s">
        <v>600</v>
      </c>
      <c r="G562" s="449" t="s">
        <v>1664</v>
      </c>
      <c r="H562" s="582" t="s">
        <v>1588</v>
      </c>
      <c r="I562" s="451"/>
      <c r="J562" s="452"/>
      <c r="K562" s="480"/>
      <c r="L562" s="477"/>
      <c r="M562" s="423">
        <v>41897</v>
      </c>
      <c r="N562" s="418" t="str">
        <f t="shared" si="16"/>
        <v>DUPLICATE</v>
      </c>
    </row>
    <row r="563" spans="1:14" ht="78.75">
      <c r="A563" s="538"/>
      <c r="B563" s="411">
        <f t="shared" si="17"/>
        <v>48</v>
      </c>
      <c r="C563" s="498" t="s">
        <v>1665</v>
      </c>
      <c r="D563" s="449" t="s">
        <v>1666</v>
      </c>
      <c r="E563" s="523" t="s">
        <v>707</v>
      </c>
      <c r="F563" s="449" t="s">
        <v>600</v>
      </c>
      <c r="G563" s="449" t="s">
        <v>1664</v>
      </c>
      <c r="H563" s="582" t="s">
        <v>1588</v>
      </c>
      <c r="I563" s="451"/>
      <c r="J563" s="452"/>
      <c r="K563" s="480"/>
      <c r="L563" s="477"/>
      <c r="M563" s="423">
        <v>41897</v>
      </c>
      <c r="N563" s="418" t="str">
        <f t="shared" si="16"/>
        <v>DUPLICATE</v>
      </c>
    </row>
    <row r="564" spans="1:14" ht="94.5">
      <c r="A564" s="538"/>
      <c r="B564" s="411">
        <f t="shared" si="17"/>
        <v>48</v>
      </c>
      <c r="C564" s="498" t="s">
        <v>1667</v>
      </c>
      <c r="D564" s="449" t="s">
        <v>1668</v>
      </c>
      <c r="E564" s="523" t="s">
        <v>707</v>
      </c>
      <c r="F564" s="449" t="s">
        <v>600</v>
      </c>
      <c r="G564" s="449" t="s">
        <v>1571</v>
      </c>
      <c r="H564" s="582">
        <v>42795</v>
      </c>
      <c r="I564" s="451"/>
      <c r="J564" s="452"/>
      <c r="K564" s="480"/>
      <c r="L564" s="477"/>
      <c r="M564" s="423">
        <v>41897</v>
      </c>
      <c r="N564" s="418" t="str">
        <f t="shared" si="16"/>
        <v/>
      </c>
    </row>
    <row r="565" spans="1:14" ht="63">
      <c r="A565" s="538"/>
      <c r="B565" s="411">
        <f t="shared" si="17"/>
        <v>48</v>
      </c>
      <c r="C565" s="498" t="s">
        <v>1669</v>
      </c>
      <c r="D565" s="449" t="s">
        <v>1670</v>
      </c>
      <c r="E565" s="523" t="s">
        <v>707</v>
      </c>
      <c r="F565" s="449" t="s">
        <v>600</v>
      </c>
      <c r="G565" s="449" t="s">
        <v>1671</v>
      </c>
      <c r="H565" s="583">
        <v>42795</v>
      </c>
      <c r="I565" s="451"/>
      <c r="J565" s="452"/>
      <c r="K565" s="480"/>
      <c r="L565" s="477">
        <v>42036</v>
      </c>
      <c r="M565" s="423"/>
      <c r="N565" s="418" t="str">
        <f t="shared" si="16"/>
        <v/>
      </c>
    </row>
    <row r="566" spans="1:14" ht="94.5">
      <c r="A566" s="538"/>
      <c r="B566" s="411">
        <f t="shared" si="17"/>
        <v>48</v>
      </c>
      <c r="C566" s="498" t="s">
        <v>1672</v>
      </c>
      <c r="D566" s="449" t="s">
        <v>1673</v>
      </c>
      <c r="E566" s="523" t="s">
        <v>707</v>
      </c>
      <c r="F566" s="449" t="s">
        <v>600</v>
      </c>
      <c r="G566" s="449" t="s">
        <v>1591</v>
      </c>
      <c r="H566" s="583" t="s">
        <v>1588</v>
      </c>
      <c r="I566" s="451"/>
      <c r="J566" s="452"/>
      <c r="K566" s="480"/>
      <c r="L566" s="477"/>
      <c r="M566" s="423">
        <v>41897</v>
      </c>
      <c r="N566" s="418" t="str">
        <f t="shared" si="16"/>
        <v/>
      </c>
    </row>
    <row r="567" spans="1:14" ht="94.5">
      <c r="A567" s="538"/>
      <c r="B567" s="411">
        <f t="shared" si="17"/>
        <v>48</v>
      </c>
      <c r="C567" s="498" t="s">
        <v>1674</v>
      </c>
      <c r="D567" s="449" t="s">
        <v>1675</v>
      </c>
      <c r="E567" s="523" t="s">
        <v>707</v>
      </c>
      <c r="F567" s="449" t="s">
        <v>600</v>
      </c>
      <c r="G567" s="449" t="s">
        <v>1676</v>
      </c>
      <c r="H567" s="583" t="s">
        <v>1642</v>
      </c>
      <c r="I567" s="451"/>
      <c r="J567" s="452"/>
      <c r="K567" s="480"/>
      <c r="L567" s="477"/>
      <c r="M567" s="423">
        <v>41897</v>
      </c>
      <c r="N567" s="418" t="str">
        <f t="shared" si="16"/>
        <v/>
      </c>
    </row>
    <row r="568" spans="1:14" ht="94.5">
      <c r="A568" s="538"/>
      <c r="B568" s="411">
        <f t="shared" si="17"/>
        <v>48</v>
      </c>
      <c r="C568" s="498" t="s">
        <v>1677</v>
      </c>
      <c r="D568" s="449" t="s">
        <v>1678</v>
      </c>
      <c r="E568" s="523" t="s">
        <v>707</v>
      </c>
      <c r="F568" s="449" t="s">
        <v>600</v>
      </c>
      <c r="G568" s="449" t="s">
        <v>1676</v>
      </c>
      <c r="H568" s="583" t="s">
        <v>1642</v>
      </c>
      <c r="I568" s="451"/>
      <c r="J568" s="452"/>
      <c r="K568" s="480"/>
      <c r="L568" s="477"/>
      <c r="M568" s="423">
        <v>41897</v>
      </c>
      <c r="N568" s="418" t="str">
        <f t="shared" si="16"/>
        <v/>
      </c>
    </row>
    <row r="569" spans="1:14" ht="78.75">
      <c r="A569" s="563"/>
      <c r="B569" s="484">
        <f t="shared" si="17"/>
        <v>48</v>
      </c>
      <c r="C569" s="500" t="s">
        <v>1679</v>
      </c>
      <c r="D569" s="494" t="s">
        <v>1680</v>
      </c>
      <c r="E569" s="590" t="s">
        <v>707</v>
      </c>
      <c r="F569" s="494" t="s">
        <v>600</v>
      </c>
      <c r="G569" s="494" t="s">
        <v>35312</v>
      </c>
      <c r="H569" s="592" t="s">
        <v>35313</v>
      </c>
      <c r="I569" s="495"/>
      <c r="J569" s="493"/>
      <c r="K569" s="525"/>
      <c r="L569" s="569"/>
      <c r="M569" s="589">
        <v>44228</v>
      </c>
      <c r="N569" s="418" t="str">
        <f t="shared" si="16"/>
        <v/>
      </c>
    </row>
    <row r="570" spans="1:14" ht="94.5">
      <c r="A570" s="538"/>
      <c r="B570" s="411">
        <f t="shared" si="17"/>
        <v>48</v>
      </c>
      <c r="C570" s="498" t="s">
        <v>1681</v>
      </c>
      <c r="D570" s="449" t="s">
        <v>1682</v>
      </c>
      <c r="E570" s="449" t="s">
        <v>707</v>
      </c>
      <c r="F570" s="449" t="s">
        <v>600</v>
      </c>
      <c r="G570" s="449" t="s">
        <v>1641</v>
      </c>
      <c r="H570" s="583" t="s">
        <v>1642</v>
      </c>
      <c r="I570" s="451"/>
      <c r="J570" s="452"/>
      <c r="K570" s="480"/>
      <c r="L570" s="477"/>
      <c r="M570" s="423">
        <v>42767</v>
      </c>
      <c r="N570" s="418" t="str">
        <f t="shared" si="16"/>
        <v/>
      </c>
    </row>
    <row r="571" spans="1:14" ht="94.5">
      <c r="A571" s="538"/>
      <c r="B571" s="411">
        <f t="shared" si="17"/>
        <v>48</v>
      </c>
      <c r="C571" s="498" t="s">
        <v>1683</v>
      </c>
      <c r="D571" s="449" t="s">
        <v>1684</v>
      </c>
      <c r="E571" s="523" t="s">
        <v>707</v>
      </c>
      <c r="F571" s="449" t="s">
        <v>600</v>
      </c>
      <c r="G571" s="449" t="s">
        <v>1676</v>
      </c>
      <c r="H571" s="583" t="s">
        <v>1642</v>
      </c>
      <c r="I571" s="451"/>
      <c r="J571" s="452"/>
      <c r="K571" s="480"/>
      <c r="L571" s="477"/>
      <c r="M571" s="423">
        <v>41897</v>
      </c>
      <c r="N571" s="418" t="str">
        <f t="shared" si="16"/>
        <v/>
      </c>
    </row>
    <row r="572" spans="1:14" ht="78.75">
      <c r="A572" s="538"/>
      <c r="B572" s="411">
        <f t="shared" si="17"/>
        <v>48</v>
      </c>
      <c r="C572" s="498" t="s">
        <v>1685</v>
      </c>
      <c r="D572" s="449" t="s">
        <v>1686</v>
      </c>
      <c r="E572" s="523" t="s">
        <v>707</v>
      </c>
      <c r="F572" s="449" t="s">
        <v>600</v>
      </c>
      <c r="G572" s="449" t="s">
        <v>1664</v>
      </c>
      <c r="H572" s="583" t="s">
        <v>1588</v>
      </c>
      <c r="I572" s="451"/>
      <c r="J572" s="452"/>
      <c r="K572" s="480"/>
      <c r="L572" s="477"/>
      <c r="M572" s="423">
        <v>41897</v>
      </c>
      <c r="N572" s="418" t="str">
        <f t="shared" si="16"/>
        <v/>
      </c>
    </row>
    <row r="573" spans="1:14" ht="78.75">
      <c r="A573" s="538"/>
      <c r="B573" s="411">
        <f t="shared" si="17"/>
        <v>48</v>
      </c>
      <c r="C573" s="498" t="s">
        <v>1687</v>
      </c>
      <c r="D573" s="449" t="s">
        <v>1688</v>
      </c>
      <c r="E573" s="523" t="s">
        <v>595</v>
      </c>
      <c r="F573" s="449" t="s">
        <v>600</v>
      </c>
      <c r="G573" s="449" t="s">
        <v>1689</v>
      </c>
      <c r="H573" s="586"/>
      <c r="I573" s="451"/>
      <c r="J573" s="452"/>
      <c r="K573" s="480"/>
      <c r="L573" s="477"/>
      <c r="M573" s="423">
        <v>41897</v>
      </c>
      <c r="N573" s="418" t="str">
        <f t="shared" si="16"/>
        <v/>
      </c>
    </row>
    <row r="574" spans="1:14" ht="94.5">
      <c r="A574" s="538"/>
      <c r="B574" s="411">
        <f t="shared" si="17"/>
        <v>48</v>
      </c>
      <c r="C574" s="498" t="s">
        <v>1690</v>
      </c>
      <c r="D574" s="449" t="s">
        <v>1691</v>
      </c>
      <c r="E574" s="523" t="s">
        <v>707</v>
      </c>
      <c r="F574" s="449" t="s">
        <v>600</v>
      </c>
      <c r="G574" s="449" t="s">
        <v>1676</v>
      </c>
      <c r="H574" s="583" t="s">
        <v>1642</v>
      </c>
      <c r="I574" s="451"/>
      <c r="J574" s="452"/>
      <c r="K574" s="480"/>
      <c r="L574" s="477"/>
      <c r="M574" s="423">
        <v>41897</v>
      </c>
      <c r="N574" s="418" t="str">
        <f t="shared" si="16"/>
        <v/>
      </c>
    </row>
    <row r="575" spans="1:14" ht="94.5">
      <c r="A575" s="538"/>
      <c r="B575" s="411">
        <f t="shared" si="17"/>
        <v>48</v>
      </c>
      <c r="C575" s="498" t="s">
        <v>1692</v>
      </c>
      <c r="D575" s="449" t="s">
        <v>1693</v>
      </c>
      <c r="E575" s="523" t="s">
        <v>707</v>
      </c>
      <c r="F575" s="449" t="s">
        <v>600</v>
      </c>
      <c r="G575" s="449" t="s">
        <v>1591</v>
      </c>
      <c r="H575" s="583" t="s">
        <v>1588</v>
      </c>
      <c r="I575" s="451"/>
      <c r="J575" s="452"/>
      <c r="K575" s="480"/>
      <c r="L575" s="477"/>
      <c r="M575" s="423">
        <v>41897</v>
      </c>
      <c r="N575" s="418" t="str">
        <f t="shared" si="16"/>
        <v/>
      </c>
    </row>
    <row r="576" spans="1:14" ht="94.5">
      <c r="A576" s="538"/>
      <c r="B576" s="411">
        <f t="shared" si="17"/>
        <v>48</v>
      </c>
      <c r="C576" s="498" t="s">
        <v>1694</v>
      </c>
      <c r="D576" s="449" t="s">
        <v>453</v>
      </c>
      <c r="E576" s="523" t="s">
        <v>707</v>
      </c>
      <c r="F576" s="449" t="s">
        <v>600</v>
      </c>
      <c r="G576" s="449" t="s">
        <v>1568</v>
      </c>
      <c r="H576" s="581">
        <v>42795</v>
      </c>
      <c r="I576" s="451"/>
      <c r="J576" s="452"/>
      <c r="K576" s="480"/>
      <c r="L576" s="477"/>
      <c r="M576" s="423">
        <v>41897</v>
      </c>
      <c r="N576" s="418" t="str">
        <f t="shared" si="16"/>
        <v>DUPLICATE</v>
      </c>
    </row>
    <row r="577" spans="1:14" ht="78.75">
      <c r="A577" s="538"/>
      <c r="B577" s="411">
        <f t="shared" si="17"/>
        <v>48</v>
      </c>
      <c r="C577" s="498" t="s">
        <v>1695</v>
      </c>
      <c r="D577" s="449" t="s">
        <v>1696</v>
      </c>
      <c r="E577" s="523" t="s">
        <v>707</v>
      </c>
      <c r="F577" s="449" t="s">
        <v>600</v>
      </c>
      <c r="G577" s="449" t="s">
        <v>1664</v>
      </c>
      <c r="H577" s="581" t="s">
        <v>1588</v>
      </c>
      <c r="I577" s="451"/>
      <c r="J577" s="452"/>
      <c r="K577" s="480"/>
      <c r="L577" s="477"/>
      <c r="M577" s="423">
        <v>41897</v>
      </c>
      <c r="N577" s="418" t="str">
        <f t="shared" si="16"/>
        <v/>
      </c>
    </row>
    <row r="578" spans="1:14" ht="94.5">
      <c r="A578" s="563"/>
      <c r="B578" s="484">
        <f t="shared" si="17"/>
        <v>48</v>
      </c>
      <c r="C578" s="500" t="s">
        <v>1697</v>
      </c>
      <c r="D578" s="494" t="s">
        <v>1698</v>
      </c>
      <c r="E578" s="590" t="s">
        <v>595</v>
      </c>
      <c r="F578" s="494" t="s">
        <v>600</v>
      </c>
      <c r="G578" s="494" t="s">
        <v>28504</v>
      </c>
      <c r="H578" s="593"/>
      <c r="I578" s="495"/>
      <c r="J578" s="493"/>
      <c r="K578" s="525"/>
      <c r="L578" s="569"/>
      <c r="M578" s="589">
        <v>44228</v>
      </c>
      <c r="N578" s="418" t="str">
        <f t="shared" si="16"/>
        <v/>
      </c>
    </row>
    <row r="579" spans="1:14" ht="94.5">
      <c r="A579" s="538"/>
      <c r="B579" s="411">
        <f t="shared" si="17"/>
        <v>48</v>
      </c>
      <c r="C579" s="498" t="s">
        <v>1699</v>
      </c>
      <c r="D579" s="449" t="s">
        <v>1700</v>
      </c>
      <c r="E579" s="523" t="s">
        <v>707</v>
      </c>
      <c r="F579" s="449" t="s">
        <v>600</v>
      </c>
      <c r="G579" s="449" t="s">
        <v>1579</v>
      </c>
      <c r="H579" s="585">
        <v>42795</v>
      </c>
      <c r="I579" s="451"/>
      <c r="J579" s="452"/>
      <c r="K579" s="480"/>
      <c r="L579" s="477"/>
      <c r="M579" s="423">
        <v>41897</v>
      </c>
      <c r="N579" s="418" t="str">
        <f t="shared" si="16"/>
        <v/>
      </c>
    </row>
    <row r="580" spans="1:14" ht="78.75">
      <c r="A580" s="538"/>
      <c r="B580" s="411">
        <f t="shared" si="17"/>
        <v>48</v>
      </c>
      <c r="C580" s="498" t="s">
        <v>1701</v>
      </c>
      <c r="D580" s="449" t="s">
        <v>1702</v>
      </c>
      <c r="E580" s="523" t="s">
        <v>595</v>
      </c>
      <c r="F580" s="449" t="s">
        <v>600</v>
      </c>
      <c r="G580" s="449" t="s">
        <v>1703</v>
      </c>
      <c r="H580" s="585"/>
      <c r="I580" s="451"/>
      <c r="J580" s="452"/>
      <c r="K580" s="480"/>
      <c r="L580" s="477">
        <v>42597</v>
      </c>
      <c r="M580" s="423"/>
      <c r="N580" s="418" t="str">
        <f t="shared" si="16"/>
        <v>DUPLICATE</v>
      </c>
    </row>
    <row r="581" spans="1:14" ht="78.75">
      <c r="A581" s="538"/>
      <c r="B581" s="411">
        <f t="shared" si="17"/>
        <v>48</v>
      </c>
      <c r="C581" s="498" t="s">
        <v>1704</v>
      </c>
      <c r="D581" s="449" t="s">
        <v>1705</v>
      </c>
      <c r="E581" s="523" t="s">
        <v>595</v>
      </c>
      <c r="F581" s="449" t="s">
        <v>600</v>
      </c>
      <c r="G581" s="449" t="s">
        <v>1657</v>
      </c>
      <c r="H581" s="586"/>
      <c r="I581" s="451"/>
      <c r="J581" s="452"/>
      <c r="K581" s="480"/>
      <c r="L581" s="477"/>
      <c r="M581" s="423">
        <v>41897</v>
      </c>
      <c r="N581" s="418" t="str">
        <f t="shared" si="16"/>
        <v/>
      </c>
    </row>
    <row r="582" spans="1:14" ht="78.75">
      <c r="A582" s="538"/>
      <c r="B582" s="411">
        <f t="shared" si="17"/>
        <v>48</v>
      </c>
      <c r="C582" s="498" t="s">
        <v>1706</v>
      </c>
      <c r="D582" s="449" t="s">
        <v>1707</v>
      </c>
      <c r="E582" s="523" t="s">
        <v>595</v>
      </c>
      <c r="F582" s="449" t="s">
        <v>600</v>
      </c>
      <c r="G582" s="449" t="s">
        <v>1657</v>
      </c>
      <c r="H582" s="586"/>
      <c r="I582" s="451"/>
      <c r="J582" s="452"/>
      <c r="K582" s="480"/>
      <c r="L582" s="477"/>
      <c r="M582" s="423">
        <v>41897</v>
      </c>
      <c r="N582" s="418" t="str">
        <f t="shared" si="16"/>
        <v/>
      </c>
    </row>
    <row r="583" spans="1:14" ht="78.75">
      <c r="A583" s="538"/>
      <c r="B583" s="411">
        <f t="shared" si="17"/>
        <v>48</v>
      </c>
      <c r="C583" s="498" t="s">
        <v>1708</v>
      </c>
      <c r="D583" s="449" t="s">
        <v>1709</v>
      </c>
      <c r="E583" s="523" t="s">
        <v>595</v>
      </c>
      <c r="F583" s="449" t="s">
        <v>600</v>
      </c>
      <c r="G583" s="449" t="s">
        <v>1657</v>
      </c>
      <c r="H583" s="584"/>
      <c r="I583" s="451"/>
      <c r="J583" s="452"/>
      <c r="K583" s="480"/>
      <c r="L583" s="477"/>
      <c r="M583" s="423">
        <v>41897</v>
      </c>
      <c r="N583" s="418" t="str">
        <f t="shared" si="16"/>
        <v/>
      </c>
    </row>
    <row r="584" spans="1:14" ht="94.5">
      <c r="A584" s="538"/>
      <c r="B584" s="411">
        <f t="shared" si="17"/>
        <v>48</v>
      </c>
      <c r="C584" s="498" t="s">
        <v>1710</v>
      </c>
      <c r="D584" s="449" t="s">
        <v>1711</v>
      </c>
      <c r="E584" s="523" t="s">
        <v>707</v>
      </c>
      <c r="F584" s="449" t="s">
        <v>600</v>
      </c>
      <c r="G584" s="449" t="s">
        <v>1568</v>
      </c>
      <c r="H584" s="417">
        <v>42795</v>
      </c>
      <c r="I584" s="451"/>
      <c r="J584" s="452"/>
      <c r="K584" s="480"/>
      <c r="L584" s="477"/>
      <c r="M584" s="423">
        <v>41897</v>
      </c>
      <c r="N584" s="418" t="str">
        <f t="shared" si="16"/>
        <v/>
      </c>
    </row>
    <row r="585" spans="1:14" ht="78.75">
      <c r="A585" s="538"/>
      <c r="B585" s="411">
        <f t="shared" si="17"/>
        <v>48</v>
      </c>
      <c r="C585" s="498" t="s">
        <v>1712</v>
      </c>
      <c r="D585" s="449" t="s">
        <v>1713</v>
      </c>
      <c r="E585" s="523" t="s">
        <v>707</v>
      </c>
      <c r="F585" s="449" t="s">
        <v>600</v>
      </c>
      <c r="G585" s="449" t="s">
        <v>1714</v>
      </c>
      <c r="H585" s="468" t="s">
        <v>1715</v>
      </c>
      <c r="I585" s="451"/>
      <c r="J585" s="452"/>
      <c r="K585" s="480"/>
      <c r="L585" s="477">
        <v>42597</v>
      </c>
      <c r="M585" s="423"/>
      <c r="N585" s="418" t="str">
        <f t="shared" si="16"/>
        <v/>
      </c>
    </row>
    <row r="586" spans="1:14" ht="94.5">
      <c r="A586" s="563"/>
      <c r="B586" s="484">
        <f t="shared" si="17"/>
        <v>48</v>
      </c>
      <c r="C586" s="500" t="s">
        <v>1716</v>
      </c>
      <c r="D586" s="494" t="s">
        <v>1717</v>
      </c>
      <c r="E586" s="590" t="s">
        <v>595</v>
      </c>
      <c r="F586" s="494" t="s">
        <v>600</v>
      </c>
      <c r="G586" s="494" t="s">
        <v>28504</v>
      </c>
      <c r="H586" s="525" t="s">
        <v>34147</v>
      </c>
      <c r="I586" s="495"/>
      <c r="J586" s="493"/>
      <c r="K586" s="525"/>
      <c r="L586" s="569"/>
      <c r="M586" s="589">
        <v>44228</v>
      </c>
      <c r="N586" s="418" t="str">
        <f t="shared" si="16"/>
        <v/>
      </c>
    </row>
    <row r="587" spans="1:14" ht="78.75">
      <c r="A587" s="538"/>
      <c r="B587" s="411">
        <f t="shared" si="17"/>
        <v>48</v>
      </c>
      <c r="C587" s="498" t="s">
        <v>1718</v>
      </c>
      <c r="D587" s="449" t="s">
        <v>1719</v>
      </c>
      <c r="E587" s="523" t="s">
        <v>707</v>
      </c>
      <c r="F587" s="449" t="s">
        <v>600</v>
      </c>
      <c r="G587" s="449" t="s">
        <v>1664</v>
      </c>
      <c r="H587" s="559" t="s">
        <v>1588</v>
      </c>
      <c r="I587" s="451"/>
      <c r="J587" s="452"/>
      <c r="K587" s="480"/>
      <c r="L587" s="477"/>
      <c r="M587" s="423">
        <v>41897</v>
      </c>
      <c r="N587" s="418" t="str">
        <f t="shared" si="16"/>
        <v/>
      </c>
    </row>
    <row r="588" spans="1:14" ht="94.5">
      <c r="A588" s="538"/>
      <c r="B588" s="411">
        <f t="shared" si="17"/>
        <v>48</v>
      </c>
      <c r="C588" s="498" t="s">
        <v>1720</v>
      </c>
      <c r="D588" s="449" t="s">
        <v>1721</v>
      </c>
      <c r="E588" s="523" t="s">
        <v>707</v>
      </c>
      <c r="F588" s="449" t="s">
        <v>600</v>
      </c>
      <c r="G588" s="449" t="s">
        <v>1591</v>
      </c>
      <c r="H588" s="559" t="s">
        <v>1588</v>
      </c>
      <c r="I588" s="451"/>
      <c r="J588" s="452"/>
      <c r="K588" s="480"/>
      <c r="L588" s="477"/>
      <c r="M588" s="423">
        <v>41897</v>
      </c>
      <c r="N588" s="418" t="str">
        <f t="shared" si="16"/>
        <v/>
      </c>
    </row>
    <row r="589" spans="1:14" ht="78.75">
      <c r="A589" s="538"/>
      <c r="B589" s="411">
        <f t="shared" si="17"/>
        <v>48</v>
      </c>
      <c r="C589" s="498" t="s">
        <v>1722</v>
      </c>
      <c r="D589" s="449" t="s">
        <v>1723</v>
      </c>
      <c r="E589" s="523" t="s">
        <v>707</v>
      </c>
      <c r="F589" s="449" t="s">
        <v>600</v>
      </c>
      <c r="G589" s="449" t="s">
        <v>1664</v>
      </c>
      <c r="H589" s="559" t="s">
        <v>1588</v>
      </c>
      <c r="I589" s="451"/>
      <c r="J589" s="452"/>
      <c r="K589" s="480"/>
      <c r="L589" s="477"/>
      <c r="M589" s="423">
        <v>41897</v>
      </c>
      <c r="N589" s="418" t="str">
        <f t="shared" si="16"/>
        <v/>
      </c>
    </row>
    <row r="590" spans="1:14" ht="94.5">
      <c r="A590" s="538"/>
      <c r="B590" s="411">
        <f t="shared" si="17"/>
        <v>48</v>
      </c>
      <c r="C590" s="498" t="s">
        <v>1724</v>
      </c>
      <c r="D590" s="449" t="s">
        <v>1725</v>
      </c>
      <c r="E590" s="523" t="s">
        <v>707</v>
      </c>
      <c r="F590" s="449" t="s">
        <v>600</v>
      </c>
      <c r="G590" s="449" t="s">
        <v>1568</v>
      </c>
      <c r="H590" s="417">
        <v>42795</v>
      </c>
      <c r="I590" s="451"/>
      <c r="J590" s="452"/>
      <c r="K590" s="480"/>
      <c r="L590" s="477"/>
      <c r="M590" s="423">
        <v>41897</v>
      </c>
      <c r="N590" s="418" t="str">
        <f t="shared" si="16"/>
        <v/>
      </c>
    </row>
    <row r="591" spans="1:14" ht="94.5">
      <c r="A591" s="563"/>
      <c r="B591" s="484">
        <f t="shared" si="17"/>
        <v>48</v>
      </c>
      <c r="C591" s="500" t="s">
        <v>1726</v>
      </c>
      <c r="D591" s="494" t="s">
        <v>1727</v>
      </c>
      <c r="E591" s="590" t="s">
        <v>595</v>
      </c>
      <c r="F591" s="494" t="s">
        <v>600</v>
      </c>
      <c r="G591" s="494" t="s">
        <v>28504</v>
      </c>
      <c r="H591" s="588"/>
      <c r="I591" s="495"/>
      <c r="J591" s="493"/>
      <c r="K591" s="525"/>
      <c r="L591" s="569"/>
      <c r="M591" s="589">
        <v>44228</v>
      </c>
      <c r="N591" s="418" t="str">
        <f t="shared" si="16"/>
        <v/>
      </c>
    </row>
    <row r="592" spans="1:14" ht="78.75">
      <c r="A592" s="538"/>
      <c r="B592" s="411">
        <f t="shared" si="17"/>
        <v>48</v>
      </c>
      <c r="C592" s="498" t="s">
        <v>1728</v>
      </c>
      <c r="D592" s="449" t="s">
        <v>1729</v>
      </c>
      <c r="E592" s="523" t="s">
        <v>707</v>
      </c>
      <c r="F592" s="449" t="s">
        <v>600</v>
      </c>
      <c r="G592" s="449" t="s">
        <v>1664</v>
      </c>
      <c r="H592" s="559" t="s">
        <v>1588</v>
      </c>
      <c r="I592" s="451"/>
      <c r="J592" s="452"/>
      <c r="K592" s="480"/>
      <c r="L592" s="477"/>
      <c r="M592" s="423">
        <v>41897</v>
      </c>
      <c r="N592" s="418" t="str">
        <f t="shared" si="16"/>
        <v/>
      </c>
    </row>
    <row r="593" spans="1:14" ht="78.75">
      <c r="A593" s="538"/>
      <c r="B593" s="411">
        <f t="shared" si="17"/>
        <v>48</v>
      </c>
      <c r="C593" s="498" t="s">
        <v>1730</v>
      </c>
      <c r="D593" s="449" t="s">
        <v>1731</v>
      </c>
      <c r="E593" s="523" t="s">
        <v>595</v>
      </c>
      <c r="F593" s="449" t="s">
        <v>600</v>
      </c>
      <c r="G593" s="449" t="s">
        <v>1657</v>
      </c>
      <c r="H593" s="584" t="s">
        <v>1732</v>
      </c>
      <c r="I593" s="451"/>
      <c r="J593" s="452"/>
      <c r="K593" s="480"/>
      <c r="L593" s="477"/>
      <c r="M593" s="423">
        <v>41897</v>
      </c>
      <c r="N593" s="418" t="str">
        <f t="shared" si="16"/>
        <v/>
      </c>
    </row>
    <row r="594" spans="1:14" ht="94.5">
      <c r="A594" s="538"/>
      <c r="B594" s="411">
        <f t="shared" si="17"/>
        <v>48</v>
      </c>
      <c r="C594" s="498" t="s">
        <v>1733</v>
      </c>
      <c r="D594" s="449" t="s">
        <v>1734</v>
      </c>
      <c r="E594" s="449" t="s">
        <v>707</v>
      </c>
      <c r="F594" s="449" t="s">
        <v>600</v>
      </c>
      <c r="G594" s="449" t="s">
        <v>1641</v>
      </c>
      <c r="H594" s="583" t="s">
        <v>1642</v>
      </c>
      <c r="I594" s="451"/>
      <c r="J594" s="452"/>
      <c r="K594" s="480"/>
      <c r="L594" s="477"/>
      <c r="M594" s="423">
        <v>42767</v>
      </c>
      <c r="N594" s="418" t="str">
        <f t="shared" si="16"/>
        <v/>
      </c>
    </row>
    <row r="595" spans="1:14" ht="94.5">
      <c r="A595" s="538"/>
      <c r="B595" s="411">
        <f t="shared" si="17"/>
        <v>48</v>
      </c>
      <c r="C595" s="498" t="s">
        <v>1735</v>
      </c>
      <c r="D595" s="449" t="s">
        <v>1736</v>
      </c>
      <c r="E595" s="523" t="s">
        <v>707</v>
      </c>
      <c r="F595" s="449" t="s">
        <v>600</v>
      </c>
      <c r="G595" s="449" t="s">
        <v>1568</v>
      </c>
      <c r="H595" s="581">
        <v>42795</v>
      </c>
      <c r="I595" s="451"/>
      <c r="J595" s="452"/>
      <c r="K595" s="480"/>
      <c r="L595" s="477"/>
      <c r="M595" s="423">
        <v>41897</v>
      </c>
      <c r="N595" s="418" t="str">
        <f t="shared" si="16"/>
        <v/>
      </c>
    </row>
    <row r="596" spans="1:14" ht="94.5">
      <c r="A596" s="538"/>
      <c r="B596" s="411">
        <f t="shared" si="17"/>
        <v>48</v>
      </c>
      <c r="C596" s="498" t="s">
        <v>1737</v>
      </c>
      <c r="D596" s="449" t="s">
        <v>554</v>
      </c>
      <c r="E596" s="523" t="s">
        <v>707</v>
      </c>
      <c r="F596" s="449" t="s">
        <v>600</v>
      </c>
      <c r="G596" s="449" t="s">
        <v>1568</v>
      </c>
      <c r="H596" s="417">
        <v>42795</v>
      </c>
      <c r="I596" s="451"/>
      <c r="J596" s="452"/>
      <c r="K596" s="480"/>
      <c r="L596" s="477"/>
      <c r="M596" s="423">
        <v>41897</v>
      </c>
      <c r="N596" s="418" t="str">
        <f t="shared" si="16"/>
        <v>DUPLICATE</v>
      </c>
    </row>
    <row r="597" spans="1:14" ht="78.75">
      <c r="A597" s="538"/>
      <c r="B597" s="411">
        <f t="shared" si="17"/>
        <v>48</v>
      </c>
      <c r="C597" s="498" t="s">
        <v>350</v>
      </c>
      <c r="D597" s="449" t="s">
        <v>352</v>
      </c>
      <c r="E597" s="523" t="s">
        <v>595</v>
      </c>
      <c r="F597" s="449" t="s">
        <v>600</v>
      </c>
      <c r="G597" s="449" t="s">
        <v>1657</v>
      </c>
      <c r="H597" s="586"/>
      <c r="I597" s="451"/>
      <c r="J597" s="452"/>
      <c r="K597" s="480"/>
      <c r="L597" s="477"/>
      <c r="M597" s="423">
        <v>41897</v>
      </c>
      <c r="N597" s="418" t="str">
        <f t="shared" si="16"/>
        <v/>
      </c>
    </row>
    <row r="598" spans="1:14" ht="78.75">
      <c r="A598" s="538"/>
      <c r="B598" s="411">
        <f t="shared" si="17"/>
        <v>48</v>
      </c>
      <c r="C598" s="500" t="s">
        <v>1738</v>
      </c>
      <c r="D598" s="494" t="s">
        <v>1739</v>
      </c>
      <c r="E598" s="590" t="s">
        <v>707</v>
      </c>
      <c r="F598" s="494" t="s">
        <v>600</v>
      </c>
      <c r="G598" s="514" t="s">
        <v>1607</v>
      </c>
      <c r="H598" s="594" t="s">
        <v>1740</v>
      </c>
      <c r="I598" s="495"/>
      <c r="J598" s="493"/>
      <c r="K598" s="525"/>
      <c r="L598" s="569"/>
      <c r="M598" s="589">
        <v>43862</v>
      </c>
      <c r="N598" s="418" t="str">
        <f t="shared" si="16"/>
        <v/>
      </c>
    </row>
    <row r="599" spans="1:14" ht="94.5">
      <c r="A599" s="538"/>
      <c r="B599" s="411">
        <f t="shared" si="17"/>
        <v>48</v>
      </c>
      <c r="C599" s="498" t="s">
        <v>1741</v>
      </c>
      <c r="D599" s="449" t="s">
        <v>1742</v>
      </c>
      <c r="E599" s="523" t="s">
        <v>707</v>
      </c>
      <c r="F599" s="449" t="s">
        <v>600</v>
      </c>
      <c r="G599" s="449" t="s">
        <v>1591</v>
      </c>
      <c r="H599" s="559" t="s">
        <v>1588</v>
      </c>
      <c r="I599" s="451"/>
      <c r="J599" s="452"/>
      <c r="K599" s="480"/>
      <c r="L599" s="477"/>
      <c r="M599" s="423">
        <v>41897</v>
      </c>
      <c r="N599" s="418" t="str">
        <f t="shared" si="16"/>
        <v/>
      </c>
    </row>
    <row r="600" spans="1:14" ht="94.5">
      <c r="A600" s="538"/>
      <c r="B600" s="411">
        <f t="shared" si="17"/>
        <v>48</v>
      </c>
      <c r="C600" s="498" t="s">
        <v>1743</v>
      </c>
      <c r="D600" s="449" t="s">
        <v>1744</v>
      </c>
      <c r="E600" s="523" t="s">
        <v>707</v>
      </c>
      <c r="F600" s="449" t="s">
        <v>600</v>
      </c>
      <c r="G600" s="449" t="s">
        <v>1568</v>
      </c>
      <c r="H600" s="581">
        <v>42795</v>
      </c>
      <c r="I600" s="451"/>
      <c r="J600" s="452"/>
      <c r="K600" s="480"/>
      <c r="L600" s="477"/>
      <c r="M600" s="423">
        <v>41897</v>
      </c>
      <c r="N600" s="418" t="str">
        <f t="shared" si="16"/>
        <v/>
      </c>
    </row>
    <row r="601" spans="1:14" ht="94.5">
      <c r="A601" s="538"/>
      <c r="B601" s="411">
        <f t="shared" si="17"/>
        <v>48</v>
      </c>
      <c r="C601" s="498" t="s">
        <v>1745</v>
      </c>
      <c r="D601" s="449" t="s">
        <v>1746</v>
      </c>
      <c r="E601" s="449" t="s">
        <v>707</v>
      </c>
      <c r="F601" s="449" t="s">
        <v>600</v>
      </c>
      <c r="G601" s="449" t="s">
        <v>1641</v>
      </c>
      <c r="H601" s="583" t="s">
        <v>1642</v>
      </c>
      <c r="I601" s="451"/>
      <c r="J601" s="452"/>
      <c r="K601" s="480"/>
      <c r="L601" s="477"/>
      <c r="M601" s="423">
        <v>42767</v>
      </c>
      <c r="N601" s="418" t="str">
        <f t="shared" ref="N601:N664" si="18">IF(D601="NA","",IF(COUNTIF($D$2:$D$5552,D601)&gt;1,"DUPLICATE",""))</f>
        <v/>
      </c>
    </row>
    <row r="602" spans="1:14" ht="78.75">
      <c r="A602" s="538"/>
      <c r="B602" s="411">
        <f t="shared" ref="B602:B665" si="19">IF(A602&gt;0,A602,B601)</f>
        <v>48</v>
      </c>
      <c r="C602" s="498" t="s">
        <v>1747</v>
      </c>
      <c r="D602" s="449" t="s">
        <v>1748</v>
      </c>
      <c r="E602" s="523" t="s">
        <v>707</v>
      </c>
      <c r="F602" s="449" t="s">
        <v>600</v>
      </c>
      <c r="G602" s="449" t="s">
        <v>1664</v>
      </c>
      <c r="H602" s="559" t="s">
        <v>1588</v>
      </c>
      <c r="I602" s="451"/>
      <c r="J602" s="452"/>
      <c r="K602" s="480"/>
      <c r="L602" s="477"/>
      <c r="M602" s="423">
        <v>41897</v>
      </c>
      <c r="N602" s="418" t="str">
        <f t="shared" si="18"/>
        <v/>
      </c>
    </row>
    <row r="603" spans="1:14" ht="78.75">
      <c r="A603" s="538"/>
      <c r="B603" s="411">
        <f t="shared" si="19"/>
        <v>48</v>
      </c>
      <c r="C603" s="498" t="s">
        <v>1749</v>
      </c>
      <c r="D603" s="449" t="s">
        <v>1750</v>
      </c>
      <c r="E603" s="523" t="s">
        <v>707</v>
      </c>
      <c r="F603" s="449" t="s">
        <v>600</v>
      </c>
      <c r="G603" s="449" t="s">
        <v>1751</v>
      </c>
      <c r="H603" s="582">
        <v>42795</v>
      </c>
      <c r="I603" s="451"/>
      <c r="J603" s="452"/>
      <c r="K603" s="480"/>
      <c r="L603" s="477"/>
      <c r="M603" s="423">
        <v>41897</v>
      </c>
      <c r="N603" s="418" t="str">
        <f t="shared" si="18"/>
        <v/>
      </c>
    </row>
    <row r="604" spans="1:14" ht="94.5">
      <c r="A604" s="538"/>
      <c r="B604" s="411">
        <f t="shared" si="19"/>
        <v>48</v>
      </c>
      <c r="C604" s="498" t="s">
        <v>1752</v>
      </c>
      <c r="D604" s="449" t="s">
        <v>1753</v>
      </c>
      <c r="E604" s="523" t="s">
        <v>707</v>
      </c>
      <c r="F604" s="449" t="s">
        <v>600</v>
      </c>
      <c r="G604" s="449" t="s">
        <v>1641</v>
      </c>
      <c r="H604" s="583" t="s">
        <v>1642</v>
      </c>
      <c r="I604" s="451"/>
      <c r="J604" s="452"/>
      <c r="K604" s="480"/>
      <c r="L604" s="477"/>
      <c r="M604" s="423">
        <v>42767</v>
      </c>
      <c r="N604" s="418" t="str">
        <f t="shared" si="18"/>
        <v/>
      </c>
    </row>
    <row r="605" spans="1:14" ht="15.75">
      <c r="A605" s="538"/>
      <c r="B605" s="411">
        <f t="shared" si="19"/>
        <v>48</v>
      </c>
      <c r="C605" s="498" t="s">
        <v>1754</v>
      </c>
      <c r="D605" s="449" t="s">
        <v>1755</v>
      </c>
      <c r="E605" s="522" t="s">
        <v>643</v>
      </c>
      <c r="F605" s="449" t="s">
        <v>600</v>
      </c>
      <c r="G605" s="450" t="s">
        <v>1756</v>
      </c>
      <c r="H605" s="586"/>
      <c r="I605" s="451"/>
      <c r="J605" s="452"/>
      <c r="K605" s="595">
        <v>9.9999999999999995E-8</v>
      </c>
      <c r="L605" s="477"/>
      <c r="M605" s="423">
        <v>42231</v>
      </c>
      <c r="N605" s="418" t="str">
        <f t="shared" si="18"/>
        <v/>
      </c>
    </row>
    <row r="606" spans="1:14" ht="63">
      <c r="A606" s="538"/>
      <c r="B606" s="411">
        <f t="shared" si="19"/>
        <v>48</v>
      </c>
      <c r="C606" s="498" t="s">
        <v>1757</v>
      </c>
      <c r="D606" s="449" t="s">
        <v>1758</v>
      </c>
      <c r="E606" s="523" t="s">
        <v>595</v>
      </c>
      <c r="F606" s="449" t="s">
        <v>600</v>
      </c>
      <c r="G606" s="449" t="s">
        <v>1604</v>
      </c>
      <c r="H606" s="586"/>
      <c r="I606" s="451"/>
      <c r="J606" s="452"/>
      <c r="K606" s="480"/>
      <c r="L606" s="477"/>
      <c r="M606" s="423">
        <v>41897</v>
      </c>
      <c r="N606" s="418" t="str">
        <f t="shared" si="18"/>
        <v/>
      </c>
    </row>
    <row r="607" spans="1:14" ht="78.75">
      <c r="A607" s="538"/>
      <c r="B607" s="411">
        <f t="shared" si="19"/>
        <v>48</v>
      </c>
      <c r="C607" s="498" t="s">
        <v>1759</v>
      </c>
      <c r="D607" s="449" t="s">
        <v>1760</v>
      </c>
      <c r="E607" s="523" t="s">
        <v>595</v>
      </c>
      <c r="F607" s="449" t="s">
        <v>600</v>
      </c>
      <c r="G607" s="449" t="s">
        <v>1689</v>
      </c>
      <c r="H607" s="584"/>
      <c r="I607" s="451"/>
      <c r="J607" s="452"/>
      <c r="K607" s="480"/>
      <c r="L607" s="477"/>
      <c r="M607" s="423">
        <v>41897</v>
      </c>
      <c r="N607" s="418" t="str">
        <f t="shared" si="18"/>
        <v/>
      </c>
    </row>
    <row r="608" spans="1:14" ht="94.5">
      <c r="A608" s="538"/>
      <c r="B608" s="411">
        <f t="shared" si="19"/>
        <v>48</v>
      </c>
      <c r="C608" s="498" t="s">
        <v>1022</v>
      </c>
      <c r="D608" s="449" t="s">
        <v>1023</v>
      </c>
      <c r="E608" s="523" t="s">
        <v>707</v>
      </c>
      <c r="F608" s="449" t="s">
        <v>600</v>
      </c>
      <c r="G608" s="449" t="s">
        <v>1571</v>
      </c>
      <c r="H608" s="582">
        <v>42795</v>
      </c>
      <c r="I608" s="451"/>
      <c r="J608" s="452"/>
      <c r="K608" s="480"/>
      <c r="L608" s="477"/>
      <c r="M608" s="423">
        <v>41897</v>
      </c>
      <c r="N608" s="418" t="str">
        <f t="shared" si="18"/>
        <v>DUPLICATE</v>
      </c>
    </row>
    <row r="609" spans="1:14" ht="94.5">
      <c r="A609" s="538"/>
      <c r="B609" s="411">
        <f t="shared" si="19"/>
        <v>48</v>
      </c>
      <c r="C609" s="498" t="s">
        <v>1761</v>
      </c>
      <c r="D609" s="449" t="s">
        <v>1762</v>
      </c>
      <c r="E609" s="523" t="s">
        <v>707</v>
      </c>
      <c r="F609" s="449" t="s">
        <v>600</v>
      </c>
      <c r="G609" s="449" t="s">
        <v>1571</v>
      </c>
      <c r="H609" s="582">
        <v>42795</v>
      </c>
      <c r="I609" s="451"/>
      <c r="J609" s="452"/>
      <c r="K609" s="480"/>
      <c r="L609" s="477"/>
      <c r="M609" s="423">
        <v>41897</v>
      </c>
      <c r="N609" s="418" t="str">
        <f t="shared" si="18"/>
        <v/>
      </c>
    </row>
    <row r="610" spans="1:14" ht="94.5">
      <c r="A610" s="538"/>
      <c r="B610" s="411">
        <f t="shared" si="19"/>
        <v>48</v>
      </c>
      <c r="C610" s="498" t="s">
        <v>1763</v>
      </c>
      <c r="D610" s="449" t="s">
        <v>1764</v>
      </c>
      <c r="E610" s="523" t="s">
        <v>707</v>
      </c>
      <c r="F610" s="449" t="s">
        <v>600</v>
      </c>
      <c r="G610" s="449" t="s">
        <v>1571</v>
      </c>
      <c r="H610" s="582">
        <v>42795</v>
      </c>
      <c r="I610" s="451"/>
      <c r="J610" s="452"/>
      <c r="K610" s="480"/>
      <c r="L610" s="477"/>
      <c r="M610" s="423">
        <v>41897</v>
      </c>
      <c r="N610" s="418" t="str">
        <f t="shared" si="18"/>
        <v/>
      </c>
    </row>
    <row r="611" spans="1:14" ht="78.75">
      <c r="A611" s="538"/>
      <c r="B611" s="411">
        <f t="shared" si="19"/>
        <v>48</v>
      </c>
      <c r="C611" s="498" t="s">
        <v>1765</v>
      </c>
      <c r="D611" s="449" t="s">
        <v>1766</v>
      </c>
      <c r="E611" s="523" t="s">
        <v>707</v>
      </c>
      <c r="F611" s="449" t="s">
        <v>600</v>
      </c>
      <c r="G611" s="449" t="s">
        <v>1584</v>
      </c>
      <c r="H611" s="582">
        <v>42795</v>
      </c>
      <c r="I611" s="451"/>
      <c r="J611" s="452"/>
      <c r="K611" s="480"/>
      <c r="L611" s="477">
        <v>42401</v>
      </c>
      <c r="M611" s="423"/>
      <c r="N611" s="418" t="str">
        <f t="shared" si="18"/>
        <v/>
      </c>
    </row>
    <row r="612" spans="1:14" ht="94.5">
      <c r="A612" s="538"/>
      <c r="B612" s="411">
        <f t="shared" si="19"/>
        <v>48</v>
      </c>
      <c r="C612" s="498" t="s">
        <v>1767</v>
      </c>
      <c r="D612" s="449" t="s">
        <v>1768</v>
      </c>
      <c r="E612" s="523" t="s">
        <v>707</v>
      </c>
      <c r="F612" s="449" t="s">
        <v>600</v>
      </c>
      <c r="G612" s="449" t="s">
        <v>1571</v>
      </c>
      <c r="H612" s="582">
        <v>42795</v>
      </c>
      <c r="I612" s="451"/>
      <c r="J612" s="452"/>
      <c r="K612" s="480"/>
      <c r="L612" s="477"/>
      <c r="M612" s="423">
        <v>41897</v>
      </c>
      <c r="N612" s="418" t="str">
        <f t="shared" si="18"/>
        <v/>
      </c>
    </row>
    <row r="613" spans="1:14" ht="110.25">
      <c r="A613" s="538"/>
      <c r="B613" s="411">
        <f t="shared" si="19"/>
        <v>48</v>
      </c>
      <c r="C613" s="498" t="s">
        <v>1769</v>
      </c>
      <c r="D613" s="449" t="s">
        <v>1770</v>
      </c>
      <c r="E613" s="523" t="s">
        <v>707</v>
      </c>
      <c r="F613" s="449" t="s">
        <v>600</v>
      </c>
      <c r="G613" s="449" t="s">
        <v>26541</v>
      </c>
      <c r="H613" s="559" t="s">
        <v>1588</v>
      </c>
      <c r="I613" s="451"/>
      <c r="J613" s="452"/>
      <c r="K613" s="480"/>
      <c r="L613" s="477"/>
      <c r="M613" s="423">
        <v>43497</v>
      </c>
      <c r="N613" s="418" t="str">
        <f t="shared" si="18"/>
        <v>DUPLICATE</v>
      </c>
    </row>
    <row r="614" spans="1:14" ht="78.75">
      <c r="A614" s="538"/>
      <c r="B614" s="411">
        <f t="shared" si="19"/>
        <v>48</v>
      </c>
      <c r="C614" s="498" t="s">
        <v>471</v>
      </c>
      <c r="D614" s="449" t="s">
        <v>1771</v>
      </c>
      <c r="E614" s="523" t="s">
        <v>707</v>
      </c>
      <c r="F614" s="449" t="s">
        <v>600</v>
      </c>
      <c r="G614" s="449" t="s">
        <v>1664</v>
      </c>
      <c r="H614" s="559" t="s">
        <v>1588</v>
      </c>
      <c r="I614" s="451"/>
      <c r="J614" s="452"/>
      <c r="K614" s="480"/>
      <c r="L614" s="477"/>
      <c r="M614" s="423">
        <v>41897</v>
      </c>
      <c r="N614" s="418" t="str">
        <f t="shared" si="18"/>
        <v>DUPLICATE</v>
      </c>
    </row>
    <row r="615" spans="1:14" ht="78.75">
      <c r="A615" s="538"/>
      <c r="B615" s="411">
        <f t="shared" si="19"/>
        <v>48</v>
      </c>
      <c r="C615" s="498" t="s">
        <v>1772</v>
      </c>
      <c r="D615" s="449" t="s">
        <v>1773</v>
      </c>
      <c r="E615" s="523" t="s">
        <v>707</v>
      </c>
      <c r="F615" s="449" t="s">
        <v>600</v>
      </c>
      <c r="G615" s="449" t="s">
        <v>1664</v>
      </c>
      <c r="H615" s="559" t="s">
        <v>1588</v>
      </c>
      <c r="I615" s="451"/>
      <c r="J615" s="452"/>
      <c r="K615" s="480"/>
      <c r="L615" s="477"/>
      <c r="M615" s="423">
        <v>41897</v>
      </c>
      <c r="N615" s="418" t="str">
        <f t="shared" si="18"/>
        <v>DUPLICATE</v>
      </c>
    </row>
    <row r="616" spans="1:14" ht="78.75">
      <c r="A616" s="538"/>
      <c r="B616" s="411">
        <f t="shared" si="19"/>
        <v>48</v>
      </c>
      <c r="C616" s="498" t="s">
        <v>1774</v>
      </c>
      <c r="D616" s="449" t="s">
        <v>1775</v>
      </c>
      <c r="E616" s="523" t="s">
        <v>707</v>
      </c>
      <c r="F616" s="449" t="s">
        <v>600</v>
      </c>
      <c r="G616" s="449" t="s">
        <v>1664</v>
      </c>
      <c r="H616" s="559" t="s">
        <v>1588</v>
      </c>
      <c r="I616" s="451"/>
      <c r="J616" s="452"/>
      <c r="K616" s="480"/>
      <c r="L616" s="477"/>
      <c r="M616" s="423">
        <v>41897</v>
      </c>
      <c r="N616" s="418" t="str">
        <f t="shared" si="18"/>
        <v>DUPLICATE</v>
      </c>
    </row>
    <row r="617" spans="1:14" ht="78.75">
      <c r="A617" s="538"/>
      <c r="B617" s="411">
        <f t="shared" si="19"/>
        <v>48</v>
      </c>
      <c r="C617" s="498" t="s">
        <v>1776</v>
      </c>
      <c r="D617" s="449" t="s">
        <v>1777</v>
      </c>
      <c r="E617" s="523" t="s">
        <v>595</v>
      </c>
      <c r="F617" s="449" t="s">
        <v>600</v>
      </c>
      <c r="G617" s="449" t="s">
        <v>1778</v>
      </c>
      <c r="H617" s="584"/>
      <c r="I617" s="451"/>
      <c r="J617" s="452"/>
      <c r="K617" s="480"/>
      <c r="L617" s="477"/>
      <c r="M617" s="423">
        <v>41897</v>
      </c>
      <c r="N617" s="418" t="str">
        <f t="shared" si="18"/>
        <v/>
      </c>
    </row>
    <row r="618" spans="1:14" ht="94.5">
      <c r="A618" s="538"/>
      <c r="B618" s="411">
        <f t="shared" si="19"/>
        <v>48</v>
      </c>
      <c r="C618" s="498" t="s">
        <v>1779</v>
      </c>
      <c r="D618" s="449" t="s">
        <v>1780</v>
      </c>
      <c r="E618" s="523" t="s">
        <v>707</v>
      </c>
      <c r="F618" s="449" t="s">
        <v>600</v>
      </c>
      <c r="G618" s="449" t="s">
        <v>1641</v>
      </c>
      <c r="H618" s="559" t="s">
        <v>1642</v>
      </c>
      <c r="I618" s="451"/>
      <c r="J618" s="452"/>
      <c r="K618" s="480"/>
      <c r="L618" s="477"/>
      <c r="M618" s="423">
        <v>41897</v>
      </c>
      <c r="N618" s="418" t="str">
        <f t="shared" si="18"/>
        <v/>
      </c>
    </row>
    <row r="619" spans="1:14" ht="94.5">
      <c r="A619" s="538"/>
      <c r="B619" s="411">
        <f t="shared" si="19"/>
        <v>48</v>
      </c>
      <c r="C619" s="498" t="s">
        <v>1781</v>
      </c>
      <c r="D619" s="449" t="s">
        <v>1782</v>
      </c>
      <c r="E619" s="523" t="s">
        <v>707</v>
      </c>
      <c r="F619" s="449" t="s">
        <v>600</v>
      </c>
      <c r="G619" s="449" t="s">
        <v>1571</v>
      </c>
      <c r="H619" s="582">
        <v>42795</v>
      </c>
      <c r="I619" s="451"/>
      <c r="J619" s="452"/>
      <c r="K619" s="480"/>
      <c r="L619" s="477"/>
      <c r="M619" s="423">
        <v>41897</v>
      </c>
      <c r="N619" s="418" t="str">
        <f t="shared" si="18"/>
        <v/>
      </c>
    </row>
    <row r="620" spans="1:14" ht="94.5">
      <c r="A620" s="538"/>
      <c r="B620" s="411">
        <f t="shared" si="19"/>
        <v>48</v>
      </c>
      <c r="C620" s="498" t="s">
        <v>1783</v>
      </c>
      <c r="D620" s="449" t="s">
        <v>1784</v>
      </c>
      <c r="E620" s="523" t="s">
        <v>707</v>
      </c>
      <c r="F620" s="449" t="s">
        <v>600</v>
      </c>
      <c r="G620" s="449" t="s">
        <v>1568</v>
      </c>
      <c r="H620" s="417">
        <v>42795</v>
      </c>
      <c r="I620" s="451"/>
      <c r="J620" s="452"/>
      <c r="K620" s="480"/>
      <c r="L620" s="477"/>
      <c r="M620" s="423">
        <v>41897</v>
      </c>
      <c r="N620" s="418" t="str">
        <f t="shared" si="18"/>
        <v/>
      </c>
    </row>
    <row r="621" spans="1:14" ht="78.75">
      <c r="A621" s="538"/>
      <c r="B621" s="411">
        <f t="shared" si="19"/>
        <v>48</v>
      </c>
      <c r="C621" s="498" t="s">
        <v>1785</v>
      </c>
      <c r="D621" s="449" t="s">
        <v>1786</v>
      </c>
      <c r="E621" s="523" t="s">
        <v>707</v>
      </c>
      <c r="F621" s="449" t="s">
        <v>600</v>
      </c>
      <c r="G621" s="449" t="s">
        <v>1584</v>
      </c>
      <c r="H621" s="582">
        <v>42795</v>
      </c>
      <c r="I621" s="451"/>
      <c r="J621" s="452"/>
      <c r="K621" s="480"/>
      <c r="L621" s="477">
        <v>42401</v>
      </c>
      <c r="M621" s="423"/>
      <c r="N621" s="418" t="str">
        <f t="shared" si="18"/>
        <v/>
      </c>
    </row>
    <row r="622" spans="1:14" ht="94.5">
      <c r="A622" s="563"/>
      <c r="B622" s="484">
        <f t="shared" si="19"/>
        <v>48</v>
      </c>
      <c r="C622" s="500" t="s">
        <v>1787</v>
      </c>
      <c r="D622" s="494" t="s">
        <v>1788</v>
      </c>
      <c r="E622" s="590" t="s">
        <v>595</v>
      </c>
      <c r="F622" s="494" t="s">
        <v>600</v>
      </c>
      <c r="G622" s="494" t="s">
        <v>28504</v>
      </c>
      <c r="H622" s="430" t="s">
        <v>34148</v>
      </c>
      <c r="I622" s="495"/>
      <c r="J622" s="493"/>
      <c r="K622" s="525"/>
      <c r="L622" s="569"/>
      <c r="M622" s="589">
        <v>44228</v>
      </c>
      <c r="N622" s="418" t="str">
        <f t="shared" si="18"/>
        <v/>
      </c>
    </row>
    <row r="623" spans="1:14" ht="94.5">
      <c r="A623" s="538"/>
      <c r="B623" s="411">
        <f t="shared" si="19"/>
        <v>48</v>
      </c>
      <c r="C623" s="498" t="s">
        <v>1789</v>
      </c>
      <c r="D623" s="449" t="s">
        <v>1790</v>
      </c>
      <c r="E623" s="523" t="s">
        <v>707</v>
      </c>
      <c r="F623" s="449" t="s">
        <v>600</v>
      </c>
      <c r="G623" s="449" t="s">
        <v>1568</v>
      </c>
      <c r="H623" s="417">
        <v>42795</v>
      </c>
      <c r="I623" s="451"/>
      <c r="J623" s="452"/>
      <c r="K623" s="480"/>
      <c r="L623" s="477"/>
      <c r="M623" s="423">
        <v>41897</v>
      </c>
      <c r="N623" s="418" t="str">
        <f t="shared" si="18"/>
        <v/>
      </c>
    </row>
    <row r="624" spans="1:14" ht="78.75">
      <c r="A624" s="538"/>
      <c r="B624" s="411">
        <f t="shared" si="19"/>
        <v>48</v>
      </c>
      <c r="C624" s="498" t="s">
        <v>1791</v>
      </c>
      <c r="D624" s="449" t="s">
        <v>1792</v>
      </c>
      <c r="E624" s="523" t="s">
        <v>595</v>
      </c>
      <c r="F624" s="449" t="s">
        <v>600</v>
      </c>
      <c r="G624" s="449" t="s">
        <v>1657</v>
      </c>
      <c r="H624" s="584"/>
      <c r="I624" s="451"/>
      <c r="J624" s="452"/>
      <c r="K624" s="480"/>
      <c r="L624" s="477"/>
      <c r="M624" s="423">
        <v>41897</v>
      </c>
      <c r="N624" s="418" t="str">
        <f t="shared" si="18"/>
        <v/>
      </c>
    </row>
    <row r="625" spans="1:14" ht="94.5">
      <c r="A625" s="538"/>
      <c r="B625" s="411">
        <f t="shared" si="19"/>
        <v>48</v>
      </c>
      <c r="C625" s="498" t="s">
        <v>1793</v>
      </c>
      <c r="D625" s="449" t="s">
        <v>1794</v>
      </c>
      <c r="E625" s="523" t="s">
        <v>707</v>
      </c>
      <c r="F625" s="449" t="s">
        <v>600</v>
      </c>
      <c r="G625" s="449" t="s">
        <v>1568</v>
      </c>
      <c r="H625" s="417">
        <v>42795</v>
      </c>
      <c r="I625" s="451"/>
      <c r="J625" s="452"/>
      <c r="K625" s="480"/>
      <c r="L625" s="477"/>
      <c r="M625" s="423">
        <v>41897</v>
      </c>
      <c r="N625" s="418" t="str">
        <f t="shared" si="18"/>
        <v/>
      </c>
    </row>
    <row r="626" spans="1:14" ht="63">
      <c r="A626" s="538"/>
      <c r="B626" s="411">
        <f t="shared" si="19"/>
        <v>48</v>
      </c>
      <c r="C626" s="498" t="s">
        <v>1795</v>
      </c>
      <c r="D626" s="449" t="s">
        <v>1796</v>
      </c>
      <c r="E626" s="523" t="s">
        <v>595</v>
      </c>
      <c r="F626" s="449" t="s">
        <v>600</v>
      </c>
      <c r="G626" s="450" t="s">
        <v>1634</v>
      </c>
      <c r="H626" s="596"/>
      <c r="I626" s="451"/>
      <c r="J626" s="452"/>
      <c r="K626" s="480"/>
      <c r="L626" s="477">
        <v>42401</v>
      </c>
      <c r="M626" s="423"/>
      <c r="N626" s="418" t="str">
        <f t="shared" si="18"/>
        <v/>
      </c>
    </row>
    <row r="627" spans="1:14" ht="94.5">
      <c r="A627" s="563"/>
      <c r="B627" s="411">
        <f t="shared" si="19"/>
        <v>48</v>
      </c>
      <c r="C627" s="500" t="s">
        <v>1797</v>
      </c>
      <c r="D627" s="494" t="s">
        <v>1798</v>
      </c>
      <c r="E627" s="590" t="s">
        <v>595</v>
      </c>
      <c r="F627" s="494" t="s">
        <v>600</v>
      </c>
      <c r="G627" s="494" t="s">
        <v>28504</v>
      </c>
      <c r="H627" s="588"/>
      <c r="I627" s="495"/>
      <c r="J627" s="493"/>
      <c r="K627" s="525"/>
      <c r="L627" s="569"/>
      <c r="M627" s="589">
        <v>43862</v>
      </c>
      <c r="N627" s="418" t="str">
        <f t="shared" si="18"/>
        <v/>
      </c>
    </row>
    <row r="628" spans="1:14" ht="94.5">
      <c r="A628" s="538"/>
      <c r="B628" s="411">
        <f t="shared" si="19"/>
        <v>48</v>
      </c>
      <c r="C628" s="498" t="s">
        <v>1799</v>
      </c>
      <c r="D628" s="449" t="s">
        <v>1800</v>
      </c>
      <c r="E628" s="523" t="s">
        <v>707</v>
      </c>
      <c r="F628" s="449" t="s">
        <v>600</v>
      </c>
      <c r="G628" s="449" t="s">
        <v>1591</v>
      </c>
      <c r="H628" s="559" t="s">
        <v>1588</v>
      </c>
      <c r="I628" s="451"/>
      <c r="J628" s="452"/>
      <c r="K628" s="480"/>
      <c r="L628" s="477"/>
      <c r="M628" s="423">
        <v>41897</v>
      </c>
      <c r="N628" s="418" t="str">
        <f t="shared" si="18"/>
        <v/>
      </c>
    </row>
    <row r="629" spans="1:14" ht="63">
      <c r="A629" s="538"/>
      <c r="B629" s="411">
        <f t="shared" si="19"/>
        <v>48</v>
      </c>
      <c r="C629" s="498" t="s">
        <v>1801</v>
      </c>
      <c r="D629" s="449" t="s">
        <v>1802</v>
      </c>
      <c r="E629" s="523" t="s">
        <v>595</v>
      </c>
      <c r="F629" s="449" t="s">
        <v>600</v>
      </c>
      <c r="G629" s="449" t="s">
        <v>1604</v>
      </c>
      <c r="H629" s="584"/>
      <c r="I629" s="451"/>
      <c r="J629" s="452"/>
      <c r="K629" s="480"/>
      <c r="L629" s="477"/>
      <c r="M629" s="423">
        <v>41897</v>
      </c>
      <c r="N629" s="418" t="str">
        <f t="shared" si="18"/>
        <v/>
      </c>
    </row>
    <row r="630" spans="1:14" ht="78.75">
      <c r="A630" s="538"/>
      <c r="B630" s="411">
        <f t="shared" si="19"/>
        <v>48</v>
      </c>
      <c r="C630" s="498" t="s">
        <v>1803</v>
      </c>
      <c r="D630" s="449" t="s">
        <v>1804</v>
      </c>
      <c r="E630" s="523" t="s">
        <v>707</v>
      </c>
      <c r="F630" s="449" t="s">
        <v>600</v>
      </c>
      <c r="G630" s="449" t="s">
        <v>1584</v>
      </c>
      <c r="H630" s="582">
        <v>42795</v>
      </c>
      <c r="I630" s="451"/>
      <c r="J630" s="452"/>
      <c r="K630" s="480"/>
      <c r="L630" s="477"/>
      <c r="M630" s="423">
        <v>42036</v>
      </c>
      <c r="N630" s="418" t="str">
        <f t="shared" si="18"/>
        <v>DUPLICATE</v>
      </c>
    </row>
    <row r="631" spans="1:14" ht="94.5">
      <c r="A631" s="538"/>
      <c r="B631" s="411">
        <f t="shared" si="19"/>
        <v>48</v>
      </c>
      <c r="C631" s="498" t="s">
        <v>1805</v>
      </c>
      <c r="D631" s="449" t="s">
        <v>1806</v>
      </c>
      <c r="E631" s="523" t="s">
        <v>707</v>
      </c>
      <c r="F631" s="449" t="s">
        <v>600</v>
      </c>
      <c r="G631" s="449" t="s">
        <v>1591</v>
      </c>
      <c r="H631" s="559" t="s">
        <v>1588</v>
      </c>
      <c r="I631" s="451"/>
      <c r="J631" s="452"/>
      <c r="K631" s="480"/>
      <c r="L631" s="477"/>
      <c r="M631" s="423">
        <v>41897</v>
      </c>
      <c r="N631" s="418" t="str">
        <f t="shared" si="18"/>
        <v/>
      </c>
    </row>
    <row r="632" spans="1:14" ht="94.5">
      <c r="A632" s="538"/>
      <c r="B632" s="411">
        <f t="shared" si="19"/>
        <v>48</v>
      </c>
      <c r="C632" s="498" t="s">
        <v>1807</v>
      </c>
      <c r="D632" s="449" t="s">
        <v>1808</v>
      </c>
      <c r="E632" s="523" t="s">
        <v>707</v>
      </c>
      <c r="F632" s="449" t="s">
        <v>600</v>
      </c>
      <c r="G632" s="449" t="s">
        <v>1568</v>
      </c>
      <c r="H632" s="581">
        <v>42795</v>
      </c>
      <c r="I632" s="451"/>
      <c r="J632" s="452"/>
      <c r="K632" s="480"/>
      <c r="L632" s="477"/>
      <c r="M632" s="423">
        <v>41897</v>
      </c>
      <c r="N632" s="418" t="str">
        <f t="shared" si="18"/>
        <v/>
      </c>
    </row>
    <row r="633" spans="1:14" ht="94.5">
      <c r="A633" s="538"/>
      <c r="B633" s="411">
        <f t="shared" si="19"/>
        <v>48</v>
      </c>
      <c r="C633" s="498" t="s">
        <v>1809</v>
      </c>
      <c r="D633" s="449" t="s">
        <v>1810</v>
      </c>
      <c r="E633" s="523" t="s">
        <v>707</v>
      </c>
      <c r="F633" s="449" t="s">
        <v>600</v>
      </c>
      <c r="G633" s="449" t="s">
        <v>1641</v>
      </c>
      <c r="H633" s="581" t="s">
        <v>1642</v>
      </c>
      <c r="I633" s="451"/>
      <c r="J633" s="452"/>
      <c r="K633" s="480"/>
      <c r="L633" s="477"/>
      <c r="M633" s="423">
        <v>41897</v>
      </c>
      <c r="N633" s="418" t="str">
        <f t="shared" si="18"/>
        <v/>
      </c>
    </row>
    <row r="634" spans="1:14" ht="94.5">
      <c r="A634" s="538"/>
      <c r="B634" s="411">
        <f t="shared" si="19"/>
        <v>48</v>
      </c>
      <c r="C634" s="498" t="s">
        <v>1811</v>
      </c>
      <c r="D634" s="449" t="s">
        <v>1812</v>
      </c>
      <c r="E634" s="523" t="s">
        <v>707</v>
      </c>
      <c r="F634" s="449" t="s">
        <v>600</v>
      </c>
      <c r="G634" s="449" t="s">
        <v>1626</v>
      </c>
      <c r="H634" s="581" t="s">
        <v>1627</v>
      </c>
      <c r="I634" s="451"/>
      <c r="J634" s="452"/>
      <c r="K634" s="480"/>
      <c r="L634" s="477"/>
      <c r="M634" s="423">
        <v>41897</v>
      </c>
      <c r="N634" s="418" t="str">
        <f t="shared" si="18"/>
        <v/>
      </c>
    </row>
    <row r="635" spans="1:14" ht="78.75">
      <c r="A635" s="538"/>
      <c r="B635" s="411">
        <f t="shared" si="19"/>
        <v>48</v>
      </c>
      <c r="C635" s="597" t="s">
        <v>1813</v>
      </c>
      <c r="D635" s="522" t="s">
        <v>1814</v>
      </c>
      <c r="E635" s="522" t="s">
        <v>707</v>
      </c>
      <c r="F635" s="522" t="s">
        <v>600</v>
      </c>
      <c r="G635" s="144" t="s">
        <v>1714</v>
      </c>
      <c r="H635" s="583" t="s">
        <v>1815</v>
      </c>
      <c r="I635" s="451"/>
      <c r="J635" s="452"/>
      <c r="K635" s="480"/>
      <c r="L635" s="477">
        <v>42401</v>
      </c>
      <c r="M635" s="423"/>
      <c r="N635" s="418" t="str">
        <f t="shared" si="18"/>
        <v/>
      </c>
    </row>
    <row r="636" spans="1:14" ht="94.5">
      <c r="A636" s="538"/>
      <c r="B636" s="411">
        <f t="shared" si="19"/>
        <v>48</v>
      </c>
      <c r="C636" s="440" t="s">
        <v>1816</v>
      </c>
      <c r="D636" s="449" t="s">
        <v>1817</v>
      </c>
      <c r="E636" s="598" t="s">
        <v>707</v>
      </c>
      <c r="F636" s="449" t="s">
        <v>600</v>
      </c>
      <c r="G636" s="449" t="s">
        <v>1641</v>
      </c>
      <c r="H636" s="581" t="s">
        <v>1642</v>
      </c>
      <c r="I636" s="451"/>
      <c r="J636" s="452"/>
      <c r="K636" s="480"/>
      <c r="L636" s="477"/>
      <c r="M636" s="423">
        <v>41897</v>
      </c>
      <c r="N636" s="418" t="str">
        <f t="shared" si="18"/>
        <v/>
      </c>
    </row>
    <row r="637" spans="1:14" ht="94.5">
      <c r="A637" s="538"/>
      <c r="B637" s="411">
        <f t="shared" si="19"/>
        <v>48</v>
      </c>
      <c r="C637" s="498" t="s">
        <v>1818</v>
      </c>
      <c r="D637" s="449" t="s">
        <v>1819</v>
      </c>
      <c r="E637" s="523" t="s">
        <v>707</v>
      </c>
      <c r="F637" s="449" t="s">
        <v>600</v>
      </c>
      <c r="G637" s="449" t="s">
        <v>1571</v>
      </c>
      <c r="H637" s="582">
        <v>42795</v>
      </c>
      <c r="I637" s="451"/>
      <c r="J637" s="452"/>
      <c r="K637" s="480"/>
      <c r="L637" s="477"/>
      <c r="M637" s="423">
        <v>41897</v>
      </c>
      <c r="N637" s="418" t="str">
        <f t="shared" si="18"/>
        <v/>
      </c>
    </row>
    <row r="638" spans="1:14" ht="94.5">
      <c r="A638" s="538"/>
      <c r="B638" s="411">
        <f t="shared" si="19"/>
        <v>48</v>
      </c>
      <c r="C638" s="498" t="s">
        <v>1820</v>
      </c>
      <c r="D638" s="449" t="s">
        <v>1821</v>
      </c>
      <c r="E638" s="523" t="s">
        <v>707</v>
      </c>
      <c r="F638" s="449" t="s">
        <v>600</v>
      </c>
      <c r="G638" s="449" t="s">
        <v>1568</v>
      </c>
      <c r="H638" s="581">
        <v>42795</v>
      </c>
      <c r="I638" s="451"/>
      <c r="J638" s="452"/>
      <c r="K638" s="480"/>
      <c r="L638" s="477"/>
      <c r="M638" s="423">
        <v>41897</v>
      </c>
      <c r="N638" s="418" t="str">
        <f t="shared" si="18"/>
        <v/>
      </c>
    </row>
    <row r="639" spans="1:14" ht="63">
      <c r="A639" s="563"/>
      <c r="B639" s="484">
        <f t="shared" si="19"/>
        <v>48</v>
      </c>
      <c r="C639" s="500" t="s">
        <v>1822</v>
      </c>
      <c r="D639" s="494" t="s">
        <v>1823</v>
      </c>
      <c r="E639" s="590" t="s">
        <v>707</v>
      </c>
      <c r="F639" s="494" t="s">
        <v>600</v>
      </c>
      <c r="G639" s="494" t="s">
        <v>34149</v>
      </c>
      <c r="H639" s="591" t="s">
        <v>1588</v>
      </c>
      <c r="I639" s="495"/>
      <c r="J639" s="493"/>
      <c r="K639" s="525"/>
      <c r="L639" s="569"/>
      <c r="M639" s="589">
        <v>44228</v>
      </c>
      <c r="N639" s="418" t="str">
        <f t="shared" si="18"/>
        <v/>
      </c>
    </row>
    <row r="640" spans="1:14" ht="63">
      <c r="A640" s="538"/>
      <c r="B640" s="411">
        <f t="shared" si="19"/>
        <v>48</v>
      </c>
      <c r="C640" s="498" t="s">
        <v>1824</v>
      </c>
      <c r="D640" s="449" t="s">
        <v>1825</v>
      </c>
      <c r="E640" s="523" t="s">
        <v>707</v>
      </c>
      <c r="F640" s="449" t="s">
        <v>600</v>
      </c>
      <c r="G640" s="449" t="s">
        <v>1826</v>
      </c>
      <c r="H640" s="582">
        <v>42795</v>
      </c>
      <c r="I640" s="451"/>
      <c r="J640" s="452"/>
      <c r="K640" s="480"/>
      <c r="L640" s="477"/>
      <c r="M640" s="423">
        <v>42036</v>
      </c>
      <c r="N640" s="418" t="str">
        <f t="shared" si="18"/>
        <v/>
      </c>
    </row>
    <row r="641" spans="1:14" ht="94.5">
      <c r="A641" s="538"/>
      <c r="B641" s="411">
        <f t="shared" si="19"/>
        <v>48</v>
      </c>
      <c r="C641" s="498" t="s">
        <v>1827</v>
      </c>
      <c r="D641" s="449" t="s">
        <v>1828</v>
      </c>
      <c r="E641" s="523" t="s">
        <v>707</v>
      </c>
      <c r="F641" s="449" t="s">
        <v>600</v>
      </c>
      <c r="G641" s="449" t="s">
        <v>1568</v>
      </c>
      <c r="H641" s="581">
        <v>42795</v>
      </c>
      <c r="I641" s="451"/>
      <c r="J641" s="452"/>
      <c r="K641" s="480"/>
      <c r="L641" s="477"/>
      <c r="M641" s="423">
        <v>41897</v>
      </c>
      <c r="N641" s="418" t="str">
        <f t="shared" si="18"/>
        <v/>
      </c>
    </row>
    <row r="642" spans="1:14" ht="94.5">
      <c r="A642" s="538"/>
      <c r="B642" s="411">
        <f t="shared" si="19"/>
        <v>48</v>
      </c>
      <c r="C642" s="498" t="s">
        <v>1829</v>
      </c>
      <c r="D642" s="449" t="s">
        <v>1830</v>
      </c>
      <c r="E642" s="523" t="s">
        <v>707</v>
      </c>
      <c r="F642" s="449" t="s">
        <v>600</v>
      </c>
      <c r="G642" s="449" t="s">
        <v>1641</v>
      </c>
      <c r="H642" s="581" t="s">
        <v>1642</v>
      </c>
      <c r="I642" s="451"/>
      <c r="J642" s="452"/>
      <c r="K642" s="480"/>
      <c r="L642" s="477"/>
      <c r="M642" s="423">
        <v>41897</v>
      </c>
      <c r="N642" s="418" t="str">
        <f t="shared" si="18"/>
        <v/>
      </c>
    </row>
    <row r="643" spans="1:14" ht="94.5">
      <c r="A643" s="538"/>
      <c r="B643" s="411">
        <f t="shared" si="19"/>
        <v>48</v>
      </c>
      <c r="C643" s="498" t="s">
        <v>1831</v>
      </c>
      <c r="D643" s="449" t="s">
        <v>1832</v>
      </c>
      <c r="E643" s="523" t="s">
        <v>707</v>
      </c>
      <c r="F643" s="449" t="s">
        <v>600</v>
      </c>
      <c r="G643" s="449" t="s">
        <v>1568</v>
      </c>
      <c r="H643" s="581">
        <v>42795</v>
      </c>
      <c r="I643" s="451"/>
      <c r="J643" s="452"/>
      <c r="K643" s="480"/>
      <c r="L643" s="477"/>
      <c r="M643" s="423">
        <v>41897</v>
      </c>
      <c r="N643" s="418" t="str">
        <f t="shared" si="18"/>
        <v/>
      </c>
    </row>
    <row r="644" spans="1:14" ht="94.5">
      <c r="A644" s="538"/>
      <c r="B644" s="411">
        <f t="shared" si="19"/>
        <v>48</v>
      </c>
      <c r="C644" s="498" t="s">
        <v>1833</v>
      </c>
      <c r="D644" s="449" t="s">
        <v>1834</v>
      </c>
      <c r="E644" s="523" t="s">
        <v>707</v>
      </c>
      <c r="F644" s="449" t="s">
        <v>600</v>
      </c>
      <c r="G644" s="449" t="s">
        <v>1626</v>
      </c>
      <c r="H644" s="581" t="s">
        <v>1627</v>
      </c>
      <c r="I644" s="451"/>
      <c r="J644" s="452"/>
      <c r="K644" s="480"/>
      <c r="L644" s="477"/>
      <c r="M644" s="423">
        <v>41897</v>
      </c>
      <c r="N644" s="418" t="str">
        <f t="shared" si="18"/>
        <v/>
      </c>
    </row>
    <row r="645" spans="1:14" ht="94.5">
      <c r="A645" s="538"/>
      <c r="B645" s="411">
        <f t="shared" si="19"/>
        <v>48</v>
      </c>
      <c r="C645" s="498" t="s">
        <v>1835</v>
      </c>
      <c r="D645" s="449" t="s">
        <v>1836</v>
      </c>
      <c r="E645" s="523" t="s">
        <v>707</v>
      </c>
      <c r="F645" s="449" t="s">
        <v>600</v>
      </c>
      <c r="G645" s="449" t="s">
        <v>1571</v>
      </c>
      <c r="H645" s="587">
        <v>42795</v>
      </c>
      <c r="I645" s="451"/>
      <c r="J645" s="452"/>
      <c r="K645" s="480"/>
      <c r="L645" s="477"/>
      <c r="M645" s="423">
        <v>41897</v>
      </c>
      <c r="N645" s="418" t="str">
        <f t="shared" si="18"/>
        <v/>
      </c>
    </row>
    <row r="646" spans="1:14" ht="78.75">
      <c r="A646" s="538"/>
      <c r="B646" s="411">
        <f t="shared" si="19"/>
        <v>48</v>
      </c>
      <c r="C646" s="498" t="s">
        <v>1837</v>
      </c>
      <c r="D646" s="449" t="s">
        <v>1838</v>
      </c>
      <c r="E646" s="523" t="s">
        <v>595</v>
      </c>
      <c r="F646" s="449" t="s">
        <v>600</v>
      </c>
      <c r="G646" s="449" t="s">
        <v>1689</v>
      </c>
      <c r="H646" s="584"/>
      <c r="I646" s="451"/>
      <c r="J646" s="452"/>
      <c r="K646" s="480"/>
      <c r="L646" s="477"/>
      <c r="M646" s="423">
        <v>41897</v>
      </c>
      <c r="N646" s="418" t="str">
        <f t="shared" si="18"/>
        <v/>
      </c>
    </row>
    <row r="647" spans="1:14" ht="94.5">
      <c r="A647" s="538"/>
      <c r="B647" s="411">
        <f t="shared" si="19"/>
        <v>48</v>
      </c>
      <c r="C647" s="498" t="s">
        <v>1839</v>
      </c>
      <c r="D647" s="449" t="s">
        <v>1840</v>
      </c>
      <c r="E647" s="523" t="s">
        <v>707</v>
      </c>
      <c r="F647" s="449" t="s">
        <v>600</v>
      </c>
      <c r="G647" s="449" t="s">
        <v>1571</v>
      </c>
      <c r="H647" s="582">
        <v>42795</v>
      </c>
      <c r="I647" s="451"/>
      <c r="J647" s="452"/>
      <c r="K647" s="480"/>
      <c r="L647" s="477"/>
      <c r="M647" s="423">
        <v>41897</v>
      </c>
      <c r="N647" s="418" t="str">
        <f t="shared" si="18"/>
        <v/>
      </c>
    </row>
    <row r="648" spans="1:14" ht="94.5">
      <c r="A648" s="538"/>
      <c r="B648" s="411">
        <f t="shared" si="19"/>
        <v>48</v>
      </c>
      <c r="C648" s="498" t="s">
        <v>1841</v>
      </c>
      <c r="D648" s="449" t="s">
        <v>1842</v>
      </c>
      <c r="E648" s="523" t="s">
        <v>707</v>
      </c>
      <c r="F648" s="449" t="s">
        <v>600</v>
      </c>
      <c r="G648" s="449" t="s">
        <v>1641</v>
      </c>
      <c r="H648" s="583" t="s">
        <v>1642</v>
      </c>
      <c r="I648" s="451"/>
      <c r="J648" s="452"/>
      <c r="K648" s="480"/>
      <c r="L648" s="477"/>
      <c r="M648" s="423">
        <v>42767</v>
      </c>
      <c r="N648" s="418" t="str">
        <f t="shared" si="18"/>
        <v>DUPLICATE</v>
      </c>
    </row>
    <row r="649" spans="1:14" ht="78.75">
      <c r="A649" s="538"/>
      <c r="B649" s="411">
        <f t="shared" si="19"/>
        <v>48</v>
      </c>
      <c r="C649" s="498" t="s">
        <v>1843</v>
      </c>
      <c r="D649" s="449" t="s">
        <v>1844</v>
      </c>
      <c r="E649" s="523" t="s">
        <v>707</v>
      </c>
      <c r="F649" s="449" t="s">
        <v>600</v>
      </c>
      <c r="G649" s="449" t="s">
        <v>1751</v>
      </c>
      <c r="H649" s="582">
        <v>42795</v>
      </c>
      <c r="I649" s="451"/>
      <c r="J649" s="452"/>
      <c r="K649" s="480"/>
      <c r="L649" s="477"/>
      <c r="M649" s="423">
        <v>41897</v>
      </c>
      <c r="N649" s="418" t="str">
        <f t="shared" si="18"/>
        <v/>
      </c>
    </row>
    <row r="650" spans="1:14" ht="94.5">
      <c r="A650" s="538"/>
      <c r="B650" s="411">
        <f t="shared" si="19"/>
        <v>48</v>
      </c>
      <c r="C650" s="498" t="s">
        <v>1845</v>
      </c>
      <c r="D650" s="449" t="s">
        <v>1846</v>
      </c>
      <c r="E650" s="523" t="s">
        <v>707</v>
      </c>
      <c r="F650" s="449" t="s">
        <v>600</v>
      </c>
      <c r="G650" s="449" t="s">
        <v>1571</v>
      </c>
      <c r="H650" s="582">
        <v>42795</v>
      </c>
      <c r="I650" s="451"/>
      <c r="J650" s="452"/>
      <c r="K650" s="480"/>
      <c r="L650" s="477"/>
      <c r="M650" s="423">
        <v>41897</v>
      </c>
      <c r="N650" s="418" t="str">
        <f t="shared" si="18"/>
        <v/>
      </c>
    </row>
    <row r="651" spans="1:14" ht="94.5">
      <c r="A651" s="538"/>
      <c r="B651" s="411">
        <f t="shared" si="19"/>
        <v>48</v>
      </c>
      <c r="C651" s="498" t="s">
        <v>1847</v>
      </c>
      <c r="D651" s="449" t="s">
        <v>1848</v>
      </c>
      <c r="E651" s="523" t="s">
        <v>707</v>
      </c>
      <c r="F651" s="449" t="s">
        <v>600</v>
      </c>
      <c r="G651" s="449" t="s">
        <v>1571</v>
      </c>
      <c r="H651" s="582">
        <v>42795</v>
      </c>
      <c r="I651" s="451"/>
      <c r="J651" s="452"/>
      <c r="K651" s="480"/>
      <c r="L651" s="477"/>
      <c r="M651" s="423">
        <v>41897</v>
      </c>
      <c r="N651" s="418" t="str">
        <f t="shared" si="18"/>
        <v/>
      </c>
    </row>
    <row r="652" spans="1:14" ht="94.5">
      <c r="A652" s="538"/>
      <c r="B652" s="411">
        <f t="shared" si="19"/>
        <v>48</v>
      </c>
      <c r="C652" s="498" t="s">
        <v>1849</v>
      </c>
      <c r="D652" s="449" t="s">
        <v>1850</v>
      </c>
      <c r="E652" s="523" t="s">
        <v>707</v>
      </c>
      <c r="F652" s="449" t="s">
        <v>600</v>
      </c>
      <c r="G652" s="449" t="s">
        <v>1571</v>
      </c>
      <c r="H652" s="582">
        <v>42795</v>
      </c>
      <c r="I652" s="451"/>
      <c r="J652" s="452"/>
      <c r="K652" s="480"/>
      <c r="L652" s="477"/>
      <c r="M652" s="423">
        <v>41897</v>
      </c>
      <c r="N652" s="418" t="str">
        <f t="shared" si="18"/>
        <v/>
      </c>
    </row>
    <row r="653" spans="1:14" ht="94.5">
      <c r="A653" s="538"/>
      <c r="B653" s="411">
        <f t="shared" si="19"/>
        <v>48</v>
      </c>
      <c r="C653" s="498" t="s">
        <v>1851</v>
      </c>
      <c r="D653" s="449" t="s">
        <v>1852</v>
      </c>
      <c r="E653" s="523" t="s">
        <v>707</v>
      </c>
      <c r="F653" s="449" t="s">
        <v>600</v>
      </c>
      <c r="G653" s="449" t="s">
        <v>1568</v>
      </c>
      <c r="H653" s="581">
        <v>42795</v>
      </c>
      <c r="I653" s="451"/>
      <c r="J653" s="452"/>
      <c r="K653" s="480"/>
      <c r="L653" s="477"/>
      <c r="M653" s="423">
        <v>41897</v>
      </c>
      <c r="N653" s="418" t="str">
        <f t="shared" si="18"/>
        <v/>
      </c>
    </row>
    <row r="654" spans="1:14" ht="78.75">
      <c r="A654" s="538"/>
      <c r="B654" s="411">
        <f t="shared" si="19"/>
        <v>48</v>
      </c>
      <c r="C654" s="498" t="s">
        <v>1853</v>
      </c>
      <c r="D654" s="449" t="s">
        <v>1854</v>
      </c>
      <c r="E654" s="523" t="s">
        <v>707</v>
      </c>
      <c r="F654" s="449" t="s">
        <v>600</v>
      </c>
      <c r="G654" s="449" t="s">
        <v>1751</v>
      </c>
      <c r="H654" s="587">
        <v>42795</v>
      </c>
      <c r="I654" s="451"/>
      <c r="J654" s="452"/>
      <c r="K654" s="480"/>
      <c r="L654" s="477"/>
      <c r="M654" s="423">
        <v>41897</v>
      </c>
      <c r="N654" s="418" t="str">
        <f t="shared" si="18"/>
        <v/>
      </c>
    </row>
    <row r="655" spans="1:14" ht="47.25">
      <c r="A655" s="538"/>
      <c r="B655" s="411">
        <f t="shared" si="19"/>
        <v>48</v>
      </c>
      <c r="C655" s="498" t="s">
        <v>1855</v>
      </c>
      <c r="D655" s="449" t="s">
        <v>1856</v>
      </c>
      <c r="E655" s="523" t="s">
        <v>595</v>
      </c>
      <c r="F655" s="449" t="s">
        <v>600</v>
      </c>
      <c r="G655" s="449" t="s">
        <v>1614</v>
      </c>
      <c r="H655" s="584"/>
      <c r="I655" s="451"/>
      <c r="J655" s="452"/>
      <c r="K655" s="480"/>
      <c r="L655" s="477"/>
      <c r="M655" s="423">
        <v>41897</v>
      </c>
      <c r="N655" s="418" t="str">
        <f t="shared" si="18"/>
        <v/>
      </c>
    </row>
    <row r="656" spans="1:14" ht="94.5">
      <c r="A656" s="538"/>
      <c r="B656" s="411">
        <f t="shared" si="19"/>
        <v>48</v>
      </c>
      <c r="C656" s="498" t="s">
        <v>1857</v>
      </c>
      <c r="D656" s="449" t="s">
        <v>1858</v>
      </c>
      <c r="E656" s="523" t="s">
        <v>707</v>
      </c>
      <c r="F656" s="449" t="s">
        <v>600</v>
      </c>
      <c r="G656" s="449" t="s">
        <v>1591</v>
      </c>
      <c r="H656" s="582" t="s">
        <v>1588</v>
      </c>
      <c r="I656" s="451"/>
      <c r="J656" s="452"/>
      <c r="K656" s="480"/>
      <c r="L656" s="477"/>
      <c r="M656" s="423">
        <v>41897</v>
      </c>
      <c r="N656" s="418" t="str">
        <f t="shared" si="18"/>
        <v/>
      </c>
    </row>
    <row r="657" spans="1:14" ht="94.5">
      <c r="A657" s="538"/>
      <c r="B657" s="411">
        <f t="shared" si="19"/>
        <v>48</v>
      </c>
      <c r="C657" s="498" t="s">
        <v>1859</v>
      </c>
      <c r="D657" s="449" t="s">
        <v>1860</v>
      </c>
      <c r="E657" s="523" t="s">
        <v>707</v>
      </c>
      <c r="F657" s="449" t="s">
        <v>600</v>
      </c>
      <c r="G657" s="449" t="s">
        <v>1568</v>
      </c>
      <c r="H657" s="417">
        <v>42795</v>
      </c>
      <c r="I657" s="451"/>
      <c r="J657" s="452"/>
      <c r="K657" s="480"/>
      <c r="L657" s="477"/>
      <c r="M657" s="423">
        <v>41897</v>
      </c>
      <c r="N657" s="418" t="str">
        <f t="shared" si="18"/>
        <v/>
      </c>
    </row>
    <row r="658" spans="1:14" ht="63">
      <c r="A658" s="563"/>
      <c r="B658" s="484">
        <f t="shared" si="19"/>
        <v>48</v>
      </c>
      <c r="C658" s="500" t="s">
        <v>1861</v>
      </c>
      <c r="D658" s="494" t="s">
        <v>1862</v>
      </c>
      <c r="E658" s="590" t="s">
        <v>595</v>
      </c>
      <c r="F658" s="494" t="s">
        <v>600</v>
      </c>
      <c r="G658" s="494" t="s">
        <v>1604</v>
      </c>
      <c r="H658" s="593"/>
      <c r="I658" s="495"/>
      <c r="J658" s="493"/>
      <c r="K658" s="525"/>
      <c r="L658" s="569"/>
      <c r="M658" s="589">
        <v>44228</v>
      </c>
      <c r="N658" s="418" t="str">
        <f t="shared" si="18"/>
        <v/>
      </c>
    </row>
    <row r="659" spans="1:14" ht="63">
      <c r="A659" s="538"/>
      <c r="B659" s="411">
        <f t="shared" si="19"/>
        <v>48</v>
      </c>
      <c r="C659" s="498" t="s">
        <v>1863</v>
      </c>
      <c r="D659" s="449" t="s">
        <v>1864</v>
      </c>
      <c r="E659" s="523" t="s">
        <v>707</v>
      </c>
      <c r="F659" s="449" t="s">
        <v>600</v>
      </c>
      <c r="G659" s="449" t="s">
        <v>1865</v>
      </c>
      <c r="H659" s="582" t="s">
        <v>1866</v>
      </c>
      <c r="I659" s="451"/>
      <c r="J659" s="452"/>
      <c r="K659" s="480"/>
      <c r="L659" s="477"/>
      <c r="M659" s="423">
        <v>42767</v>
      </c>
      <c r="N659" s="418" t="str">
        <f t="shared" si="18"/>
        <v/>
      </c>
    </row>
    <row r="660" spans="1:14" ht="94.5">
      <c r="A660" s="538"/>
      <c r="B660" s="411">
        <f t="shared" si="19"/>
        <v>48</v>
      </c>
      <c r="C660" s="498" t="s">
        <v>1867</v>
      </c>
      <c r="D660" s="449" t="s">
        <v>1868</v>
      </c>
      <c r="E660" s="523" t="s">
        <v>707</v>
      </c>
      <c r="F660" s="449" t="s">
        <v>600</v>
      </c>
      <c r="G660" s="449" t="s">
        <v>1591</v>
      </c>
      <c r="H660" s="582" t="s">
        <v>1588</v>
      </c>
      <c r="I660" s="451"/>
      <c r="J660" s="452"/>
      <c r="K660" s="480"/>
      <c r="L660" s="477"/>
      <c r="M660" s="423">
        <v>41897</v>
      </c>
      <c r="N660" s="418" t="str">
        <f t="shared" si="18"/>
        <v/>
      </c>
    </row>
    <row r="661" spans="1:14" ht="94.5">
      <c r="A661" s="538"/>
      <c r="B661" s="411">
        <f t="shared" si="19"/>
        <v>48</v>
      </c>
      <c r="C661" s="498" t="s">
        <v>1869</v>
      </c>
      <c r="D661" s="449" t="s">
        <v>1870</v>
      </c>
      <c r="E661" s="523" t="s">
        <v>707</v>
      </c>
      <c r="F661" s="449" t="s">
        <v>600</v>
      </c>
      <c r="G661" s="449" t="s">
        <v>1571</v>
      </c>
      <c r="H661" s="587">
        <v>43224</v>
      </c>
      <c r="I661" s="451"/>
      <c r="J661" s="452"/>
      <c r="K661" s="480"/>
      <c r="L661" s="477"/>
      <c r="M661" s="423">
        <v>43132</v>
      </c>
      <c r="N661" s="418" t="str">
        <f t="shared" si="18"/>
        <v/>
      </c>
    </row>
    <row r="662" spans="1:14" ht="78.75">
      <c r="A662" s="538"/>
      <c r="B662" s="411">
        <f t="shared" si="19"/>
        <v>48</v>
      </c>
      <c r="C662" s="498" t="s">
        <v>1871</v>
      </c>
      <c r="D662" s="449" t="s">
        <v>1872</v>
      </c>
      <c r="E662" s="523" t="s">
        <v>595</v>
      </c>
      <c r="F662" s="449" t="s">
        <v>600</v>
      </c>
      <c r="G662" s="449" t="s">
        <v>1689</v>
      </c>
      <c r="H662" s="586"/>
      <c r="I662" s="451"/>
      <c r="J662" s="452"/>
      <c r="K662" s="480"/>
      <c r="L662" s="477"/>
      <c r="M662" s="423">
        <v>41897</v>
      </c>
      <c r="N662" s="418" t="str">
        <f t="shared" si="18"/>
        <v/>
      </c>
    </row>
    <row r="663" spans="1:14" ht="94.5">
      <c r="A663" s="538"/>
      <c r="B663" s="411">
        <f t="shared" si="19"/>
        <v>48</v>
      </c>
      <c r="C663" s="498" t="s">
        <v>1873</v>
      </c>
      <c r="D663" s="449" t="s">
        <v>1874</v>
      </c>
      <c r="E663" s="523" t="s">
        <v>707</v>
      </c>
      <c r="F663" s="449" t="s">
        <v>600</v>
      </c>
      <c r="G663" s="449" t="s">
        <v>1571</v>
      </c>
      <c r="H663" s="587">
        <v>43224</v>
      </c>
      <c r="I663" s="451"/>
      <c r="J663" s="452"/>
      <c r="K663" s="480"/>
      <c r="L663" s="477"/>
      <c r="M663" s="423">
        <v>43132</v>
      </c>
      <c r="N663" s="418" t="str">
        <f t="shared" si="18"/>
        <v/>
      </c>
    </row>
    <row r="664" spans="1:14" ht="94.5">
      <c r="A664" s="563"/>
      <c r="B664" s="484">
        <f t="shared" si="19"/>
        <v>48</v>
      </c>
      <c r="C664" s="492" t="s">
        <v>1875</v>
      </c>
      <c r="D664" s="599" t="s">
        <v>1876</v>
      </c>
      <c r="E664" s="590" t="s">
        <v>707</v>
      </c>
      <c r="F664" s="521" t="s">
        <v>600</v>
      </c>
      <c r="G664" s="514" t="s">
        <v>1571</v>
      </c>
      <c r="H664" s="593"/>
      <c r="I664" s="495"/>
      <c r="J664" s="493"/>
      <c r="K664" s="525"/>
      <c r="L664" s="569"/>
      <c r="M664" s="589">
        <v>44228</v>
      </c>
      <c r="N664" s="418" t="str">
        <f t="shared" si="18"/>
        <v/>
      </c>
    </row>
    <row r="665" spans="1:14" ht="94.5">
      <c r="A665" s="538"/>
      <c r="B665" s="411">
        <f t="shared" si="19"/>
        <v>48</v>
      </c>
      <c r="C665" s="498" t="s">
        <v>1878</v>
      </c>
      <c r="D665" s="449" t="s">
        <v>1879</v>
      </c>
      <c r="E665" s="523" t="s">
        <v>707</v>
      </c>
      <c r="F665" s="449" t="s">
        <v>600</v>
      </c>
      <c r="G665" s="449" t="s">
        <v>1591</v>
      </c>
      <c r="H665" s="582" t="s">
        <v>1588</v>
      </c>
      <c r="I665" s="451"/>
      <c r="J665" s="452"/>
      <c r="K665" s="480"/>
      <c r="L665" s="477"/>
      <c r="M665" s="423">
        <v>41897</v>
      </c>
      <c r="N665" s="418" t="str">
        <f t="shared" ref="N665:N728" si="20">IF(D665="NA","",IF(COUNTIF($D$2:$D$5552,D665)&gt;1,"DUPLICATE",""))</f>
        <v/>
      </c>
    </row>
    <row r="666" spans="1:14" ht="78.75">
      <c r="A666" s="538"/>
      <c r="B666" s="411">
        <f t="shared" ref="B666:B729" si="21">IF(A666&gt;0,A666,B665)</f>
        <v>48</v>
      </c>
      <c r="C666" s="498" t="s">
        <v>1880</v>
      </c>
      <c r="D666" s="449" t="s">
        <v>1881</v>
      </c>
      <c r="E666" s="523" t="s">
        <v>707</v>
      </c>
      <c r="F666" s="449" t="s">
        <v>600</v>
      </c>
      <c r="G666" s="449" t="s">
        <v>1664</v>
      </c>
      <c r="H666" s="582" t="s">
        <v>1588</v>
      </c>
      <c r="I666" s="451"/>
      <c r="J666" s="452"/>
      <c r="K666" s="480"/>
      <c r="L666" s="477"/>
      <c r="M666" s="423">
        <v>41897</v>
      </c>
      <c r="N666" s="418" t="str">
        <f t="shared" si="20"/>
        <v/>
      </c>
    </row>
    <row r="667" spans="1:14" ht="94.5">
      <c r="A667" s="538"/>
      <c r="B667" s="411">
        <f t="shared" si="21"/>
        <v>48</v>
      </c>
      <c r="C667" s="498" t="s">
        <v>1882</v>
      </c>
      <c r="D667" s="449" t="s">
        <v>1883</v>
      </c>
      <c r="E667" s="523" t="s">
        <v>707</v>
      </c>
      <c r="F667" s="449" t="s">
        <v>600</v>
      </c>
      <c r="G667" s="449" t="s">
        <v>1571</v>
      </c>
      <c r="H667" s="559" t="s">
        <v>1884</v>
      </c>
      <c r="I667" s="451"/>
      <c r="J667" s="452"/>
      <c r="K667" s="480"/>
      <c r="L667" s="477"/>
      <c r="M667" s="423">
        <v>42597</v>
      </c>
      <c r="N667" s="418" t="str">
        <f t="shared" si="20"/>
        <v/>
      </c>
    </row>
    <row r="668" spans="1:14" ht="78.75">
      <c r="A668" s="563"/>
      <c r="B668" s="484">
        <f t="shared" si="21"/>
        <v>48</v>
      </c>
      <c r="C668" s="500" t="s">
        <v>1885</v>
      </c>
      <c r="D668" s="494" t="s">
        <v>1886</v>
      </c>
      <c r="E668" s="590" t="s">
        <v>595</v>
      </c>
      <c r="F668" s="494" t="s">
        <v>600</v>
      </c>
      <c r="G668" s="494" t="s">
        <v>1689</v>
      </c>
      <c r="H668" s="588"/>
      <c r="I668" s="495"/>
      <c r="J668" s="493"/>
      <c r="K668" s="525"/>
      <c r="L668" s="569"/>
      <c r="M668" s="589">
        <v>44228</v>
      </c>
      <c r="N668" s="418" t="str">
        <f t="shared" si="20"/>
        <v/>
      </c>
    </row>
    <row r="669" spans="1:14" ht="94.5">
      <c r="A669" s="538"/>
      <c r="B669" s="411">
        <f t="shared" si="21"/>
        <v>48</v>
      </c>
      <c r="C669" s="498" t="s">
        <v>1887</v>
      </c>
      <c r="D669" s="449" t="s">
        <v>1888</v>
      </c>
      <c r="E669" s="523" t="s">
        <v>707</v>
      </c>
      <c r="F669" s="449" t="s">
        <v>600</v>
      </c>
      <c r="G669" s="449" t="s">
        <v>1571</v>
      </c>
      <c r="H669" s="582">
        <v>42795</v>
      </c>
      <c r="I669" s="451"/>
      <c r="J669" s="452"/>
      <c r="K669" s="480"/>
      <c r="L669" s="477"/>
      <c r="M669" s="423">
        <v>41897</v>
      </c>
      <c r="N669" s="418" t="str">
        <f t="shared" si="20"/>
        <v/>
      </c>
    </row>
    <row r="670" spans="1:14" ht="94.5">
      <c r="A670" s="538"/>
      <c r="B670" s="411">
        <f t="shared" si="21"/>
        <v>48</v>
      </c>
      <c r="C670" s="498" t="s">
        <v>1889</v>
      </c>
      <c r="D670" s="449" t="s">
        <v>1890</v>
      </c>
      <c r="E670" s="523" t="s">
        <v>707</v>
      </c>
      <c r="F670" s="449" t="s">
        <v>600</v>
      </c>
      <c r="G670" s="449" t="s">
        <v>1591</v>
      </c>
      <c r="H670" s="582" t="s">
        <v>1588</v>
      </c>
      <c r="I670" s="451"/>
      <c r="J670" s="452"/>
      <c r="K670" s="480"/>
      <c r="L670" s="477"/>
      <c r="M670" s="423">
        <v>41897</v>
      </c>
      <c r="N670" s="418" t="str">
        <f t="shared" si="20"/>
        <v/>
      </c>
    </row>
    <row r="671" spans="1:14" ht="47.25">
      <c r="A671" s="538"/>
      <c r="B671" s="411">
        <f t="shared" si="21"/>
        <v>48</v>
      </c>
      <c r="C671" s="498" t="s">
        <v>1891</v>
      </c>
      <c r="D671" s="449" t="s">
        <v>1892</v>
      </c>
      <c r="E671" s="523" t="s">
        <v>595</v>
      </c>
      <c r="F671" s="449" t="s">
        <v>600</v>
      </c>
      <c r="G671" s="449" t="s">
        <v>1614</v>
      </c>
      <c r="H671" s="586"/>
      <c r="I671" s="451"/>
      <c r="J671" s="452"/>
      <c r="K671" s="480"/>
      <c r="L671" s="477"/>
      <c r="M671" s="423">
        <v>41897</v>
      </c>
      <c r="N671" s="418" t="str">
        <f t="shared" si="20"/>
        <v/>
      </c>
    </row>
    <row r="672" spans="1:14" ht="63">
      <c r="A672" s="538"/>
      <c r="B672" s="411">
        <f t="shared" si="21"/>
        <v>48</v>
      </c>
      <c r="C672" s="498" t="s">
        <v>1893</v>
      </c>
      <c r="D672" s="449" t="s">
        <v>1894</v>
      </c>
      <c r="E672" s="523" t="s">
        <v>595</v>
      </c>
      <c r="F672" s="449" t="s">
        <v>600</v>
      </c>
      <c r="G672" s="449" t="s">
        <v>1895</v>
      </c>
      <c r="H672" s="586"/>
      <c r="I672" s="451"/>
      <c r="J672" s="452"/>
      <c r="K672" s="480"/>
      <c r="L672" s="477"/>
      <c r="M672" s="423">
        <v>41897</v>
      </c>
      <c r="N672" s="418" t="str">
        <f t="shared" si="20"/>
        <v/>
      </c>
    </row>
    <row r="673" spans="1:14" ht="63">
      <c r="A673" s="538"/>
      <c r="B673" s="411">
        <f t="shared" si="21"/>
        <v>48</v>
      </c>
      <c r="C673" s="498" t="s">
        <v>1896</v>
      </c>
      <c r="D673" s="449" t="s">
        <v>1897</v>
      </c>
      <c r="E673" s="523" t="s">
        <v>595</v>
      </c>
      <c r="F673" s="449" t="s">
        <v>600</v>
      </c>
      <c r="G673" s="449" t="s">
        <v>1604</v>
      </c>
      <c r="H673" s="584"/>
      <c r="I673" s="451"/>
      <c r="J673" s="452"/>
      <c r="K673" s="480"/>
      <c r="L673" s="477"/>
      <c r="M673" s="423">
        <v>41897</v>
      </c>
      <c r="N673" s="418" t="str">
        <f t="shared" si="20"/>
        <v/>
      </c>
    </row>
    <row r="674" spans="1:14" ht="94.5">
      <c r="A674" s="538"/>
      <c r="B674" s="411">
        <f t="shared" si="21"/>
        <v>48</v>
      </c>
      <c r="C674" s="498" t="s">
        <v>6</v>
      </c>
      <c r="D674" s="449" t="s">
        <v>1898</v>
      </c>
      <c r="E674" s="523" t="s">
        <v>707</v>
      </c>
      <c r="F674" s="449" t="s">
        <v>600</v>
      </c>
      <c r="G674" s="449" t="s">
        <v>1641</v>
      </c>
      <c r="H674" s="583" t="s">
        <v>1642</v>
      </c>
      <c r="I674" s="451"/>
      <c r="J674" s="452"/>
      <c r="K674" s="480"/>
      <c r="L674" s="477"/>
      <c r="M674" s="423">
        <v>42767</v>
      </c>
      <c r="N674" s="418" t="str">
        <f t="shared" si="20"/>
        <v/>
      </c>
    </row>
    <row r="675" spans="1:14" ht="94.5">
      <c r="A675" s="538"/>
      <c r="B675" s="411">
        <f t="shared" si="21"/>
        <v>48</v>
      </c>
      <c r="C675" s="498" t="s">
        <v>1899</v>
      </c>
      <c r="D675" s="449" t="s">
        <v>1900</v>
      </c>
      <c r="E675" s="523" t="s">
        <v>707</v>
      </c>
      <c r="F675" s="449" t="s">
        <v>600</v>
      </c>
      <c r="G675" s="449" t="s">
        <v>1579</v>
      </c>
      <c r="H675" s="583">
        <v>42795</v>
      </c>
      <c r="I675" s="451"/>
      <c r="J675" s="452"/>
      <c r="K675" s="480"/>
      <c r="L675" s="477"/>
      <c r="M675" s="423">
        <v>41897</v>
      </c>
      <c r="N675" s="418" t="str">
        <f t="shared" si="20"/>
        <v/>
      </c>
    </row>
    <row r="676" spans="1:14" ht="94.5">
      <c r="A676" s="538"/>
      <c r="B676" s="411">
        <f t="shared" si="21"/>
        <v>48</v>
      </c>
      <c r="C676" s="498" t="s">
        <v>1901</v>
      </c>
      <c r="D676" s="449" t="s">
        <v>1902</v>
      </c>
      <c r="E676" s="523" t="s">
        <v>707</v>
      </c>
      <c r="F676" s="449" t="s">
        <v>600</v>
      </c>
      <c r="G676" s="449" t="s">
        <v>1641</v>
      </c>
      <c r="H676" s="583" t="s">
        <v>1642</v>
      </c>
      <c r="I676" s="451"/>
      <c r="J676" s="452"/>
      <c r="K676" s="480"/>
      <c r="L676" s="477"/>
      <c r="M676" s="423">
        <v>42767</v>
      </c>
      <c r="N676" s="418" t="str">
        <f t="shared" si="20"/>
        <v/>
      </c>
    </row>
    <row r="677" spans="1:14" ht="94.5">
      <c r="A677" s="538"/>
      <c r="B677" s="411">
        <f t="shared" si="21"/>
        <v>48</v>
      </c>
      <c r="C677" s="498" t="s">
        <v>1903</v>
      </c>
      <c r="D677" s="449" t="s">
        <v>1904</v>
      </c>
      <c r="E677" s="523" t="s">
        <v>707</v>
      </c>
      <c r="F677" s="449" t="s">
        <v>600</v>
      </c>
      <c r="G677" s="449" t="s">
        <v>1641</v>
      </c>
      <c r="H677" s="582" t="s">
        <v>1642</v>
      </c>
      <c r="I677" s="451"/>
      <c r="J677" s="452"/>
      <c r="K677" s="480"/>
      <c r="L677" s="477"/>
      <c r="M677" s="423">
        <v>42597</v>
      </c>
      <c r="N677" s="418" t="str">
        <f t="shared" si="20"/>
        <v/>
      </c>
    </row>
    <row r="678" spans="1:14" ht="78.75">
      <c r="A678" s="538"/>
      <c r="B678" s="411">
        <f t="shared" si="21"/>
        <v>48</v>
      </c>
      <c r="C678" s="498" t="s">
        <v>1905</v>
      </c>
      <c r="D678" s="449" t="s">
        <v>1906</v>
      </c>
      <c r="E678" s="523" t="s">
        <v>707</v>
      </c>
      <c r="F678" s="449" t="s">
        <v>600</v>
      </c>
      <c r="G678" s="449" t="s">
        <v>1664</v>
      </c>
      <c r="H678" s="582" t="s">
        <v>1588</v>
      </c>
      <c r="I678" s="451"/>
      <c r="J678" s="452"/>
      <c r="K678" s="480"/>
      <c r="L678" s="477"/>
      <c r="M678" s="423">
        <v>42125</v>
      </c>
      <c r="N678" s="418" t="str">
        <f t="shared" si="20"/>
        <v>DUPLICATE</v>
      </c>
    </row>
    <row r="679" spans="1:14" ht="94.5">
      <c r="A679" s="538"/>
      <c r="B679" s="411">
        <f t="shared" si="21"/>
        <v>48</v>
      </c>
      <c r="C679" s="498" t="s">
        <v>1907</v>
      </c>
      <c r="D679" s="449" t="s">
        <v>1908</v>
      </c>
      <c r="E679" s="523" t="s">
        <v>707</v>
      </c>
      <c r="F679" s="449" t="s">
        <v>600</v>
      </c>
      <c r="G679" s="449" t="s">
        <v>1641</v>
      </c>
      <c r="H679" s="582" t="s">
        <v>26542</v>
      </c>
      <c r="I679" s="451"/>
      <c r="J679" s="452"/>
      <c r="K679" s="480"/>
      <c r="L679" s="477"/>
      <c r="M679" s="423">
        <v>43132</v>
      </c>
      <c r="N679" s="418" t="str">
        <f t="shared" si="20"/>
        <v/>
      </c>
    </row>
    <row r="680" spans="1:14" ht="94.5">
      <c r="A680" s="538"/>
      <c r="B680" s="411">
        <f t="shared" si="21"/>
        <v>48</v>
      </c>
      <c r="C680" s="498" t="s">
        <v>1909</v>
      </c>
      <c r="D680" s="449" t="s">
        <v>1910</v>
      </c>
      <c r="E680" s="523" t="s">
        <v>707</v>
      </c>
      <c r="F680" s="449" t="s">
        <v>600</v>
      </c>
      <c r="G680" s="449" t="s">
        <v>1641</v>
      </c>
      <c r="H680" s="583" t="s">
        <v>1642</v>
      </c>
      <c r="I680" s="451"/>
      <c r="J680" s="452"/>
      <c r="K680" s="480"/>
      <c r="L680" s="477"/>
      <c r="M680" s="423">
        <v>42767</v>
      </c>
      <c r="N680" s="418" t="str">
        <f t="shared" si="20"/>
        <v/>
      </c>
    </row>
    <row r="681" spans="1:14" ht="94.5">
      <c r="A681" s="538"/>
      <c r="B681" s="411">
        <f t="shared" si="21"/>
        <v>48</v>
      </c>
      <c r="C681" s="498" t="s">
        <v>1911</v>
      </c>
      <c r="D681" s="449" t="s">
        <v>1912</v>
      </c>
      <c r="E681" s="523" t="s">
        <v>707</v>
      </c>
      <c r="F681" s="449" t="s">
        <v>600</v>
      </c>
      <c r="G681" s="449" t="s">
        <v>1641</v>
      </c>
      <c r="H681" s="583" t="s">
        <v>1642</v>
      </c>
      <c r="I681" s="451"/>
      <c r="J681" s="452"/>
      <c r="K681" s="480"/>
      <c r="L681" s="477"/>
      <c r="M681" s="423">
        <v>42767</v>
      </c>
      <c r="N681" s="418" t="str">
        <f t="shared" si="20"/>
        <v/>
      </c>
    </row>
    <row r="682" spans="1:14" ht="94.5">
      <c r="A682" s="538"/>
      <c r="B682" s="411">
        <f t="shared" si="21"/>
        <v>48</v>
      </c>
      <c r="C682" s="498" t="s">
        <v>1913</v>
      </c>
      <c r="D682" s="449" t="s">
        <v>1914</v>
      </c>
      <c r="E682" s="523" t="s">
        <v>707</v>
      </c>
      <c r="F682" s="449" t="s">
        <v>600</v>
      </c>
      <c r="G682" s="449" t="s">
        <v>1641</v>
      </c>
      <c r="H682" s="583" t="s">
        <v>1642</v>
      </c>
      <c r="I682" s="451"/>
      <c r="J682" s="452"/>
      <c r="K682" s="480"/>
      <c r="L682" s="477"/>
      <c r="M682" s="423">
        <v>42767</v>
      </c>
      <c r="N682" s="418" t="str">
        <f t="shared" si="20"/>
        <v/>
      </c>
    </row>
    <row r="683" spans="1:14" ht="94.5">
      <c r="A683" s="538"/>
      <c r="B683" s="411">
        <f t="shared" si="21"/>
        <v>48</v>
      </c>
      <c r="C683" s="498" t="s">
        <v>1915</v>
      </c>
      <c r="D683" s="449" t="s">
        <v>1916</v>
      </c>
      <c r="E683" s="523" t="s">
        <v>707</v>
      </c>
      <c r="F683" s="449" t="s">
        <v>600</v>
      </c>
      <c r="G683" s="449" t="s">
        <v>1641</v>
      </c>
      <c r="H683" s="583" t="s">
        <v>1642</v>
      </c>
      <c r="I683" s="451"/>
      <c r="J683" s="452"/>
      <c r="K683" s="480"/>
      <c r="L683" s="477"/>
      <c r="M683" s="423">
        <v>42767</v>
      </c>
      <c r="N683" s="418" t="str">
        <f t="shared" si="20"/>
        <v/>
      </c>
    </row>
    <row r="684" spans="1:14" ht="94.5">
      <c r="A684" s="538"/>
      <c r="B684" s="411">
        <f t="shared" si="21"/>
        <v>48</v>
      </c>
      <c r="C684" s="498" t="s">
        <v>1917</v>
      </c>
      <c r="D684" s="449" t="s">
        <v>1918</v>
      </c>
      <c r="E684" s="523" t="s">
        <v>707</v>
      </c>
      <c r="F684" s="449" t="s">
        <v>600</v>
      </c>
      <c r="G684" s="449" t="s">
        <v>1641</v>
      </c>
      <c r="H684" s="583" t="s">
        <v>1642</v>
      </c>
      <c r="I684" s="451"/>
      <c r="J684" s="452"/>
      <c r="K684" s="480"/>
      <c r="L684" s="477"/>
      <c r="M684" s="423">
        <v>42767</v>
      </c>
      <c r="N684" s="418" t="str">
        <f t="shared" si="20"/>
        <v>DUPLICATE</v>
      </c>
    </row>
    <row r="685" spans="1:14" ht="94.5">
      <c r="A685" s="538"/>
      <c r="B685" s="411">
        <f t="shared" si="21"/>
        <v>48</v>
      </c>
      <c r="C685" s="498" t="s">
        <v>1919</v>
      </c>
      <c r="D685" s="449" t="s">
        <v>1920</v>
      </c>
      <c r="E685" s="523" t="s">
        <v>707</v>
      </c>
      <c r="F685" s="449" t="s">
        <v>600</v>
      </c>
      <c r="G685" s="449" t="s">
        <v>1626</v>
      </c>
      <c r="H685" s="582" t="s">
        <v>1627</v>
      </c>
      <c r="I685" s="451"/>
      <c r="J685" s="452"/>
      <c r="K685" s="480"/>
      <c r="L685" s="477"/>
      <c r="M685" s="423">
        <v>41897</v>
      </c>
      <c r="N685" s="418" t="str">
        <f t="shared" si="20"/>
        <v/>
      </c>
    </row>
    <row r="686" spans="1:14" ht="78.75">
      <c r="A686" s="538"/>
      <c r="B686" s="411">
        <f t="shared" si="21"/>
        <v>48</v>
      </c>
      <c r="C686" s="498" t="s">
        <v>1921</v>
      </c>
      <c r="D686" s="449" t="s">
        <v>1922</v>
      </c>
      <c r="E686" s="523" t="s">
        <v>595</v>
      </c>
      <c r="F686" s="449" t="s">
        <v>600</v>
      </c>
      <c r="G686" s="449" t="s">
        <v>1657</v>
      </c>
      <c r="H686" s="586"/>
      <c r="I686" s="451"/>
      <c r="J686" s="452"/>
      <c r="K686" s="480"/>
      <c r="L686" s="477"/>
      <c r="M686" s="423">
        <v>41897</v>
      </c>
      <c r="N686" s="418" t="str">
        <f t="shared" si="20"/>
        <v/>
      </c>
    </row>
    <row r="687" spans="1:14" ht="94.5">
      <c r="A687" s="538"/>
      <c r="B687" s="411">
        <f t="shared" si="21"/>
        <v>48</v>
      </c>
      <c r="C687" s="498" t="s">
        <v>1923</v>
      </c>
      <c r="D687" s="449" t="s">
        <v>1924</v>
      </c>
      <c r="E687" s="523" t="s">
        <v>707</v>
      </c>
      <c r="F687" s="449" t="s">
        <v>600</v>
      </c>
      <c r="G687" s="449" t="s">
        <v>1641</v>
      </c>
      <c r="H687" s="583" t="s">
        <v>1642</v>
      </c>
      <c r="I687" s="451"/>
      <c r="J687" s="452"/>
      <c r="K687" s="480"/>
      <c r="L687" s="477"/>
      <c r="M687" s="423">
        <v>42767</v>
      </c>
      <c r="N687" s="418" t="str">
        <f t="shared" si="20"/>
        <v/>
      </c>
    </row>
    <row r="688" spans="1:14" ht="94.5">
      <c r="A688" s="538"/>
      <c r="B688" s="411">
        <f t="shared" si="21"/>
        <v>48</v>
      </c>
      <c r="C688" s="498" t="s">
        <v>1925</v>
      </c>
      <c r="D688" s="449" t="s">
        <v>1926</v>
      </c>
      <c r="E688" s="523" t="s">
        <v>707</v>
      </c>
      <c r="F688" s="449" t="s">
        <v>600</v>
      </c>
      <c r="G688" s="449" t="s">
        <v>1641</v>
      </c>
      <c r="H688" s="582" t="s">
        <v>1642</v>
      </c>
      <c r="I688" s="451"/>
      <c r="J688" s="452"/>
      <c r="K688" s="480"/>
      <c r="L688" s="477"/>
      <c r="M688" s="423">
        <v>41897</v>
      </c>
      <c r="N688" s="418" t="str">
        <f t="shared" si="20"/>
        <v/>
      </c>
    </row>
    <row r="689" spans="1:14" ht="94.5">
      <c r="A689" s="538"/>
      <c r="B689" s="411">
        <f t="shared" si="21"/>
        <v>48</v>
      </c>
      <c r="C689" s="498" t="s">
        <v>1927</v>
      </c>
      <c r="D689" s="449" t="s">
        <v>1928</v>
      </c>
      <c r="E689" s="523" t="s">
        <v>707</v>
      </c>
      <c r="F689" s="449" t="s">
        <v>600</v>
      </c>
      <c r="G689" s="449" t="s">
        <v>1641</v>
      </c>
      <c r="H689" s="583" t="s">
        <v>1642</v>
      </c>
      <c r="I689" s="451"/>
      <c r="J689" s="452"/>
      <c r="K689" s="480"/>
      <c r="L689" s="477"/>
      <c r="M689" s="423">
        <v>42767</v>
      </c>
      <c r="N689" s="418" t="str">
        <f t="shared" si="20"/>
        <v/>
      </c>
    </row>
    <row r="690" spans="1:14" ht="94.5">
      <c r="A690" s="538"/>
      <c r="B690" s="411">
        <f t="shared" si="21"/>
        <v>48</v>
      </c>
      <c r="C690" s="498" t="s">
        <v>1929</v>
      </c>
      <c r="D690" s="449" t="s">
        <v>1930</v>
      </c>
      <c r="E690" s="523" t="s">
        <v>707</v>
      </c>
      <c r="F690" s="449" t="s">
        <v>600</v>
      </c>
      <c r="G690" s="449" t="s">
        <v>1641</v>
      </c>
      <c r="H690" s="583" t="s">
        <v>1642</v>
      </c>
      <c r="I690" s="451"/>
      <c r="J690" s="452"/>
      <c r="K690" s="480"/>
      <c r="L690" s="477"/>
      <c r="M690" s="423">
        <v>42767</v>
      </c>
      <c r="N690" s="418" t="str">
        <f t="shared" si="20"/>
        <v>DUPLICATE</v>
      </c>
    </row>
    <row r="691" spans="1:14" ht="94.5">
      <c r="A691" s="538"/>
      <c r="B691" s="411">
        <f t="shared" si="21"/>
        <v>48</v>
      </c>
      <c r="C691" s="498" t="s">
        <v>1931</v>
      </c>
      <c r="D691" s="449" t="s">
        <v>1932</v>
      </c>
      <c r="E691" s="523" t="s">
        <v>707</v>
      </c>
      <c r="F691" s="449" t="s">
        <v>600</v>
      </c>
      <c r="G691" s="449" t="s">
        <v>1579</v>
      </c>
      <c r="H691" s="583">
        <v>42795</v>
      </c>
      <c r="I691" s="451"/>
      <c r="J691" s="452"/>
      <c r="K691" s="480"/>
      <c r="L691" s="477"/>
      <c r="M691" s="423">
        <v>41897</v>
      </c>
      <c r="N691" s="418" t="str">
        <f t="shared" si="20"/>
        <v/>
      </c>
    </row>
    <row r="692" spans="1:14" ht="94.5">
      <c r="A692" s="538"/>
      <c r="B692" s="411">
        <f t="shared" si="21"/>
        <v>48</v>
      </c>
      <c r="C692" s="498" t="s">
        <v>1933</v>
      </c>
      <c r="D692" s="449" t="s">
        <v>1934</v>
      </c>
      <c r="E692" s="523" t="s">
        <v>707</v>
      </c>
      <c r="F692" s="449" t="s">
        <v>600</v>
      </c>
      <c r="G692" s="449" t="s">
        <v>1641</v>
      </c>
      <c r="H692" s="582" t="s">
        <v>1642</v>
      </c>
      <c r="I692" s="451"/>
      <c r="J692" s="452"/>
      <c r="K692" s="480"/>
      <c r="L692" s="417"/>
      <c r="M692" s="423">
        <v>41897</v>
      </c>
      <c r="N692" s="418" t="str">
        <f t="shared" si="20"/>
        <v/>
      </c>
    </row>
    <row r="693" spans="1:14" ht="94.5">
      <c r="A693" s="563"/>
      <c r="B693" s="484">
        <f t="shared" si="21"/>
        <v>48</v>
      </c>
      <c r="C693" s="500" t="s">
        <v>26543</v>
      </c>
      <c r="D693" s="494" t="s">
        <v>26544</v>
      </c>
      <c r="E693" s="494" t="s">
        <v>595</v>
      </c>
      <c r="F693" s="494" t="s">
        <v>600</v>
      </c>
      <c r="G693" s="494" t="s">
        <v>28504</v>
      </c>
      <c r="H693" s="600"/>
      <c r="I693" s="495"/>
      <c r="J693" s="493"/>
      <c r="K693" s="525"/>
      <c r="L693" s="589">
        <v>42401</v>
      </c>
      <c r="M693" s="589">
        <v>44228</v>
      </c>
      <c r="N693" s="418" t="str">
        <f t="shared" si="20"/>
        <v/>
      </c>
    </row>
    <row r="694" spans="1:14" ht="78.75">
      <c r="A694" s="563"/>
      <c r="B694" s="411">
        <f t="shared" si="21"/>
        <v>48</v>
      </c>
      <c r="C694" s="500" t="s">
        <v>1937</v>
      </c>
      <c r="D694" s="494" t="s">
        <v>1938</v>
      </c>
      <c r="E694" s="590" t="s">
        <v>707</v>
      </c>
      <c r="F694" s="494" t="s">
        <v>600</v>
      </c>
      <c r="G694" s="494" t="s">
        <v>1584</v>
      </c>
      <c r="H694" s="593"/>
      <c r="I694" s="495"/>
      <c r="J694" s="493"/>
      <c r="K694" s="525"/>
      <c r="L694" s="569"/>
      <c r="M694" s="589">
        <v>43862</v>
      </c>
      <c r="N694" s="418" t="str">
        <f t="shared" si="20"/>
        <v/>
      </c>
    </row>
    <row r="695" spans="1:14" ht="78.75">
      <c r="A695" s="538"/>
      <c r="B695" s="411">
        <f t="shared" si="21"/>
        <v>48</v>
      </c>
      <c r="C695" s="440" t="s">
        <v>1939</v>
      </c>
      <c r="D695" s="522" t="s">
        <v>1940</v>
      </c>
      <c r="E695" s="140" t="s">
        <v>595</v>
      </c>
      <c r="F695" s="522" t="s">
        <v>600</v>
      </c>
      <c r="G695" s="144" t="s">
        <v>1877</v>
      </c>
      <c r="H695" s="586"/>
      <c r="I695" s="451"/>
      <c r="J695" s="452"/>
      <c r="K695" s="480"/>
      <c r="L695" s="477"/>
      <c r="M695" s="423">
        <v>42767</v>
      </c>
      <c r="N695" s="418" t="str">
        <f t="shared" si="20"/>
        <v/>
      </c>
    </row>
    <row r="696" spans="1:14" ht="63">
      <c r="A696" s="563"/>
      <c r="B696" s="484">
        <f t="shared" si="21"/>
        <v>48</v>
      </c>
      <c r="C696" s="500" t="s">
        <v>1935</v>
      </c>
      <c r="D696" s="494" t="s">
        <v>1936</v>
      </c>
      <c r="E696" s="590" t="s">
        <v>595</v>
      </c>
      <c r="F696" s="494" t="s">
        <v>600</v>
      </c>
      <c r="G696" s="494" t="s">
        <v>1604</v>
      </c>
      <c r="H696" s="593"/>
      <c r="I696" s="495"/>
      <c r="J696" s="493"/>
      <c r="K696" s="525"/>
      <c r="L696" s="569"/>
      <c r="M696" s="589">
        <v>44228</v>
      </c>
      <c r="N696" s="418" t="str">
        <f t="shared" si="20"/>
        <v/>
      </c>
    </row>
    <row r="697" spans="1:14" ht="94.5">
      <c r="A697" s="563"/>
      <c r="B697" s="484">
        <f t="shared" si="21"/>
        <v>48</v>
      </c>
      <c r="C697" s="500" t="s">
        <v>1941</v>
      </c>
      <c r="D697" s="494" t="s">
        <v>1942</v>
      </c>
      <c r="E697" s="590" t="s">
        <v>595</v>
      </c>
      <c r="F697" s="494" t="s">
        <v>600</v>
      </c>
      <c r="G697" s="494" t="s">
        <v>28504</v>
      </c>
      <c r="H697" s="593"/>
      <c r="I697" s="495"/>
      <c r="J697" s="493"/>
      <c r="K697" s="525"/>
      <c r="L697" s="569"/>
      <c r="M697" s="589">
        <v>44228</v>
      </c>
      <c r="N697" s="418" t="str">
        <f t="shared" si="20"/>
        <v/>
      </c>
    </row>
    <row r="698" spans="1:14" ht="63">
      <c r="A698" s="538"/>
      <c r="B698" s="411">
        <f t="shared" si="21"/>
        <v>48</v>
      </c>
      <c r="C698" s="498" t="s">
        <v>1943</v>
      </c>
      <c r="D698" s="449" t="s">
        <v>1944</v>
      </c>
      <c r="E698" s="523" t="s">
        <v>595</v>
      </c>
      <c r="F698" s="449" t="s">
        <v>600</v>
      </c>
      <c r="G698" s="449" t="s">
        <v>1604</v>
      </c>
      <c r="H698" s="586"/>
      <c r="I698" s="451"/>
      <c r="J698" s="452"/>
      <c r="K698" s="480"/>
      <c r="L698" s="477"/>
      <c r="M698" s="423">
        <v>41897</v>
      </c>
      <c r="N698" s="418" t="str">
        <f t="shared" si="20"/>
        <v/>
      </c>
    </row>
    <row r="699" spans="1:14" ht="78.75">
      <c r="A699" s="563"/>
      <c r="B699" s="484">
        <f t="shared" si="21"/>
        <v>48</v>
      </c>
      <c r="C699" s="500" t="s">
        <v>1945</v>
      </c>
      <c r="D699" s="494" t="s">
        <v>1946</v>
      </c>
      <c r="E699" s="590" t="s">
        <v>707</v>
      </c>
      <c r="F699" s="494" t="s">
        <v>600</v>
      </c>
      <c r="G699" s="494" t="s">
        <v>1574</v>
      </c>
      <c r="H699" s="601" t="s">
        <v>34150</v>
      </c>
      <c r="I699" s="495"/>
      <c r="J699" s="493"/>
      <c r="K699" s="525"/>
      <c r="L699" s="569">
        <v>42597</v>
      </c>
      <c r="M699" s="589">
        <v>44228</v>
      </c>
      <c r="N699" s="418" t="str">
        <f t="shared" si="20"/>
        <v/>
      </c>
    </row>
    <row r="700" spans="1:14" ht="94.5">
      <c r="A700" s="563"/>
      <c r="B700" s="484">
        <f t="shared" si="21"/>
        <v>48</v>
      </c>
      <c r="C700" s="500" t="s">
        <v>1947</v>
      </c>
      <c r="D700" s="494" t="s">
        <v>1948</v>
      </c>
      <c r="E700" s="590" t="s">
        <v>595</v>
      </c>
      <c r="F700" s="494" t="s">
        <v>600</v>
      </c>
      <c r="G700" s="494" t="s">
        <v>28504</v>
      </c>
      <c r="H700" s="593"/>
      <c r="I700" s="495"/>
      <c r="J700" s="493"/>
      <c r="K700" s="525"/>
      <c r="L700" s="569"/>
      <c r="M700" s="589">
        <v>44228</v>
      </c>
      <c r="N700" s="418" t="str">
        <f t="shared" si="20"/>
        <v/>
      </c>
    </row>
    <row r="701" spans="1:14" ht="63">
      <c r="A701" s="538"/>
      <c r="B701" s="411">
        <f t="shared" si="21"/>
        <v>48</v>
      </c>
      <c r="C701" s="498" t="s">
        <v>1949</v>
      </c>
      <c r="D701" s="449" t="s">
        <v>1950</v>
      </c>
      <c r="E701" s="523" t="s">
        <v>595</v>
      </c>
      <c r="F701" s="449" t="s">
        <v>600</v>
      </c>
      <c r="G701" s="449" t="s">
        <v>1604</v>
      </c>
      <c r="H701" s="586"/>
      <c r="I701" s="451"/>
      <c r="J701" s="452"/>
      <c r="K701" s="480"/>
      <c r="L701" s="477"/>
      <c r="M701" s="423">
        <v>41897</v>
      </c>
      <c r="N701" s="418" t="str">
        <f t="shared" si="20"/>
        <v/>
      </c>
    </row>
    <row r="702" spans="1:14" ht="63">
      <c r="A702" s="538"/>
      <c r="B702" s="411">
        <f t="shared" si="21"/>
        <v>48</v>
      </c>
      <c r="C702" s="498" t="s">
        <v>1951</v>
      </c>
      <c r="D702" s="449" t="s">
        <v>1952</v>
      </c>
      <c r="E702" s="523" t="s">
        <v>707</v>
      </c>
      <c r="F702" s="449" t="s">
        <v>600</v>
      </c>
      <c r="G702" s="449" t="s">
        <v>1587</v>
      </c>
      <c r="H702" s="583" t="s">
        <v>1588</v>
      </c>
      <c r="I702" s="451"/>
      <c r="J702" s="452"/>
      <c r="K702" s="480"/>
      <c r="L702" s="477"/>
      <c r="M702" s="423">
        <v>42767</v>
      </c>
      <c r="N702" s="418" t="str">
        <f t="shared" si="20"/>
        <v/>
      </c>
    </row>
    <row r="703" spans="1:14" ht="94.5">
      <c r="A703" s="538"/>
      <c r="B703" s="411">
        <f t="shared" si="21"/>
        <v>48</v>
      </c>
      <c r="C703" s="498" t="s">
        <v>1953</v>
      </c>
      <c r="D703" s="449" t="s">
        <v>1954</v>
      </c>
      <c r="E703" s="523" t="s">
        <v>707</v>
      </c>
      <c r="F703" s="449" t="s">
        <v>600</v>
      </c>
      <c r="G703" s="449" t="s">
        <v>1571</v>
      </c>
      <c r="H703" s="587">
        <v>42795</v>
      </c>
      <c r="I703" s="451"/>
      <c r="J703" s="452"/>
      <c r="K703" s="480"/>
      <c r="L703" s="477"/>
      <c r="M703" s="423">
        <v>41897</v>
      </c>
      <c r="N703" s="418" t="str">
        <f t="shared" si="20"/>
        <v/>
      </c>
    </row>
    <row r="704" spans="1:14" ht="78.75">
      <c r="A704" s="563"/>
      <c r="B704" s="484">
        <f t="shared" si="21"/>
        <v>48</v>
      </c>
      <c r="C704" s="500" t="s">
        <v>1955</v>
      </c>
      <c r="D704" s="494" t="s">
        <v>1956</v>
      </c>
      <c r="E704" s="590" t="s">
        <v>707</v>
      </c>
      <c r="F704" s="494" t="s">
        <v>600</v>
      </c>
      <c r="G704" s="494" t="s">
        <v>34151</v>
      </c>
      <c r="H704" s="588"/>
      <c r="I704" s="495"/>
      <c r="J704" s="493"/>
      <c r="K704" s="525"/>
      <c r="L704" s="569"/>
      <c r="M704" s="589">
        <v>44228</v>
      </c>
      <c r="N704" s="418" t="str">
        <f t="shared" si="20"/>
        <v/>
      </c>
    </row>
    <row r="705" spans="1:14" ht="94.5">
      <c r="A705" s="538"/>
      <c r="B705" s="411">
        <f t="shared" si="21"/>
        <v>48</v>
      </c>
      <c r="C705" s="498" t="s">
        <v>1957</v>
      </c>
      <c r="D705" s="449" t="s">
        <v>1958</v>
      </c>
      <c r="E705" s="523" t="s">
        <v>707</v>
      </c>
      <c r="F705" s="449" t="s">
        <v>600</v>
      </c>
      <c r="G705" s="449" t="s">
        <v>1591</v>
      </c>
      <c r="H705" s="582" t="s">
        <v>1588</v>
      </c>
      <c r="I705" s="451"/>
      <c r="J705" s="452"/>
      <c r="K705" s="480"/>
      <c r="L705" s="477"/>
      <c r="M705" s="423">
        <v>41897</v>
      </c>
      <c r="N705" s="418" t="str">
        <f t="shared" si="20"/>
        <v/>
      </c>
    </row>
    <row r="706" spans="1:14" ht="94.5">
      <c r="A706" s="538"/>
      <c r="B706" s="411">
        <f t="shared" si="21"/>
        <v>48</v>
      </c>
      <c r="C706" s="498" t="s">
        <v>1959</v>
      </c>
      <c r="D706" s="449" t="s">
        <v>1960</v>
      </c>
      <c r="E706" s="523" t="s">
        <v>707</v>
      </c>
      <c r="F706" s="449" t="s">
        <v>600</v>
      </c>
      <c r="G706" s="449" t="s">
        <v>1568</v>
      </c>
      <c r="H706" s="581">
        <v>42795</v>
      </c>
      <c r="I706" s="451"/>
      <c r="J706" s="452"/>
      <c r="K706" s="480"/>
      <c r="L706" s="477"/>
      <c r="M706" s="423">
        <v>41897</v>
      </c>
      <c r="N706" s="418" t="str">
        <f t="shared" si="20"/>
        <v>DUPLICATE</v>
      </c>
    </row>
    <row r="707" spans="1:14" ht="94.5">
      <c r="A707" s="538"/>
      <c r="B707" s="411">
        <f t="shared" si="21"/>
        <v>48</v>
      </c>
      <c r="C707" s="498" t="s">
        <v>1961</v>
      </c>
      <c r="D707" s="449" t="s">
        <v>1962</v>
      </c>
      <c r="E707" s="523" t="s">
        <v>707</v>
      </c>
      <c r="F707" s="449" t="s">
        <v>600</v>
      </c>
      <c r="G707" s="449" t="s">
        <v>1568</v>
      </c>
      <c r="H707" s="417">
        <v>42795</v>
      </c>
      <c r="I707" s="451"/>
      <c r="J707" s="452"/>
      <c r="K707" s="480"/>
      <c r="L707" s="477"/>
      <c r="M707" s="423">
        <v>41897</v>
      </c>
      <c r="N707" s="418" t="str">
        <f t="shared" si="20"/>
        <v>DUPLICATE</v>
      </c>
    </row>
    <row r="708" spans="1:14" ht="78.75">
      <c r="A708" s="563"/>
      <c r="B708" s="484">
        <f t="shared" si="21"/>
        <v>48</v>
      </c>
      <c r="C708" s="500" t="s">
        <v>1963</v>
      </c>
      <c r="D708" s="494" t="s">
        <v>1964</v>
      </c>
      <c r="E708" s="590" t="s">
        <v>595</v>
      </c>
      <c r="F708" s="494" t="s">
        <v>600</v>
      </c>
      <c r="G708" s="494" t="s">
        <v>1689</v>
      </c>
      <c r="H708" s="588"/>
      <c r="I708" s="495"/>
      <c r="J708" s="493"/>
      <c r="K708" s="525"/>
      <c r="L708" s="569"/>
      <c r="M708" s="589">
        <v>44228</v>
      </c>
      <c r="N708" s="418" t="str">
        <f t="shared" si="20"/>
        <v/>
      </c>
    </row>
    <row r="709" spans="1:14" ht="94.5">
      <c r="A709" s="538"/>
      <c r="B709" s="411">
        <f t="shared" si="21"/>
        <v>48</v>
      </c>
      <c r="C709" s="498" t="s">
        <v>1965</v>
      </c>
      <c r="D709" s="449" t="s">
        <v>1966</v>
      </c>
      <c r="E709" s="523" t="s">
        <v>707</v>
      </c>
      <c r="F709" s="449" t="s">
        <v>600</v>
      </c>
      <c r="G709" s="449" t="s">
        <v>1591</v>
      </c>
      <c r="H709" s="582" t="s">
        <v>1588</v>
      </c>
      <c r="I709" s="451"/>
      <c r="J709" s="452"/>
      <c r="K709" s="480"/>
      <c r="L709" s="477"/>
      <c r="M709" s="423">
        <v>41897</v>
      </c>
      <c r="N709" s="418" t="str">
        <f t="shared" si="20"/>
        <v/>
      </c>
    </row>
    <row r="710" spans="1:14" ht="94.5">
      <c r="A710" s="538"/>
      <c r="B710" s="411">
        <f t="shared" si="21"/>
        <v>48</v>
      </c>
      <c r="C710" s="498" t="s">
        <v>1967</v>
      </c>
      <c r="D710" s="449" t="s">
        <v>1968</v>
      </c>
      <c r="E710" s="523" t="s">
        <v>707</v>
      </c>
      <c r="F710" s="449" t="s">
        <v>600</v>
      </c>
      <c r="G710" s="449" t="s">
        <v>1571</v>
      </c>
      <c r="H710" s="582">
        <v>42795</v>
      </c>
      <c r="I710" s="451"/>
      <c r="J710" s="452"/>
      <c r="K710" s="480"/>
      <c r="L710" s="477"/>
      <c r="M710" s="423">
        <v>41897</v>
      </c>
      <c r="N710" s="418" t="str">
        <f t="shared" si="20"/>
        <v/>
      </c>
    </row>
    <row r="711" spans="1:14" ht="94.5">
      <c r="A711" s="538"/>
      <c r="B711" s="411">
        <f t="shared" si="21"/>
        <v>48</v>
      </c>
      <c r="C711" s="498" t="s">
        <v>1969</v>
      </c>
      <c r="D711" s="449" t="s">
        <v>1970</v>
      </c>
      <c r="E711" s="523" t="s">
        <v>707</v>
      </c>
      <c r="F711" s="449" t="s">
        <v>600</v>
      </c>
      <c r="G711" s="449" t="s">
        <v>1579</v>
      </c>
      <c r="H711" s="585">
        <v>42795</v>
      </c>
      <c r="I711" s="451"/>
      <c r="J711" s="452"/>
      <c r="K711" s="480"/>
      <c r="L711" s="477"/>
      <c r="M711" s="423">
        <v>41897</v>
      </c>
      <c r="N711" s="418" t="str">
        <f t="shared" si="20"/>
        <v/>
      </c>
    </row>
    <row r="712" spans="1:14" ht="94.5">
      <c r="A712" s="538"/>
      <c r="B712" s="411">
        <f t="shared" si="21"/>
        <v>48</v>
      </c>
      <c r="C712" s="498" t="s">
        <v>1971</v>
      </c>
      <c r="D712" s="449" t="s">
        <v>1972</v>
      </c>
      <c r="E712" s="523" t="s">
        <v>707</v>
      </c>
      <c r="F712" s="449" t="s">
        <v>600</v>
      </c>
      <c r="G712" s="449" t="s">
        <v>1571</v>
      </c>
      <c r="H712" s="602" t="s">
        <v>1884</v>
      </c>
      <c r="I712" s="451"/>
      <c r="J712" s="452"/>
      <c r="K712" s="480"/>
      <c r="L712" s="477"/>
      <c r="M712" s="423">
        <v>42597</v>
      </c>
      <c r="N712" s="418" t="str">
        <f t="shared" si="20"/>
        <v/>
      </c>
    </row>
    <row r="713" spans="1:14" ht="78.75">
      <c r="A713" s="538"/>
      <c r="B713" s="411">
        <f t="shared" si="21"/>
        <v>48</v>
      </c>
      <c r="C713" s="498" t="s">
        <v>1973</v>
      </c>
      <c r="D713" s="449" t="s">
        <v>1974</v>
      </c>
      <c r="E713" s="523" t="s">
        <v>643</v>
      </c>
      <c r="F713" s="449" t="s">
        <v>600</v>
      </c>
      <c r="G713" s="449" t="s">
        <v>1714</v>
      </c>
      <c r="H713" s="581">
        <v>42795</v>
      </c>
      <c r="I713" s="451"/>
      <c r="J713" s="452"/>
      <c r="K713" s="480"/>
      <c r="L713" s="477">
        <v>42036</v>
      </c>
      <c r="M713" s="423"/>
      <c r="N713" s="418" t="str">
        <f t="shared" si="20"/>
        <v>DUPLICATE</v>
      </c>
    </row>
    <row r="714" spans="1:14" ht="94.5">
      <c r="A714" s="538"/>
      <c r="B714" s="411">
        <f t="shared" si="21"/>
        <v>48</v>
      </c>
      <c r="C714" s="498" t="s">
        <v>1975</v>
      </c>
      <c r="D714" s="449" t="s">
        <v>1976</v>
      </c>
      <c r="E714" s="523" t="s">
        <v>707</v>
      </c>
      <c r="F714" s="449" t="s">
        <v>600</v>
      </c>
      <c r="G714" s="449" t="s">
        <v>1571</v>
      </c>
      <c r="H714" s="582">
        <v>42795</v>
      </c>
      <c r="I714" s="451"/>
      <c r="J714" s="452"/>
      <c r="K714" s="517"/>
      <c r="L714" s="417"/>
      <c r="M714" s="423">
        <v>41897</v>
      </c>
      <c r="N714" s="418" t="str">
        <f t="shared" si="20"/>
        <v/>
      </c>
    </row>
    <row r="715" spans="1:14" ht="94.5">
      <c r="A715" s="538"/>
      <c r="B715" s="411">
        <f t="shared" si="21"/>
        <v>48</v>
      </c>
      <c r="C715" s="498" t="s">
        <v>1977</v>
      </c>
      <c r="D715" s="449" t="s">
        <v>1978</v>
      </c>
      <c r="E715" s="523" t="s">
        <v>707</v>
      </c>
      <c r="F715" s="449" t="s">
        <v>600</v>
      </c>
      <c r="G715" s="449" t="s">
        <v>1591</v>
      </c>
      <c r="H715" s="582" t="s">
        <v>1588</v>
      </c>
      <c r="I715" s="451"/>
      <c r="J715" s="452"/>
      <c r="K715" s="540"/>
      <c r="L715" s="417"/>
      <c r="M715" s="423">
        <v>41897</v>
      </c>
      <c r="N715" s="418" t="str">
        <f t="shared" si="20"/>
        <v/>
      </c>
    </row>
    <row r="716" spans="1:14" ht="78.75">
      <c r="A716" s="538"/>
      <c r="B716" s="411">
        <f t="shared" si="21"/>
        <v>48</v>
      </c>
      <c r="C716" s="498" t="s">
        <v>1979</v>
      </c>
      <c r="D716" s="449" t="s">
        <v>1980</v>
      </c>
      <c r="E716" s="523" t="s">
        <v>707</v>
      </c>
      <c r="F716" s="449" t="s">
        <v>600</v>
      </c>
      <c r="G716" s="449" t="s">
        <v>1574</v>
      </c>
      <c r="H716" s="585">
        <v>42795</v>
      </c>
      <c r="I716" s="451"/>
      <c r="J716" s="452"/>
      <c r="K716" s="540"/>
      <c r="L716" s="417"/>
      <c r="M716" s="423">
        <v>41897</v>
      </c>
      <c r="N716" s="418" t="str">
        <f t="shared" si="20"/>
        <v/>
      </c>
    </row>
    <row r="717" spans="1:14" ht="63">
      <c r="A717" s="563"/>
      <c r="B717" s="484">
        <f t="shared" si="21"/>
        <v>48</v>
      </c>
      <c r="C717" s="500" t="s">
        <v>1981</v>
      </c>
      <c r="D717" s="494" t="s">
        <v>1982</v>
      </c>
      <c r="E717" s="590" t="s">
        <v>595</v>
      </c>
      <c r="F717" s="494" t="s">
        <v>600</v>
      </c>
      <c r="G717" s="494" t="s">
        <v>2001</v>
      </c>
      <c r="H717" s="591" t="s">
        <v>1732</v>
      </c>
      <c r="I717" s="495"/>
      <c r="J717" s="493"/>
      <c r="K717" s="603"/>
      <c r="L717" s="434"/>
      <c r="M717" s="589">
        <v>44228</v>
      </c>
      <c r="N717" s="418" t="str">
        <f t="shared" si="20"/>
        <v/>
      </c>
    </row>
    <row r="718" spans="1:14" ht="63">
      <c r="A718" s="538"/>
      <c r="B718" s="411">
        <f t="shared" si="21"/>
        <v>48</v>
      </c>
      <c r="C718" s="498" t="s">
        <v>1983</v>
      </c>
      <c r="D718" s="449" t="s">
        <v>1984</v>
      </c>
      <c r="E718" s="523" t="s">
        <v>595</v>
      </c>
      <c r="F718" s="449" t="s">
        <v>600</v>
      </c>
      <c r="G718" s="449" t="s">
        <v>1604</v>
      </c>
      <c r="H718" s="586"/>
      <c r="I718" s="451"/>
      <c r="J718" s="452"/>
      <c r="K718" s="540"/>
      <c r="L718" s="417"/>
      <c r="M718" s="423">
        <v>41897</v>
      </c>
      <c r="N718" s="418" t="str">
        <f t="shared" si="20"/>
        <v/>
      </c>
    </row>
    <row r="719" spans="1:14" ht="78.75">
      <c r="A719" s="538"/>
      <c r="B719" s="411">
        <f t="shared" si="21"/>
        <v>48</v>
      </c>
      <c r="C719" s="498" t="s">
        <v>482</v>
      </c>
      <c r="D719" s="449" t="s">
        <v>484</v>
      </c>
      <c r="E719" s="523" t="s">
        <v>595</v>
      </c>
      <c r="F719" s="449" t="s">
        <v>600</v>
      </c>
      <c r="G719" s="449" t="s">
        <v>1703</v>
      </c>
      <c r="H719" s="584"/>
      <c r="I719" s="451"/>
      <c r="J719" s="452"/>
      <c r="K719" s="540"/>
      <c r="L719" s="417">
        <v>42036</v>
      </c>
      <c r="M719" s="423"/>
      <c r="N719" s="418" t="str">
        <f t="shared" si="20"/>
        <v>DUPLICATE</v>
      </c>
    </row>
    <row r="720" spans="1:14" ht="94.5">
      <c r="A720" s="538"/>
      <c r="B720" s="411">
        <f t="shared" si="21"/>
        <v>48</v>
      </c>
      <c r="C720" s="498" t="s">
        <v>1985</v>
      </c>
      <c r="D720" s="449" t="s">
        <v>1986</v>
      </c>
      <c r="E720" s="523" t="s">
        <v>707</v>
      </c>
      <c r="F720" s="449" t="s">
        <v>600</v>
      </c>
      <c r="G720" s="449" t="s">
        <v>1571</v>
      </c>
      <c r="H720" s="582">
        <v>42795</v>
      </c>
      <c r="I720" s="451"/>
      <c r="J720" s="452"/>
      <c r="K720" s="479"/>
      <c r="L720" s="417"/>
      <c r="M720" s="423">
        <v>41897</v>
      </c>
      <c r="N720" s="418" t="str">
        <f t="shared" si="20"/>
        <v/>
      </c>
    </row>
    <row r="721" spans="1:14" ht="94.5">
      <c r="A721" s="538"/>
      <c r="B721" s="411">
        <f t="shared" si="21"/>
        <v>48</v>
      </c>
      <c r="C721" s="498" t="s">
        <v>1987</v>
      </c>
      <c r="D721" s="449" t="s">
        <v>1988</v>
      </c>
      <c r="E721" s="523" t="s">
        <v>707</v>
      </c>
      <c r="F721" s="449" t="s">
        <v>600</v>
      </c>
      <c r="G721" s="449" t="s">
        <v>1571</v>
      </c>
      <c r="H721" s="587">
        <v>42795</v>
      </c>
      <c r="I721" s="451"/>
      <c r="J721" s="452"/>
      <c r="K721" s="540"/>
      <c r="L721" s="417"/>
      <c r="M721" s="423">
        <v>41897</v>
      </c>
      <c r="N721" s="418" t="str">
        <f t="shared" si="20"/>
        <v/>
      </c>
    </row>
    <row r="722" spans="1:14" ht="63">
      <c r="A722" s="563"/>
      <c r="B722" s="484">
        <f t="shared" si="21"/>
        <v>48</v>
      </c>
      <c r="C722" s="500" t="s">
        <v>1989</v>
      </c>
      <c r="D722" s="494" t="s">
        <v>1990</v>
      </c>
      <c r="E722" s="590" t="s">
        <v>595</v>
      </c>
      <c r="F722" s="494" t="s">
        <v>600</v>
      </c>
      <c r="G722" s="494" t="s">
        <v>1604</v>
      </c>
      <c r="H722" s="593"/>
      <c r="I722" s="495"/>
      <c r="J722" s="493"/>
      <c r="K722" s="603"/>
      <c r="L722" s="434"/>
      <c r="M722" s="589">
        <v>44228</v>
      </c>
      <c r="N722" s="418" t="str">
        <f t="shared" si="20"/>
        <v/>
      </c>
    </row>
    <row r="723" spans="1:14" ht="94.5">
      <c r="A723" s="563"/>
      <c r="B723" s="484">
        <f t="shared" si="21"/>
        <v>48</v>
      </c>
      <c r="C723" s="500" t="s">
        <v>1991</v>
      </c>
      <c r="D723" s="494" t="s">
        <v>1992</v>
      </c>
      <c r="E723" s="590" t="s">
        <v>595</v>
      </c>
      <c r="F723" s="494" t="s">
        <v>600</v>
      </c>
      <c r="G723" s="494" t="s">
        <v>28504</v>
      </c>
      <c r="H723" s="588"/>
      <c r="I723" s="495"/>
      <c r="J723" s="493"/>
      <c r="K723" s="603"/>
      <c r="L723" s="434"/>
      <c r="M723" s="589">
        <v>44228</v>
      </c>
      <c r="N723" s="418" t="str">
        <f t="shared" si="20"/>
        <v/>
      </c>
    </row>
    <row r="724" spans="1:14" ht="94.5">
      <c r="A724" s="563"/>
      <c r="B724" s="484">
        <f t="shared" si="21"/>
        <v>48</v>
      </c>
      <c r="C724" s="500" t="s">
        <v>1993</v>
      </c>
      <c r="D724" s="494" t="s">
        <v>1994</v>
      </c>
      <c r="E724" s="590" t="s">
        <v>707</v>
      </c>
      <c r="F724" s="494" t="s">
        <v>600</v>
      </c>
      <c r="G724" s="494" t="s">
        <v>1571</v>
      </c>
      <c r="H724" s="604">
        <v>42795</v>
      </c>
      <c r="I724" s="495"/>
      <c r="J724" s="493"/>
      <c r="K724" s="603"/>
      <c r="L724" s="434"/>
      <c r="M724" s="589">
        <v>44228</v>
      </c>
      <c r="N724" s="418" t="str">
        <f t="shared" si="20"/>
        <v/>
      </c>
    </row>
    <row r="725" spans="1:14" ht="78.75">
      <c r="A725" s="538"/>
      <c r="B725" s="411">
        <f t="shared" si="21"/>
        <v>48</v>
      </c>
      <c r="C725" s="498" t="s">
        <v>1995</v>
      </c>
      <c r="D725" s="449" t="s">
        <v>1996</v>
      </c>
      <c r="E725" s="523" t="s">
        <v>707</v>
      </c>
      <c r="F725" s="449" t="s">
        <v>600</v>
      </c>
      <c r="G725" s="449" t="s">
        <v>1574</v>
      </c>
      <c r="H725" s="583">
        <v>42795</v>
      </c>
      <c r="I725" s="451"/>
      <c r="J725" s="452"/>
      <c r="K725" s="540"/>
      <c r="L725" s="417"/>
      <c r="M725" s="423">
        <v>41897</v>
      </c>
      <c r="N725" s="418" t="str">
        <f t="shared" si="20"/>
        <v>DUPLICATE</v>
      </c>
    </row>
    <row r="726" spans="1:14" ht="94.5">
      <c r="A726" s="538"/>
      <c r="B726" s="411">
        <f t="shared" si="21"/>
        <v>48</v>
      </c>
      <c r="C726" s="498" t="s">
        <v>1997</v>
      </c>
      <c r="D726" s="449" t="s">
        <v>1998</v>
      </c>
      <c r="E726" s="523" t="s">
        <v>707</v>
      </c>
      <c r="F726" s="449" t="s">
        <v>600</v>
      </c>
      <c r="G726" s="449" t="s">
        <v>1571</v>
      </c>
      <c r="H726" s="587">
        <v>42795</v>
      </c>
      <c r="I726" s="451"/>
      <c r="J726" s="452"/>
      <c r="K726" s="540"/>
      <c r="L726" s="417"/>
      <c r="M726" s="423">
        <v>41897</v>
      </c>
      <c r="N726" s="418" t="str">
        <f t="shared" si="20"/>
        <v/>
      </c>
    </row>
    <row r="727" spans="1:14" ht="63">
      <c r="A727" s="538"/>
      <c r="B727" s="411">
        <f t="shared" si="21"/>
        <v>48</v>
      </c>
      <c r="C727" s="498" t="s">
        <v>1999</v>
      </c>
      <c r="D727" s="449" t="s">
        <v>2000</v>
      </c>
      <c r="E727" s="523" t="s">
        <v>595</v>
      </c>
      <c r="F727" s="449" t="s">
        <v>600</v>
      </c>
      <c r="G727" s="449" t="s">
        <v>2001</v>
      </c>
      <c r="H727" s="584"/>
      <c r="I727" s="451"/>
      <c r="J727" s="452"/>
      <c r="K727" s="540"/>
      <c r="L727" s="417"/>
      <c r="M727" s="423">
        <v>41897</v>
      </c>
      <c r="N727" s="418" t="str">
        <f t="shared" si="20"/>
        <v/>
      </c>
    </row>
    <row r="728" spans="1:14" ht="94.5">
      <c r="A728" s="538"/>
      <c r="B728" s="411">
        <f t="shared" si="21"/>
        <v>48</v>
      </c>
      <c r="C728" s="498" t="s">
        <v>2002</v>
      </c>
      <c r="D728" s="449" t="s">
        <v>2003</v>
      </c>
      <c r="E728" s="523" t="s">
        <v>707</v>
      </c>
      <c r="F728" s="449" t="s">
        <v>600</v>
      </c>
      <c r="G728" s="449" t="s">
        <v>1571</v>
      </c>
      <c r="H728" s="587">
        <v>42795</v>
      </c>
      <c r="I728" s="451"/>
      <c r="J728" s="452"/>
      <c r="K728" s="540"/>
      <c r="L728" s="417"/>
      <c r="M728" s="423">
        <v>41897</v>
      </c>
      <c r="N728" s="418" t="str">
        <f t="shared" si="20"/>
        <v/>
      </c>
    </row>
    <row r="729" spans="1:14" ht="94.5">
      <c r="A729" s="563"/>
      <c r="B729" s="484">
        <f t="shared" si="21"/>
        <v>48</v>
      </c>
      <c r="C729" s="500" t="s">
        <v>2004</v>
      </c>
      <c r="D729" s="494" t="s">
        <v>2005</v>
      </c>
      <c r="E729" s="590" t="s">
        <v>595</v>
      </c>
      <c r="F729" s="494" t="s">
        <v>600</v>
      </c>
      <c r="G729" s="494" t="s">
        <v>28504</v>
      </c>
      <c r="H729" s="588"/>
      <c r="I729" s="495"/>
      <c r="J729" s="493"/>
      <c r="K729" s="603"/>
      <c r="L729" s="434"/>
      <c r="M729" s="589">
        <v>44228</v>
      </c>
      <c r="N729" s="418" t="str">
        <f t="shared" ref="N729:N792" si="22">IF(D729="NA","",IF(COUNTIF($D$2:$D$5552,D729)&gt;1,"DUPLICATE",""))</f>
        <v/>
      </c>
    </row>
    <row r="730" spans="1:14" ht="94.5">
      <c r="A730" s="538"/>
      <c r="B730" s="411">
        <f t="shared" ref="B730:B793" si="23">IF(A730&gt;0,A730,B729)</f>
        <v>48</v>
      </c>
      <c r="C730" s="498" t="s">
        <v>2006</v>
      </c>
      <c r="D730" s="449" t="s">
        <v>2007</v>
      </c>
      <c r="E730" s="523" t="s">
        <v>707</v>
      </c>
      <c r="F730" s="449" t="s">
        <v>600</v>
      </c>
      <c r="G730" s="449" t="s">
        <v>1571</v>
      </c>
      <c r="H730" s="582">
        <v>42795</v>
      </c>
      <c r="I730" s="451"/>
      <c r="J730" s="452"/>
      <c r="K730" s="540"/>
      <c r="L730" s="417"/>
      <c r="M730" s="423">
        <v>41897</v>
      </c>
      <c r="N730" s="418" t="str">
        <f t="shared" si="22"/>
        <v/>
      </c>
    </row>
    <row r="731" spans="1:14" ht="94.5">
      <c r="A731" s="538"/>
      <c r="B731" s="411">
        <f t="shared" si="23"/>
        <v>48</v>
      </c>
      <c r="C731" s="498" t="s">
        <v>2008</v>
      </c>
      <c r="D731" s="449" t="s">
        <v>2009</v>
      </c>
      <c r="E731" s="523" t="s">
        <v>643</v>
      </c>
      <c r="F731" s="449" t="s">
        <v>600</v>
      </c>
      <c r="G731" s="449" t="s">
        <v>1568</v>
      </c>
      <c r="H731" s="581">
        <v>42795</v>
      </c>
      <c r="I731" s="451"/>
      <c r="J731" s="452"/>
      <c r="K731" s="540"/>
      <c r="L731" s="417"/>
      <c r="M731" s="423">
        <v>41897</v>
      </c>
      <c r="N731" s="418" t="str">
        <f t="shared" si="22"/>
        <v>DUPLICATE</v>
      </c>
    </row>
    <row r="732" spans="1:14" ht="94.5">
      <c r="A732" s="538"/>
      <c r="B732" s="411">
        <f t="shared" si="23"/>
        <v>48</v>
      </c>
      <c r="C732" s="498" t="s">
        <v>2010</v>
      </c>
      <c r="D732" s="449" t="s">
        <v>2011</v>
      </c>
      <c r="E732" s="523" t="s">
        <v>707</v>
      </c>
      <c r="F732" s="449" t="s">
        <v>600</v>
      </c>
      <c r="G732" s="449" t="s">
        <v>1591</v>
      </c>
      <c r="H732" s="582" t="s">
        <v>1588</v>
      </c>
      <c r="I732" s="451"/>
      <c r="J732" s="452"/>
      <c r="K732" s="540"/>
      <c r="L732" s="417"/>
      <c r="M732" s="423">
        <v>41897</v>
      </c>
      <c r="N732" s="418" t="str">
        <f t="shared" si="22"/>
        <v/>
      </c>
    </row>
    <row r="733" spans="1:14" ht="78.75">
      <c r="A733" s="538"/>
      <c r="B733" s="411">
        <f t="shared" si="23"/>
        <v>48</v>
      </c>
      <c r="C733" s="498" t="s">
        <v>2012</v>
      </c>
      <c r="D733" s="449" t="s">
        <v>2013</v>
      </c>
      <c r="E733" s="523" t="s">
        <v>707</v>
      </c>
      <c r="F733" s="449" t="s">
        <v>600</v>
      </c>
      <c r="G733" s="449" t="s">
        <v>1584</v>
      </c>
      <c r="H733" s="582">
        <v>42795</v>
      </c>
      <c r="I733" s="451"/>
      <c r="J733" s="452"/>
      <c r="K733" s="540"/>
      <c r="L733" s="417">
        <v>42036</v>
      </c>
      <c r="M733" s="423"/>
      <c r="N733" s="418" t="str">
        <f t="shared" si="22"/>
        <v/>
      </c>
    </row>
    <row r="734" spans="1:14" ht="78.75">
      <c r="A734" s="538"/>
      <c r="B734" s="411">
        <f t="shared" si="23"/>
        <v>48</v>
      </c>
      <c r="C734" s="498" t="s">
        <v>2012</v>
      </c>
      <c r="D734" s="449" t="s">
        <v>2014</v>
      </c>
      <c r="E734" s="523" t="s">
        <v>707</v>
      </c>
      <c r="F734" s="449" t="s">
        <v>600</v>
      </c>
      <c r="G734" s="449" t="s">
        <v>1584</v>
      </c>
      <c r="H734" s="582">
        <v>42795</v>
      </c>
      <c r="I734" s="451"/>
      <c r="J734" s="452"/>
      <c r="K734" s="540"/>
      <c r="L734" s="417">
        <v>42036</v>
      </c>
      <c r="M734" s="423"/>
      <c r="N734" s="418" t="str">
        <f t="shared" si="22"/>
        <v/>
      </c>
    </row>
    <row r="735" spans="1:14" ht="78.75">
      <c r="A735" s="538"/>
      <c r="B735" s="411">
        <f t="shared" si="23"/>
        <v>48</v>
      </c>
      <c r="C735" s="498" t="s">
        <v>2015</v>
      </c>
      <c r="D735" s="449" t="s">
        <v>2016</v>
      </c>
      <c r="E735" s="523" t="s">
        <v>707</v>
      </c>
      <c r="F735" s="449" t="s">
        <v>600</v>
      </c>
      <c r="G735" s="449" t="s">
        <v>1751</v>
      </c>
      <c r="H735" s="582" t="s">
        <v>28506</v>
      </c>
      <c r="I735" s="451"/>
      <c r="J735" s="452"/>
      <c r="K735" s="540"/>
      <c r="L735" s="417">
        <v>42036</v>
      </c>
      <c r="M735" s="423"/>
      <c r="N735" s="418" t="str">
        <f t="shared" si="22"/>
        <v/>
      </c>
    </row>
    <row r="736" spans="1:14" ht="94.5">
      <c r="A736" s="538"/>
      <c r="B736" s="411">
        <f t="shared" si="23"/>
        <v>48</v>
      </c>
      <c r="C736" s="498" t="s">
        <v>2017</v>
      </c>
      <c r="D736" s="449" t="s">
        <v>2018</v>
      </c>
      <c r="E736" s="523" t="s">
        <v>707</v>
      </c>
      <c r="F736" s="449" t="s">
        <v>600</v>
      </c>
      <c r="G736" s="449" t="s">
        <v>1568</v>
      </c>
      <c r="H736" s="581">
        <v>42795</v>
      </c>
      <c r="I736" s="451"/>
      <c r="J736" s="452"/>
      <c r="K736" s="540"/>
      <c r="L736" s="417"/>
      <c r="M736" s="423">
        <v>41897</v>
      </c>
      <c r="N736" s="418" t="str">
        <f t="shared" si="22"/>
        <v/>
      </c>
    </row>
    <row r="737" spans="1:14" ht="94.5">
      <c r="A737" s="538"/>
      <c r="B737" s="411">
        <f t="shared" si="23"/>
        <v>48</v>
      </c>
      <c r="C737" s="498" t="s">
        <v>2019</v>
      </c>
      <c r="D737" s="449" t="s">
        <v>2020</v>
      </c>
      <c r="E737" s="523" t="s">
        <v>707</v>
      </c>
      <c r="F737" s="449" t="s">
        <v>600</v>
      </c>
      <c r="G737" s="449" t="s">
        <v>1591</v>
      </c>
      <c r="H737" s="582" t="s">
        <v>1588</v>
      </c>
      <c r="I737" s="451"/>
      <c r="J737" s="452"/>
      <c r="K737" s="540"/>
      <c r="L737" s="417"/>
      <c r="M737" s="423">
        <v>41897</v>
      </c>
      <c r="N737" s="418" t="str">
        <f t="shared" si="22"/>
        <v/>
      </c>
    </row>
    <row r="738" spans="1:14" ht="94.5">
      <c r="A738" s="538"/>
      <c r="B738" s="411">
        <f t="shared" si="23"/>
        <v>48</v>
      </c>
      <c r="C738" s="498" t="s">
        <v>2021</v>
      </c>
      <c r="D738" s="449" t="s">
        <v>2022</v>
      </c>
      <c r="E738" s="523" t="s">
        <v>707</v>
      </c>
      <c r="F738" s="449" t="s">
        <v>600</v>
      </c>
      <c r="G738" s="449" t="s">
        <v>1591</v>
      </c>
      <c r="H738" s="582" t="s">
        <v>1588</v>
      </c>
      <c r="I738" s="481"/>
      <c r="J738" s="144"/>
      <c r="K738" s="540"/>
      <c r="L738" s="417"/>
      <c r="M738" s="469">
        <v>41897</v>
      </c>
      <c r="N738" s="418" t="str">
        <f t="shared" si="22"/>
        <v/>
      </c>
    </row>
    <row r="739" spans="1:14" ht="78.75">
      <c r="A739" s="543">
        <v>49</v>
      </c>
      <c r="B739" s="411">
        <f>IF(A739&gt;0,A739,B738)</f>
        <v>49</v>
      </c>
      <c r="C739" s="485" t="s">
        <v>2023</v>
      </c>
      <c r="D739" s="547" t="s">
        <v>2024</v>
      </c>
      <c r="E739" s="547" t="s">
        <v>643</v>
      </c>
      <c r="F739" s="605" t="s">
        <v>600</v>
      </c>
      <c r="G739" s="430" t="s">
        <v>35314</v>
      </c>
      <c r="H739" s="432"/>
      <c r="I739" s="432"/>
      <c r="J739" s="433" t="s">
        <v>2025</v>
      </c>
      <c r="K739" s="430" t="s">
        <v>1030</v>
      </c>
      <c r="L739" s="434">
        <v>39479</v>
      </c>
      <c r="M739" s="434">
        <v>43862</v>
      </c>
      <c r="N739" s="418" t="str">
        <f t="shared" si="22"/>
        <v/>
      </c>
    </row>
    <row r="740" spans="1:14" ht="47.25">
      <c r="A740" s="483">
        <v>50</v>
      </c>
      <c r="B740" s="411">
        <f t="shared" si="23"/>
        <v>50</v>
      </c>
      <c r="C740" s="606" t="s">
        <v>2026</v>
      </c>
      <c r="D740" s="504" t="s">
        <v>1666</v>
      </c>
      <c r="E740" s="607" t="s">
        <v>707</v>
      </c>
      <c r="F740" s="608" t="s">
        <v>600</v>
      </c>
      <c r="G740" s="504" t="s">
        <v>2027</v>
      </c>
      <c r="H740" s="432"/>
      <c r="I740" s="432"/>
      <c r="J740" s="433" t="s">
        <v>2028</v>
      </c>
      <c r="K740" s="504"/>
      <c r="L740" s="589">
        <v>40848</v>
      </c>
      <c r="M740" s="589">
        <v>43862</v>
      </c>
      <c r="N740" s="418" t="str">
        <f t="shared" si="22"/>
        <v>DUPLICATE</v>
      </c>
    </row>
    <row r="741" spans="1:14" ht="47.25">
      <c r="A741" s="483">
        <v>51</v>
      </c>
      <c r="B741" s="411">
        <f t="shared" si="23"/>
        <v>51</v>
      </c>
      <c r="C741" s="606" t="s">
        <v>2026</v>
      </c>
      <c r="D741" s="504" t="s">
        <v>1663</v>
      </c>
      <c r="E741" s="607" t="s">
        <v>707</v>
      </c>
      <c r="F741" s="608" t="s">
        <v>600</v>
      </c>
      <c r="G741" s="504" t="s">
        <v>2027</v>
      </c>
      <c r="H741" s="432"/>
      <c r="I741" s="432"/>
      <c r="J741" s="433" t="s">
        <v>2028</v>
      </c>
      <c r="K741" s="504"/>
      <c r="L741" s="589">
        <v>40848</v>
      </c>
      <c r="M741" s="589">
        <v>43862</v>
      </c>
      <c r="N741" s="418" t="str">
        <f t="shared" si="22"/>
        <v>DUPLICATE</v>
      </c>
    </row>
    <row r="742" spans="1:14" ht="110.25">
      <c r="A742" s="410">
        <v>52</v>
      </c>
      <c r="B742" s="411">
        <f t="shared" si="23"/>
        <v>52</v>
      </c>
      <c r="C742" s="412" t="s">
        <v>2029</v>
      </c>
      <c r="D742" s="609" t="s">
        <v>2030</v>
      </c>
      <c r="E742" s="458" t="s">
        <v>595</v>
      </c>
      <c r="F742" s="458" t="s">
        <v>596</v>
      </c>
      <c r="G742" s="458" t="s">
        <v>597</v>
      </c>
      <c r="H742" s="415"/>
      <c r="I742" s="460"/>
      <c r="J742" s="528" t="s">
        <v>2031</v>
      </c>
      <c r="K742" s="458"/>
      <c r="L742" s="423">
        <v>38362</v>
      </c>
      <c r="M742" s="423"/>
      <c r="N742" s="418" t="str">
        <f t="shared" si="22"/>
        <v/>
      </c>
    </row>
    <row r="743" spans="1:14" ht="78.75">
      <c r="A743" s="536">
        <v>53</v>
      </c>
      <c r="B743" s="411">
        <f t="shared" si="23"/>
        <v>53</v>
      </c>
      <c r="C743" s="424" t="s">
        <v>2032</v>
      </c>
      <c r="D743" s="414"/>
      <c r="E743" s="414" t="s">
        <v>707</v>
      </c>
      <c r="F743" s="414" t="s">
        <v>600</v>
      </c>
      <c r="G743" s="414" t="s">
        <v>2033</v>
      </c>
      <c r="H743" s="415"/>
      <c r="I743" s="415"/>
      <c r="J743" s="416" t="s">
        <v>2034</v>
      </c>
      <c r="K743" s="422" t="s">
        <v>2035</v>
      </c>
      <c r="L743" s="417">
        <v>38362</v>
      </c>
      <c r="M743" s="417">
        <v>42767</v>
      </c>
      <c r="N743" s="418" t="str">
        <f t="shared" si="22"/>
        <v/>
      </c>
    </row>
    <row r="744" spans="1:14" ht="15.75">
      <c r="A744" s="538"/>
      <c r="B744" s="411">
        <f t="shared" si="23"/>
        <v>53</v>
      </c>
      <c r="C744" s="575" t="s">
        <v>2036</v>
      </c>
      <c r="D744" s="442" t="s">
        <v>2037</v>
      </c>
      <c r="E744" s="610" t="s">
        <v>707</v>
      </c>
      <c r="F744" s="140" t="s">
        <v>600</v>
      </c>
      <c r="G744" s="450"/>
      <c r="H744" s="444"/>
      <c r="I744" s="451"/>
      <c r="J744" s="144"/>
      <c r="K744" s="517"/>
      <c r="L744" s="455">
        <v>38362</v>
      </c>
      <c r="M744" s="455"/>
      <c r="N744" s="418" t="str">
        <f t="shared" si="22"/>
        <v/>
      </c>
    </row>
    <row r="745" spans="1:14" ht="15.75">
      <c r="A745" s="538"/>
      <c r="B745" s="411">
        <f t="shared" si="23"/>
        <v>53</v>
      </c>
      <c r="C745" s="498" t="s">
        <v>2038</v>
      </c>
      <c r="D745" s="449" t="s">
        <v>2039</v>
      </c>
      <c r="E745" s="510" t="s">
        <v>707</v>
      </c>
      <c r="F745" s="140" t="s">
        <v>600</v>
      </c>
      <c r="G745" s="450"/>
      <c r="H745" s="451"/>
      <c r="I745" s="451"/>
      <c r="J745" s="144"/>
      <c r="K745" s="517"/>
      <c r="L745" s="455">
        <v>38362</v>
      </c>
      <c r="M745" s="455"/>
      <c r="N745" s="418" t="str">
        <f t="shared" si="22"/>
        <v/>
      </c>
    </row>
    <row r="746" spans="1:14" ht="15.75">
      <c r="A746" s="538"/>
      <c r="B746" s="411">
        <f t="shared" si="23"/>
        <v>53</v>
      </c>
      <c r="C746" s="498" t="s">
        <v>2040</v>
      </c>
      <c r="D746" s="449" t="s">
        <v>2041</v>
      </c>
      <c r="E746" s="510" t="s">
        <v>643</v>
      </c>
      <c r="F746" s="140" t="s">
        <v>600</v>
      </c>
      <c r="G746" s="450"/>
      <c r="H746" s="451"/>
      <c r="I746" s="451"/>
      <c r="J746" s="144"/>
      <c r="K746" s="517"/>
      <c r="L746" s="455">
        <v>38362</v>
      </c>
      <c r="M746" s="455">
        <v>41306</v>
      </c>
      <c r="N746" s="418" t="str">
        <f t="shared" si="22"/>
        <v>DUPLICATE</v>
      </c>
    </row>
    <row r="747" spans="1:14" ht="15.75">
      <c r="A747" s="538"/>
      <c r="B747" s="411">
        <f t="shared" si="23"/>
        <v>53</v>
      </c>
      <c r="C747" s="498" t="s">
        <v>2042</v>
      </c>
      <c r="D747" s="449" t="s">
        <v>2043</v>
      </c>
      <c r="E747" s="510" t="s">
        <v>643</v>
      </c>
      <c r="F747" s="140" t="s">
        <v>600</v>
      </c>
      <c r="G747" s="450"/>
      <c r="H747" s="451"/>
      <c r="I747" s="451"/>
      <c r="J747" s="144"/>
      <c r="K747" s="517"/>
      <c r="L747" s="455">
        <v>39845</v>
      </c>
      <c r="M747" s="455">
        <v>41306</v>
      </c>
      <c r="N747" s="418" t="str">
        <f t="shared" si="22"/>
        <v>DUPLICATE</v>
      </c>
    </row>
    <row r="748" spans="1:14" ht="15.75">
      <c r="A748" s="538"/>
      <c r="B748" s="411">
        <f t="shared" si="23"/>
        <v>53</v>
      </c>
      <c r="C748" s="498" t="s">
        <v>2044</v>
      </c>
      <c r="D748" s="449" t="s">
        <v>2045</v>
      </c>
      <c r="E748" s="510" t="s">
        <v>707</v>
      </c>
      <c r="F748" s="140" t="s">
        <v>600</v>
      </c>
      <c r="G748" s="450"/>
      <c r="H748" s="451"/>
      <c r="I748" s="451"/>
      <c r="J748" s="144"/>
      <c r="K748" s="517"/>
      <c r="L748" s="455">
        <v>38362</v>
      </c>
      <c r="M748" s="455"/>
      <c r="N748" s="418" t="str">
        <f t="shared" si="22"/>
        <v/>
      </c>
    </row>
    <row r="749" spans="1:14" ht="31.5">
      <c r="A749" s="538"/>
      <c r="B749" s="411">
        <f t="shared" si="23"/>
        <v>53</v>
      </c>
      <c r="C749" s="498" t="s">
        <v>160</v>
      </c>
      <c r="D749" s="449" t="s">
        <v>162</v>
      </c>
      <c r="E749" s="510" t="s">
        <v>707</v>
      </c>
      <c r="F749" s="140" t="s">
        <v>600</v>
      </c>
      <c r="G749" s="450" t="s">
        <v>760</v>
      </c>
      <c r="H749" s="451"/>
      <c r="I749" s="451"/>
      <c r="J749" s="144"/>
      <c r="K749" s="517"/>
      <c r="L749" s="455">
        <v>38362</v>
      </c>
      <c r="M749" s="455"/>
      <c r="N749" s="418" t="str">
        <f t="shared" si="22"/>
        <v/>
      </c>
    </row>
    <row r="750" spans="1:14" ht="15.75">
      <c r="A750" s="538"/>
      <c r="B750" s="411">
        <f t="shared" si="23"/>
        <v>53</v>
      </c>
      <c r="C750" s="498" t="s">
        <v>2046</v>
      </c>
      <c r="D750" s="449" t="s">
        <v>2047</v>
      </c>
      <c r="E750" s="510" t="s">
        <v>707</v>
      </c>
      <c r="F750" s="140" t="s">
        <v>600</v>
      </c>
      <c r="G750" s="450"/>
      <c r="H750" s="451"/>
      <c r="I750" s="451"/>
      <c r="J750" s="144"/>
      <c r="K750" s="517"/>
      <c r="L750" s="455">
        <v>38362</v>
      </c>
      <c r="M750" s="455"/>
      <c r="N750" s="418" t="str">
        <f t="shared" si="22"/>
        <v/>
      </c>
    </row>
    <row r="751" spans="1:14" ht="15.75">
      <c r="A751" s="538"/>
      <c r="B751" s="411">
        <f t="shared" si="23"/>
        <v>53</v>
      </c>
      <c r="C751" s="498" t="s">
        <v>2048</v>
      </c>
      <c r="D751" s="449" t="s">
        <v>2049</v>
      </c>
      <c r="E751" s="510" t="s">
        <v>707</v>
      </c>
      <c r="F751" s="140" t="s">
        <v>600</v>
      </c>
      <c r="G751" s="450"/>
      <c r="H751" s="451"/>
      <c r="I751" s="451"/>
      <c r="J751" s="144"/>
      <c r="K751" s="517"/>
      <c r="L751" s="455">
        <v>38362</v>
      </c>
      <c r="M751" s="455"/>
      <c r="N751" s="418" t="str">
        <f t="shared" si="22"/>
        <v/>
      </c>
    </row>
    <row r="752" spans="1:14" ht="15.75">
      <c r="A752" s="538"/>
      <c r="B752" s="411">
        <f t="shared" si="23"/>
        <v>53</v>
      </c>
      <c r="C752" s="498" t="s">
        <v>714</v>
      </c>
      <c r="D752" s="449" t="s">
        <v>715</v>
      </c>
      <c r="E752" s="510" t="s">
        <v>707</v>
      </c>
      <c r="F752" s="140" t="s">
        <v>600</v>
      </c>
      <c r="G752" s="450"/>
      <c r="H752" s="451"/>
      <c r="I752" s="451"/>
      <c r="J752" s="144"/>
      <c r="K752" s="517"/>
      <c r="L752" s="455">
        <v>38362</v>
      </c>
      <c r="M752" s="455"/>
      <c r="N752" s="418" t="str">
        <f t="shared" si="22"/>
        <v>DUPLICATE</v>
      </c>
    </row>
    <row r="753" spans="1:14" ht="15.75">
      <c r="A753" s="538"/>
      <c r="B753" s="411">
        <f t="shared" si="23"/>
        <v>53</v>
      </c>
      <c r="C753" s="498" t="s">
        <v>2050</v>
      </c>
      <c r="D753" s="449" t="s">
        <v>2051</v>
      </c>
      <c r="E753" s="510" t="s">
        <v>707</v>
      </c>
      <c r="F753" s="140" t="s">
        <v>600</v>
      </c>
      <c r="G753" s="450"/>
      <c r="H753" s="451"/>
      <c r="I753" s="451"/>
      <c r="J753" s="144"/>
      <c r="K753" s="517"/>
      <c r="L753" s="455">
        <v>42401</v>
      </c>
      <c r="M753" s="455"/>
      <c r="N753" s="418" t="str">
        <f t="shared" si="22"/>
        <v/>
      </c>
    </row>
    <row r="754" spans="1:14" ht="15.75">
      <c r="A754" s="538"/>
      <c r="B754" s="411">
        <f t="shared" si="23"/>
        <v>53</v>
      </c>
      <c r="C754" s="498" t="s">
        <v>2052</v>
      </c>
      <c r="D754" s="449" t="s">
        <v>2053</v>
      </c>
      <c r="E754" s="510" t="s">
        <v>707</v>
      </c>
      <c r="F754" s="140" t="s">
        <v>600</v>
      </c>
      <c r="G754" s="450"/>
      <c r="H754" s="451"/>
      <c r="I754" s="451"/>
      <c r="J754" s="144"/>
      <c r="K754" s="517"/>
      <c r="L754" s="455">
        <v>38362</v>
      </c>
      <c r="M754" s="455"/>
      <c r="N754" s="418" t="str">
        <f t="shared" si="22"/>
        <v/>
      </c>
    </row>
    <row r="755" spans="1:14" ht="15.75">
      <c r="A755" s="538"/>
      <c r="B755" s="411">
        <f t="shared" si="23"/>
        <v>53</v>
      </c>
      <c r="C755" s="498" t="s">
        <v>2054</v>
      </c>
      <c r="D755" s="449" t="s">
        <v>2055</v>
      </c>
      <c r="E755" s="510" t="s">
        <v>707</v>
      </c>
      <c r="F755" s="140" t="s">
        <v>600</v>
      </c>
      <c r="G755" s="450"/>
      <c r="H755" s="451"/>
      <c r="I755" s="451"/>
      <c r="J755" s="144"/>
      <c r="K755" s="517"/>
      <c r="L755" s="455">
        <v>38362</v>
      </c>
      <c r="M755" s="455"/>
      <c r="N755" s="418" t="str">
        <f t="shared" si="22"/>
        <v/>
      </c>
    </row>
    <row r="756" spans="1:14" ht="31.5">
      <c r="A756" s="563"/>
      <c r="B756" s="411">
        <f t="shared" si="23"/>
        <v>53</v>
      </c>
      <c r="C756" s="500" t="s">
        <v>2056</v>
      </c>
      <c r="D756" s="494" t="s">
        <v>2057</v>
      </c>
      <c r="E756" s="512" t="s">
        <v>707</v>
      </c>
      <c r="F756" s="599" t="s">
        <v>600</v>
      </c>
      <c r="G756" s="494" t="s">
        <v>2077</v>
      </c>
      <c r="H756" s="495"/>
      <c r="I756" s="495"/>
      <c r="J756" s="514"/>
      <c r="K756" s="519"/>
      <c r="L756" s="502">
        <v>38362</v>
      </c>
      <c r="M756" s="502">
        <v>43862</v>
      </c>
      <c r="N756" s="418" t="str">
        <f t="shared" si="22"/>
        <v/>
      </c>
    </row>
    <row r="757" spans="1:14" ht="15.75">
      <c r="A757" s="538"/>
      <c r="B757" s="411">
        <f t="shared" si="23"/>
        <v>53</v>
      </c>
      <c r="C757" s="498" t="s">
        <v>126</v>
      </c>
      <c r="D757" s="449" t="s">
        <v>128</v>
      </c>
      <c r="E757" s="510" t="s">
        <v>707</v>
      </c>
      <c r="F757" s="140" t="s">
        <v>600</v>
      </c>
      <c r="G757" s="450"/>
      <c r="H757" s="451"/>
      <c r="I757" s="451"/>
      <c r="J757" s="144"/>
      <c r="K757" s="517"/>
      <c r="L757" s="455">
        <v>38362</v>
      </c>
      <c r="M757" s="455"/>
      <c r="N757" s="418" t="str">
        <f t="shared" si="22"/>
        <v/>
      </c>
    </row>
    <row r="758" spans="1:14" ht="15.75">
      <c r="A758" s="538"/>
      <c r="B758" s="411">
        <f t="shared" si="23"/>
        <v>53</v>
      </c>
      <c r="C758" s="498" t="s">
        <v>2058</v>
      </c>
      <c r="D758" s="449" t="s">
        <v>2059</v>
      </c>
      <c r="E758" s="510" t="s">
        <v>707</v>
      </c>
      <c r="F758" s="140" t="s">
        <v>600</v>
      </c>
      <c r="G758" s="450"/>
      <c r="H758" s="451"/>
      <c r="I758" s="451"/>
      <c r="J758" s="144"/>
      <c r="K758" s="517"/>
      <c r="L758" s="455">
        <v>38362</v>
      </c>
      <c r="M758" s="455"/>
      <c r="N758" s="418" t="str">
        <f t="shared" si="22"/>
        <v/>
      </c>
    </row>
    <row r="759" spans="1:14" ht="28.5">
      <c r="A759" s="538"/>
      <c r="B759" s="411">
        <f t="shared" si="23"/>
        <v>53</v>
      </c>
      <c r="C759" s="498" t="s">
        <v>2060</v>
      </c>
      <c r="D759" s="449" t="s">
        <v>2061</v>
      </c>
      <c r="E759" s="510" t="s">
        <v>707</v>
      </c>
      <c r="F759" s="140" t="s">
        <v>600</v>
      </c>
      <c r="G759" s="450"/>
      <c r="H759" s="451"/>
      <c r="I759" s="451"/>
      <c r="J759" s="144"/>
      <c r="K759" s="517"/>
      <c r="L759" s="455">
        <v>38362</v>
      </c>
      <c r="M759" s="455"/>
      <c r="N759" s="418" t="str">
        <f t="shared" si="22"/>
        <v/>
      </c>
    </row>
    <row r="760" spans="1:14" ht="15.75">
      <c r="A760" s="538"/>
      <c r="B760" s="411">
        <f t="shared" si="23"/>
        <v>53</v>
      </c>
      <c r="C760" s="498" t="s">
        <v>2062</v>
      </c>
      <c r="D760" s="449" t="s">
        <v>2063</v>
      </c>
      <c r="E760" s="510" t="s">
        <v>707</v>
      </c>
      <c r="F760" s="140" t="s">
        <v>600</v>
      </c>
      <c r="G760" s="450"/>
      <c r="H760" s="451"/>
      <c r="I760" s="451"/>
      <c r="J760" s="144"/>
      <c r="K760" s="517"/>
      <c r="L760" s="455">
        <v>38362</v>
      </c>
      <c r="M760" s="455"/>
      <c r="N760" s="418" t="str">
        <f t="shared" si="22"/>
        <v/>
      </c>
    </row>
    <row r="761" spans="1:14" ht="15.75">
      <c r="A761" s="538"/>
      <c r="B761" s="411">
        <f t="shared" si="23"/>
        <v>53</v>
      </c>
      <c r="C761" s="498" t="s">
        <v>2064</v>
      </c>
      <c r="D761" s="449" t="s">
        <v>2065</v>
      </c>
      <c r="E761" s="510" t="s">
        <v>707</v>
      </c>
      <c r="F761" s="140" t="s">
        <v>600</v>
      </c>
      <c r="G761" s="450"/>
      <c r="H761" s="451"/>
      <c r="I761" s="451"/>
      <c r="J761" s="144"/>
      <c r="K761" s="517"/>
      <c r="L761" s="455">
        <v>38362</v>
      </c>
      <c r="M761" s="455"/>
      <c r="N761" s="418" t="str">
        <f t="shared" si="22"/>
        <v>DUPLICATE</v>
      </c>
    </row>
    <row r="762" spans="1:14" ht="15.75">
      <c r="A762" s="538"/>
      <c r="B762" s="411">
        <f t="shared" si="23"/>
        <v>53</v>
      </c>
      <c r="C762" s="498" t="s">
        <v>2066</v>
      </c>
      <c r="D762" s="449" t="s">
        <v>2067</v>
      </c>
      <c r="E762" s="510" t="s">
        <v>707</v>
      </c>
      <c r="F762" s="140" t="s">
        <v>600</v>
      </c>
      <c r="G762" s="450"/>
      <c r="H762" s="451"/>
      <c r="I762" s="451"/>
      <c r="J762" s="144"/>
      <c r="K762" s="517"/>
      <c r="L762" s="455">
        <v>38362</v>
      </c>
      <c r="M762" s="455"/>
      <c r="N762" s="418" t="str">
        <f t="shared" si="22"/>
        <v/>
      </c>
    </row>
    <row r="763" spans="1:14" ht="15.75">
      <c r="A763" s="538"/>
      <c r="B763" s="411">
        <f t="shared" si="23"/>
        <v>53</v>
      </c>
      <c r="C763" s="498" t="s">
        <v>2068</v>
      </c>
      <c r="D763" s="449" t="s">
        <v>2069</v>
      </c>
      <c r="E763" s="510" t="s">
        <v>707</v>
      </c>
      <c r="F763" s="140" t="s">
        <v>600</v>
      </c>
      <c r="G763" s="450"/>
      <c r="H763" s="451"/>
      <c r="I763" s="451"/>
      <c r="J763" s="144"/>
      <c r="K763" s="517"/>
      <c r="L763" s="455">
        <v>38362</v>
      </c>
      <c r="M763" s="455"/>
      <c r="N763" s="418" t="str">
        <f t="shared" si="22"/>
        <v/>
      </c>
    </row>
    <row r="764" spans="1:14" ht="15.75">
      <c r="A764" s="538"/>
      <c r="B764" s="411">
        <f t="shared" si="23"/>
        <v>53</v>
      </c>
      <c r="C764" s="498" t="s">
        <v>2070</v>
      </c>
      <c r="D764" s="449" t="s">
        <v>2071</v>
      </c>
      <c r="E764" s="510" t="s">
        <v>707</v>
      </c>
      <c r="F764" s="140" t="s">
        <v>600</v>
      </c>
      <c r="G764" s="450"/>
      <c r="H764" s="451"/>
      <c r="I764" s="451"/>
      <c r="J764" s="144"/>
      <c r="K764" s="517"/>
      <c r="L764" s="455">
        <v>38362</v>
      </c>
      <c r="M764" s="455"/>
      <c r="N764" s="418" t="str">
        <f t="shared" si="22"/>
        <v>DUPLICATE</v>
      </c>
    </row>
    <row r="765" spans="1:14" ht="15.75">
      <c r="A765" s="538"/>
      <c r="B765" s="411">
        <f t="shared" si="23"/>
        <v>53</v>
      </c>
      <c r="C765" s="498" t="s">
        <v>2072</v>
      </c>
      <c r="D765" s="449" t="s">
        <v>2073</v>
      </c>
      <c r="E765" s="510" t="s">
        <v>707</v>
      </c>
      <c r="F765" s="140" t="s">
        <v>600</v>
      </c>
      <c r="G765" s="450"/>
      <c r="H765" s="451"/>
      <c r="I765" s="451"/>
      <c r="J765" s="144"/>
      <c r="K765" s="517"/>
      <c r="L765" s="455">
        <v>38362</v>
      </c>
      <c r="M765" s="455"/>
      <c r="N765" s="418" t="str">
        <f t="shared" si="22"/>
        <v/>
      </c>
    </row>
    <row r="766" spans="1:14" ht="15.75">
      <c r="A766" s="538"/>
      <c r="B766" s="411">
        <f t="shared" si="23"/>
        <v>53</v>
      </c>
      <c r="C766" s="498" t="s">
        <v>2074</v>
      </c>
      <c r="D766" s="449" t="s">
        <v>2075</v>
      </c>
      <c r="E766" s="510" t="s">
        <v>707</v>
      </c>
      <c r="F766" s="140" t="s">
        <v>600</v>
      </c>
      <c r="G766" s="450"/>
      <c r="H766" s="451"/>
      <c r="I766" s="451"/>
      <c r="J766" s="144"/>
      <c r="K766" s="517"/>
      <c r="L766" s="455">
        <v>38362</v>
      </c>
      <c r="M766" s="455"/>
      <c r="N766" s="418" t="str">
        <f t="shared" si="22"/>
        <v/>
      </c>
    </row>
    <row r="767" spans="1:14" ht="31.5">
      <c r="A767" s="538"/>
      <c r="B767" s="411">
        <f t="shared" si="23"/>
        <v>53</v>
      </c>
      <c r="C767" s="498" t="s">
        <v>2076</v>
      </c>
      <c r="D767" s="449" t="s">
        <v>118</v>
      </c>
      <c r="E767" s="510" t="s">
        <v>707</v>
      </c>
      <c r="F767" s="140" t="s">
        <v>600</v>
      </c>
      <c r="G767" s="450" t="s">
        <v>2077</v>
      </c>
      <c r="H767" s="451"/>
      <c r="I767" s="451"/>
      <c r="J767" s="144"/>
      <c r="K767" s="517"/>
      <c r="L767" s="455">
        <v>38362</v>
      </c>
      <c r="M767" s="455">
        <v>42036</v>
      </c>
      <c r="N767" s="418" t="str">
        <f t="shared" si="22"/>
        <v/>
      </c>
    </row>
    <row r="768" spans="1:14" ht="15.75">
      <c r="A768" s="538"/>
      <c r="B768" s="411">
        <f t="shared" si="23"/>
        <v>53</v>
      </c>
      <c r="C768" s="498" t="s">
        <v>2078</v>
      </c>
      <c r="D768" s="449" t="s">
        <v>2079</v>
      </c>
      <c r="E768" s="510" t="s">
        <v>707</v>
      </c>
      <c r="F768" s="140" t="s">
        <v>600</v>
      </c>
      <c r="G768" s="450"/>
      <c r="H768" s="451"/>
      <c r="I768" s="451"/>
      <c r="J768" s="144"/>
      <c r="K768" s="517"/>
      <c r="L768" s="455">
        <v>38362</v>
      </c>
      <c r="M768" s="455"/>
      <c r="N768" s="418" t="str">
        <f t="shared" si="22"/>
        <v/>
      </c>
    </row>
    <row r="769" spans="1:14" ht="15.75">
      <c r="A769" s="538"/>
      <c r="B769" s="411">
        <f t="shared" si="23"/>
        <v>53</v>
      </c>
      <c r="C769" s="498" t="s">
        <v>2080</v>
      </c>
      <c r="D769" s="449" t="s">
        <v>2081</v>
      </c>
      <c r="E769" s="510" t="s">
        <v>707</v>
      </c>
      <c r="F769" s="140" t="s">
        <v>600</v>
      </c>
      <c r="G769" s="450"/>
      <c r="H769" s="451"/>
      <c r="I769" s="451"/>
      <c r="J769" s="144"/>
      <c r="K769" s="517"/>
      <c r="L769" s="455">
        <v>38362</v>
      </c>
      <c r="M769" s="455"/>
      <c r="N769" s="418" t="str">
        <f t="shared" si="22"/>
        <v/>
      </c>
    </row>
    <row r="770" spans="1:14" ht="31.5">
      <c r="A770" s="563"/>
      <c r="B770" s="411">
        <f t="shared" si="23"/>
        <v>53</v>
      </c>
      <c r="C770" s="500" t="s">
        <v>2082</v>
      </c>
      <c r="D770" s="494" t="s">
        <v>2083</v>
      </c>
      <c r="E770" s="512" t="s">
        <v>707</v>
      </c>
      <c r="F770" s="599" t="s">
        <v>600</v>
      </c>
      <c r="G770" s="494" t="s">
        <v>2077</v>
      </c>
      <c r="H770" s="495"/>
      <c r="I770" s="495"/>
      <c r="J770" s="514"/>
      <c r="K770" s="519"/>
      <c r="L770" s="502">
        <v>38362</v>
      </c>
      <c r="M770" s="502">
        <v>43862</v>
      </c>
      <c r="N770" s="418" t="str">
        <f t="shared" si="22"/>
        <v/>
      </c>
    </row>
    <row r="771" spans="1:14" ht="15.75">
      <c r="A771" s="538"/>
      <c r="B771" s="411">
        <f t="shared" si="23"/>
        <v>53</v>
      </c>
      <c r="C771" s="498" t="s">
        <v>2084</v>
      </c>
      <c r="D771" s="449" t="s">
        <v>2085</v>
      </c>
      <c r="E771" s="510" t="s">
        <v>707</v>
      </c>
      <c r="F771" s="140" t="s">
        <v>600</v>
      </c>
      <c r="G771" s="450"/>
      <c r="H771" s="451"/>
      <c r="I771" s="451"/>
      <c r="J771" s="144"/>
      <c r="K771" s="517"/>
      <c r="L771" s="455">
        <v>38362</v>
      </c>
      <c r="M771" s="455"/>
      <c r="N771" s="418" t="str">
        <f t="shared" si="22"/>
        <v/>
      </c>
    </row>
    <row r="772" spans="1:14" ht="15.75">
      <c r="A772" s="538"/>
      <c r="B772" s="411">
        <f t="shared" si="23"/>
        <v>53</v>
      </c>
      <c r="C772" s="498" t="s">
        <v>2086</v>
      </c>
      <c r="D772" s="449" t="s">
        <v>2087</v>
      </c>
      <c r="E772" s="510" t="s">
        <v>707</v>
      </c>
      <c r="F772" s="140" t="s">
        <v>600</v>
      </c>
      <c r="G772" s="450"/>
      <c r="H772" s="451"/>
      <c r="I772" s="451"/>
      <c r="J772" s="144"/>
      <c r="K772" s="517"/>
      <c r="L772" s="455">
        <v>38362</v>
      </c>
      <c r="M772" s="455"/>
      <c r="N772" s="418" t="str">
        <f t="shared" si="22"/>
        <v/>
      </c>
    </row>
    <row r="773" spans="1:14" ht="15.75">
      <c r="A773" s="538"/>
      <c r="B773" s="411">
        <f t="shared" si="23"/>
        <v>53</v>
      </c>
      <c r="C773" s="498" t="s">
        <v>2088</v>
      </c>
      <c r="D773" s="449" t="s">
        <v>2089</v>
      </c>
      <c r="E773" s="510" t="s">
        <v>707</v>
      </c>
      <c r="F773" s="140" t="s">
        <v>600</v>
      </c>
      <c r="G773" s="450"/>
      <c r="H773" s="451"/>
      <c r="I773" s="451"/>
      <c r="J773" s="144"/>
      <c r="K773" s="517"/>
      <c r="L773" s="455">
        <v>39845</v>
      </c>
      <c r="M773" s="455"/>
      <c r="N773" s="418" t="str">
        <f t="shared" si="22"/>
        <v/>
      </c>
    </row>
    <row r="774" spans="1:14" ht="15.75">
      <c r="A774" s="538"/>
      <c r="B774" s="411">
        <f t="shared" si="23"/>
        <v>53</v>
      </c>
      <c r="C774" s="498" t="s">
        <v>2090</v>
      </c>
      <c r="D774" s="449" t="s">
        <v>2091</v>
      </c>
      <c r="E774" s="510" t="s">
        <v>707</v>
      </c>
      <c r="F774" s="140" t="s">
        <v>600</v>
      </c>
      <c r="G774" s="450"/>
      <c r="H774" s="451"/>
      <c r="I774" s="451"/>
      <c r="J774" s="144"/>
      <c r="K774" s="517"/>
      <c r="L774" s="455">
        <v>39845</v>
      </c>
      <c r="M774" s="455"/>
      <c r="N774" s="418" t="str">
        <f t="shared" si="22"/>
        <v>DUPLICATE</v>
      </c>
    </row>
    <row r="775" spans="1:14" ht="15.75">
      <c r="A775" s="538"/>
      <c r="B775" s="411">
        <f t="shared" si="23"/>
        <v>53</v>
      </c>
      <c r="C775" s="498" t="s">
        <v>2092</v>
      </c>
      <c r="D775" s="449" t="s">
        <v>2093</v>
      </c>
      <c r="E775" s="510" t="s">
        <v>707</v>
      </c>
      <c r="F775" s="140" t="s">
        <v>600</v>
      </c>
      <c r="G775" s="450"/>
      <c r="H775" s="451"/>
      <c r="I775" s="451"/>
      <c r="J775" s="144"/>
      <c r="K775" s="517"/>
      <c r="L775" s="455">
        <v>38362</v>
      </c>
      <c r="M775" s="455"/>
      <c r="N775" s="418" t="str">
        <f t="shared" si="22"/>
        <v>DUPLICATE</v>
      </c>
    </row>
    <row r="776" spans="1:14" ht="15.75">
      <c r="A776" s="538"/>
      <c r="B776" s="411">
        <f t="shared" si="23"/>
        <v>53</v>
      </c>
      <c r="C776" s="498" t="s">
        <v>2094</v>
      </c>
      <c r="D776" s="449" t="s">
        <v>2095</v>
      </c>
      <c r="E776" s="510" t="s">
        <v>707</v>
      </c>
      <c r="F776" s="140" t="s">
        <v>600</v>
      </c>
      <c r="G776" s="450"/>
      <c r="H776" s="451"/>
      <c r="I776" s="451"/>
      <c r="J776" s="144"/>
      <c r="K776" s="517"/>
      <c r="L776" s="455">
        <v>38362</v>
      </c>
      <c r="M776" s="455"/>
      <c r="N776" s="418" t="str">
        <f t="shared" si="22"/>
        <v/>
      </c>
    </row>
    <row r="777" spans="1:14" ht="15.75">
      <c r="A777" s="538"/>
      <c r="B777" s="411">
        <f t="shared" si="23"/>
        <v>53</v>
      </c>
      <c r="C777" s="498" t="s">
        <v>2096</v>
      </c>
      <c r="D777" s="449" t="s">
        <v>2097</v>
      </c>
      <c r="E777" s="510" t="s">
        <v>707</v>
      </c>
      <c r="F777" s="140" t="s">
        <v>600</v>
      </c>
      <c r="G777" s="450"/>
      <c r="H777" s="451"/>
      <c r="I777" s="451"/>
      <c r="J777" s="144"/>
      <c r="K777" s="517"/>
      <c r="L777" s="455">
        <v>38362</v>
      </c>
      <c r="M777" s="455"/>
      <c r="N777" s="418" t="str">
        <f t="shared" si="22"/>
        <v/>
      </c>
    </row>
    <row r="778" spans="1:14" ht="31.5">
      <c r="A778" s="563"/>
      <c r="B778" s="411">
        <f t="shared" si="23"/>
        <v>53</v>
      </c>
      <c r="C778" s="500" t="s">
        <v>2098</v>
      </c>
      <c r="D778" s="494" t="s">
        <v>2099</v>
      </c>
      <c r="E778" s="512" t="s">
        <v>707</v>
      </c>
      <c r="F778" s="599" t="s">
        <v>600</v>
      </c>
      <c r="G778" s="494" t="s">
        <v>2077</v>
      </c>
      <c r="H778" s="495"/>
      <c r="I778" s="495"/>
      <c r="J778" s="514"/>
      <c r="K778" s="519"/>
      <c r="L778" s="502">
        <v>38362</v>
      </c>
      <c r="M778" s="502">
        <v>43862</v>
      </c>
      <c r="N778" s="418" t="str">
        <f t="shared" si="22"/>
        <v/>
      </c>
    </row>
    <row r="779" spans="1:14" ht="31.5">
      <c r="A779" s="563"/>
      <c r="B779" s="411">
        <f t="shared" si="23"/>
        <v>53</v>
      </c>
      <c r="C779" s="500" t="s">
        <v>2100</v>
      </c>
      <c r="D779" s="494" t="s">
        <v>2101</v>
      </c>
      <c r="E779" s="512" t="s">
        <v>707</v>
      </c>
      <c r="F779" s="599" t="s">
        <v>600</v>
      </c>
      <c r="G779" s="494" t="s">
        <v>2077</v>
      </c>
      <c r="H779" s="495"/>
      <c r="I779" s="495"/>
      <c r="J779" s="514"/>
      <c r="K779" s="519"/>
      <c r="L779" s="502">
        <v>38362</v>
      </c>
      <c r="M779" s="502">
        <v>43862</v>
      </c>
      <c r="N779" s="418" t="str">
        <f t="shared" si="22"/>
        <v/>
      </c>
    </row>
    <row r="780" spans="1:14" ht="31.5">
      <c r="A780" s="538"/>
      <c r="B780" s="411">
        <f t="shared" si="23"/>
        <v>53</v>
      </c>
      <c r="C780" s="498" t="s">
        <v>163</v>
      </c>
      <c r="D780" s="449" t="s">
        <v>165</v>
      </c>
      <c r="E780" s="510" t="s">
        <v>707</v>
      </c>
      <c r="F780" s="140" t="s">
        <v>600</v>
      </c>
      <c r="G780" s="450" t="s">
        <v>760</v>
      </c>
      <c r="H780" s="451"/>
      <c r="I780" s="451"/>
      <c r="J780" s="144"/>
      <c r="K780" s="517"/>
      <c r="L780" s="455">
        <v>38362</v>
      </c>
      <c r="M780" s="455"/>
      <c r="N780" s="418" t="str">
        <f t="shared" si="22"/>
        <v/>
      </c>
    </row>
    <row r="781" spans="1:14" ht="28.5">
      <c r="A781" s="538"/>
      <c r="B781" s="411">
        <f t="shared" si="23"/>
        <v>53</v>
      </c>
      <c r="C781" s="498" t="s">
        <v>2102</v>
      </c>
      <c r="D781" s="449" t="s">
        <v>2103</v>
      </c>
      <c r="E781" s="452" t="s">
        <v>707</v>
      </c>
      <c r="F781" s="144" t="s">
        <v>600</v>
      </c>
      <c r="G781" s="450"/>
      <c r="H781" s="451"/>
      <c r="I781" s="451"/>
      <c r="J781" s="144"/>
      <c r="K781" s="517"/>
      <c r="L781" s="455">
        <v>38362</v>
      </c>
      <c r="M781" s="455"/>
      <c r="N781" s="418" t="str">
        <f t="shared" si="22"/>
        <v/>
      </c>
    </row>
    <row r="782" spans="1:14" ht="28.5">
      <c r="A782" s="538"/>
      <c r="B782" s="411">
        <f t="shared" si="23"/>
        <v>53</v>
      </c>
      <c r="C782" s="498" t="s">
        <v>2104</v>
      </c>
      <c r="D782" s="449" t="s">
        <v>2105</v>
      </c>
      <c r="E782" s="452" t="s">
        <v>707</v>
      </c>
      <c r="F782" s="144" t="s">
        <v>600</v>
      </c>
      <c r="G782" s="450"/>
      <c r="H782" s="451"/>
      <c r="I782" s="451"/>
      <c r="J782" s="144"/>
      <c r="K782" s="517"/>
      <c r="L782" s="455">
        <v>38362</v>
      </c>
      <c r="M782" s="455"/>
      <c r="N782" s="418" t="str">
        <f t="shared" si="22"/>
        <v/>
      </c>
    </row>
    <row r="783" spans="1:14" ht="15.75">
      <c r="A783" s="538"/>
      <c r="B783" s="411">
        <f t="shared" si="23"/>
        <v>53</v>
      </c>
      <c r="C783" s="498" t="s">
        <v>2106</v>
      </c>
      <c r="D783" s="449" t="s">
        <v>2107</v>
      </c>
      <c r="E783" s="510" t="s">
        <v>707</v>
      </c>
      <c r="F783" s="140" t="s">
        <v>600</v>
      </c>
      <c r="G783" s="450"/>
      <c r="H783" s="451"/>
      <c r="I783" s="451"/>
      <c r="J783" s="144"/>
      <c r="K783" s="517"/>
      <c r="L783" s="455">
        <v>38362</v>
      </c>
      <c r="M783" s="455"/>
      <c r="N783" s="418" t="str">
        <f t="shared" si="22"/>
        <v/>
      </c>
    </row>
    <row r="784" spans="1:14" ht="15.75">
      <c r="A784" s="538"/>
      <c r="B784" s="411">
        <f t="shared" si="23"/>
        <v>53</v>
      </c>
      <c r="C784" s="498" t="s">
        <v>2108</v>
      </c>
      <c r="D784" s="449" t="s">
        <v>2109</v>
      </c>
      <c r="E784" s="510" t="s">
        <v>707</v>
      </c>
      <c r="F784" s="140" t="s">
        <v>600</v>
      </c>
      <c r="G784" s="450"/>
      <c r="H784" s="451"/>
      <c r="I784" s="451"/>
      <c r="J784" s="144"/>
      <c r="K784" s="517"/>
      <c r="L784" s="455">
        <v>38362</v>
      </c>
      <c r="M784" s="455"/>
      <c r="N784" s="418" t="str">
        <f t="shared" si="22"/>
        <v/>
      </c>
    </row>
    <row r="785" spans="1:14" ht="15.75">
      <c r="A785" s="538"/>
      <c r="B785" s="411">
        <f t="shared" si="23"/>
        <v>53</v>
      </c>
      <c r="C785" s="498" t="s">
        <v>2110</v>
      </c>
      <c r="D785" s="449" t="s">
        <v>2111</v>
      </c>
      <c r="E785" s="510" t="s">
        <v>707</v>
      </c>
      <c r="F785" s="140" t="s">
        <v>600</v>
      </c>
      <c r="G785" s="450"/>
      <c r="H785" s="451"/>
      <c r="I785" s="451"/>
      <c r="J785" s="144"/>
      <c r="K785" s="517"/>
      <c r="L785" s="455">
        <v>38362</v>
      </c>
      <c r="M785" s="455"/>
      <c r="N785" s="418" t="str">
        <f t="shared" si="22"/>
        <v/>
      </c>
    </row>
    <row r="786" spans="1:14" ht="15.75">
      <c r="A786" s="538"/>
      <c r="B786" s="411">
        <f t="shared" si="23"/>
        <v>53</v>
      </c>
      <c r="C786" s="498" t="s">
        <v>2112</v>
      </c>
      <c r="D786" s="449" t="s">
        <v>2113</v>
      </c>
      <c r="E786" s="510" t="s">
        <v>707</v>
      </c>
      <c r="F786" s="140" t="s">
        <v>600</v>
      </c>
      <c r="G786" s="450"/>
      <c r="H786" s="451"/>
      <c r="I786" s="451"/>
      <c r="J786" s="144"/>
      <c r="K786" s="517"/>
      <c r="L786" s="455">
        <v>38362</v>
      </c>
      <c r="M786" s="455"/>
      <c r="N786" s="418" t="str">
        <f t="shared" si="22"/>
        <v>DUPLICATE</v>
      </c>
    </row>
    <row r="787" spans="1:14" ht="42.75">
      <c r="A787" s="538"/>
      <c r="B787" s="411">
        <f t="shared" si="23"/>
        <v>53</v>
      </c>
      <c r="C787" s="498" t="s">
        <v>2114</v>
      </c>
      <c r="D787" s="449" t="s">
        <v>2115</v>
      </c>
      <c r="E787" s="452" t="s">
        <v>707</v>
      </c>
      <c r="F787" s="144" t="s">
        <v>600</v>
      </c>
      <c r="G787" s="450"/>
      <c r="H787" s="451"/>
      <c r="I787" s="451"/>
      <c r="J787" s="144"/>
      <c r="K787" s="517"/>
      <c r="L787" s="455">
        <v>38362</v>
      </c>
      <c r="M787" s="455"/>
      <c r="N787" s="418" t="str">
        <f t="shared" si="22"/>
        <v>DUPLICATE</v>
      </c>
    </row>
    <row r="788" spans="1:14" ht="42.75">
      <c r="A788" s="538"/>
      <c r="B788" s="411">
        <f t="shared" si="23"/>
        <v>53</v>
      </c>
      <c r="C788" s="498" t="s">
        <v>2116</v>
      </c>
      <c r="D788" s="449" t="s">
        <v>2117</v>
      </c>
      <c r="E788" s="452" t="s">
        <v>707</v>
      </c>
      <c r="F788" s="144" t="s">
        <v>600</v>
      </c>
      <c r="G788" s="450"/>
      <c r="H788" s="451"/>
      <c r="I788" s="451"/>
      <c r="J788" s="144"/>
      <c r="K788" s="517"/>
      <c r="L788" s="455">
        <v>38362</v>
      </c>
      <c r="M788" s="455"/>
      <c r="N788" s="418" t="str">
        <f t="shared" si="22"/>
        <v>DUPLICATE</v>
      </c>
    </row>
    <row r="789" spans="1:14" ht="28.5">
      <c r="A789" s="538"/>
      <c r="B789" s="411">
        <f t="shared" si="23"/>
        <v>53</v>
      </c>
      <c r="C789" s="498" t="s">
        <v>2118</v>
      </c>
      <c r="D789" s="449" t="s">
        <v>2119</v>
      </c>
      <c r="E789" s="452" t="s">
        <v>707</v>
      </c>
      <c r="F789" s="144" t="s">
        <v>600</v>
      </c>
      <c r="G789" s="450"/>
      <c r="H789" s="451"/>
      <c r="I789" s="451"/>
      <c r="J789" s="144"/>
      <c r="K789" s="517"/>
      <c r="L789" s="455">
        <v>38362</v>
      </c>
      <c r="M789" s="455"/>
      <c r="N789" s="418" t="str">
        <f t="shared" si="22"/>
        <v>DUPLICATE</v>
      </c>
    </row>
    <row r="790" spans="1:14" ht="42.75">
      <c r="A790" s="538"/>
      <c r="B790" s="411">
        <f t="shared" si="23"/>
        <v>53</v>
      </c>
      <c r="C790" s="498" t="s">
        <v>2120</v>
      </c>
      <c r="D790" s="449" t="s">
        <v>2121</v>
      </c>
      <c r="E790" s="452" t="s">
        <v>707</v>
      </c>
      <c r="F790" s="144" t="s">
        <v>600</v>
      </c>
      <c r="G790" s="450"/>
      <c r="H790" s="451"/>
      <c r="I790" s="451"/>
      <c r="J790" s="144"/>
      <c r="K790" s="517"/>
      <c r="L790" s="455">
        <v>38362</v>
      </c>
      <c r="M790" s="455"/>
      <c r="N790" s="418" t="str">
        <f t="shared" si="22"/>
        <v>DUPLICATE</v>
      </c>
    </row>
    <row r="791" spans="1:14" ht="42.75">
      <c r="A791" s="538"/>
      <c r="B791" s="411">
        <f t="shared" si="23"/>
        <v>53</v>
      </c>
      <c r="C791" s="498" t="s">
        <v>2122</v>
      </c>
      <c r="D791" s="449" t="s">
        <v>2123</v>
      </c>
      <c r="E791" s="452" t="s">
        <v>707</v>
      </c>
      <c r="F791" s="144" t="s">
        <v>600</v>
      </c>
      <c r="G791" s="450"/>
      <c r="H791" s="451"/>
      <c r="I791" s="451"/>
      <c r="J791" s="144"/>
      <c r="K791" s="517"/>
      <c r="L791" s="455">
        <v>38362</v>
      </c>
      <c r="M791" s="455"/>
      <c r="N791" s="418" t="str">
        <f t="shared" si="22"/>
        <v>DUPLICATE</v>
      </c>
    </row>
    <row r="792" spans="1:14" ht="15.75">
      <c r="A792" s="538"/>
      <c r="B792" s="411">
        <f t="shared" si="23"/>
        <v>53</v>
      </c>
      <c r="C792" s="498" t="s">
        <v>2124</v>
      </c>
      <c r="D792" s="449" t="s">
        <v>2125</v>
      </c>
      <c r="E792" s="510" t="s">
        <v>643</v>
      </c>
      <c r="F792" s="140" t="s">
        <v>600</v>
      </c>
      <c r="G792" s="450"/>
      <c r="H792" s="451"/>
      <c r="I792" s="451"/>
      <c r="J792" s="144"/>
      <c r="K792" s="517"/>
      <c r="L792" s="455">
        <v>38362</v>
      </c>
      <c r="M792" s="455">
        <v>41306</v>
      </c>
      <c r="N792" s="418" t="str">
        <f t="shared" si="22"/>
        <v>DUPLICATE</v>
      </c>
    </row>
    <row r="793" spans="1:14" ht="15.75">
      <c r="A793" s="538"/>
      <c r="B793" s="411">
        <f t="shared" si="23"/>
        <v>53</v>
      </c>
      <c r="C793" s="498" t="s">
        <v>2126</v>
      </c>
      <c r="D793" s="449" t="s">
        <v>2127</v>
      </c>
      <c r="E793" s="510" t="s">
        <v>707</v>
      </c>
      <c r="F793" s="140" t="s">
        <v>600</v>
      </c>
      <c r="G793" s="450"/>
      <c r="H793" s="451"/>
      <c r="I793" s="451"/>
      <c r="J793" s="144"/>
      <c r="K793" s="517"/>
      <c r="L793" s="455">
        <v>38362</v>
      </c>
      <c r="M793" s="455"/>
      <c r="N793" s="418" t="str">
        <f t="shared" ref="N793:N856" si="24">IF(D793="NA","",IF(COUNTIF($D$2:$D$5552,D793)&gt;1,"DUPLICATE",""))</f>
        <v>DUPLICATE</v>
      </c>
    </row>
    <row r="794" spans="1:14" ht="15.75">
      <c r="A794" s="538"/>
      <c r="B794" s="411">
        <f t="shared" ref="B794:B857" si="25">IF(A794&gt;0,A794,B793)</f>
        <v>53</v>
      </c>
      <c r="C794" s="498" t="s">
        <v>2128</v>
      </c>
      <c r="D794" s="449" t="s">
        <v>2129</v>
      </c>
      <c r="E794" s="510" t="s">
        <v>707</v>
      </c>
      <c r="F794" s="140" t="s">
        <v>600</v>
      </c>
      <c r="G794" s="450"/>
      <c r="H794" s="451"/>
      <c r="I794" s="451"/>
      <c r="J794" s="144"/>
      <c r="K794" s="517"/>
      <c r="L794" s="455">
        <v>38362</v>
      </c>
      <c r="M794" s="455"/>
      <c r="N794" s="418" t="str">
        <f t="shared" si="24"/>
        <v>DUPLICATE</v>
      </c>
    </row>
    <row r="795" spans="1:14" ht="15.75">
      <c r="A795" s="538"/>
      <c r="B795" s="411">
        <f t="shared" si="25"/>
        <v>53</v>
      </c>
      <c r="C795" s="498" t="s">
        <v>2130</v>
      </c>
      <c r="D795" s="449" t="s">
        <v>2131</v>
      </c>
      <c r="E795" s="510" t="s">
        <v>707</v>
      </c>
      <c r="F795" s="140" t="s">
        <v>600</v>
      </c>
      <c r="G795" s="450"/>
      <c r="H795" s="451"/>
      <c r="I795" s="451"/>
      <c r="J795" s="144"/>
      <c r="K795" s="517"/>
      <c r="L795" s="455">
        <v>38362</v>
      </c>
      <c r="M795" s="455"/>
      <c r="N795" s="418" t="str">
        <f t="shared" si="24"/>
        <v>DUPLICATE</v>
      </c>
    </row>
    <row r="796" spans="1:14" ht="15.75">
      <c r="A796" s="538"/>
      <c r="B796" s="411">
        <f t="shared" si="25"/>
        <v>53</v>
      </c>
      <c r="C796" s="498" t="s">
        <v>2132</v>
      </c>
      <c r="D796" s="449" t="s">
        <v>2133</v>
      </c>
      <c r="E796" s="510" t="s">
        <v>707</v>
      </c>
      <c r="F796" s="140" t="s">
        <v>600</v>
      </c>
      <c r="G796" s="450"/>
      <c r="H796" s="451"/>
      <c r="I796" s="451"/>
      <c r="J796" s="144"/>
      <c r="K796" s="517"/>
      <c r="L796" s="455">
        <v>38362</v>
      </c>
      <c r="M796" s="455"/>
      <c r="N796" s="418" t="str">
        <f t="shared" si="24"/>
        <v>DUPLICATE</v>
      </c>
    </row>
    <row r="797" spans="1:14" ht="15.75">
      <c r="A797" s="538"/>
      <c r="B797" s="411">
        <f t="shared" si="25"/>
        <v>53</v>
      </c>
      <c r="C797" s="498" t="s">
        <v>2134</v>
      </c>
      <c r="D797" s="449" t="s">
        <v>2135</v>
      </c>
      <c r="E797" s="510" t="s">
        <v>707</v>
      </c>
      <c r="F797" s="140" t="s">
        <v>600</v>
      </c>
      <c r="G797" s="450"/>
      <c r="H797" s="451"/>
      <c r="I797" s="451"/>
      <c r="J797" s="144"/>
      <c r="K797" s="517"/>
      <c r="L797" s="455">
        <v>38362</v>
      </c>
      <c r="M797" s="455"/>
      <c r="N797" s="418" t="str">
        <f t="shared" si="24"/>
        <v/>
      </c>
    </row>
    <row r="798" spans="1:14" ht="15.75">
      <c r="A798" s="538"/>
      <c r="B798" s="411">
        <f t="shared" si="25"/>
        <v>53</v>
      </c>
      <c r="C798" s="498" t="s">
        <v>2136</v>
      </c>
      <c r="D798" s="449" t="s">
        <v>2137</v>
      </c>
      <c r="E798" s="510" t="s">
        <v>707</v>
      </c>
      <c r="F798" s="140" t="s">
        <v>600</v>
      </c>
      <c r="G798" s="450"/>
      <c r="H798" s="451"/>
      <c r="I798" s="451"/>
      <c r="J798" s="144"/>
      <c r="K798" s="517"/>
      <c r="L798" s="455">
        <v>38362</v>
      </c>
      <c r="M798" s="455"/>
      <c r="N798" s="418" t="str">
        <f t="shared" si="24"/>
        <v/>
      </c>
    </row>
    <row r="799" spans="1:14" ht="31.5">
      <c r="A799" s="563"/>
      <c r="B799" s="411">
        <f t="shared" si="25"/>
        <v>53</v>
      </c>
      <c r="C799" s="500" t="s">
        <v>2138</v>
      </c>
      <c r="D799" s="494" t="s">
        <v>13990</v>
      </c>
      <c r="E799" s="512" t="s">
        <v>707</v>
      </c>
      <c r="F799" s="599" t="s">
        <v>600</v>
      </c>
      <c r="G799" s="494" t="s">
        <v>2077</v>
      </c>
      <c r="H799" s="495"/>
      <c r="I799" s="495"/>
      <c r="J799" s="611" t="s">
        <v>13991</v>
      </c>
      <c r="K799" s="519"/>
      <c r="L799" s="502">
        <v>38362</v>
      </c>
      <c r="M799" s="502">
        <v>43862</v>
      </c>
      <c r="N799" s="418" t="str">
        <f t="shared" si="24"/>
        <v/>
      </c>
    </row>
    <row r="800" spans="1:14" ht="31.5">
      <c r="A800" s="538"/>
      <c r="B800" s="411">
        <f t="shared" si="25"/>
        <v>53</v>
      </c>
      <c r="C800" s="498" t="s">
        <v>2140</v>
      </c>
      <c r="D800" s="449" t="s">
        <v>2141</v>
      </c>
      <c r="E800" s="510" t="s">
        <v>707</v>
      </c>
      <c r="F800" s="140" t="s">
        <v>600</v>
      </c>
      <c r="G800" s="450" t="s">
        <v>2310</v>
      </c>
      <c r="H800" s="451"/>
      <c r="I800" s="451"/>
      <c r="J800" s="144"/>
      <c r="K800" s="517"/>
      <c r="L800" s="455">
        <v>38362</v>
      </c>
      <c r="M800" s="455">
        <v>43497</v>
      </c>
      <c r="N800" s="418" t="str">
        <f t="shared" si="24"/>
        <v/>
      </c>
    </row>
    <row r="801" spans="1:14" ht="31.5">
      <c r="A801" s="538"/>
      <c r="B801" s="411">
        <f t="shared" si="25"/>
        <v>53</v>
      </c>
      <c r="C801" s="498" t="s">
        <v>2142</v>
      </c>
      <c r="D801" s="449" t="s">
        <v>134</v>
      </c>
      <c r="E801" s="510" t="s">
        <v>707</v>
      </c>
      <c r="F801" s="140" t="s">
        <v>600</v>
      </c>
      <c r="G801" s="450" t="s">
        <v>760</v>
      </c>
      <c r="H801" s="451"/>
      <c r="I801" s="451"/>
      <c r="J801" s="144"/>
      <c r="K801" s="517"/>
      <c r="L801" s="455">
        <v>38362</v>
      </c>
      <c r="M801" s="455"/>
      <c r="N801" s="418" t="str">
        <f t="shared" si="24"/>
        <v/>
      </c>
    </row>
    <row r="802" spans="1:14" ht="15.75">
      <c r="A802" s="538"/>
      <c r="B802" s="411">
        <f t="shared" si="25"/>
        <v>53</v>
      </c>
      <c r="C802" s="498" t="s">
        <v>2143</v>
      </c>
      <c r="D802" s="449" t="s">
        <v>2144</v>
      </c>
      <c r="E802" s="510" t="s">
        <v>707</v>
      </c>
      <c r="F802" s="140" t="s">
        <v>600</v>
      </c>
      <c r="G802" s="450"/>
      <c r="H802" s="451"/>
      <c r="I802" s="451"/>
      <c r="J802" s="144"/>
      <c r="K802" s="517"/>
      <c r="L802" s="455">
        <v>38362</v>
      </c>
      <c r="M802" s="455"/>
      <c r="N802" s="418" t="str">
        <f t="shared" si="24"/>
        <v/>
      </c>
    </row>
    <row r="803" spans="1:14" ht="15.75">
      <c r="A803" s="538"/>
      <c r="B803" s="411">
        <f t="shared" si="25"/>
        <v>53</v>
      </c>
      <c r="C803" s="498" t="s">
        <v>2145</v>
      </c>
      <c r="D803" s="449" t="s">
        <v>2146</v>
      </c>
      <c r="E803" s="510" t="s">
        <v>707</v>
      </c>
      <c r="F803" s="140" t="s">
        <v>600</v>
      </c>
      <c r="G803" s="450"/>
      <c r="H803" s="451"/>
      <c r="I803" s="451"/>
      <c r="J803" s="144"/>
      <c r="K803" s="517"/>
      <c r="L803" s="455">
        <v>38362</v>
      </c>
      <c r="M803" s="455"/>
      <c r="N803" s="418" t="str">
        <f t="shared" si="24"/>
        <v/>
      </c>
    </row>
    <row r="804" spans="1:14" ht="15.75">
      <c r="A804" s="538"/>
      <c r="B804" s="411">
        <f t="shared" si="25"/>
        <v>53</v>
      </c>
      <c r="C804" s="498" t="s">
        <v>2147</v>
      </c>
      <c r="D804" s="449" t="s">
        <v>2148</v>
      </c>
      <c r="E804" s="510" t="s">
        <v>707</v>
      </c>
      <c r="F804" s="140" t="s">
        <v>600</v>
      </c>
      <c r="G804" s="450"/>
      <c r="H804" s="451"/>
      <c r="I804" s="451"/>
      <c r="J804" s="144"/>
      <c r="K804" s="517"/>
      <c r="L804" s="455">
        <v>38362</v>
      </c>
      <c r="M804" s="455"/>
      <c r="N804" s="418" t="str">
        <f t="shared" si="24"/>
        <v/>
      </c>
    </row>
    <row r="805" spans="1:14" ht="15.75">
      <c r="A805" s="538"/>
      <c r="B805" s="411">
        <f t="shared" si="25"/>
        <v>53</v>
      </c>
      <c r="C805" s="498" t="s">
        <v>2149</v>
      </c>
      <c r="D805" s="449" t="s">
        <v>2150</v>
      </c>
      <c r="E805" s="510" t="s">
        <v>707</v>
      </c>
      <c r="F805" s="140" t="s">
        <v>600</v>
      </c>
      <c r="G805" s="450"/>
      <c r="H805" s="451"/>
      <c r="I805" s="451"/>
      <c r="J805" s="144"/>
      <c r="K805" s="517"/>
      <c r="L805" s="455">
        <v>38362</v>
      </c>
      <c r="M805" s="455"/>
      <c r="N805" s="418" t="str">
        <f t="shared" si="24"/>
        <v/>
      </c>
    </row>
    <row r="806" spans="1:14" ht="15.75">
      <c r="A806" s="538"/>
      <c r="B806" s="411">
        <f t="shared" si="25"/>
        <v>53</v>
      </c>
      <c r="C806" s="498" t="s">
        <v>2151</v>
      </c>
      <c r="D806" s="449" t="s">
        <v>2152</v>
      </c>
      <c r="E806" s="510" t="s">
        <v>707</v>
      </c>
      <c r="F806" s="140" t="s">
        <v>600</v>
      </c>
      <c r="G806" s="450"/>
      <c r="H806" s="451"/>
      <c r="I806" s="451"/>
      <c r="J806" s="144"/>
      <c r="K806" s="517"/>
      <c r="L806" s="455">
        <v>38362</v>
      </c>
      <c r="M806" s="455"/>
      <c r="N806" s="418" t="str">
        <f t="shared" si="24"/>
        <v/>
      </c>
    </row>
    <row r="807" spans="1:14" ht="15.75">
      <c r="A807" s="538"/>
      <c r="B807" s="411">
        <f t="shared" si="25"/>
        <v>53</v>
      </c>
      <c r="C807" s="498" t="s">
        <v>2153</v>
      </c>
      <c r="D807" s="449" t="s">
        <v>2154</v>
      </c>
      <c r="E807" s="510" t="s">
        <v>707</v>
      </c>
      <c r="F807" s="140" t="s">
        <v>600</v>
      </c>
      <c r="G807" s="450"/>
      <c r="H807" s="451"/>
      <c r="I807" s="451"/>
      <c r="J807" s="144"/>
      <c r="K807" s="517"/>
      <c r="L807" s="455">
        <v>38362</v>
      </c>
      <c r="M807" s="455"/>
      <c r="N807" s="418" t="str">
        <f t="shared" si="24"/>
        <v/>
      </c>
    </row>
    <row r="808" spans="1:14" ht="15.75">
      <c r="A808" s="538"/>
      <c r="B808" s="411">
        <f t="shared" si="25"/>
        <v>53</v>
      </c>
      <c r="C808" s="498" t="s">
        <v>2155</v>
      </c>
      <c r="D808" s="449" t="s">
        <v>2156</v>
      </c>
      <c r="E808" s="510" t="s">
        <v>707</v>
      </c>
      <c r="F808" s="140" t="s">
        <v>600</v>
      </c>
      <c r="G808" s="450"/>
      <c r="H808" s="451"/>
      <c r="I808" s="451"/>
      <c r="J808" s="144"/>
      <c r="K808" s="517"/>
      <c r="L808" s="455">
        <v>39845</v>
      </c>
      <c r="M808" s="455"/>
      <c r="N808" s="418" t="str">
        <f t="shared" si="24"/>
        <v/>
      </c>
    </row>
    <row r="809" spans="1:14" ht="15.75">
      <c r="A809" s="538"/>
      <c r="B809" s="411">
        <f t="shared" si="25"/>
        <v>53</v>
      </c>
      <c r="C809" s="498" t="s">
        <v>2157</v>
      </c>
      <c r="D809" s="449" t="s">
        <v>2158</v>
      </c>
      <c r="E809" s="510" t="s">
        <v>707</v>
      </c>
      <c r="F809" s="140" t="s">
        <v>600</v>
      </c>
      <c r="G809" s="450"/>
      <c r="H809" s="451"/>
      <c r="I809" s="451"/>
      <c r="J809" s="144"/>
      <c r="K809" s="517"/>
      <c r="L809" s="455">
        <v>38362</v>
      </c>
      <c r="M809" s="455"/>
      <c r="N809" s="418" t="str">
        <f t="shared" si="24"/>
        <v/>
      </c>
    </row>
    <row r="810" spans="1:14" ht="15.75">
      <c r="A810" s="538"/>
      <c r="B810" s="411">
        <f t="shared" si="25"/>
        <v>53</v>
      </c>
      <c r="C810" s="498" t="s">
        <v>2159</v>
      </c>
      <c r="D810" s="449" t="s">
        <v>2160</v>
      </c>
      <c r="E810" s="510" t="s">
        <v>707</v>
      </c>
      <c r="F810" s="140" t="s">
        <v>600</v>
      </c>
      <c r="G810" s="450"/>
      <c r="H810" s="451"/>
      <c r="I810" s="451"/>
      <c r="J810" s="144"/>
      <c r="K810" s="517"/>
      <c r="L810" s="455">
        <v>38362</v>
      </c>
      <c r="M810" s="455"/>
      <c r="N810" s="418" t="str">
        <f t="shared" si="24"/>
        <v/>
      </c>
    </row>
    <row r="811" spans="1:14" ht="15.75">
      <c r="A811" s="538"/>
      <c r="B811" s="411">
        <f t="shared" si="25"/>
        <v>53</v>
      </c>
      <c r="C811" s="498" t="s">
        <v>2161</v>
      </c>
      <c r="D811" s="449" t="s">
        <v>2162</v>
      </c>
      <c r="E811" s="510" t="s">
        <v>707</v>
      </c>
      <c r="F811" s="140" t="s">
        <v>600</v>
      </c>
      <c r="G811" s="450"/>
      <c r="H811" s="451"/>
      <c r="I811" s="451"/>
      <c r="J811" s="144"/>
      <c r="K811" s="517"/>
      <c r="L811" s="455">
        <v>39845</v>
      </c>
      <c r="M811" s="455"/>
      <c r="N811" s="418" t="str">
        <f t="shared" si="24"/>
        <v/>
      </c>
    </row>
    <row r="812" spans="1:14" ht="15.75">
      <c r="A812" s="538"/>
      <c r="B812" s="411">
        <f t="shared" si="25"/>
        <v>53</v>
      </c>
      <c r="C812" s="498" t="s">
        <v>2163</v>
      </c>
      <c r="D812" s="449" t="s">
        <v>2164</v>
      </c>
      <c r="E812" s="510" t="s">
        <v>707</v>
      </c>
      <c r="F812" s="140" t="s">
        <v>600</v>
      </c>
      <c r="G812" s="450"/>
      <c r="H812" s="451"/>
      <c r="I812" s="451"/>
      <c r="J812" s="144"/>
      <c r="K812" s="517"/>
      <c r="L812" s="455">
        <v>38362</v>
      </c>
      <c r="M812" s="455"/>
      <c r="N812" s="418" t="str">
        <f t="shared" si="24"/>
        <v/>
      </c>
    </row>
    <row r="813" spans="1:14" ht="15.75">
      <c r="A813" s="538"/>
      <c r="B813" s="411">
        <f t="shared" si="25"/>
        <v>53</v>
      </c>
      <c r="C813" s="498" t="s">
        <v>2165</v>
      </c>
      <c r="D813" s="449" t="s">
        <v>2166</v>
      </c>
      <c r="E813" s="510" t="s">
        <v>707</v>
      </c>
      <c r="F813" s="140" t="s">
        <v>600</v>
      </c>
      <c r="G813" s="450"/>
      <c r="H813" s="451"/>
      <c r="I813" s="451"/>
      <c r="J813" s="144"/>
      <c r="K813" s="517"/>
      <c r="L813" s="455">
        <v>39845</v>
      </c>
      <c r="M813" s="455"/>
      <c r="N813" s="418" t="str">
        <f t="shared" si="24"/>
        <v/>
      </c>
    </row>
    <row r="814" spans="1:14" ht="15.75">
      <c r="A814" s="538"/>
      <c r="B814" s="411">
        <f t="shared" si="25"/>
        <v>53</v>
      </c>
      <c r="C814" s="498" t="s">
        <v>2167</v>
      </c>
      <c r="D814" s="449" t="s">
        <v>2168</v>
      </c>
      <c r="E814" s="510" t="s">
        <v>707</v>
      </c>
      <c r="F814" s="140" t="s">
        <v>600</v>
      </c>
      <c r="G814" s="450"/>
      <c r="H814" s="451"/>
      <c r="I814" s="451"/>
      <c r="J814" s="144"/>
      <c r="K814" s="517"/>
      <c r="L814" s="455">
        <v>38362</v>
      </c>
      <c r="M814" s="455"/>
      <c r="N814" s="418" t="str">
        <f t="shared" si="24"/>
        <v/>
      </c>
    </row>
    <row r="815" spans="1:14" ht="15.75">
      <c r="A815" s="538"/>
      <c r="B815" s="411">
        <f t="shared" si="25"/>
        <v>53</v>
      </c>
      <c r="C815" s="498" t="s">
        <v>2169</v>
      </c>
      <c r="D815" s="449" t="s">
        <v>2170</v>
      </c>
      <c r="E815" s="510" t="s">
        <v>707</v>
      </c>
      <c r="F815" s="140" t="s">
        <v>600</v>
      </c>
      <c r="G815" s="450"/>
      <c r="H815" s="451"/>
      <c r="I815" s="451"/>
      <c r="J815" s="144"/>
      <c r="K815" s="517"/>
      <c r="L815" s="455">
        <v>39845</v>
      </c>
      <c r="M815" s="455"/>
      <c r="N815" s="418" t="str">
        <f t="shared" si="24"/>
        <v/>
      </c>
    </row>
    <row r="816" spans="1:14" ht="15.75">
      <c r="A816" s="538"/>
      <c r="B816" s="411">
        <f t="shared" si="25"/>
        <v>53</v>
      </c>
      <c r="C816" s="498" t="s">
        <v>2171</v>
      </c>
      <c r="D816" s="449" t="s">
        <v>2172</v>
      </c>
      <c r="E816" s="510" t="s">
        <v>707</v>
      </c>
      <c r="F816" s="140" t="s">
        <v>600</v>
      </c>
      <c r="G816" s="450"/>
      <c r="H816" s="451"/>
      <c r="I816" s="451"/>
      <c r="J816" s="144"/>
      <c r="K816" s="517"/>
      <c r="L816" s="455">
        <v>38362</v>
      </c>
      <c r="M816" s="455"/>
      <c r="N816" s="418" t="str">
        <f t="shared" si="24"/>
        <v/>
      </c>
    </row>
    <row r="817" spans="1:14" ht="15.75">
      <c r="A817" s="538"/>
      <c r="B817" s="411">
        <f t="shared" si="25"/>
        <v>53</v>
      </c>
      <c r="C817" s="498" t="s">
        <v>2173</v>
      </c>
      <c r="D817" s="449" t="s">
        <v>2174</v>
      </c>
      <c r="E817" s="510" t="s">
        <v>707</v>
      </c>
      <c r="F817" s="140" t="s">
        <v>600</v>
      </c>
      <c r="G817" s="450"/>
      <c r="H817" s="451"/>
      <c r="I817" s="451"/>
      <c r="J817" s="144"/>
      <c r="K817" s="517"/>
      <c r="L817" s="455">
        <v>38362</v>
      </c>
      <c r="M817" s="455"/>
      <c r="N817" s="418" t="str">
        <f t="shared" si="24"/>
        <v/>
      </c>
    </row>
    <row r="818" spans="1:14" ht="15.75">
      <c r="A818" s="538"/>
      <c r="B818" s="411">
        <f t="shared" si="25"/>
        <v>53</v>
      </c>
      <c r="C818" s="498" t="s">
        <v>2175</v>
      </c>
      <c r="D818" s="449" t="s">
        <v>2176</v>
      </c>
      <c r="E818" s="510" t="s">
        <v>707</v>
      </c>
      <c r="F818" s="140" t="s">
        <v>600</v>
      </c>
      <c r="G818" s="450"/>
      <c r="H818" s="451"/>
      <c r="I818" s="451"/>
      <c r="J818" s="144"/>
      <c r="K818" s="517"/>
      <c r="L818" s="455">
        <v>38362</v>
      </c>
      <c r="M818" s="455"/>
      <c r="N818" s="418" t="str">
        <f t="shared" si="24"/>
        <v/>
      </c>
    </row>
    <row r="819" spans="1:14" ht="15.75">
      <c r="A819" s="538"/>
      <c r="B819" s="411">
        <f t="shared" si="25"/>
        <v>53</v>
      </c>
      <c r="C819" s="498" t="s">
        <v>2177</v>
      </c>
      <c r="D819" s="449" t="s">
        <v>2178</v>
      </c>
      <c r="E819" s="510" t="s">
        <v>707</v>
      </c>
      <c r="F819" s="140" t="s">
        <v>600</v>
      </c>
      <c r="G819" s="450"/>
      <c r="H819" s="451"/>
      <c r="I819" s="451"/>
      <c r="J819" s="144"/>
      <c r="K819" s="517"/>
      <c r="L819" s="455">
        <v>38362</v>
      </c>
      <c r="M819" s="455"/>
      <c r="N819" s="418" t="str">
        <f t="shared" si="24"/>
        <v/>
      </c>
    </row>
    <row r="820" spans="1:14" ht="15.75">
      <c r="A820" s="538"/>
      <c r="B820" s="411">
        <f t="shared" si="25"/>
        <v>53</v>
      </c>
      <c r="C820" s="498" t="s">
        <v>2179</v>
      </c>
      <c r="D820" s="449" t="s">
        <v>2180</v>
      </c>
      <c r="E820" s="510" t="s">
        <v>707</v>
      </c>
      <c r="F820" s="140" t="s">
        <v>600</v>
      </c>
      <c r="G820" s="450"/>
      <c r="H820" s="451"/>
      <c r="I820" s="451"/>
      <c r="J820" s="144"/>
      <c r="K820" s="517"/>
      <c r="L820" s="455">
        <v>38362</v>
      </c>
      <c r="M820" s="455"/>
      <c r="N820" s="418" t="str">
        <f t="shared" si="24"/>
        <v/>
      </c>
    </row>
    <row r="821" spans="1:14" ht="15.75">
      <c r="A821" s="538"/>
      <c r="B821" s="411">
        <f t="shared" si="25"/>
        <v>53</v>
      </c>
      <c r="C821" s="498" t="s">
        <v>2181</v>
      </c>
      <c r="D821" s="449" t="s">
        <v>2182</v>
      </c>
      <c r="E821" s="510" t="s">
        <v>707</v>
      </c>
      <c r="F821" s="140" t="s">
        <v>600</v>
      </c>
      <c r="G821" s="450"/>
      <c r="H821" s="451"/>
      <c r="I821" s="451"/>
      <c r="J821" s="144"/>
      <c r="K821" s="517"/>
      <c r="L821" s="455">
        <v>38362</v>
      </c>
      <c r="M821" s="455"/>
      <c r="N821" s="418" t="str">
        <f t="shared" si="24"/>
        <v/>
      </c>
    </row>
    <row r="822" spans="1:14" ht="15.75">
      <c r="A822" s="538"/>
      <c r="B822" s="411">
        <f t="shared" si="25"/>
        <v>53</v>
      </c>
      <c r="C822" s="498" t="s">
        <v>2183</v>
      </c>
      <c r="D822" s="449" t="s">
        <v>2184</v>
      </c>
      <c r="E822" s="510" t="s">
        <v>707</v>
      </c>
      <c r="F822" s="140" t="s">
        <v>600</v>
      </c>
      <c r="G822" s="450"/>
      <c r="H822" s="451"/>
      <c r="I822" s="451"/>
      <c r="J822" s="144"/>
      <c r="K822" s="517"/>
      <c r="L822" s="455">
        <v>38362</v>
      </c>
      <c r="M822" s="455"/>
      <c r="N822" s="418" t="str">
        <f t="shared" si="24"/>
        <v/>
      </c>
    </row>
    <row r="823" spans="1:14" ht="15.75">
      <c r="A823" s="538"/>
      <c r="B823" s="411">
        <f t="shared" si="25"/>
        <v>53</v>
      </c>
      <c r="C823" s="498" t="s">
        <v>2185</v>
      </c>
      <c r="D823" s="449" t="s">
        <v>2186</v>
      </c>
      <c r="E823" s="510" t="s">
        <v>707</v>
      </c>
      <c r="F823" s="140" t="s">
        <v>600</v>
      </c>
      <c r="G823" s="450"/>
      <c r="H823" s="451"/>
      <c r="I823" s="451"/>
      <c r="J823" s="144"/>
      <c r="K823" s="517"/>
      <c r="L823" s="455">
        <v>39845</v>
      </c>
      <c r="M823" s="455"/>
      <c r="N823" s="418" t="str">
        <f t="shared" si="24"/>
        <v/>
      </c>
    </row>
    <row r="824" spans="1:14" ht="15.75">
      <c r="A824" s="538"/>
      <c r="B824" s="411">
        <f t="shared" si="25"/>
        <v>53</v>
      </c>
      <c r="C824" s="498" t="s">
        <v>2187</v>
      </c>
      <c r="D824" s="449" t="s">
        <v>2188</v>
      </c>
      <c r="E824" s="510" t="s">
        <v>707</v>
      </c>
      <c r="F824" s="140" t="s">
        <v>600</v>
      </c>
      <c r="G824" s="450"/>
      <c r="H824" s="451"/>
      <c r="I824" s="451"/>
      <c r="J824" s="144"/>
      <c r="K824" s="517"/>
      <c r="L824" s="455">
        <v>38362</v>
      </c>
      <c r="M824" s="455"/>
      <c r="N824" s="418" t="str">
        <f t="shared" si="24"/>
        <v/>
      </c>
    </row>
    <row r="825" spans="1:14" ht="15.75">
      <c r="A825" s="538"/>
      <c r="B825" s="411">
        <f t="shared" si="25"/>
        <v>53</v>
      </c>
      <c r="C825" s="440" t="s">
        <v>2189</v>
      </c>
      <c r="D825" s="449" t="s">
        <v>2190</v>
      </c>
      <c r="E825" s="510" t="s">
        <v>707</v>
      </c>
      <c r="F825" s="140" t="s">
        <v>600</v>
      </c>
      <c r="G825" s="450"/>
      <c r="H825" s="451"/>
      <c r="I825" s="451"/>
      <c r="J825" s="144"/>
      <c r="K825" s="517"/>
      <c r="L825" s="455">
        <v>38362</v>
      </c>
      <c r="M825" s="455"/>
      <c r="N825" s="418" t="str">
        <f t="shared" si="24"/>
        <v/>
      </c>
    </row>
    <row r="826" spans="1:14" ht="15.75">
      <c r="A826" s="538"/>
      <c r="B826" s="411">
        <f t="shared" si="25"/>
        <v>53</v>
      </c>
      <c r="C826" s="498" t="s">
        <v>2191</v>
      </c>
      <c r="D826" s="449" t="s">
        <v>2192</v>
      </c>
      <c r="E826" s="510" t="s">
        <v>707</v>
      </c>
      <c r="F826" s="140" t="s">
        <v>600</v>
      </c>
      <c r="G826" s="450"/>
      <c r="H826" s="451"/>
      <c r="I826" s="451"/>
      <c r="J826" s="144"/>
      <c r="K826" s="517"/>
      <c r="L826" s="455">
        <v>38362</v>
      </c>
      <c r="M826" s="455"/>
      <c r="N826" s="418" t="str">
        <f t="shared" si="24"/>
        <v/>
      </c>
    </row>
    <row r="827" spans="1:14" ht="15.75">
      <c r="A827" s="538"/>
      <c r="B827" s="411">
        <f t="shared" si="25"/>
        <v>53</v>
      </c>
      <c r="C827" s="498" t="s">
        <v>2193</v>
      </c>
      <c r="D827" s="449" t="s">
        <v>2194</v>
      </c>
      <c r="E827" s="510" t="s">
        <v>707</v>
      </c>
      <c r="F827" s="140" t="s">
        <v>600</v>
      </c>
      <c r="G827" s="450"/>
      <c r="H827" s="451"/>
      <c r="I827" s="451"/>
      <c r="J827" s="144"/>
      <c r="K827" s="517"/>
      <c r="L827" s="455">
        <v>38362</v>
      </c>
      <c r="M827" s="455"/>
      <c r="N827" s="418" t="str">
        <f t="shared" si="24"/>
        <v>DUPLICATE</v>
      </c>
    </row>
    <row r="828" spans="1:14" ht="15.75">
      <c r="A828" s="538"/>
      <c r="B828" s="411">
        <f t="shared" si="25"/>
        <v>53</v>
      </c>
      <c r="C828" s="498" t="s">
        <v>2195</v>
      </c>
      <c r="D828" s="449" t="s">
        <v>2196</v>
      </c>
      <c r="E828" s="510" t="s">
        <v>707</v>
      </c>
      <c r="F828" s="140" t="s">
        <v>600</v>
      </c>
      <c r="G828" s="450"/>
      <c r="H828" s="451"/>
      <c r="I828" s="451"/>
      <c r="J828" s="144"/>
      <c r="K828" s="517"/>
      <c r="L828" s="455">
        <v>38362</v>
      </c>
      <c r="M828" s="455"/>
      <c r="N828" s="418" t="str">
        <f t="shared" si="24"/>
        <v>DUPLICATE</v>
      </c>
    </row>
    <row r="829" spans="1:14" ht="15.75">
      <c r="A829" s="538"/>
      <c r="B829" s="411">
        <f t="shared" si="25"/>
        <v>53</v>
      </c>
      <c r="C829" s="498" t="s">
        <v>2197</v>
      </c>
      <c r="D829" s="449" t="s">
        <v>2198</v>
      </c>
      <c r="E829" s="510" t="s">
        <v>707</v>
      </c>
      <c r="F829" s="140" t="s">
        <v>600</v>
      </c>
      <c r="G829" s="450"/>
      <c r="H829" s="451"/>
      <c r="I829" s="451"/>
      <c r="J829" s="144"/>
      <c r="K829" s="517"/>
      <c r="L829" s="455">
        <v>38362</v>
      </c>
      <c r="M829" s="455"/>
      <c r="N829" s="418" t="str">
        <f t="shared" si="24"/>
        <v/>
      </c>
    </row>
    <row r="830" spans="1:14" ht="15.75">
      <c r="A830" s="538"/>
      <c r="B830" s="411">
        <f t="shared" si="25"/>
        <v>53</v>
      </c>
      <c r="C830" s="498" t="s">
        <v>13992</v>
      </c>
      <c r="D830" s="449" t="s">
        <v>13993</v>
      </c>
      <c r="E830" s="510" t="s">
        <v>707</v>
      </c>
      <c r="F830" s="140" t="s">
        <v>600</v>
      </c>
      <c r="G830" s="450"/>
      <c r="H830" s="451"/>
      <c r="I830" s="451"/>
      <c r="J830" s="144"/>
      <c r="K830" s="517"/>
      <c r="L830" s="455">
        <v>43132</v>
      </c>
      <c r="M830" s="455"/>
      <c r="N830" s="418" t="str">
        <f t="shared" si="24"/>
        <v/>
      </c>
    </row>
    <row r="831" spans="1:14" ht="15.75">
      <c r="A831" s="538"/>
      <c r="B831" s="411">
        <f t="shared" si="25"/>
        <v>53</v>
      </c>
      <c r="C831" s="498" t="s">
        <v>2199</v>
      </c>
      <c r="D831" s="449" t="s">
        <v>2200</v>
      </c>
      <c r="E831" s="510" t="s">
        <v>707</v>
      </c>
      <c r="F831" s="140" t="s">
        <v>600</v>
      </c>
      <c r="G831" s="450"/>
      <c r="H831" s="451"/>
      <c r="I831" s="451"/>
      <c r="J831" s="144"/>
      <c r="K831" s="517"/>
      <c r="L831" s="455">
        <v>38362</v>
      </c>
      <c r="M831" s="455"/>
      <c r="N831" s="418" t="str">
        <f t="shared" si="24"/>
        <v/>
      </c>
    </row>
    <row r="832" spans="1:14" ht="15.75">
      <c r="A832" s="538"/>
      <c r="B832" s="411">
        <f t="shared" si="25"/>
        <v>53</v>
      </c>
      <c r="C832" s="498" t="s">
        <v>2201</v>
      </c>
      <c r="D832" s="449" t="s">
        <v>2202</v>
      </c>
      <c r="E832" s="510" t="s">
        <v>707</v>
      </c>
      <c r="F832" s="140" t="s">
        <v>600</v>
      </c>
      <c r="G832" s="450"/>
      <c r="H832" s="451"/>
      <c r="I832" s="451"/>
      <c r="J832" s="144"/>
      <c r="K832" s="517"/>
      <c r="L832" s="455">
        <v>38362</v>
      </c>
      <c r="M832" s="455"/>
      <c r="N832" s="418" t="str">
        <f t="shared" si="24"/>
        <v/>
      </c>
    </row>
    <row r="833" spans="1:14" ht="15.75">
      <c r="A833" s="538"/>
      <c r="B833" s="411">
        <f t="shared" si="25"/>
        <v>53</v>
      </c>
      <c r="C833" s="498" t="s">
        <v>2203</v>
      </c>
      <c r="D833" s="449" t="s">
        <v>2204</v>
      </c>
      <c r="E833" s="510" t="s">
        <v>707</v>
      </c>
      <c r="F833" s="140" t="s">
        <v>600</v>
      </c>
      <c r="G833" s="450"/>
      <c r="H833" s="451"/>
      <c r="I833" s="451"/>
      <c r="J833" s="144"/>
      <c r="K833" s="517"/>
      <c r="L833" s="455">
        <v>38362</v>
      </c>
      <c r="M833" s="455"/>
      <c r="N833" s="418" t="str">
        <f t="shared" si="24"/>
        <v/>
      </c>
    </row>
    <row r="834" spans="1:14" ht="15.75">
      <c r="A834" s="538"/>
      <c r="B834" s="411">
        <f t="shared" si="25"/>
        <v>53</v>
      </c>
      <c r="C834" s="498" t="s">
        <v>2205</v>
      </c>
      <c r="D834" s="449" t="s">
        <v>2206</v>
      </c>
      <c r="E834" s="510" t="s">
        <v>707</v>
      </c>
      <c r="F834" s="140" t="s">
        <v>600</v>
      </c>
      <c r="G834" s="450"/>
      <c r="H834" s="451"/>
      <c r="I834" s="451"/>
      <c r="J834" s="144"/>
      <c r="K834" s="517"/>
      <c r="L834" s="455">
        <v>38362</v>
      </c>
      <c r="M834" s="464"/>
      <c r="N834" s="418" t="str">
        <f t="shared" si="24"/>
        <v/>
      </c>
    </row>
    <row r="835" spans="1:14" ht="110.25">
      <c r="A835" s="536">
        <v>54</v>
      </c>
      <c r="B835" s="411">
        <f t="shared" si="25"/>
        <v>54</v>
      </c>
      <c r="C835" s="424" t="s">
        <v>2207</v>
      </c>
      <c r="D835" s="414" t="s">
        <v>2208</v>
      </c>
      <c r="E835" s="414" t="s">
        <v>707</v>
      </c>
      <c r="F835" s="414" t="s">
        <v>676</v>
      </c>
      <c r="G835" s="414" t="s">
        <v>2209</v>
      </c>
      <c r="H835" s="415"/>
      <c r="I835" s="415"/>
      <c r="J835" s="438" t="s">
        <v>2210</v>
      </c>
      <c r="K835" s="414"/>
      <c r="L835" s="417">
        <v>38362</v>
      </c>
      <c r="M835" s="423">
        <v>42036</v>
      </c>
      <c r="N835" s="418" t="str">
        <f t="shared" si="24"/>
        <v/>
      </c>
    </row>
    <row r="836" spans="1:14" ht="31.5">
      <c r="A836" s="538"/>
      <c r="B836" s="411">
        <f t="shared" si="25"/>
        <v>54</v>
      </c>
      <c r="C836" s="440" t="s">
        <v>2211</v>
      </c>
      <c r="D836" s="449" t="s">
        <v>2212</v>
      </c>
      <c r="E836" s="449" t="s">
        <v>643</v>
      </c>
      <c r="F836" s="452" t="s">
        <v>600</v>
      </c>
      <c r="G836" s="449" t="s">
        <v>2213</v>
      </c>
      <c r="H836" s="451"/>
      <c r="I836" s="451"/>
      <c r="J836" s="452"/>
      <c r="K836" s="449"/>
      <c r="L836" s="469">
        <v>38362</v>
      </c>
      <c r="M836" s="469">
        <v>40210</v>
      </c>
      <c r="N836" s="418" t="str">
        <f t="shared" si="24"/>
        <v/>
      </c>
    </row>
    <row r="837" spans="1:14" ht="15.75">
      <c r="A837" s="538"/>
      <c r="B837" s="411">
        <f t="shared" si="25"/>
        <v>54</v>
      </c>
      <c r="C837" s="440" t="s">
        <v>2214</v>
      </c>
      <c r="D837" s="449" t="s">
        <v>2215</v>
      </c>
      <c r="E837" s="449" t="s">
        <v>595</v>
      </c>
      <c r="F837" s="452" t="s">
        <v>596</v>
      </c>
      <c r="G837" s="449"/>
      <c r="H837" s="451"/>
      <c r="I837" s="451"/>
      <c r="J837" s="452"/>
      <c r="K837" s="449"/>
      <c r="L837" s="469">
        <v>38362</v>
      </c>
      <c r="M837" s="469"/>
      <c r="N837" s="418" t="str">
        <f t="shared" si="24"/>
        <v/>
      </c>
    </row>
    <row r="838" spans="1:14" ht="15.75">
      <c r="A838" s="538"/>
      <c r="B838" s="411">
        <f t="shared" si="25"/>
        <v>54</v>
      </c>
      <c r="C838" s="440" t="s">
        <v>2216</v>
      </c>
      <c r="D838" s="449" t="s">
        <v>2217</v>
      </c>
      <c r="E838" s="449" t="s">
        <v>595</v>
      </c>
      <c r="F838" s="452" t="s">
        <v>596</v>
      </c>
      <c r="G838" s="449"/>
      <c r="H838" s="451"/>
      <c r="I838" s="451"/>
      <c r="J838" s="452"/>
      <c r="K838" s="449"/>
      <c r="L838" s="469">
        <v>38362</v>
      </c>
      <c r="M838" s="469"/>
      <c r="N838" s="418" t="str">
        <f t="shared" si="24"/>
        <v/>
      </c>
    </row>
    <row r="839" spans="1:14" ht="15.75">
      <c r="A839" s="538"/>
      <c r="B839" s="411">
        <f t="shared" si="25"/>
        <v>54</v>
      </c>
      <c r="C839" s="440" t="s">
        <v>2218</v>
      </c>
      <c r="D839" s="449" t="s">
        <v>2219</v>
      </c>
      <c r="E839" s="449" t="s">
        <v>595</v>
      </c>
      <c r="F839" s="452" t="s">
        <v>596</v>
      </c>
      <c r="G839" s="449" t="s">
        <v>2220</v>
      </c>
      <c r="H839" s="451"/>
      <c r="I839" s="451"/>
      <c r="J839" s="452"/>
      <c r="K839" s="449"/>
      <c r="L839" s="469">
        <v>38362</v>
      </c>
      <c r="M839" s="469"/>
      <c r="N839" s="418" t="str">
        <f t="shared" si="24"/>
        <v/>
      </c>
    </row>
    <row r="840" spans="1:14" ht="47.25">
      <c r="A840" s="538"/>
      <c r="B840" s="411">
        <f t="shared" si="25"/>
        <v>54</v>
      </c>
      <c r="C840" s="440" t="s">
        <v>2221</v>
      </c>
      <c r="D840" s="449" t="s">
        <v>2222</v>
      </c>
      <c r="E840" s="449" t="s">
        <v>707</v>
      </c>
      <c r="F840" s="452" t="s">
        <v>600</v>
      </c>
      <c r="G840" s="449" t="s">
        <v>26545</v>
      </c>
      <c r="H840" s="451">
        <v>42481</v>
      </c>
      <c r="I840" s="451" t="s">
        <v>711</v>
      </c>
      <c r="J840" s="452"/>
      <c r="K840" s="449"/>
      <c r="L840" s="469">
        <v>38362</v>
      </c>
      <c r="M840" s="469">
        <v>43497</v>
      </c>
      <c r="N840" s="418" t="str">
        <f t="shared" si="24"/>
        <v/>
      </c>
    </row>
    <row r="841" spans="1:14" ht="28.5">
      <c r="A841" s="536">
        <v>55</v>
      </c>
      <c r="B841" s="411">
        <f t="shared" si="25"/>
        <v>55</v>
      </c>
      <c r="C841" s="424" t="s">
        <v>2223</v>
      </c>
      <c r="D841" s="438"/>
      <c r="E841" s="414" t="s">
        <v>643</v>
      </c>
      <c r="F841" s="414" t="s">
        <v>600</v>
      </c>
      <c r="G841" s="414" t="s">
        <v>2224</v>
      </c>
      <c r="H841" s="415"/>
      <c r="I841" s="415"/>
      <c r="J841" s="416" t="s">
        <v>2225</v>
      </c>
      <c r="K841" s="414" t="s">
        <v>2226</v>
      </c>
      <c r="L841" s="417">
        <v>38362</v>
      </c>
      <c r="M841" s="417">
        <v>42767</v>
      </c>
      <c r="N841" s="418" t="str">
        <f t="shared" si="24"/>
        <v/>
      </c>
    </row>
    <row r="842" spans="1:14" ht="15.75">
      <c r="A842" s="538"/>
      <c r="B842" s="411">
        <f t="shared" si="25"/>
        <v>55</v>
      </c>
      <c r="C842" s="440" t="s">
        <v>2227</v>
      </c>
      <c r="D842" s="449" t="s">
        <v>2228</v>
      </c>
      <c r="E842" s="144" t="s">
        <v>643</v>
      </c>
      <c r="F842" s="449" t="s">
        <v>600</v>
      </c>
      <c r="G842" s="414" t="s">
        <v>2224</v>
      </c>
      <c r="H842" s="451"/>
      <c r="I842" s="451"/>
      <c r="J842" s="452"/>
      <c r="K842" s="449"/>
      <c r="L842" s="534">
        <v>38362</v>
      </c>
      <c r="M842" s="417">
        <v>42767</v>
      </c>
      <c r="N842" s="418" t="str">
        <f t="shared" si="24"/>
        <v/>
      </c>
    </row>
    <row r="843" spans="1:14" ht="15.75">
      <c r="A843" s="538"/>
      <c r="B843" s="411">
        <f t="shared" si="25"/>
        <v>55</v>
      </c>
      <c r="C843" s="440" t="s">
        <v>2229</v>
      </c>
      <c r="D843" s="449" t="s">
        <v>2230</v>
      </c>
      <c r="E843" s="144" t="s">
        <v>643</v>
      </c>
      <c r="F843" s="449" t="s">
        <v>600</v>
      </c>
      <c r="G843" s="414" t="s">
        <v>2224</v>
      </c>
      <c r="H843" s="451"/>
      <c r="I843" s="451"/>
      <c r="J843" s="452"/>
      <c r="K843" s="449"/>
      <c r="L843" s="534">
        <v>38362</v>
      </c>
      <c r="M843" s="417">
        <v>42767</v>
      </c>
      <c r="N843" s="418" t="str">
        <f t="shared" si="24"/>
        <v/>
      </c>
    </row>
    <row r="844" spans="1:14" ht="15.75">
      <c r="A844" s="563"/>
      <c r="B844" s="484">
        <f t="shared" si="25"/>
        <v>55</v>
      </c>
      <c r="C844" s="492" t="s">
        <v>34152</v>
      </c>
      <c r="D844" s="494" t="s">
        <v>2231</v>
      </c>
      <c r="E844" s="514" t="s">
        <v>643</v>
      </c>
      <c r="F844" s="494" t="s">
        <v>600</v>
      </c>
      <c r="G844" s="430" t="s">
        <v>2224</v>
      </c>
      <c r="H844" s="495"/>
      <c r="I844" s="495"/>
      <c r="J844" s="493"/>
      <c r="K844" s="494"/>
      <c r="L844" s="612">
        <v>38362</v>
      </c>
      <c r="M844" s="434">
        <v>44228</v>
      </c>
      <c r="N844" s="418" t="str">
        <f t="shared" si="24"/>
        <v/>
      </c>
    </row>
    <row r="845" spans="1:14" ht="15.75">
      <c r="A845" s="538"/>
      <c r="B845" s="411">
        <f t="shared" si="25"/>
        <v>55</v>
      </c>
      <c r="C845" s="440" t="s">
        <v>2232</v>
      </c>
      <c r="D845" s="449" t="s">
        <v>2233</v>
      </c>
      <c r="E845" s="144" t="s">
        <v>643</v>
      </c>
      <c r="F845" s="449" t="s">
        <v>600</v>
      </c>
      <c r="G845" s="414" t="s">
        <v>2224</v>
      </c>
      <c r="H845" s="451"/>
      <c r="I845" s="451"/>
      <c r="J845" s="452"/>
      <c r="K845" s="449"/>
      <c r="L845" s="534">
        <v>38362</v>
      </c>
      <c r="M845" s="417">
        <v>42767</v>
      </c>
      <c r="N845" s="418" t="str">
        <f t="shared" si="24"/>
        <v/>
      </c>
    </row>
    <row r="846" spans="1:14" ht="15.75">
      <c r="A846" s="538"/>
      <c r="B846" s="411">
        <f t="shared" si="25"/>
        <v>55</v>
      </c>
      <c r="C846" s="440" t="s">
        <v>2234</v>
      </c>
      <c r="D846" s="449" t="s">
        <v>2235</v>
      </c>
      <c r="E846" s="144" t="s">
        <v>643</v>
      </c>
      <c r="F846" s="449" t="s">
        <v>600</v>
      </c>
      <c r="G846" s="414" t="s">
        <v>2224</v>
      </c>
      <c r="H846" s="451"/>
      <c r="I846" s="451"/>
      <c r="J846" s="452"/>
      <c r="K846" s="449"/>
      <c r="L846" s="534">
        <v>38362</v>
      </c>
      <c r="M846" s="417">
        <v>42767</v>
      </c>
      <c r="N846" s="418" t="str">
        <f t="shared" si="24"/>
        <v/>
      </c>
    </row>
    <row r="847" spans="1:14" ht="15.75">
      <c r="A847" s="538"/>
      <c r="B847" s="411">
        <f t="shared" si="25"/>
        <v>55</v>
      </c>
      <c r="C847" s="440" t="s">
        <v>2236</v>
      </c>
      <c r="D847" s="449" t="s">
        <v>2237</v>
      </c>
      <c r="E847" s="144" t="s">
        <v>643</v>
      </c>
      <c r="F847" s="449" t="s">
        <v>600</v>
      </c>
      <c r="G847" s="414" t="s">
        <v>2224</v>
      </c>
      <c r="H847" s="451"/>
      <c r="I847" s="451"/>
      <c r="J847" s="452"/>
      <c r="K847" s="449"/>
      <c r="L847" s="534">
        <v>38362</v>
      </c>
      <c r="M847" s="417">
        <v>42767</v>
      </c>
      <c r="N847" s="418" t="str">
        <f t="shared" si="24"/>
        <v/>
      </c>
    </row>
    <row r="848" spans="1:14" ht="15.75">
      <c r="A848" s="538"/>
      <c r="B848" s="411">
        <f t="shared" si="25"/>
        <v>55</v>
      </c>
      <c r="C848" s="440" t="s">
        <v>2238</v>
      </c>
      <c r="D848" s="449" t="s">
        <v>2239</v>
      </c>
      <c r="E848" s="144" t="s">
        <v>643</v>
      </c>
      <c r="F848" s="449" t="s">
        <v>600</v>
      </c>
      <c r="G848" s="414" t="s">
        <v>2224</v>
      </c>
      <c r="H848" s="451"/>
      <c r="I848" s="451"/>
      <c r="J848" s="452"/>
      <c r="K848" s="449"/>
      <c r="L848" s="534">
        <v>38362</v>
      </c>
      <c r="M848" s="417">
        <v>42767</v>
      </c>
      <c r="N848" s="418" t="str">
        <f t="shared" si="24"/>
        <v/>
      </c>
    </row>
    <row r="849" spans="1:14" ht="15.75">
      <c r="A849" s="538"/>
      <c r="B849" s="411">
        <f t="shared" si="25"/>
        <v>55</v>
      </c>
      <c r="C849" s="440" t="s">
        <v>2240</v>
      </c>
      <c r="D849" s="449" t="s">
        <v>2241</v>
      </c>
      <c r="E849" s="144" t="s">
        <v>643</v>
      </c>
      <c r="F849" s="449" t="s">
        <v>600</v>
      </c>
      <c r="G849" s="414" t="s">
        <v>2224</v>
      </c>
      <c r="H849" s="451"/>
      <c r="I849" s="451"/>
      <c r="J849" s="452"/>
      <c r="K849" s="449"/>
      <c r="L849" s="534">
        <v>38362</v>
      </c>
      <c r="M849" s="417">
        <v>42767</v>
      </c>
      <c r="N849" s="418" t="str">
        <f t="shared" si="24"/>
        <v/>
      </c>
    </row>
    <row r="850" spans="1:14" ht="15.75">
      <c r="A850" s="538"/>
      <c r="B850" s="411">
        <f t="shared" si="25"/>
        <v>55</v>
      </c>
      <c r="C850" s="440" t="s">
        <v>2242</v>
      </c>
      <c r="D850" s="449" t="s">
        <v>2243</v>
      </c>
      <c r="E850" s="144" t="s">
        <v>643</v>
      </c>
      <c r="F850" s="449" t="s">
        <v>600</v>
      </c>
      <c r="G850" s="414" t="s">
        <v>2224</v>
      </c>
      <c r="H850" s="451"/>
      <c r="I850" s="451"/>
      <c r="J850" s="452"/>
      <c r="K850" s="449"/>
      <c r="L850" s="534">
        <v>38362</v>
      </c>
      <c r="M850" s="417">
        <v>42767</v>
      </c>
      <c r="N850" s="418" t="str">
        <f t="shared" si="24"/>
        <v/>
      </c>
    </row>
    <row r="851" spans="1:14" ht="15.75">
      <c r="A851" s="538"/>
      <c r="B851" s="411">
        <f t="shared" si="25"/>
        <v>55</v>
      </c>
      <c r="C851" s="440" t="s">
        <v>2244</v>
      </c>
      <c r="D851" s="449" t="s">
        <v>2245</v>
      </c>
      <c r="E851" s="144" t="s">
        <v>643</v>
      </c>
      <c r="F851" s="449" t="s">
        <v>600</v>
      </c>
      <c r="G851" s="414" t="s">
        <v>2224</v>
      </c>
      <c r="H851" s="451"/>
      <c r="I851" s="451"/>
      <c r="J851" s="452"/>
      <c r="K851" s="449"/>
      <c r="L851" s="534">
        <v>38362</v>
      </c>
      <c r="M851" s="417">
        <v>42767</v>
      </c>
      <c r="N851" s="418" t="str">
        <f t="shared" si="24"/>
        <v/>
      </c>
    </row>
    <row r="852" spans="1:14" ht="15.75">
      <c r="A852" s="538"/>
      <c r="B852" s="411">
        <f t="shared" si="25"/>
        <v>55</v>
      </c>
      <c r="C852" s="440" t="s">
        <v>2246</v>
      </c>
      <c r="D852" s="449" t="s">
        <v>2247</v>
      </c>
      <c r="E852" s="144" t="s">
        <v>643</v>
      </c>
      <c r="F852" s="449" t="s">
        <v>600</v>
      </c>
      <c r="G852" s="414" t="s">
        <v>2224</v>
      </c>
      <c r="H852" s="451"/>
      <c r="I852" s="451"/>
      <c r="J852" s="452"/>
      <c r="K852" s="449"/>
      <c r="L852" s="534">
        <v>38362</v>
      </c>
      <c r="M852" s="417">
        <v>42767</v>
      </c>
      <c r="N852" s="418" t="str">
        <f t="shared" si="24"/>
        <v/>
      </c>
    </row>
    <row r="853" spans="1:14" ht="15.75">
      <c r="A853" s="538"/>
      <c r="B853" s="411">
        <f t="shared" si="25"/>
        <v>55</v>
      </c>
      <c r="C853" s="440" t="s">
        <v>2248</v>
      </c>
      <c r="D853" s="449" t="s">
        <v>2249</v>
      </c>
      <c r="E853" s="144" t="s">
        <v>643</v>
      </c>
      <c r="F853" s="449" t="s">
        <v>600</v>
      </c>
      <c r="G853" s="414" t="s">
        <v>2224</v>
      </c>
      <c r="H853" s="451"/>
      <c r="I853" s="451"/>
      <c r="J853" s="452"/>
      <c r="K853" s="449"/>
      <c r="L853" s="534">
        <v>38362</v>
      </c>
      <c r="M853" s="417">
        <v>42767</v>
      </c>
      <c r="N853" s="418" t="str">
        <f t="shared" si="24"/>
        <v/>
      </c>
    </row>
    <row r="854" spans="1:14" ht="15.75">
      <c r="A854" s="538"/>
      <c r="B854" s="411">
        <f t="shared" si="25"/>
        <v>55</v>
      </c>
      <c r="C854" s="440" t="s">
        <v>2250</v>
      </c>
      <c r="D854" s="449" t="s">
        <v>2251</v>
      </c>
      <c r="E854" s="144" t="s">
        <v>643</v>
      </c>
      <c r="F854" s="449" t="s">
        <v>600</v>
      </c>
      <c r="G854" s="414" t="s">
        <v>2224</v>
      </c>
      <c r="H854" s="451"/>
      <c r="I854" s="451"/>
      <c r="J854" s="452"/>
      <c r="K854" s="449"/>
      <c r="L854" s="534">
        <v>38362</v>
      </c>
      <c r="M854" s="417">
        <v>42767</v>
      </c>
      <c r="N854" s="418" t="str">
        <f t="shared" si="24"/>
        <v/>
      </c>
    </row>
    <row r="855" spans="1:14" ht="15.75">
      <c r="A855" s="538"/>
      <c r="B855" s="411">
        <f t="shared" si="25"/>
        <v>55</v>
      </c>
      <c r="C855" s="440" t="s">
        <v>2252</v>
      </c>
      <c r="D855" s="449" t="s">
        <v>2253</v>
      </c>
      <c r="E855" s="144" t="s">
        <v>643</v>
      </c>
      <c r="F855" s="449" t="s">
        <v>600</v>
      </c>
      <c r="G855" s="414" t="s">
        <v>2224</v>
      </c>
      <c r="H855" s="451"/>
      <c r="I855" s="451"/>
      <c r="J855" s="452"/>
      <c r="K855" s="449"/>
      <c r="L855" s="534">
        <v>38362</v>
      </c>
      <c r="M855" s="417">
        <v>42767</v>
      </c>
      <c r="N855" s="418" t="str">
        <f t="shared" si="24"/>
        <v/>
      </c>
    </row>
    <row r="856" spans="1:14" ht="15.75">
      <c r="A856" s="538"/>
      <c r="B856" s="411">
        <f t="shared" si="25"/>
        <v>55</v>
      </c>
      <c r="C856" s="440" t="s">
        <v>2254</v>
      </c>
      <c r="D856" s="449" t="s">
        <v>2255</v>
      </c>
      <c r="E856" s="144" t="s">
        <v>643</v>
      </c>
      <c r="F856" s="449" t="s">
        <v>600</v>
      </c>
      <c r="G856" s="414" t="s">
        <v>2224</v>
      </c>
      <c r="H856" s="451"/>
      <c r="I856" s="451"/>
      <c r="J856" s="452"/>
      <c r="K856" s="449"/>
      <c r="L856" s="534">
        <v>38362</v>
      </c>
      <c r="M856" s="417">
        <v>42767</v>
      </c>
      <c r="N856" s="418" t="str">
        <f t="shared" si="24"/>
        <v/>
      </c>
    </row>
    <row r="857" spans="1:14" ht="15.75">
      <c r="A857" s="538"/>
      <c r="B857" s="411">
        <f t="shared" si="25"/>
        <v>55</v>
      </c>
      <c r="C857" s="440" t="s">
        <v>2256</v>
      </c>
      <c r="D857" s="449" t="s">
        <v>2257</v>
      </c>
      <c r="E857" s="144" t="s">
        <v>643</v>
      </c>
      <c r="F857" s="449" t="s">
        <v>600</v>
      </c>
      <c r="G857" s="414" t="s">
        <v>2224</v>
      </c>
      <c r="H857" s="451"/>
      <c r="I857" s="451"/>
      <c r="J857" s="452"/>
      <c r="K857" s="449"/>
      <c r="L857" s="534">
        <v>38362</v>
      </c>
      <c r="M857" s="417">
        <v>42767</v>
      </c>
      <c r="N857" s="418" t="str">
        <f t="shared" ref="N857:N920" si="26">IF(D857="NA","",IF(COUNTIF($D$2:$D$5552,D857)&gt;1,"DUPLICATE",""))</f>
        <v/>
      </c>
    </row>
    <row r="858" spans="1:14" ht="15.75">
      <c r="A858" s="538"/>
      <c r="B858" s="411">
        <f t="shared" ref="B858:B921" si="27">IF(A858&gt;0,A858,B857)</f>
        <v>55</v>
      </c>
      <c r="C858" s="440" t="s">
        <v>2258</v>
      </c>
      <c r="D858" s="449" t="s">
        <v>2259</v>
      </c>
      <c r="E858" s="144" t="s">
        <v>643</v>
      </c>
      <c r="F858" s="449" t="s">
        <v>600</v>
      </c>
      <c r="G858" s="414" t="s">
        <v>2224</v>
      </c>
      <c r="H858" s="451"/>
      <c r="I858" s="451"/>
      <c r="J858" s="452"/>
      <c r="K858" s="449"/>
      <c r="L858" s="534">
        <v>38362</v>
      </c>
      <c r="M858" s="417">
        <v>42767</v>
      </c>
      <c r="N858" s="418" t="str">
        <f t="shared" si="26"/>
        <v/>
      </c>
    </row>
    <row r="859" spans="1:14" ht="15.75">
      <c r="A859" s="538"/>
      <c r="B859" s="411">
        <f t="shared" si="27"/>
        <v>55</v>
      </c>
      <c r="C859" s="440" t="s">
        <v>2260</v>
      </c>
      <c r="D859" s="449" t="s">
        <v>2261</v>
      </c>
      <c r="E859" s="144" t="s">
        <v>643</v>
      </c>
      <c r="F859" s="449" t="s">
        <v>600</v>
      </c>
      <c r="G859" s="414" t="s">
        <v>2224</v>
      </c>
      <c r="H859" s="451"/>
      <c r="I859" s="451"/>
      <c r="J859" s="452"/>
      <c r="K859" s="449"/>
      <c r="L859" s="534">
        <v>38362</v>
      </c>
      <c r="M859" s="417">
        <v>42767</v>
      </c>
      <c r="N859" s="418" t="str">
        <f t="shared" si="26"/>
        <v/>
      </c>
    </row>
    <row r="860" spans="1:14" ht="15.75">
      <c r="A860" s="538"/>
      <c r="B860" s="411">
        <f t="shared" si="27"/>
        <v>55</v>
      </c>
      <c r="C860" s="440" t="s">
        <v>2262</v>
      </c>
      <c r="D860" s="449" t="s">
        <v>2263</v>
      </c>
      <c r="E860" s="144" t="s">
        <v>643</v>
      </c>
      <c r="F860" s="449" t="s">
        <v>600</v>
      </c>
      <c r="G860" s="414" t="s">
        <v>2224</v>
      </c>
      <c r="H860" s="451"/>
      <c r="I860" s="451"/>
      <c r="J860" s="452"/>
      <c r="K860" s="449"/>
      <c r="L860" s="534">
        <v>38362</v>
      </c>
      <c r="M860" s="417">
        <v>42767</v>
      </c>
      <c r="N860" s="418" t="str">
        <f t="shared" si="26"/>
        <v/>
      </c>
    </row>
    <row r="861" spans="1:14" ht="114">
      <c r="A861" s="536">
        <v>56</v>
      </c>
      <c r="B861" s="411">
        <f t="shared" si="27"/>
        <v>56</v>
      </c>
      <c r="C861" s="424" t="s">
        <v>2264</v>
      </c>
      <c r="D861" s="414"/>
      <c r="E861" s="414" t="s">
        <v>707</v>
      </c>
      <c r="F861" s="414" t="s">
        <v>676</v>
      </c>
      <c r="G861" s="414" t="s">
        <v>2224</v>
      </c>
      <c r="H861" s="415"/>
      <c r="I861" s="415"/>
      <c r="J861" s="416" t="s">
        <v>2265</v>
      </c>
      <c r="K861" s="537">
        <v>0.01</v>
      </c>
      <c r="L861" s="417">
        <v>38362</v>
      </c>
      <c r="M861" s="417">
        <v>42767</v>
      </c>
      <c r="N861" s="418" t="str">
        <f t="shared" si="26"/>
        <v/>
      </c>
    </row>
    <row r="862" spans="1:14" ht="94.5">
      <c r="A862" s="538"/>
      <c r="B862" s="411">
        <f t="shared" si="27"/>
        <v>56</v>
      </c>
      <c r="C862" s="613" t="s">
        <v>2266</v>
      </c>
      <c r="D862" s="449"/>
      <c r="E862" s="480"/>
      <c r="F862" s="442"/>
      <c r="G862" s="442" t="s">
        <v>2267</v>
      </c>
      <c r="H862" s="444"/>
      <c r="I862" s="481"/>
      <c r="J862" s="144"/>
      <c r="K862" s="442"/>
      <c r="L862" s="477"/>
      <c r="M862" s="477"/>
      <c r="N862" s="418" t="str">
        <f t="shared" si="26"/>
        <v/>
      </c>
    </row>
    <row r="863" spans="1:14" ht="31.5">
      <c r="A863" s="538"/>
      <c r="B863" s="411">
        <f t="shared" si="27"/>
        <v>56</v>
      </c>
      <c r="C863" s="498" t="s">
        <v>7961</v>
      </c>
      <c r="D863" s="449" t="s">
        <v>7962</v>
      </c>
      <c r="E863" s="480" t="s">
        <v>643</v>
      </c>
      <c r="F863" s="449" t="s">
        <v>600</v>
      </c>
      <c r="G863" s="449" t="s">
        <v>26546</v>
      </c>
      <c r="H863" s="451"/>
      <c r="I863" s="481"/>
      <c r="J863" s="144"/>
      <c r="K863" s="449"/>
      <c r="L863" s="469">
        <v>43497</v>
      </c>
      <c r="M863" s="469"/>
      <c r="N863" s="418" t="str">
        <f t="shared" si="26"/>
        <v/>
      </c>
    </row>
    <row r="864" spans="1:14" ht="47.25">
      <c r="A864" s="538"/>
      <c r="B864" s="411">
        <f t="shared" si="27"/>
        <v>56</v>
      </c>
      <c r="C864" s="440" t="s">
        <v>35315</v>
      </c>
      <c r="D864" s="522" t="s">
        <v>536</v>
      </c>
      <c r="E864" s="480" t="s">
        <v>643</v>
      </c>
      <c r="F864" s="449" t="s">
        <v>600</v>
      </c>
      <c r="G864" s="450" t="s">
        <v>760</v>
      </c>
      <c r="H864" s="451"/>
      <c r="I864" s="481"/>
      <c r="J864" s="144" t="s">
        <v>2268</v>
      </c>
      <c r="K864" s="614"/>
      <c r="L864" s="469">
        <v>38362</v>
      </c>
      <c r="M864" s="469">
        <v>39083</v>
      </c>
      <c r="N864" s="418" t="str">
        <f t="shared" si="26"/>
        <v/>
      </c>
    </row>
    <row r="865" spans="1:14" ht="47.25">
      <c r="A865" s="538"/>
      <c r="B865" s="411">
        <f t="shared" si="27"/>
        <v>56</v>
      </c>
      <c r="C865" s="615" t="s">
        <v>35316</v>
      </c>
      <c r="D865" s="616" t="s">
        <v>2269</v>
      </c>
      <c r="E865" s="617" t="s">
        <v>643</v>
      </c>
      <c r="F865" s="616" t="s">
        <v>600</v>
      </c>
      <c r="G865" s="616"/>
      <c r="H865" s="451"/>
      <c r="I865" s="481"/>
      <c r="J865" s="144" t="s">
        <v>2268</v>
      </c>
      <c r="K865" s="616"/>
      <c r="L865" s="618">
        <v>38362</v>
      </c>
      <c r="M865" s="618">
        <v>41671</v>
      </c>
      <c r="N865" s="418" t="str">
        <f t="shared" si="26"/>
        <v/>
      </c>
    </row>
    <row r="866" spans="1:14" ht="42.75">
      <c r="A866" s="538"/>
      <c r="B866" s="411">
        <f t="shared" si="27"/>
        <v>56</v>
      </c>
      <c r="C866" s="619" t="s">
        <v>2270</v>
      </c>
      <c r="D866" s="620"/>
      <c r="E866" s="621"/>
      <c r="F866" s="620"/>
      <c r="G866" s="620"/>
      <c r="H866" s="622"/>
      <c r="I866" s="623"/>
      <c r="J866" s="624"/>
      <c r="K866" s="620"/>
      <c r="L866" s="625"/>
      <c r="M866" s="625"/>
      <c r="N866" s="418" t="str">
        <f t="shared" si="26"/>
        <v/>
      </c>
    </row>
    <row r="867" spans="1:14" ht="94.5">
      <c r="A867" s="410"/>
      <c r="B867" s="411">
        <f t="shared" si="27"/>
        <v>56</v>
      </c>
      <c r="C867" s="440" t="s">
        <v>35317</v>
      </c>
      <c r="D867" s="522" t="s">
        <v>2271</v>
      </c>
      <c r="E867" s="480" t="s">
        <v>595</v>
      </c>
      <c r="F867" s="449" t="s">
        <v>596</v>
      </c>
      <c r="G867" s="449"/>
      <c r="H867" s="626"/>
      <c r="I867" s="627"/>
      <c r="J867" s="144" t="s">
        <v>2272</v>
      </c>
      <c r="K867" s="522"/>
      <c r="L867" s="455">
        <v>38362</v>
      </c>
      <c r="M867" s="618">
        <v>39083</v>
      </c>
      <c r="N867" s="418" t="str">
        <f t="shared" si="26"/>
        <v/>
      </c>
    </row>
    <row r="868" spans="1:14" ht="15.75">
      <c r="A868" s="383"/>
      <c r="B868" s="411">
        <f t="shared" si="27"/>
        <v>56</v>
      </c>
      <c r="C868" s="619" t="s">
        <v>2273</v>
      </c>
      <c r="D868" s="628"/>
      <c r="E868" s="621"/>
      <c r="F868" s="620"/>
      <c r="G868" s="620"/>
      <c r="H868" s="451"/>
      <c r="I868" s="481"/>
      <c r="J868" s="624"/>
      <c r="K868" s="628"/>
      <c r="L868" s="629"/>
      <c r="M868" s="455"/>
      <c r="N868" s="418" t="str">
        <f t="shared" si="26"/>
        <v/>
      </c>
    </row>
    <row r="869" spans="1:14" ht="78.75">
      <c r="A869" s="383"/>
      <c r="B869" s="411">
        <f t="shared" si="27"/>
        <v>56</v>
      </c>
      <c r="C869" s="498" t="s">
        <v>35318</v>
      </c>
      <c r="D869" s="449" t="s">
        <v>2274</v>
      </c>
      <c r="E869" s="480" t="s">
        <v>707</v>
      </c>
      <c r="F869" s="449" t="s">
        <v>596</v>
      </c>
      <c r="G869" s="449" t="s">
        <v>2275</v>
      </c>
      <c r="H869" s="451"/>
      <c r="I869" s="481"/>
      <c r="J869" s="144"/>
      <c r="K869" s="449"/>
      <c r="L869" s="469">
        <v>38362</v>
      </c>
      <c r="M869" s="469">
        <v>39083</v>
      </c>
      <c r="N869" s="418" t="str">
        <f t="shared" si="26"/>
        <v/>
      </c>
    </row>
    <row r="870" spans="1:14" ht="78.75">
      <c r="A870" s="383"/>
      <c r="B870" s="411">
        <f t="shared" si="27"/>
        <v>56</v>
      </c>
      <c r="C870" s="498" t="s">
        <v>2276</v>
      </c>
      <c r="D870" s="449" t="s">
        <v>2277</v>
      </c>
      <c r="E870" s="449" t="s">
        <v>643</v>
      </c>
      <c r="F870" s="449" t="s">
        <v>600</v>
      </c>
      <c r="G870" s="450" t="s">
        <v>2278</v>
      </c>
      <c r="H870" s="451"/>
      <c r="I870" s="451"/>
      <c r="J870" s="144"/>
      <c r="K870" s="449"/>
      <c r="L870" s="417">
        <v>38362</v>
      </c>
      <c r="M870" s="417">
        <v>41671</v>
      </c>
      <c r="N870" s="418" t="str">
        <f t="shared" si="26"/>
        <v/>
      </c>
    </row>
    <row r="871" spans="1:14" ht="15.75">
      <c r="A871" s="383"/>
      <c r="B871" s="411">
        <f t="shared" si="27"/>
        <v>56</v>
      </c>
      <c r="C871" s="498" t="s">
        <v>2279</v>
      </c>
      <c r="D871" s="449" t="s">
        <v>2280</v>
      </c>
      <c r="E871" s="480" t="s">
        <v>595</v>
      </c>
      <c r="F871" s="449" t="s">
        <v>596</v>
      </c>
      <c r="G871" s="449" t="s">
        <v>2281</v>
      </c>
      <c r="H871" s="451"/>
      <c r="I871" s="451"/>
      <c r="J871" s="144"/>
      <c r="K871" s="449"/>
      <c r="L871" s="469">
        <v>38362</v>
      </c>
      <c r="M871" s="469">
        <v>42036</v>
      </c>
      <c r="N871" s="418" t="str">
        <f t="shared" si="26"/>
        <v/>
      </c>
    </row>
    <row r="872" spans="1:14" ht="78.75">
      <c r="A872" s="383"/>
      <c r="B872" s="411">
        <f t="shared" si="27"/>
        <v>56</v>
      </c>
      <c r="C872" s="498" t="s">
        <v>2282</v>
      </c>
      <c r="D872" s="449" t="s">
        <v>2283</v>
      </c>
      <c r="E872" s="449" t="s">
        <v>643</v>
      </c>
      <c r="F872" s="449" t="s">
        <v>600</v>
      </c>
      <c r="G872" s="450" t="s">
        <v>2278</v>
      </c>
      <c r="H872" s="451"/>
      <c r="I872" s="451"/>
      <c r="J872" s="144"/>
      <c r="K872" s="449"/>
      <c r="L872" s="417">
        <v>38362</v>
      </c>
      <c r="M872" s="417">
        <v>41671</v>
      </c>
      <c r="N872" s="418" t="str">
        <f t="shared" si="26"/>
        <v/>
      </c>
    </row>
    <row r="873" spans="1:14" ht="110.25">
      <c r="A873" s="383"/>
      <c r="B873" s="411">
        <f t="shared" si="27"/>
        <v>56</v>
      </c>
      <c r="C873" s="498" t="s">
        <v>35319</v>
      </c>
      <c r="D873" s="449" t="s">
        <v>2284</v>
      </c>
      <c r="E873" s="449" t="s">
        <v>643</v>
      </c>
      <c r="F873" s="449" t="s">
        <v>600</v>
      </c>
      <c r="G873" s="450" t="s">
        <v>26547</v>
      </c>
      <c r="H873" s="451"/>
      <c r="I873" s="451"/>
      <c r="J873" s="144"/>
      <c r="K873" s="449"/>
      <c r="L873" s="417">
        <v>38362</v>
      </c>
      <c r="M873" s="417">
        <v>43497</v>
      </c>
      <c r="N873" s="418" t="str">
        <f t="shared" si="26"/>
        <v/>
      </c>
    </row>
    <row r="874" spans="1:14" ht="15.75">
      <c r="A874" s="383"/>
      <c r="B874" s="411">
        <f t="shared" si="27"/>
        <v>56</v>
      </c>
      <c r="C874" s="498" t="s">
        <v>2285</v>
      </c>
      <c r="D874" s="449" t="s">
        <v>2286</v>
      </c>
      <c r="E874" s="480" t="s">
        <v>707</v>
      </c>
      <c r="F874" s="449" t="s">
        <v>596</v>
      </c>
      <c r="G874" s="449"/>
      <c r="H874" s="451"/>
      <c r="I874" s="451"/>
      <c r="J874" s="144"/>
      <c r="K874" s="449"/>
      <c r="L874" s="417">
        <v>39845</v>
      </c>
      <c r="M874" s="417"/>
      <c r="N874" s="418" t="str">
        <f t="shared" si="26"/>
        <v/>
      </c>
    </row>
    <row r="875" spans="1:14" ht="15.75">
      <c r="A875" s="383"/>
      <c r="B875" s="411">
        <f t="shared" si="27"/>
        <v>56</v>
      </c>
      <c r="C875" s="498" t="s">
        <v>2287</v>
      </c>
      <c r="D875" s="449" t="s">
        <v>2288</v>
      </c>
      <c r="E875" s="480" t="s">
        <v>707</v>
      </c>
      <c r="F875" s="449" t="s">
        <v>596</v>
      </c>
      <c r="G875" s="449"/>
      <c r="H875" s="451"/>
      <c r="I875" s="451"/>
      <c r="J875" s="144"/>
      <c r="K875" s="449"/>
      <c r="L875" s="417">
        <v>39845</v>
      </c>
      <c r="M875" s="417"/>
      <c r="N875" s="418" t="str">
        <f t="shared" si="26"/>
        <v/>
      </c>
    </row>
    <row r="876" spans="1:14" ht="15.75">
      <c r="A876" s="383"/>
      <c r="B876" s="411">
        <f t="shared" si="27"/>
        <v>56</v>
      </c>
      <c r="C876" s="498" t="s">
        <v>2289</v>
      </c>
      <c r="D876" s="449" t="s">
        <v>2290</v>
      </c>
      <c r="E876" s="480" t="s">
        <v>707</v>
      </c>
      <c r="F876" s="449" t="s">
        <v>596</v>
      </c>
      <c r="G876" s="449"/>
      <c r="H876" s="451"/>
      <c r="I876" s="451"/>
      <c r="J876" s="144"/>
      <c r="K876" s="449"/>
      <c r="L876" s="417">
        <v>39845</v>
      </c>
      <c r="M876" s="417"/>
      <c r="N876" s="418" t="str">
        <f t="shared" si="26"/>
        <v/>
      </c>
    </row>
    <row r="877" spans="1:14" ht="15.75">
      <c r="A877" s="383"/>
      <c r="B877" s="411">
        <f t="shared" si="27"/>
        <v>56</v>
      </c>
      <c r="C877" s="498" t="s">
        <v>2291</v>
      </c>
      <c r="D877" s="449" t="s">
        <v>2292</v>
      </c>
      <c r="E877" s="480" t="s">
        <v>707</v>
      </c>
      <c r="F877" s="449" t="s">
        <v>596</v>
      </c>
      <c r="G877" s="449"/>
      <c r="H877" s="451"/>
      <c r="I877" s="451"/>
      <c r="J877" s="144"/>
      <c r="K877" s="449"/>
      <c r="L877" s="417">
        <v>39845</v>
      </c>
      <c r="M877" s="417"/>
      <c r="N877" s="418" t="str">
        <f t="shared" si="26"/>
        <v/>
      </c>
    </row>
    <row r="878" spans="1:14" ht="15.75">
      <c r="A878" s="383"/>
      <c r="B878" s="411">
        <f t="shared" si="27"/>
        <v>56</v>
      </c>
      <c r="C878" s="498" t="s">
        <v>2293</v>
      </c>
      <c r="D878" s="449" t="s">
        <v>2294</v>
      </c>
      <c r="E878" s="480" t="s">
        <v>707</v>
      </c>
      <c r="F878" s="449" t="s">
        <v>596</v>
      </c>
      <c r="G878" s="449"/>
      <c r="H878" s="451"/>
      <c r="I878" s="481"/>
      <c r="J878" s="144"/>
      <c r="K878" s="449"/>
      <c r="L878" s="417">
        <v>39845</v>
      </c>
      <c r="M878" s="417"/>
      <c r="N878" s="418" t="str">
        <f t="shared" si="26"/>
        <v/>
      </c>
    </row>
    <row r="879" spans="1:14" ht="31.5">
      <c r="A879" s="383"/>
      <c r="B879" s="411">
        <f t="shared" si="27"/>
        <v>56</v>
      </c>
      <c r="C879" s="630" t="s">
        <v>26548</v>
      </c>
      <c r="D879" s="140" t="s">
        <v>26549</v>
      </c>
      <c r="E879" s="480" t="s">
        <v>643</v>
      </c>
      <c r="F879" s="449" t="s">
        <v>600</v>
      </c>
      <c r="G879" s="449" t="s">
        <v>26546</v>
      </c>
      <c r="H879" s="451"/>
      <c r="I879" s="481"/>
      <c r="J879" s="144"/>
      <c r="K879" s="449"/>
      <c r="L879" s="417">
        <v>43497</v>
      </c>
      <c r="M879" s="417"/>
      <c r="N879" s="418" t="str">
        <f t="shared" si="26"/>
        <v/>
      </c>
    </row>
    <row r="880" spans="1:14" ht="31.5">
      <c r="A880" s="383"/>
      <c r="B880" s="411">
        <f t="shared" si="27"/>
        <v>56</v>
      </c>
      <c r="C880" s="630" t="s">
        <v>26550</v>
      </c>
      <c r="D880" s="140" t="s">
        <v>26551</v>
      </c>
      <c r="E880" s="480" t="s">
        <v>643</v>
      </c>
      <c r="F880" s="449" t="s">
        <v>600</v>
      </c>
      <c r="G880" s="449" t="s">
        <v>26546</v>
      </c>
      <c r="H880" s="451"/>
      <c r="I880" s="481"/>
      <c r="J880" s="144"/>
      <c r="K880" s="449"/>
      <c r="L880" s="417">
        <v>43497</v>
      </c>
      <c r="M880" s="417"/>
      <c r="N880" s="418" t="str">
        <f t="shared" si="26"/>
        <v/>
      </c>
    </row>
    <row r="881" spans="1:14" ht="31.5">
      <c r="A881" s="383"/>
      <c r="B881" s="411">
        <f t="shared" si="27"/>
        <v>56</v>
      </c>
      <c r="C881" s="630" t="s">
        <v>26552</v>
      </c>
      <c r="D881" s="140" t="s">
        <v>26553</v>
      </c>
      <c r="E881" s="480" t="s">
        <v>643</v>
      </c>
      <c r="F881" s="449" t="s">
        <v>600</v>
      </c>
      <c r="G881" s="449" t="s">
        <v>26546</v>
      </c>
      <c r="H881" s="451"/>
      <c r="I881" s="481"/>
      <c r="J881" s="144"/>
      <c r="K881" s="449"/>
      <c r="L881" s="417">
        <v>43497</v>
      </c>
      <c r="M881" s="417"/>
      <c r="N881" s="418" t="str">
        <f t="shared" si="26"/>
        <v/>
      </c>
    </row>
    <row r="882" spans="1:14" ht="31.5">
      <c r="A882" s="383"/>
      <c r="B882" s="411">
        <f t="shared" si="27"/>
        <v>56</v>
      </c>
      <c r="C882" s="630" t="s">
        <v>26554</v>
      </c>
      <c r="D882" s="140" t="s">
        <v>26555</v>
      </c>
      <c r="E882" s="480" t="s">
        <v>643</v>
      </c>
      <c r="F882" s="449" t="s">
        <v>600</v>
      </c>
      <c r="G882" s="449" t="s">
        <v>26546</v>
      </c>
      <c r="H882" s="451"/>
      <c r="I882" s="481"/>
      <c r="J882" s="144"/>
      <c r="K882" s="449"/>
      <c r="L882" s="417">
        <v>43497</v>
      </c>
      <c r="M882" s="417"/>
      <c r="N882" s="418" t="str">
        <f t="shared" si="26"/>
        <v/>
      </c>
    </row>
    <row r="883" spans="1:14" ht="31.5">
      <c r="A883" s="383"/>
      <c r="B883" s="411">
        <f t="shared" si="27"/>
        <v>56</v>
      </c>
      <c r="C883" s="630" t="s">
        <v>26556</v>
      </c>
      <c r="D883" s="140" t="s">
        <v>26557</v>
      </c>
      <c r="E883" s="480" t="s">
        <v>643</v>
      </c>
      <c r="F883" s="449" t="s">
        <v>600</v>
      </c>
      <c r="G883" s="449" t="s">
        <v>26546</v>
      </c>
      <c r="H883" s="451"/>
      <c r="I883" s="481"/>
      <c r="J883" s="144"/>
      <c r="K883" s="449"/>
      <c r="L883" s="417">
        <v>43497</v>
      </c>
      <c r="M883" s="417"/>
      <c r="N883" s="418" t="str">
        <f t="shared" si="26"/>
        <v/>
      </c>
    </row>
    <row r="884" spans="1:14" ht="31.5">
      <c r="A884" s="383"/>
      <c r="B884" s="411">
        <f t="shared" si="27"/>
        <v>56</v>
      </c>
      <c r="C884" s="630" t="s">
        <v>26558</v>
      </c>
      <c r="D884" s="140" t="s">
        <v>26559</v>
      </c>
      <c r="E884" s="480" t="s">
        <v>643</v>
      </c>
      <c r="F884" s="449" t="s">
        <v>600</v>
      </c>
      <c r="G884" s="449" t="s">
        <v>26546</v>
      </c>
      <c r="H884" s="451"/>
      <c r="I884" s="481"/>
      <c r="J884" s="144"/>
      <c r="K884" s="449"/>
      <c r="L884" s="417">
        <v>43497</v>
      </c>
      <c r="M884" s="417"/>
      <c r="N884" s="418" t="str">
        <f t="shared" si="26"/>
        <v/>
      </c>
    </row>
    <row r="885" spans="1:14" ht="31.5">
      <c r="A885" s="383"/>
      <c r="B885" s="411">
        <f t="shared" si="27"/>
        <v>56</v>
      </c>
      <c r="C885" s="630" t="s">
        <v>26560</v>
      </c>
      <c r="D885" s="140" t="s">
        <v>26561</v>
      </c>
      <c r="E885" s="480" t="s">
        <v>643</v>
      </c>
      <c r="F885" s="449" t="s">
        <v>600</v>
      </c>
      <c r="G885" s="449" t="s">
        <v>26546</v>
      </c>
      <c r="H885" s="451"/>
      <c r="I885" s="481"/>
      <c r="J885" s="144"/>
      <c r="K885" s="449"/>
      <c r="L885" s="417">
        <v>43497</v>
      </c>
      <c r="M885" s="417"/>
      <c r="N885" s="418" t="str">
        <f t="shared" si="26"/>
        <v/>
      </c>
    </row>
    <row r="886" spans="1:14" ht="31.5">
      <c r="A886" s="383"/>
      <c r="B886" s="411">
        <f t="shared" si="27"/>
        <v>56</v>
      </c>
      <c r="C886" s="630" t="s">
        <v>26562</v>
      </c>
      <c r="D886" s="140" t="s">
        <v>26563</v>
      </c>
      <c r="E886" s="480" t="s">
        <v>643</v>
      </c>
      <c r="F886" s="449" t="s">
        <v>600</v>
      </c>
      <c r="G886" s="449" t="s">
        <v>26546</v>
      </c>
      <c r="H886" s="451"/>
      <c r="I886" s="481"/>
      <c r="J886" s="144"/>
      <c r="K886" s="449"/>
      <c r="L886" s="417">
        <v>43497</v>
      </c>
      <c r="M886" s="417"/>
      <c r="N886" s="418" t="str">
        <f t="shared" si="26"/>
        <v/>
      </c>
    </row>
    <row r="887" spans="1:14" ht="31.5">
      <c r="A887" s="383"/>
      <c r="B887" s="411">
        <f t="shared" si="27"/>
        <v>56</v>
      </c>
      <c r="C887" s="630" t="s">
        <v>26564</v>
      </c>
      <c r="D887" s="140" t="s">
        <v>26565</v>
      </c>
      <c r="E887" s="480" t="s">
        <v>643</v>
      </c>
      <c r="F887" s="449" t="s">
        <v>600</v>
      </c>
      <c r="G887" s="449" t="s">
        <v>26546</v>
      </c>
      <c r="H887" s="451"/>
      <c r="I887" s="481"/>
      <c r="J887" s="144"/>
      <c r="K887" s="449"/>
      <c r="L887" s="417">
        <v>43497</v>
      </c>
      <c r="M887" s="417"/>
      <c r="N887" s="418" t="str">
        <f t="shared" si="26"/>
        <v/>
      </c>
    </row>
    <row r="888" spans="1:14" ht="31.5">
      <c r="A888" s="383"/>
      <c r="B888" s="411">
        <f t="shared" si="27"/>
        <v>56</v>
      </c>
      <c r="C888" s="630" t="s">
        <v>26566</v>
      </c>
      <c r="D888" s="140" t="s">
        <v>26567</v>
      </c>
      <c r="E888" s="480" t="s">
        <v>643</v>
      </c>
      <c r="F888" s="449" t="s">
        <v>600</v>
      </c>
      <c r="G888" s="449" t="s">
        <v>26546</v>
      </c>
      <c r="H888" s="451"/>
      <c r="I888" s="481"/>
      <c r="J888" s="144"/>
      <c r="K888" s="449"/>
      <c r="L888" s="417">
        <v>43497</v>
      </c>
      <c r="M888" s="417"/>
      <c r="N888" s="418" t="str">
        <f t="shared" si="26"/>
        <v/>
      </c>
    </row>
    <row r="889" spans="1:14" ht="31.5">
      <c r="A889" s="383"/>
      <c r="B889" s="411">
        <f t="shared" si="27"/>
        <v>56</v>
      </c>
      <c r="C889" s="631" t="s">
        <v>26568</v>
      </c>
      <c r="D889" s="140" t="s">
        <v>26569</v>
      </c>
      <c r="E889" s="480" t="s">
        <v>643</v>
      </c>
      <c r="F889" s="449" t="s">
        <v>600</v>
      </c>
      <c r="G889" s="449" t="s">
        <v>26546</v>
      </c>
      <c r="H889" s="451"/>
      <c r="I889" s="481"/>
      <c r="J889" s="144"/>
      <c r="K889" s="449"/>
      <c r="L889" s="417">
        <v>43497</v>
      </c>
      <c r="M889" s="417"/>
      <c r="N889" s="418" t="str">
        <f t="shared" si="26"/>
        <v/>
      </c>
    </row>
    <row r="890" spans="1:14" ht="31.5">
      <c r="A890" s="536">
        <v>57</v>
      </c>
      <c r="B890" s="411">
        <f t="shared" si="27"/>
        <v>57</v>
      </c>
      <c r="C890" s="436" t="s">
        <v>2295</v>
      </c>
      <c r="D890" s="413" t="s">
        <v>2296</v>
      </c>
      <c r="E890" s="414" t="s">
        <v>595</v>
      </c>
      <c r="F890" s="414" t="s">
        <v>596</v>
      </c>
      <c r="G890" s="414" t="s">
        <v>1390</v>
      </c>
      <c r="H890" s="415"/>
      <c r="I890" s="415"/>
      <c r="J890" s="414" t="s">
        <v>2297</v>
      </c>
      <c r="K890" s="414"/>
      <c r="L890" s="417">
        <v>42767</v>
      </c>
      <c r="M890" s="417"/>
      <c r="N890" s="418" t="str">
        <f t="shared" si="26"/>
        <v/>
      </c>
    </row>
    <row r="891" spans="1:14" ht="78.75">
      <c r="A891" s="536">
        <v>58</v>
      </c>
      <c r="B891" s="411">
        <f t="shared" si="27"/>
        <v>58</v>
      </c>
      <c r="C891" s="424" t="s">
        <v>2298</v>
      </c>
      <c r="D891" s="414"/>
      <c r="E891" s="414" t="s">
        <v>707</v>
      </c>
      <c r="F891" s="458" t="s">
        <v>600</v>
      </c>
      <c r="G891" s="458" t="s">
        <v>2299</v>
      </c>
      <c r="H891" s="415" t="s">
        <v>710</v>
      </c>
      <c r="I891" s="460" t="s">
        <v>711</v>
      </c>
      <c r="J891" s="528" t="s">
        <v>2300</v>
      </c>
      <c r="K891" s="632" t="s">
        <v>2301</v>
      </c>
      <c r="L891" s="417">
        <v>38362</v>
      </c>
      <c r="M891" s="417">
        <v>42767</v>
      </c>
      <c r="N891" s="418" t="str">
        <f t="shared" si="26"/>
        <v/>
      </c>
    </row>
    <row r="892" spans="1:14" ht="31.5">
      <c r="A892" s="538"/>
      <c r="B892" s="411">
        <f t="shared" si="27"/>
        <v>58</v>
      </c>
      <c r="C892" s="633" t="s">
        <v>2302</v>
      </c>
      <c r="D892" s="445" t="s">
        <v>2303</v>
      </c>
      <c r="E892" s="452" t="s">
        <v>707</v>
      </c>
      <c r="F892" s="449" t="s">
        <v>600</v>
      </c>
      <c r="G892" s="442" t="s">
        <v>811</v>
      </c>
      <c r="H892" s="444">
        <v>42999</v>
      </c>
      <c r="I892" s="444" t="s">
        <v>711</v>
      </c>
      <c r="J892" s="577"/>
      <c r="K892" s="539"/>
      <c r="L892" s="448">
        <v>38362</v>
      </c>
      <c r="M892" s="448"/>
      <c r="N892" s="418" t="str">
        <f t="shared" si="26"/>
        <v/>
      </c>
    </row>
    <row r="893" spans="1:14" ht="15.75">
      <c r="A893" s="538"/>
      <c r="B893" s="411">
        <f t="shared" si="27"/>
        <v>58</v>
      </c>
      <c r="C893" s="440" t="s">
        <v>2304</v>
      </c>
      <c r="D893" s="452" t="s">
        <v>2305</v>
      </c>
      <c r="E893" s="452" t="s">
        <v>707</v>
      </c>
      <c r="F893" s="449" t="s">
        <v>600</v>
      </c>
      <c r="G893" s="450"/>
      <c r="H893" s="451"/>
      <c r="I893" s="451"/>
      <c r="J893" s="144"/>
      <c r="K893" s="517"/>
      <c r="L893" s="455">
        <v>38362</v>
      </c>
      <c r="M893" s="455"/>
      <c r="N893" s="418" t="str">
        <f t="shared" si="26"/>
        <v/>
      </c>
    </row>
    <row r="894" spans="1:14" ht="15.75">
      <c r="A894" s="538"/>
      <c r="B894" s="411">
        <f t="shared" si="27"/>
        <v>58</v>
      </c>
      <c r="C894" s="440" t="s">
        <v>2306</v>
      </c>
      <c r="D894" s="452" t="s">
        <v>2307</v>
      </c>
      <c r="E894" s="452" t="s">
        <v>707</v>
      </c>
      <c r="F894" s="449" t="s">
        <v>600</v>
      </c>
      <c r="G894" s="450"/>
      <c r="H894" s="451"/>
      <c r="I894" s="451"/>
      <c r="J894" s="144"/>
      <c r="K894" s="517"/>
      <c r="L894" s="455">
        <v>38362</v>
      </c>
      <c r="M894" s="455"/>
      <c r="N894" s="418" t="str">
        <f t="shared" si="26"/>
        <v/>
      </c>
    </row>
    <row r="895" spans="1:14" ht="15.75">
      <c r="A895" s="538"/>
      <c r="B895" s="411">
        <f t="shared" si="27"/>
        <v>58</v>
      </c>
      <c r="C895" s="498" t="s">
        <v>2064</v>
      </c>
      <c r="D895" s="449" t="s">
        <v>2065</v>
      </c>
      <c r="E895" s="510" t="s">
        <v>707</v>
      </c>
      <c r="F895" s="449" t="s">
        <v>600</v>
      </c>
      <c r="G895" s="450"/>
      <c r="H895" s="451"/>
      <c r="I895" s="451"/>
      <c r="J895" s="144"/>
      <c r="K895" s="517"/>
      <c r="L895" s="455">
        <v>41671</v>
      </c>
      <c r="M895" s="455"/>
      <c r="N895" s="418" t="str">
        <f t="shared" si="26"/>
        <v>DUPLICATE</v>
      </c>
    </row>
    <row r="896" spans="1:14" ht="31.5">
      <c r="A896" s="538"/>
      <c r="B896" s="411">
        <f t="shared" si="27"/>
        <v>58</v>
      </c>
      <c r="C896" s="440" t="s">
        <v>2308</v>
      </c>
      <c r="D896" s="452" t="s">
        <v>2309</v>
      </c>
      <c r="E896" s="452" t="s">
        <v>707</v>
      </c>
      <c r="F896" s="449" t="s">
        <v>600</v>
      </c>
      <c r="G896" s="449" t="s">
        <v>2310</v>
      </c>
      <c r="H896" s="451"/>
      <c r="I896" s="451"/>
      <c r="J896" s="144"/>
      <c r="K896" s="517"/>
      <c r="L896" s="455">
        <v>38362</v>
      </c>
      <c r="M896" s="455"/>
      <c r="N896" s="418" t="str">
        <f t="shared" si="26"/>
        <v>DUPLICATE</v>
      </c>
    </row>
    <row r="897" spans="1:14" ht="15.75">
      <c r="A897" s="383"/>
      <c r="B897" s="411">
        <f t="shared" si="27"/>
        <v>58</v>
      </c>
      <c r="C897" s="440" t="s">
        <v>2311</v>
      </c>
      <c r="D897" s="452" t="s">
        <v>2312</v>
      </c>
      <c r="E897" s="452" t="s">
        <v>707</v>
      </c>
      <c r="F897" s="449" t="s">
        <v>600</v>
      </c>
      <c r="G897" s="450"/>
      <c r="H897" s="451"/>
      <c r="I897" s="451"/>
      <c r="J897" s="144"/>
      <c r="K897" s="517"/>
      <c r="L897" s="455">
        <v>38362</v>
      </c>
      <c r="M897" s="455"/>
      <c r="N897" s="418" t="str">
        <f t="shared" si="26"/>
        <v/>
      </c>
    </row>
    <row r="898" spans="1:14" ht="15.75">
      <c r="A898" s="383"/>
      <c r="B898" s="411">
        <f t="shared" si="27"/>
        <v>58</v>
      </c>
      <c r="C898" s="498" t="s">
        <v>2313</v>
      </c>
      <c r="D898" s="449" t="s">
        <v>2314</v>
      </c>
      <c r="E898" s="452" t="s">
        <v>707</v>
      </c>
      <c r="F898" s="449" t="s">
        <v>600</v>
      </c>
      <c r="G898" s="450"/>
      <c r="H898" s="451"/>
      <c r="I898" s="451"/>
      <c r="J898" s="144"/>
      <c r="K898" s="517"/>
      <c r="L898" s="455">
        <v>40940</v>
      </c>
      <c r="M898" s="455"/>
      <c r="N898" s="418" t="str">
        <f t="shared" si="26"/>
        <v/>
      </c>
    </row>
    <row r="899" spans="1:14" ht="15.75">
      <c r="A899" s="538"/>
      <c r="B899" s="411">
        <f t="shared" si="27"/>
        <v>58</v>
      </c>
      <c r="C899" s="498" t="s">
        <v>2315</v>
      </c>
      <c r="D899" s="449" t="s">
        <v>2316</v>
      </c>
      <c r="E899" s="452" t="s">
        <v>707</v>
      </c>
      <c r="F899" s="449" t="s">
        <v>600</v>
      </c>
      <c r="G899" s="450"/>
      <c r="H899" s="451"/>
      <c r="I899" s="451"/>
      <c r="J899" s="144"/>
      <c r="K899" s="517"/>
      <c r="L899" s="455">
        <v>38362</v>
      </c>
      <c r="M899" s="455"/>
      <c r="N899" s="418" t="str">
        <f t="shared" si="26"/>
        <v/>
      </c>
    </row>
    <row r="900" spans="1:14" ht="15.75">
      <c r="A900" s="538"/>
      <c r="B900" s="411">
        <f t="shared" si="27"/>
        <v>58</v>
      </c>
      <c r="C900" s="440" t="s">
        <v>2317</v>
      </c>
      <c r="D900" s="452" t="s">
        <v>2318</v>
      </c>
      <c r="E900" s="452" t="s">
        <v>707</v>
      </c>
      <c r="F900" s="449" t="s">
        <v>600</v>
      </c>
      <c r="G900" s="450"/>
      <c r="H900" s="451"/>
      <c r="I900" s="451"/>
      <c r="J900" s="144"/>
      <c r="K900" s="517"/>
      <c r="L900" s="455">
        <v>38362</v>
      </c>
      <c r="M900" s="455"/>
      <c r="N900" s="418" t="str">
        <f t="shared" si="26"/>
        <v/>
      </c>
    </row>
    <row r="901" spans="1:14" ht="31.5">
      <c r="A901" s="538"/>
      <c r="B901" s="411">
        <f t="shared" si="27"/>
        <v>58</v>
      </c>
      <c r="C901" s="440" t="s">
        <v>2319</v>
      </c>
      <c r="D901" s="144" t="s">
        <v>2320</v>
      </c>
      <c r="E901" s="449" t="s">
        <v>707</v>
      </c>
      <c r="F901" s="449" t="s">
        <v>600</v>
      </c>
      <c r="G901" s="449" t="s">
        <v>811</v>
      </c>
      <c r="H901" s="451">
        <v>42999</v>
      </c>
      <c r="I901" s="481" t="s">
        <v>711</v>
      </c>
      <c r="J901" s="144"/>
      <c r="K901" s="522"/>
      <c r="L901" s="634">
        <v>38362</v>
      </c>
      <c r="M901" s="455"/>
      <c r="N901" s="418" t="str">
        <f t="shared" si="26"/>
        <v/>
      </c>
    </row>
    <row r="902" spans="1:14" ht="31.5">
      <c r="A902" s="538"/>
      <c r="B902" s="411">
        <f t="shared" si="27"/>
        <v>58</v>
      </c>
      <c r="C902" s="440" t="s">
        <v>2321</v>
      </c>
      <c r="D902" s="452" t="s">
        <v>2322</v>
      </c>
      <c r="E902" s="452" t="s">
        <v>707</v>
      </c>
      <c r="F902" s="449" t="s">
        <v>600</v>
      </c>
      <c r="G902" s="449" t="s">
        <v>811</v>
      </c>
      <c r="H902" s="451">
        <v>42999</v>
      </c>
      <c r="I902" s="451" t="s">
        <v>711</v>
      </c>
      <c r="J902" s="144"/>
      <c r="K902" s="522"/>
      <c r="L902" s="455">
        <v>38362</v>
      </c>
      <c r="M902" s="455"/>
      <c r="N902" s="418" t="str">
        <f t="shared" si="26"/>
        <v/>
      </c>
    </row>
    <row r="903" spans="1:14" ht="15.75">
      <c r="A903" s="383"/>
      <c r="B903" s="411">
        <f t="shared" si="27"/>
        <v>58</v>
      </c>
      <c r="C903" s="440" t="s">
        <v>2323</v>
      </c>
      <c r="D903" s="144" t="s">
        <v>2324</v>
      </c>
      <c r="E903" s="449" t="s">
        <v>707</v>
      </c>
      <c r="F903" s="449" t="s">
        <v>600</v>
      </c>
      <c r="G903" s="450"/>
      <c r="H903" s="451"/>
      <c r="I903" s="481"/>
      <c r="J903" s="144"/>
      <c r="K903" s="517"/>
      <c r="L903" s="634">
        <v>38362</v>
      </c>
      <c r="M903" s="455"/>
      <c r="N903" s="418" t="str">
        <f t="shared" si="26"/>
        <v>DUPLICATE</v>
      </c>
    </row>
    <row r="904" spans="1:14" ht="15.75">
      <c r="A904" s="538"/>
      <c r="B904" s="411">
        <f t="shared" si="27"/>
        <v>58</v>
      </c>
      <c r="C904" s="498" t="s">
        <v>2325</v>
      </c>
      <c r="D904" s="449" t="s">
        <v>2326</v>
      </c>
      <c r="E904" s="452" t="s">
        <v>707</v>
      </c>
      <c r="F904" s="449" t="s">
        <v>600</v>
      </c>
      <c r="G904" s="450"/>
      <c r="H904" s="451"/>
      <c r="I904" s="451"/>
      <c r="J904" s="144"/>
      <c r="K904" s="517"/>
      <c r="L904" s="455">
        <v>38362</v>
      </c>
      <c r="M904" s="455"/>
      <c r="N904" s="418" t="str">
        <f t="shared" si="26"/>
        <v/>
      </c>
    </row>
    <row r="905" spans="1:14" ht="15.75">
      <c r="A905" s="383"/>
      <c r="B905" s="411">
        <f t="shared" si="27"/>
        <v>58</v>
      </c>
      <c r="C905" s="440" t="s">
        <v>2327</v>
      </c>
      <c r="D905" s="452" t="s">
        <v>2328</v>
      </c>
      <c r="E905" s="452" t="s">
        <v>707</v>
      </c>
      <c r="F905" s="449" t="s">
        <v>600</v>
      </c>
      <c r="G905" s="450"/>
      <c r="H905" s="451"/>
      <c r="I905" s="451"/>
      <c r="J905" s="144"/>
      <c r="K905" s="517"/>
      <c r="L905" s="455">
        <v>38362</v>
      </c>
      <c r="M905" s="455"/>
      <c r="N905" s="418" t="str">
        <f t="shared" si="26"/>
        <v/>
      </c>
    </row>
    <row r="906" spans="1:14" ht="15.75">
      <c r="A906" s="538"/>
      <c r="B906" s="411">
        <f t="shared" si="27"/>
        <v>58</v>
      </c>
      <c r="C906" s="498" t="s">
        <v>2329</v>
      </c>
      <c r="D906" s="449" t="s">
        <v>2330</v>
      </c>
      <c r="E906" s="452" t="s">
        <v>707</v>
      </c>
      <c r="F906" s="449" t="s">
        <v>600</v>
      </c>
      <c r="G906" s="450"/>
      <c r="H906" s="451"/>
      <c r="I906" s="451"/>
      <c r="J906" s="144"/>
      <c r="K906" s="517"/>
      <c r="L906" s="455">
        <v>38362</v>
      </c>
      <c r="M906" s="455"/>
      <c r="N906" s="418" t="str">
        <f t="shared" si="26"/>
        <v/>
      </c>
    </row>
    <row r="907" spans="1:14" ht="15.75">
      <c r="A907" s="538"/>
      <c r="B907" s="411">
        <f t="shared" si="27"/>
        <v>58</v>
      </c>
      <c r="C907" s="498" t="s">
        <v>2331</v>
      </c>
      <c r="D907" s="449" t="s">
        <v>2332</v>
      </c>
      <c r="E907" s="452" t="s">
        <v>707</v>
      </c>
      <c r="F907" s="449" t="s">
        <v>600</v>
      </c>
      <c r="G907" s="450"/>
      <c r="H907" s="451"/>
      <c r="I907" s="481"/>
      <c r="J907" s="144"/>
      <c r="K907" s="540"/>
      <c r="L907" s="455">
        <v>38362</v>
      </c>
      <c r="M907" s="455"/>
      <c r="N907" s="418" t="str">
        <f t="shared" si="26"/>
        <v/>
      </c>
    </row>
    <row r="908" spans="1:14" ht="15.75">
      <c r="A908" s="538"/>
      <c r="B908" s="411">
        <f t="shared" si="27"/>
        <v>58</v>
      </c>
      <c r="C908" s="440" t="s">
        <v>2333</v>
      </c>
      <c r="D908" s="452" t="s">
        <v>2334</v>
      </c>
      <c r="E908" s="452" t="s">
        <v>707</v>
      </c>
      <c r="F908" s="449" t="s">
        <v>600</v>
      </c>
      <c r="G908" s="450"/>
      <c r="H908" s="451"/>
      <c r="I908" s="451"/>
      <c r="J908" s="144"/>
      <c r="K908" s="517"/>
      <c r="L908" s="455">
        <v>38362</v>
      </c>
      <c r="M908" s="455"/>
      <c r="N908" s="418" t="str">
        <f t="shared" si="26"/>
        <v/>
      </c>
    </row>
    <row r="909" spans="1:14" ht="15.75">
      <c r="A909" s="538"/>
      <c r="B909" s="411">
        <f t="shared" si="27"/>
        <v>58</v>
      </c>
      <c r="C909" s="440" t="s">
        <v>2335</v>
      </c>
      <c r="D909" s="452" t="s">
        <v>2336</v>
      </c>
      <c r="E909" s="452" t="s">
        <v>707</v>
      </c>
      <c r="F909" s="449" t="s">
        <v>600</v>
      </c>
      <c r="G909" s="450"/>
      <c r="H909" s="451"/>
      <c r="I909" s="451"/>
      <c r="J909" s="144"/>
      <c r="K909" s="517"/>
      <c r="L909" s="455">
        <v>38362</v>
      </c>
      <c r="M909" s="455"/>
      <c r="N909" s="418" t="str">
        <f t="shared" si="26"/>
        <v/>
      </c>
    </row>
    <row r="910" spans="1:14" ht="15.75">
      <c r="A910" s="538"/>
      <c r="B910" s="411">
        <f t="shared" si="27"/>
        <v>58</v>
      </c>
      <c r="C910" s="440" t="s">
        <v>2337</v>
      </c>
      <c r="D910" s="452" t="s">
        <v>2338</v>
      </c>
      <c r="E910" s="452" t="s">
        <v>707</v>
      </c>
      <c r="F910" s="449" t="s">
        <v>600</v>
      </c>
      <c r="G910" s="450"/>
      <c r="H910" s="451"/>
      <c r="I910" s="451"/>
      <c r="J910" s="144"/>
      <c r="K910" s="517"/>
      <c r="L910" s="455">
        <v>38362</v>
      </c>
      <c r="M910" s="455"/>
      <c r="N910" s="418" t="str">
        <f t="shared" si="26"/>
        <v/>
      </c>
    </row>
    <row r="911" spans="1:14" ht="15.75">
      <c r="A911" s="538"/>
      <c r="B911" s="411">
        <f t="shared" si="27"/>
        <v>58</v>
      </c>
      <c r="C911" s="498" t="s">
        <v>2339</v>
      </c>
      <c r="D911" s="449" t="s">
        <v>2340</v>
      </c>
      <c r="E911" s="144" t="s">
        <v>707</v>
      </c>
      <c r="F911" s="449" t="s">
        <v>600</v>
      </c>
      <c r="G911" s="450"/>
      <c r="H911" s="451"/>
      <c r="I911" s="451"/>
      <c r="J911" s="144"/>
      <c r="K911" s="517"/>
      <c r="L911" s="455">
        <v>41671</v>
      </c>
      <c r="M911" s="455"/>
      <c r="N911" s="418" t="str">
        <f t="shared" si="26"/>
        <v>DUPLICATE</v>
      </c>
    </row>
    <row r="912" spans="1:14" ht="15.75">
      <c r="A912" s="538"/>
      <c r="B912" s="411">
        <f t="shared" si="27"/>
        <v>58</v>
      </c>
      <c r="C912" s="440" t="s">
        <v>2341</v>
      </c>
      <c r="D912" s="452" t="s">
        <v>2342</v>
      </c>
      <c r="E912" s="452" t="s">
        <v>707</v>
      </c>
      <c r="F912" s="449" t="s">
        <v>600</v>
      </c>
      <c r="G912" s="450"/>
      <c r="H912" s="451"/>
      <c r="I912" s="451"/>
      <c r="J912" s="144"/>
      <c r="K912" s="517"/>
      <c r="L912" s="455">
        <v>38362</v>
      </c>
      <c r="M912" s="455"/>
      <c r="N912" s="418" t="str">
        <f t="shared" si="26"/>
        <v/>
      </c>
    </row>
    <row r="913" spans="1:14" ht="31.5">
      <c r="A913" s="538"/>
      <c r="B913" s="411">
        <f t="shared" si="27"/>
        <v>58</v>
      </c>
      <c r="C913" s="440" t="s">
        <v>2343</v>
      </c>
      <c r="D913" s="452" t="s">
        <v>453</v>
      </c>
      <c r="E913" s="452" t="s">
        <v>707</v>
      </c>
      <c r="F913" s="449" t="s">
        <v>600</v>
      </c>
      <c r="G913" s="449" t="s">
        <v>811</v>
      </c>
      <c r="H913" s="451">
        <v>42999</v>
      </c>
      <c r="I913" s="451" t="s">
        <v>711</v>
      </c>
      <c r="J913" s="144"/>
      <c r="K913" s="522"/>
      <c r="L913" s="455">
        <v>38362</v>
      </c>
      <c r="M913" s="455">
        <v>42401</v>
      </c>
      <c r="N913" s="418" t="str">
        <f t="shared" si="26"/>
        <v>DUPLICATE</v>
      </c>
    </row>
    <row r="914" spans="1:14" ht="15.75">
      <c r="A914" s="538"/>
      <c r="B914" s="411">
        <f t="shared" si="27"/>
        <v>58</v>
      </c>
      <c r="C914" s="440" t="s">
        <v>2344</v>
      </c>
      <c r="D914" s="452" t="s">
        <v>2345</v>
      </c>
      <c r="E914" s="452" t="s">
        <v>707</v>
      </c>
      <c r="F914" s="449" t="s">
        <v>600</v>
      </c>
      <c r="G914" s="450"/>
      <c r="H914" s="451"/>
      <c r="I914" s="451"/>
      <c r="J914" s="144"/>
      <c r="K914" s="517"/>
      <c r="L914" s="455">
        <v>38362</v>
      </c>
      <c r="M914" s="455"/>
      <c r="N914" s="418" t="str">
        <f t="shared" si="26"/>
        <v/>
      </c>
    </row>
    <row r="915" spans="1:14" ht="28.5">
      <c r="A915" s="635"/>
      <c r="B915" s="411">
        <f t="shared" si="27"/>
        <v>58</v>
      </c>
      <c r="C915" s="440" t="s">
        <v>2346</v>
      </c>
      <c r="D915" s="452" t="s">
        <v>2347</v>
      </c>
      <c r="E915" s="636" t="s">
        <v>707</v>
      </c>
      <c r="F915" s="637" t="s">
        <v>600</v>
      </c>
      <c r="G915" s="637"/>
      <c r="H915" s="638"/>
      <c r="I915" s="638"/>
      <c r="J915" s="639"/>
      <c r="K915" s="640"/>
      <c r="L915" s="455">
        <v>38362</v>
      </c>
      <c r="M915" s="455">
        <v>40940</v>
      </c>
      <c r="N915" s="418" t="str">
        <f t="shared" si="26"/>
        <v>DUPLICATE</v>
      </c>
    </row>
    <row r="916" spans="1:14" ht="15.75">
      <c r="A916" s="538"/>
      <c r="B916" s="411">
        <f t="shared" si="27"/>
        <v>58</v>
      </c>
      <c r="C916" s="440" t="s">
        <v>2348</v>
      </c>
      <c r="D916" s="452" t="s">
        <v>2349</v>
      </c>
      <c r="E916" s="452" t="s">
        <v>707</v>
      </c>
      <c r="F916" s="449" t="s">
        <v>600</v>
      </c>
      <c r="G916" s="450"/>
      <c r="H916" s="451"/>
      <c r="I916" s="451"/>
      <c r="J916" s="144"/>
      <c r="K916" s="517"/>
      <c r="L916" s="455">
        <v>38362</v>
      </c>
      <c r="M916" s="455"/>
      <c r="N916" s="418" t="str">
        <f t="shared" si="26"/>
        <v/>
      </c>
    </row>
    <row r="917" spans="1:14" ht="15.75">
      <c r="A917" s="538"/>
      <c r="B917" s="411">
        <f t="shared" si="27"/>
        <v>58</v>
      </c>
      <c r="C917" s="440" t="s">
        <v>2350</v>
      </c>
      <c r="D917" s="452" t="s">
        <v>2351</v>
      </c>
      <c r="E917" s="452" t="s">
        <v>707</v>
      </c>
      <c r="F917" s="449" t="s">
        <v>600</v>
      </c>
      <c r="G917" s="450"/>
      <c r="H917" s="451"/>
      <c r="I917" s="451"/>
      <c r="J917" s="144"/>
      <c r="K917" s="517"/>
      <c r="L917" s="455">
        <v>38362</v>
      </c>
      <c r="M917" s="455"/>
      <c r="N917" s="418" t="str">
        <f t="shared" si="26"/>
        <v/>
      </c>
    </row>
    <row r="918" spans="1:14" ht="15.75">
      <c r="A918" s="538"/>
      <c r="B918" s="411">
        <f t="shared" si="27"/>
        <v>58</v>
      </c>
      <c r="C918" s="498" t="s">
        <v>2352</v>
      </c>
      <c r="D918" s="449" t="s">
        <v>2353</v>
      </c>
      <c r="E918" s="144" t="s">
        <v>707</v>
      </c>
      <c r="F918" s="449" t="s">
        <v>600</v>
      </c>
      <c r="G918" s="450"/>
      <c r="H918" s="451"/>
      <c r="I918" s="451"/>
      <c r="J918" s="144"/>
      <c r="K918" s="517"/>
      <c r="L918" s="455">
        <v>41671</v>
      </c>
      <c r="M918" s="455"/>
      <c r="N918" s="418" t="str">
        <f t="shared" si="26"/>
        <v>DUPLICATE</v>
      </c>
    </row>
    <row r="919" spans="1:14" ht="15.75">
      <c r="A919" s="538"/>
      <c r="B919" s="411">
        <f t="shared" si="27"/>
        <v>58</v>
      </c>
      <c r="C919" s="440" t="s">
        <v>2354</v>
      </c>
      <c r="D919" s="452" t="s">
        <v>2355</v>
      </c>
      <c r="E919" s="452" t="s">
        <v>707</v>
      </c>
      <c r="F919" s="449" t="s">
        <v>600</v>
      </c>
      <c r="G919" s="449"/>
      <c r="H919" s="451"/>
      <c r="I919" s="451"/>
      <c r="J919" s="144"/>
      <c r="K919" s="449"/>
      <c r="L919" s="469">
        <v>38362</v>
      </c>
      <c r="M919" s="469"/>
      <c r="N919" s="418" t="str">
        <f t="shared" si="26"/>
        <v/>
      </c>
    </row>
    <row r="920" spans="1:14" ht="31.5">
      <c r="A920" s="538"/>
      <c r="B920" s="411">
        <f t="shared" si="27"/>
        <v>58</v>
      </c>
      <c r="C920" s="440" t="s">
        <v>512</v>
      </c>
      <c r="D920" s="452" t="s">
        <v>514</v>
      </c>
      <c r="E920" s="452" t="s">
        <v>707</v>
      </c>
      <c r="F920" s="449" t="s">
        <v>600</v>
      </c>
      <c r="G920" s="449" t="s">
        <v>811</v>
      </c>
      <c r="H920" s="451">
        <v>42145</v>
      </c>
      <c r="I920" s="451" t="s">
        <v>711</v>
      </c>
      <c r="J920" s="144"/>
      <c r="K920" s="522"/>
      <c r="L920" s="455">
        <v>38362</v>
      </c>
      <c r="M920" s="455"/>
      <c r="N920" s="418" t="str">
        <f t="shared" si="26"/>
        <v>DUPLICATE</v>
      </c>
    </row>
    <row r="921" spans="1:14" ht="15.75">
      <c r="A921" s="538"/>
      <c r="B921" s="411">
        <f t="shared" si="27"/>
        <v>58</v>
      </c>
      <c r="C921" s="440" t="s">
        <v>2356</v>
      </c>
      <c r="D921" s="452" t="s">
        <v>2357</v>
      </c>
      <c r="E921" s="452" t="s">
        <v>707</v>
      </c>
      <c r="F921" s="449" t="s">
        <v>600</v>
      </c>
      <c r="G921" s="450"/>
      <c r="H921" s="451"/>
      <c r="I921" s="451"/>
      <c r="J921" s="144"/>
      <c r="K921" s="517"/>
      <c r="L921" s="455">
        <v>38362</v>
      </c>
      <c r="M921" s="455"/>
      <c r="N921" s="418" t="str">
        <f t="shared" ref="N921:N984" si="28">IF(D921="NA","",IF(COUNTIF($D$2:$D$5552,D921)&gt;1,"DUPLICATE",""))</f>
        <v>DUPLICATE</v>
      </c>
    </row>
    <row r="922" spans="1:14" ht="15.75">
      <c r="A922" s="538"/>
      <c r="B922" s="411">
        <f t="shared" ref="B922:B985" si="29">IF(A922&gt;0,A922,B921)</f>
        <v>58</v>
      </c>
      <c r="C922" s="440" t="s">
        <v>2358</v>
      </c>
      <c r="D922" s="452" t="s">
        <v>2359</v>
      </c>
      <c r="E922" s="452" t="s">
        <v>707</v>
      </c>
      <c r="F922" s="449" t="s">
        <v>600</v>
      </c>
      <c r="G922" s="450"/>
      <c r="H922" s="451"/>
      <c r="I922" s="451"/>
      <c r="J922" s="144"/>
      <c r="K922" s="517"/>
      <c r="L922" s="455">
        <v>41306</v>
      </c>
      <c r="M922" s="455"/>
      <c r="N922" s="418" t="str">
        <f t="shared" si="28"/>
        <v>DUPLICATE</v>
      </c>
    </row>
    <row r="923" spans="1:14" ht="15.75">
      <c r="A923" s="538"/>
      <c r="B923" s="411">
        <f t="shared" si="29"/>
        <v>58</v>
      </c>
      <c r="C923" s="498" t="s">
        <v>2360</v>
      </c>
      <c r="D923" s="449" t="s">
        <v>2361</v>
      </c>
      <c r="E923" s="144" t="s">
        <v>707</v>
      </c>
      <c r="F923" s="449" t="s">
        <v>600</v>
      </c>
      <c r="G923" s="450"/>
      <c r="H923" s="451"/>
      <c r="I923" s="451"/>
      <c r="J923" s="144"/>
      <c r="K923" s="517"/>
      <c r="L923" s="455">
        <v>41671</v>
      </c>
      <c r="M923" s="455"/>
      <c r="N923" s="418" t="str">
        <f t="shared" si="28"/>
        <v>DUPLICATE</v>
      </c>
    </row>
    <row r="924" spans="1:14" ht="15.75">
      <c r="A924" s="538"/>
      <c r="B924" s="411">
        <f t="shared" si="29"/>
        <v>58</v>
      </c>
      <c r="C924" s="498" t="s">
        <v>2362</v>
      </c>
      <c r="D924" s="449" t="s">
        <v>2363</v>
      </c>
      <c r="E924" s="144" t="s">
        <v>707</v>
      </c>
      <c r="F924" s="449" t="s">
        <v>600</v>
      </c>
      <c r="G924" s="450"/>
      <c r="H924" s="451"/>
      <c r="I924" s="451"/>
      <c r="J924" s="144"/>
      <c r="K924" s="517"/>
      <c r="L924" s="455">
        <v>41671</v>
      </c>
      <c r="M924" s="455"/>
      <c r="N924" s="418" t="str">
        <f t="shared" si="28"/>
        <v>DUPLICATE</v>
      </c>
    </row>
    <row r="925" spans="1:14" ht="31.5">
      <c r="A925" s="538"/>
      <c r="B925" s="411">
        <f t="shared" si="29"/>
        <v>58</v>
      </c>
      <c r="C925" s="630" t="s">
        <v>2364</v>
      </c>
      <c r="D925" s="449" t="s">
        <v>520</v>
      </c>
      <c r="E925" s="452" t="s">
        <v>707</v>
      </c>
      <c r="F925" s="449" t="s">
        <v>600</v>
      </c>
      <c r="G925" s="450" t="s">
        <v>811</v>
      </c>
      <c r="H925" s="451">
        <v>42145</v>
      </c>
      <c r="I925" s="451" t="s">
        <v>711</v>
      </c>
      <c r="J925" s="144"/>
      <c r="K925" s="517"/>
      <c r="L925" s="455">
        <v>40940</v>
      </c>
      <c r="M925" s="455"/>
      <c r="N925" s="418" t="str">
        <f t="shared" si="28"/>
        <v>DUPLICATE</v>
      </c>
    </row>
    <row r="926" spans="1:14" ht="15.75">
      <c r="A926" s="538"/>
      <c r="B926" s="411">
        <f t="shared" si="29"/>
        <v>58</v>
      </c>
      <c r="C926" s="440" t="s">
        <v>2365</v>
      </c>
      <c r="D926" s="452" t="s">
        <v>2366</v>
      </c>
      <c r="E926" s="452" t="s">
        <v>707</v>
      </c>
      <c r="F926" s="449" t="s">
        <v>600</v>
      </c>
      <c r="G926" s="450"/>
      <c r="H926" s="451"/>
      <c r="I926" s="451"/>
      <c r="J926" s="144"/>
      <c r="K926" s="517"/>
      <c r="L926" s="455">
        <v>38362</v>
      </c>
      <c r="M926" s="455"/>
      <c r="N926" s="418" t="str">
        <f t="shared" si="28"/>
        <v/>
      </c>
    </row>
    <row r="927" spans="1:14" ht="15.75">
      <c r="A927" s="538"/>
      <c r="B927" s="411">
        <f t="shared" si="29"/>
        <v>58</v>
      </c>
      <c r="C927" s="440" t="s">
        <v>2367</v>
      </c>
      <c r="D927" s="452" t="s">
        <v>2368</v>
      </c>
      <c r="E927" s="452" t="s">
        <v>707</v>
      </c>
      <c r="F927" s="449" t="s">
        <v>600</v>
      </c>
      <c r="G927" s="450"/>
      <c r="H927" s="451"/>
      <c r="I927" s="451"/>
      <c r="J927" s="144"/>
      <c r="K927" s="517"/>
      <c r="L927" s="455">
        <v>38362</v>
      </c>
      <c r="M927" s="455"/>
      <c r="N927" s="418" t="str">
        <f t="shared" si="28"/>
        <v/>
      </c>
    </row>
    <row r="928" spans="1:14" ht="15.75">
      <c r="A928" s="538"/>
      <c r="B928" s="411">
        <f t="shared" si="29"/>
        <v>58</v>
      </c>
      <c r="C928" s="440" t="s">
        <v>2369</v>
      </c>
      <c r="D928" s="452" t="s">
        <v>2370</v>
      </c>
      <c r="E928" s="510" t="s">
        <v>707</v>
      </c>
      <c r="F928" s="449" t="s">
        <v>600</v>
      </c>
      <c r="G928" s="450"/>
      <c r="H928" s="451"/>
      <c r="I928" s="451"/>
      <c r="J928" s="144"/>
      <c r="K928" s="517"/>
      <c r="L928" s="455">
        <v>41671</v>
      </c>
      <c r="M928" s="455"/>
      <c r="N928" s="418" t="str">
        <f t="shared" si="28"/>
        <v>DUPLICATE</v>
      </c>
    </row>
    <row r="929" spans="1:14" ht="15.75">
      <c r="A929" s="538"/>
      <c r="B929" s="411">
        <f t="shared" si="29"/>
        <v>58</v>
      </c>
      <c r="C929" s="440" t="s">
        <v>2371</v>
      </c>
      <c r="D929" s="452" t="s">
        <v>2372</v>
      </c>
      <c r="E929" s="510" t="s">
        <v>707</v>
      </c>
      <c r="F929" s="449" t="s">
        <v>600</v>
      </c>
      <c r="G929" s="450"/>
      <c r="H929" s="451"/>
      <c r="I929" s="451"/>
      <c r="J929" s="144"/>
      <c r="K929" s="517"/>
      <c r="L929" s="455">
        <v>41671</v>
      </c>
      <c r="M929" s="455"/>
      <c r="N929" s="418" t="str">
        <f t="shared" si="28"/>
        <v>DUPLICATE</v>
      </c>
    </row>
    <row r="930" spans="1:14" ht="15.75">
      <c r="A930" s="538"/>
      <c r="B930" s="411">
        <f t="shared" si="29"/>
        <v>58</v>
      </c>
      <c r="C930" s="440" t="s">
        <v>2373</v>
      </c>
      <c r="D930" s="452" t="s">
        <v>2374</v>
      </c>
      <c r="E930" s="510" t="s">
        <v>707</v>
      </c>
      <c r="F930" s="449" t="s">
        <v>600</v>
      </c>
      <c r="G930" s="450"/>
      <c r="H930" s="451"/>
      <c r="I930" s="451"/>
      <c r="J930" s="144"/>
      <c r="K930" s="517"/>
      <c r="L930" s="455">
        <v>41671</v>
      </c>
      <c r="M930" s="455"/>
      <c r="N930" s="418" t="str">
        <f t="shared" si="28"/>
        <v>DUPLICATE</v>
      </c>
    </row>
    <row r="931" spans="1:14" ht="31.5">
      <c r="A931" s="538"/>
      <c r="B931" s="411">
        <f t="shared" si="29"/>
        <v>58</v>
      </c>
      <c r="C931" s="440" t="s">
        <v>2375</v>
      </c>
      <c r="D931" s="452" t="s">
        <v>517</v>
      </c>
      <c r="E931" s="452" t="s">
        <v>707</v>
      </c>
      <c r="F931" s="449" t="s">
        <v>600</v>
      </c>
      <c r="G931" s="449" t="s">
        <v>811</v>
      </c>
      <c r="H931" s="451">
        <v>42145</v>
      </c>
      <c r="I931" s="451" t="s">
        <v>711</v>
      </c>
      <c r="J931" s="144"/>
      <c r="K931" s="522"/>
      <c r="L931" s="455">
        <v>38362</v>
      </c>
      <c r="M931" s="455"/>
      <c r="N931" s="418" t="str">
        <f t="shared" si="28"/>
        <v>DUPLICATE</v>
      </c>
    </row>
    <row r="932" spans="1:14" ht="15.75">
      <c r="A932" s="538"/>
      <c r="B932" s="411">
        <f t="shared" si="29"/>
        <v>58</v>
      </c>
      <c r="C932" s="440" t="s">
        <v>2376</v>
      </c>
      <c r="D932" s="452" t="s">
        <v>2377</v>
      </c>
      <c r="E932" s="452" t="s">
        <v>707</v>
      </c>
      <c r="F932" s="449" t="s">
        <v>600</v>
      </c>
      <c r="G932" s="450"/>
      <c r="H932" s="451"/>
      <c r="I932" s="451"/>
      <c r="J932" s="144"/>
      <c r="K932" s="517"/>
      <c r="L932" s="455">
        <v>38362</v>
      </c>
      <c r="M932" s="455"/>
      <c r="N932" s="418" t="str">
        <f t="shared" si="28"/>
        <v>DUPLICATE</v>
      </c>
    </row>
    <row r="933" spans="1:14" ht="42.75">
      <c r="A933" s="538"/>
      <c r="B933" s="411">
        <f t="shared" si="29"/>
        <v>58</v>
      </c>
      <c r="C933" s="440" t="s">
        <v>2378</v>
      </c>
      <c r="D933" s="452" t="s">
        <v>2379</v>
      </c>
      <c r="E933" s="452" t="s">
        <v>707</v>
      </c>
      <c r="F933" s="449" t="s">
        <v>600</v>
      </c>
      <c r="G933" s="450"/>
      <c r="H933" s="451"/>
      <c r="I933" s="451"/>
      <c r="J933" s="144"/>
      <c r="K933" s="517"/>
      <c r="L933" s="455">
        <v>38362</v>
      </c>
      <c r="M933" s="455"/>
      <c r="N933" s="418" t="str">
        <f t="shared" si="28"/>
        <v/>
      </c>
    </row>
    <row r="934" spans="1:14" ht="42.75">
      <c r="A934" s="538"/>
      <c r="B934" s="411">
        <f t="shared" si="29"/>
        <v>58</v>
      </c>
      <c r="C934" s="440" t="s">
        <v>2380</v>
      </c>
      <c r="D934" s="452" t="s">
        <v>2381</v>
      </c>
      <c r="E934" s="452" t="s">
        <v>707</v>
      </c>
      <c r="F934" s="449" t="s">
        <v>600</v>
      </c>
      <c r="G934" s="450"/>
      <c r="H934" s="451"/>
      <c r="I934" s="451"/>
      <c r="J934" s="144"/>
      <c r="K934" s="517"/>
      <c r="L934" s="455">
        <v>38362</v>
      </c>
      <c r="M934" s="455"/>
      <c r="N934" s="418" t="str">
        <f t="shared" si="28"/>
        <v/>
      </c>
    </row>
    <row r="935" spans="1:14" ht="31.5">
      <c r="A935" s="538"/>
      <c r="B935" s="411">
        <f t="shared" si="29"/>
        <v>58</v>
      </c>
      <c r="C935" s="440" t="s">
        <v>474</v>
      </c>
      <c r="D935" s="452" t="s">
        <v>476</v>
      </c>
      <c r="E935" s="452" t="s">
        <v>707</v>
      </c>
      <c r="F935" s="449" t="s">
        <v>600</v>
      </c>
      <c r="G935" s="449" t="s">
        <v>811</v>
      </c>
      <c r="H935" s="451">
        <v>42999</v>
      </c>
      <c r="I935" s="451" t="s">
        <v>711</v>
      </c>
      <c r="J935" s="144"/>
      <c r="K935" s="522"/>
      <c r="L935" s="455">
        <v>38362</v>
      </c>
      <c r="M935" s="455"/>
      <c r="N935" s="418" t="str">
        <f t="shared" si="28"/>
        <v/>
      </c>
    </row>
    <row r="936" spans="1:14" ht="31.5">
      <c r="A936" s="538"/>
      <c r="B936" s="411">
        <f t="shared" si="29"/>
        <v>58</v>
      </c>
      <c r="C936" s="440" t="s">
        <v>477</v>
      </c>
      <c r="D936" s="452" t="s">
        <v>479</v>
      </c>
      <c r="E936" s="452" t="s">
        <v>707</v>
      </c>
      <c r="F936" s="449" t="s">
        <v>600</v>
      </c>
      <c r="G936" s="449" t="s">
        <v>811</v>
      </c>
      <c r="H936" s="451">
        <v>42999</v>
      </c>
      <c r="I936" s="451" t="s">
        <v>711</v>
      </c>
      <c r="J936" s="144"/>
      <c r="K936" s="522"/>
      <c r="L936" s="455">
        <v>38362</v>
      </c>
      <c r="M936" s="455"/>
      <c r="N936" s="418" t="str">
        <f t="shared" si="28"/>
        <v/>
      </c>
    </row>
    <row r="937" spans="1:14" ht="15.75">
      <c r="A937" s="538"/>
      <c r="B937" s="411">
        <f t="shared" si="29"/>
        <v>58</v>
      </c>
      <c r="C937" s="440" t="s">
        <v>2382</v>
      </c>
      <c r="D937" s="452" t="s">
        <v>2383</v>
      </c>
      <c r="E937" s="452" t="s">
        <v>707</v>
      </c>
      <c r="F937" s="449" t="s">
        <v>600</v>
      </c>
      <c r="G937" s="450"/>
      <c r="H937" s="451"/>
      <c r="I937" s="451"/>
      <c r="J937" s="144"/>
      <c r="K937" s="517"/>
      <c r="L937" s="455">
        <v>38362</v>
      </c>
      <c r="M937" s="455"/>
      <c r="N937" s="418" t="str">
        <f t="shared" si="28"/>
        <v/>
      </c>
    </row>
    <row r="938" spans="1:14" ht="31.5">
      <c r="A938" s="538"/>
      <c r="B938" s="411">
        <f t="shared" si="29"/>
        <v>58</v>
      </c>
      <c r="C938" s="440" t="s">
        <v>1961</v>
      </c>
      <c r="D938" s="452" t="s">
        <v>1962</v>
      </c>
      <c r="E938" s="452" t="s">
        <v>707</v>
      </c>
      <c r="F938" s="449" t="s">
        <v>600</v>
      </c>
      <c r="G938" s="449" t="s">
        <v>811</v>
      </c>
      <c r="H938" s="451">
        <v>42999</v>
      </c>
      <c r="I938" s="451" t="s">
        <v>711</v>
      </c>
      <c r="J938" s="144"/>
      <c r="K938" s="522"/>
      <c r="L938" s="455">
        <v>38749</v>
      </c>
      <c r="M938" s="455"/>
      <c r="N938" s="418" t="str">
        <f t="shared" si="28"/>
        <v>DUPLICATE</v>
      </c>
    </row>
    <row r="939" spans="1:14" ht="31.5">
      <c r="A939" s="563"/>
      <c r="B939" s="411">
        <f t="shared" si="29"/>
        <v>58</v>
      </c>
      <c r="C939" s="492" t="s">
        <v>2384</v>
      </c>
      <c r="D939" s="493" t="s">
        <v>393</v>
      </c>
      <c r="E939" s="493" t="s">
        <v>707</v>
      </c>
      <c r="F939" s="494" t="s">
        <v>600</v>
      </c>
      <c r="G939" s="494" t="s">
        <v>811</v>
      </c>
      <c r="H939" s="495">
        <v>43487</v>
      </c>
      <c r="I939" s="518" t="s">
        <v>28499</v>
      </c>
      <c r="J939" s="514"/>
      <c r="K939" s="521"/>
      <c r="L939" s="502">
        <v>38749</v>
      </c>
      <c r="M939" s="502">
        <v>43862</v>
      </c>
      <c r="N939" s="418" t="str">
        <f t="shared" si="28"/>
        <v/>
      </c>
    </row>
    <row r="940" spans="1:14" ht="31.5">
      <c r="A940" s="538"/>
      <c r="B940" s="411">
        <f t="shared" si="29"/>
        <v>58</v>
      </c>
      <c r="C940" s="498" t="s">
        <v>480</v>
      </c>
      <c r="D940" s="449" t="s">
        <v>2385</v>
      </c>
      <c r="E940" s="452" t="s">
        <v>707</v>
      </c>
      <c r="F940" s="449" t="s">
        <v>600</v>
      </c>
      <c r="G940" s="449" t="s">
        <v>811</v>
      </c>
      <c r="H940" s="451">
        <v>42999</v>
      </c>
      <c r="I940" s="451" t="s">
        <v>711</v>
      </c>
      <c r="J940" s="144"/>
      <c r="K940" s="522"/>
      <c r="L940" s="455">
        <v>38362</v>
      </c>
      <c r="M940" s="455"/>
      <c r="N940" s="418" t="str">
        <f t="shared" si="28"/>
        <v/>
      </c>
    </row>
    <row r="941" spans="1:14" ht="31.5">
      <c r="A941" s="538"/>
      <c r="B941" s="411">
        <f t="shared" si="29"/>
        <v>58</v>
      </c>
      <c r="C941" s="498" t="s">
        <v>566</v>
      </c>
      <c r="D941" s="449" t="s">
        <v>1960</v>
      </c>
      <c r="E941" s="452" t="s">
        <v>707</v>
      </c>
      <c r="F941" s="449" t="s">
        <v>600</v>
      </c>
      <c r="G941" s="449" t="s">
        <v>811</v>
      </c>
      <c r="H941" s="451">
        <v>42999</v>
      </c>
      <c r="I941" s="451" t="s">
        <v>711</v>
      </c>
      <c r="J941" s="144"/>
      <c r="K941" s="522"/>
      <c r="L941" s="455">
        <v>38362</v>
      </c>
      <c r="M941" s="455"/>
      <c r="N941" s="418" t="str">
        <f t="shared" si="28"/>
        <v>DUPLICATE</v>
      </c>
    </row>
    <row r="942" spans="1:14" ht="31.5">
      <c r="A942" s="563"/>
      <c r="B942" s="411">
        <f t="shared" si="29"/>
        <v>58</v>
      </c>
      <c r="C942" s="500" t="s">
        <v>441</v>
      </c>
      <c r="D942" s="494" t="s">
        <v>2386</v>
      </c>
      <c r="E942" s="493" t="s">
        <v>707</v>
      </c>
      <c r="F942" s="494" t="s">
        <v>600</v>
      </c>
      <c r="G942" s="494" t="s">
        <v>811</v>
      </c>
      <c r="H942" s="495">
        <v>43487</v>
      </c>
      <c r="I942" s="518" t="s">
        <v>28499</v>
      </c>
      <c r="J942" s="514"/>
      <c r="K942" s="519"/>
      <c r="L942" s="502">
        <v>38362</v>
      </c>
      <c r="M942" s="502">
        <v>43862</v>
      </c>
      <c r="N942" s="418" t="str">
        <f t="shared" si="28"/>
        <v/>
      </c>
    </row>
    <row r="943" spans="1:14" ht="15.75">
      <c r="A943" s="538"/>
      <c r="B943" s="411">
        <f t="shared" si="29"/>
        <v>58</v>
      </c>
      <c r="C943" s="440" t="s">
        <v>2387</v>
      </c>
      <c r="D943" s="452" t="s">
        <v>2388</v>
      </c>
      <c r="E943" s="452" t="s">
        <v>707</v>
      </c>
      <c r="F943" s="449" t="s">
        <v>600</v>
      </c>
      <c r="G943" s="449"/>
      <c r="H943" s="451"/>
      <c r="I943" s="451"/>
      <c r="J943" s="144"/>
      <c r="K943" s="449"/>
      <c r="L943" s="469">
        <v>38362</v>
      </c>
      <c r="M943" s="469"/>
      <c r="N943" s="418" t="str">
        <f t="shared" si="28"/>
        <v/>
      </c>
    </row>
    <row r="944" spans="1:14" ht="15.75">
      <c r="A944" s="538"/>
      <c r="B944" s="411">
        <f t="shared" si="29"/>
        <v>58</v>
      </c>
      <c r="C944" s="498" t="s">
        <v>2389</v>
      </c>
      <c r="D944" s="449" t="s">
        <v>2390</v>
      </c>
      <c r="E944" s="452" t="s">
        <v>707</v>
      </c>
      <c r="F944" s="449" t="s">
        <v>600</v>
      </c>
      <c r="G944" s="450"/>
      <c r="H944" s="451"/>
      <c r="I944" s="451"/>
      <c r="J944" s="144"/>
      <c r="K944" s="517"/>
      <c r="L944" s="455">
        <v>38362</v>
      </c>
      <c r="M944" s="455"/>
      <c r="N944" s="418" t="str">
        <f t="shared" si="28"/>
        <v/>
      </c>
    </row>
    <row r="945" spans="1:14" ht="15.75">
      <c r="A945" s="538"/>
      <c r="B945" s="411">
        <f t="shared" si="29"/>
        <v>58</v>
      </c>
      <c r="C945" s="498" t="s">
        <v>2389</v>
      </c>
      <c r="D945" s="449" t="s">
        <v>2391</v>
      </c>
      <c r="E945" s="452" t="s">
        <v>707</v>
      </c>
      <c r="F945" s="449" t="s">
        <v>600</v>
      </c>
      <c r="G945" s="450"/>
      <c r="H945" s="451"/>
      <c r="I945" s="451"/>
      <c r="J945" s="144"/>
      <c r="K945" s="517"/>
      <c r="L945" s="455">
        <v>38362</v>
      </c>
      <c r="M945" s="455"/>
      <c r="N945" s="418" t="str">
        <f t="shared" si="28"/>
        <v/>
      </c>
    </row>
    <row r="946" spans="1:14" ht="15.75">
      <c r="A946" s="538"/>
      <c r="B946" s="411">
        <f t="shared" si="29"/>
        <v>58</v>
      </c>
      <c r="C946" s="440" t="s">
        <v>2392</v>
      </c>
      <c r="D946" s="452" t="s">
        <v>2393</v>
      </c>
      <c r="E946" s="452" t="s">
        <v>707</v>
      </c>
      <c r="F946" s="449" t="s">
        <v>600</v>
      </c>
      <c r="G946" s="450"/>
      <c r="H946" s="451"/>
      <c r="I946" s="451"/>
      <c r="J946" s="144"/>
      <c r="K946" s="517"/>
      <c r="L946" s="455">
        <v>38362</v>
      </c>
      <c r="M946" s="455"/>
      <c r="N946" s="418" t="str">
        <f t="shared" si="28"/>
        <v/>
      </c>
    </row>
    <row r="947" spans="1:14" ht="15.75">
      <c r="A947" s="538"/>
      <c r="B947" s="411">
        <f t="shared" si="29"/>
        <v>58</v>
      </c>
      <c r="C947" s="498" t="s">
        <v>2394</v>
      </c>
      <c r="D947" s="449" t="s">
        <v>2395</v>
      </c>
      <c r="E947" s="452" t="s">
        <v>707</v>
      </c>
      <c r="F947" s="449" t="s">
        <v>600</v>
      </c>
      <c r="G947" s="450"/>
      <c r="H947" s="451"/>
      <c r="I947" s="451"/>
      <c r="J947" s="144"/>
      <c r="K947" s="517"/>
      <c r="L947" s="455">
        <v>38362</v>
      </c>
      <c r="M947" s="455"/>
      <c r="N947" s="418" t="str">
        <f t="shared" si="28"/>
        <v/>
      </c>
    </row>
    <row r="948" spans="1:14" ht="31.5">
      <c r="A948" s="563"/>
      <c r="B948" s="411">
        <f t="shared" si="29"/>
        <v>58</v>
      </c>
      <c r="C948" s="492" t="s">
        <v>2396</v>
      </c>
      <c r="D948" s="493" t="s">
        <v>416</v>
      </c>
      <c r="E948" s="493" t="s">
        <v>707</v>
      </c>
      <c r="F948" s="494" t="s">
        <v>600</v>
      </c>
      <c r="G948" s="494" t="s">
        <v>811</v>
      </c>
      <c r="H948" s="495">
        <v>43487</v>
      </c>
      <c r="I948" s="518" t="s">
        <v>28499</v>
      </c>
      <c r="J948" s="514"/>
      <c r="K948" s="519"/>
      <c r="L948" s="502">
        <v>38362</v>
      </c>
      <c r="M948" s="502">
        <v>43862</v>
      </c>
      <c r="N948" s="418" t="str">
        <f t="shared" si="28"/>
        <v/>
      </c>
    </row>
    <row r="949" spans="1:14" ht="15.75">
      <c r="A949" s="538"/>
      <c r="B949" s="411">
        <f t="shared" si="29"/>
        <v>58</v>
      </c>
      <c r="C949" s="498" t="s">
        <v>2397</v>
      </c>
      <c r="D949" s="449" t="s">
        <v>2398</v>
      </c>
      <c r="E949" s="452" t="s">
        <v>707</v>
      </c>
      <c r="F949" s="449" t="s">
        <v>600</v>
      </c>
      <c r="G949" s="450"/>
      <c r="H949" s="451"/>
      <c r="I949" s="451"/>
      <c r="J949" s="144"/>
      <c r="K949" s="517"/>
      <c r="L949" s="455">
        <v>38362</v>
      </c>
      <c r="M949" s="455"/>
      <c r="N949" s="418" t="str">
        <f t="shared" si="28"/>
        <v/>
      </c>
    </row>
    <row r="950" spans="1:14" ht="15.75">
      <c r="A950" s="538"/>
      <c r="B950" s="411">
        <f t="shared" si="29"/>
        <v>58</v>
      </c>
      <c r="C950" s="498" t="s">
        <v>2399</v>
      </c>
      <c r="D950" s="449" t="s">
        <v>2400</v>
      </c>
      <c r="E950" s="452" t="s">
        <v>707</v>
      </c>
      <c r="F950" s="449" t="s">
        <v>600</v>
      </c>
      <c r="G950" s="450"/>
      <c r="H950" s="451"/>
      <c r="I950" s="451"/>
      <c r="J950" s="144"/>
      <c r="K950" s="517"/>
      <c r="L950" s="455">
        <v>39845</v>
      </c>
      <c r="M950" s="455"/>
      <c r="N950" s="418" t="str">
        <f t="shared" si="28"/>
        <v/>
      </c>
    </row>
    <row r="951" spans="1:14" ht="15.75">
      <c r="A951" s="538"/>
      <c r="B951" s="411">
        <f t="shared" si="29"/>
        <v>58</v>
      </c>
      <c r="C951" s="498" t="s">
        <v>2401</v>
      </c>
      <c r="D951" s="449" t="s">
        <v>2402</v>
      </c>
      <c r="E951" s="452" t="s">
        <v>707</v>
      </c>
      <c r="F951" s="449" t="s">
        <v>600</v>
      </c>
      <c r="G951" s="450"/>
      <c r="H951" s="451"/>
      <c r="I951" s="451"/>
      <c r="J951" s="144"/>
      <c r="K951" s="517"/>
      <c r="L951" s="455">
        <v>39845</v>
      </c>
      <c r="M951" s="455"/>
      <c r="N951" s="418" t="str">
        <f t="shared" si="28"/>
        <v/>
      </c>
    </row>
    <row r="952" spans="1:14" ht="31.5">
      <c r="A952" s="641"/>
      <c r="B952" s="411">
        <f t="shared" si="29"/>
        <v>58</v>
      </c>
      <c r="C952" s="500" t="s">
        <v>409</v>
      </c>
      <c r="D952" s="494" t="s">
        <v>411</v>
      </c>
      <c r="E952" s="493" t="s">
        <v>707</v>
      </c>
      <c r="F952" s="494" t="s">
        <v>600</v>
      </c>
      <c r="G952" s="494" t="s">
        <v>811</v>
      </c>
      <c r="H952" s="495">
        <v>43487</v>
      </c>
      <c r="I952" s="518" t="s">
        <v>28499</v>
      </c>
      <c r="J952" s="514"/>
      <c r="K952" s="519"/>
      <c r="L952" s="502">
        <v>39845</v>
      </c>
      <c r="M952" s="502">
        <v>43862</v>
      </c>
      <c r="N952" s="418" t="str">
        <f t="shared" si="28"/>
        <v/>
      </c>
    </row>
    <row r="953" spans="1:14" ht="47.25">
      <c r="A953" s="536">
        <v>59</v>
      </c>
      <c r="B953" s="411">
        <f t="shared" si="29"/>
        <v>59</v>
      </c>
      <c r="C953" s="573" t="s">
        <v>26570</v>
      </c>
      <c r="D953" s="421" t="s">
        <v>22620</v>
      </c>
      <c r="E953" s="414" t="s">
        <v>595</v>
      </c>
      <c r="F953" s="414" t="s">
        <v>596</v>
      </c>
      <c r="G953" s="414" t="s">
        <v>26538</v>
      </c>
      <c r="H953" s="415"/>
      <c r="I953" s="415"/>
      <c r="J953" s="414" t="s">
        <v>26571</v>
      </c>
      <c r="K953" s="642"/>
      <c r="L953" s="439">
        <v>43497</v>
      </c>
      <c r="M953" s="439"/>
      <c r="N953" s="418" t="str">
        <f t="shared" si="28"/>
        <v/>
      </c>
    </row>
    <row r="954" spans="1:14" ht="31.5">
      <c r="A954" s="536">
        <v>60</v>
      </c>
      <c r="B954" s="411">
        <f t="shared" si="29"/>
        <v>60</v>
      </c>
      <c r="C954" s="424" t="s">
        <v>2403</v>
      </c>
      <c r="D954" s="413"/>
      <c r="E954" s="414" t="s">
        <v>707</v>
      </c>
      <c r="F954" s="414" t="s">
        <v>2404</v>
      </c>
      <c r="G954" s="414" t="s">
        <v>2405</v>
      </c>
      <c r="H954" s="415"/>
      <c r="I954" s="415"/>
      <c r="J954" s="416" t="s">
        <v>2406</v>
      </c>
      <c r="K954" s="414" t="s">
        <v>35320</v>
      </c>
      <c r="L954" s="417">
        <v>38362</v>
      </c>
      <c r="M954" s="417">
        <v>42401</v>
      </c>
      <c r="N954" s="418" t="str">
        <f t="shared" si="28"/>
        <v/>
      </c>
    </row>
    <row r="955" spans="1:14" ht="15.75">
      <c r="A955" s="538"/>
      <c r="B955" s="411">
        <f t="shared" si="29"/>
        <v>60</v>
      </c>
      <c r="C955" s="575" t="s">
        <v>2407</v>
      </c>
      <c r="D955" s="442" t="s">
        <v>465</v>
      </c>
      <c r="E955" s="445" t="s">
        <v>595</v>
      </c>
      <c r="F955" s="442" t="s">
        <v>596</v>
      </c>
      <c r="G955" s="643"/>
      <c r="H955" s="444"/>
      <c r="I955" s="444"/>
      <c r="J955" s="577"/>
      <c r="K955" s="644"/>
      <c r="L955" s="448">
        <v>39673</v>
      </c>
      <c r="M955" s="448">
        <v>43132</v>
      </c>
      <c r="N955" s="418" t="str">
        <f t="shared" si="28"/>
        <v/>
      </c>
    </row>
    <row r="956" spans="1:14" ht="42.75">
      <c r="A956" s="538"/>
      <c r="B956" s="411">
        <f t="shared" si="29"/>
        <v>60</v>
      </c>
      <c r="C956" s="498" t="s">
        <v>2409</v>
      </c>
      <c r="D956" s="449" t="s">
        <v>2410</v>
      </c>
      <c r="E956" s="452" t="s">
        <v>595</v>
      </c>
      <c r="F956" s="449" t="s">
        <v>596</v>
      </c>
      <c r="G956" s="450"/>
      <c r="H956" s="451"/>
      <c r="I956" s="451"/>
      <c r="J956" s="144"/>
      <c r="K956" s="517"/>
      <c r="L956" s="455">
        <v>38362</v>
      </c>
      <c r="M956" s="455"/>
      <c r="N956" s="418" t="str">
        <f t="shared" si="28"/>
        <v/>
      </c>
    </row>
    <row r="957" spans="1:14" ht="28.5">
      <c r="A957" s="538"/>
      <c r="B957" s="411">
        <f t="shared" si="29"/>
        <v>60</v>
      </c>
      <c r="C957" s="498" t="s">
        <v>2411</v>
      </c>
      <c r="D957" s="449" t="s">
        <v>2412</v>
      </c>
      <c r="E957" s="452" t="s">
        <v>595</v>
      </c>
      <c r="F957" s="449" t="s">
        <v>596</v>
      </c>
      <c r="G957" s="450"/>
      <c r="H957" s="451"/>
      <c r="I957" s="451"/>
      <c r="J957" s="144"/>
      <c r="K957" s="517"/>
      <c r="L957" s="455">
        <v>38362</v>
      </c>
      <c r="M957" s="455"/>
      <c r="N957" s="418" t="str">
        <f t="shared" si="28"/>
        <v/>
      </c>
    </row>
    <row r="958" spans="1:14" ht="15.75">
      <c r="A958" s="538"/>
      <c r="B958" s="411">
        <f t="shared" si="29"/>
        <v>60</v>
      </c>
      <c r="C958" s="498" t="s">
        <v>2413</v>
      </c>
      <c r="D958" s="449" t="s">
        <v>2414</v>
      </c>
      <c r="E958" s="510" t="s">
        <v>595</v>
      </c>
      <c r="F958" s="522" t="s">
        <v>596</v>
      </c>
      <c r="G958" s="450"/>
      <c r="H958" s="451"/>
      <c r="I958" s="451"/>
      <c r="J958" s="144"/>
      <c r="K958" s="517"/>
      <c r="L958" s="455">
        <v>38362</v>
      </c>
      <c r="M958" s="455"/>
      <c r="N958" s="418" t="str">
        <f t="shared" si="28"/>
        <v/>
      </c>
    </row>
    <row r="959" spans="1:14" ht="28.5">
      <c r="A959" s="538"/>
      <c r="B959" s="411">
        <f t="shared" si="29"/>
        <v>60</v>
      </c>
      <c r="C959" s="498" t="s">
        <v>2415</v>
      </c>
      <c r="D959" s="449" t="s">
        <v>2416</v>
      </c>
      <c r="E959" s="452" t="s">
        <v>595</v>
      </c>
      <c r="F959" s="449" t="s">
        <v>596</v>
      </c>
      <c r="G959" s="450"/>
      <c r="H959" s="451"/>
      <c r="I959" s="451"/>
      <c r="J959" s="144"/>
      <c r="K959" s="517"/>
      <c r="L959" s="455">
        <v>38362</v>
      </c>
      <c r="M959" s="455"/>
      <c r="N959" s="418" t="str">
        <f t="shared" si="28"/>
        <v/>
      </c>
    </row>
    <row r="960" spans="1:14" ht="15.75">
      <c r="A960" s="538"/>
      <c r="B960" s="411">
        <f t="shared" si="29"/>
        <v>60</v>
      </c>
      <c r="C960" s="498" t="s">
        <v>2417</v>
      </c>
      <c r="D960" s="449" t="s">
        <v>2418</v>
      </c>
      <c r="E960" s="510" t="s">
        <v>595</v>
      </c>
      <c r="F960" s="522" t="s">
        <v>596</v>
      </c>
      <c r="G960" s="450"/>
      <c r="H960" s="451"/>
      <c r="I960" s="451"/>
      <c r="J960" s="144"/>
      <c r="K960" s="517"/>
      <c r="L960" s="455">
        <v>38362</v>
      </c>
      <c r="M960" s="455"/>
      <c r="N960" s="418" t="str">
        <f t="shared" si="28"/>
        <v/>
      </c>
    </row>
    <row r="961" spans="1:14" ht="15.75">
      <c r="A961" s="538"/>
      <c r="B961" s="411">
        <f t="shared" si="29"/>
        <v>60</v>
      </c>
      <c r="C961" s="498" t="s">
        <v>2419</v>
      </c>
      <c r="D961" s="449" t="s">
        <v>2420</v>
      </c>
      <c r="E961" s="510" t="s">
        <v>595</v>
      </c>
      <c r="F961" s="522" t="s">
        <v>596</v>
      </c>
      <c r="G961" s="450"/>
      <c r="H961" s="451"/>
      <c r="I961" s="451"/>
      <c r="J961" s="144"/>
      <c r="K961" s="517"/>
      <c r="L961" s="455">
        <v>38362</v>
      </c>
      <c r="M961" s="455"/>
      <c r="N961" s="418" t="str">
        <f t="shared" si="28"/>
        <v/>
      </c>
    </row>
    <row r="962" spans="1:14" ht="28.5">
      <c r="A962" s="538"/>
      <c r="B962" s="411">
        <f t="shared" si="29"/>
        <v>60</v>
      </c>
      <c r="C962" s="498" t="s">
        <v>2421</v>
      </c>
      <c r="D962" s="449" t="s">
        <v>2422</v>
      </c>
      <c r="E962" s="510" t="s">
        <v>595</v>
      </c>
      <c r="F962" s="522" t="s">
        <v>596</v>
      </c>
      <c r="G962" s="450"/>
      <c r="H962" s="451"/>
      <c r="I962" s="451"/>
      <c r="J962" s="144"/>
      <c r="K962" s="517"/>
      <c r="L962" s="455">
        <v>38362</v>
      </c>
      <c r="M962" s="455"/>
      <c r="N962" s="418" t="str">
        <f t="shared" si="28"/>
        <v/>
      </c>
    </row>
    <row r="963" spans="1:14" ht="15.75">
      <c r="A963" s="538"/>
      <c r="B963" s="411">
        <f t="shared" si="29"/>
        <v>60</v>
      </c>
      <c r="C963" s="498" t="s">
        <v>2423</v>
      </c>
      <c r="D963" s="449" t="s">
        <v>2424</v>
      </c>
      <c r="E963" s="510" t="s">
        <v>595</v>
      </c>
      <c r="F963" s="522" t="s">
        <v>596</v>
      </c>
      <c r="G963" s="450"/>
      <c r="H963" s="451"/>
      <c r="I963" s="451"/>
      <c r="J963" s="144"/>
      <c r="K963" s="517"/>
      <c r="L963" s="455">
        <v>38362</v>
      </c>
      <c r="M963" s="455"/>
      <c r="N963" s="418" t="str">
        <f t="shared" si="28"/>
        <v/>
      </c>
    </row>
    <row r="964" spans="1:14" ht="15.75">
      <c r="A964" s="538"/>
      <c r="B964" s="411">
        <f t="shared" si="29"/>
        <v>60</v>
      </c>
      <c r="C964" s="498" t="s">
        <v>2425</v>
      </c>
      <c r="D964" s="449" t="s">
        <v>2426</v>
      </c>
      <c r="E964" s="510" t="s">
        <v>595</v>
      </c>
      <c r="F964" s="522" t="s">
        <v>596</v>
      </c>
      <c r="G964" s="450"/>
      <c r="H964" s="451"/>
      <c r="I964" s="451"/>
      <c r="J964" s="144"/>
      <c r="K964" s="517"/>
      <c r="L964" s="455">
        <v>38362</v>
      </c>
      <c r="M964" s="455"/>
      <c r="N964" s="418" t="str">
        <f t="shared" si="28"/>
        <v/>
      </c>
    </row>
    <row r="965" spans="1:14" ht="15.75">
      <c r="A965" s="538"/>
      <c r="B965" s="411">
        <f t="shared" si="29"/>
        <v>60</v>
      </c>
      <c r="C965" s="498" t="s">
        <v>2427</v>
      </c>
      <c r="D965" s="449" t="s">
        <v>2428</v>
      </c>
      <c r="E965" s="510" t="s">
        <v>595</v>
      </c>
      <c r="F965" s="522" t="s">
        <v>596</v>
      </c>
      <c r="G965" s="450"/>
      <c r="H965" s="451"/>
      <c r="I965" s="451"/>
      <c r="J965" s="144"/>
      <c r="K965" s="517"/>
      <c r="L965" s="455">
        <v>38362</v>
      </c>
      <c r="M965" s="455"/>
      <c r="N965" s="418" t="str">
        <f t="shared" si="28"/>
        <v/>
      </c>
    </row>
    <row r="966" spans="1:14" ht="15.75">
      <c r="A966" s="538"/>
      <c r="B966" s="411">
        <f t="shared" si="29"/>
        <v>60</v>
      </c>
      <c r="C966" s="498" t="s">
        <v>2429</v>
      </c>
      <c r="D966" s="449" t="s">
        <v>2430</v>
      </c>
      <c r="E966" s="510" t="s">
        <v>595</v>
      </c>
      <c r="F966" s="522" t="s">
        <v>596</v>
      </c>
      <c r="G966" s="450"/>
      <c r="H966" s="451"/>
      <c r="I966" s="451"/>
      <c r="J966" s="144"/>
      <c r="K966" s="517"/>
      <c r="L966" s="455">
        <v>38362</v>
      </c>
      <c r="M966" s="455"/>
      <c r="N966" s="418" t="str">
        <f t="shared" si="28"/>
        <v/>
      </c>
    </row>
    <row r="967" spans="1:14" ht="15.75">
      <c r="A967" s="538"/>
      <c r="B967" s="411">
        <f t="shared" si="29"/>
        <v>60</v>
      </c>
      <c r="C967" s="498" t="s">
        <v>2431</v>
      </c>
      <c r="D967" s="449" t="s">
        <v>2432</v>
      </c>
      <c r="E967" s="510" t="s">
        <v>595</v>
      </c>
      <c r="F967" s="522" t="s">
        <v>596</v>
      </c>
      <c r="G967" s="450"/>
      <c r="H967" s="451"/>
      <c r="I967" s="451"/>
      <c r="J967" s="144"/>
      <c r="K967" s="517"/>
      <c r="L967" s="455">
        <v>38362</v>
      </c>
      <c r="M967" s="455"/>
      <c r="N967" s="418" t="str">
        <f t="shared" si="28"/>
        <v/>
      </c>
    </row>
    <row r="968" spans="1:14" ht="15.75">
      <c r="A968" s="538"/>
      <c r="B968" s="411">
        <f t="shared" si="29"/>
        <v>60</v>
      </c>
      <c r="C968" s="498" t="s">
        <v>2433</v>
      </c>
      <c r="D968" s="449" t="s">
        <v>2434</v>
      </c>
      <c r="E968" s="510" t="s">
        <v>595</v>
      </c>
      <c r="F968" s="522" t="s">
        <v>596</v>
      </c>
      <c r="G968" s="450"/>
      <c r="H968" s="451"/>
      <c r="I968" s="451"/>
      <c r="J968" s="144"/>
      <c r="K968" s="517"/>
      <c r="L968" s="455">
        <v>38362</v>
      </c>
      <c r="M968" s="455"/>
      <c r="N968" s="418" t="str">
        <f t="shared" si="28"/>
        <v/>
      </c>
    </row>
    <row r="969" spans="1:14" ht="15.75">
      <c r="A969" s="538"/>
      <c r="B969" s="411">
        <f t="shared" si="29"/>
        <v>60</v>
      </c>
      <c r="C969" s="498" t="s">
        <v>2435</v>
      </c>
      <c r="D969" s="449" t="s">
        <v>2436</v>
      </c>
      <c r="E969" s="510" t="s">
        <v>595</v>
      </c>
      <c r="F969" s="522" t="s">
        <v>596</v>
      </c>
      <c r="G969" s="450"/>
      <c r="H969" s="451"/>
      <c r="I969" s="451"/>
      <c r="J969" s="144"/>
      <c r="K969" s="517"/>
      <c r="L969" s="455">
        <v>38362</v>
      </c>
      <c r="M969" s="455"/>
      <c r="N969" s="418" t="str">
        <f t="shared" si="28"/>
        <v/>
      </c>
    </row>
    <row r="970" spans="1:14" ht="15.75">
      <c r="A970" s="538"/>
      <c r="B970" s="411">
        <f t="shared" si="29"/>
        <v>60</v>
      </c>
      <c r="C970" s="498" t="s">
        <v>2437</v>
      </c>
      <c r="D970" s="449" t="s">
        <v>2438</v>
      </c>
      <c r="E970" s="510" t="s">
        <v>595</v>
      </c>
      <c r="F970" s="522" t="s">
        <v>596</v>
      </c>
      <c r="G970" s="450"/>
      <c r="H970" s="451"/>
      <c r="I970" s="451"/>
      <c r="J970" s="144"/>
      <c r="K970" s="517"/>
      <c r="L970" s="455">
        <v>38362</v>
      </c>
      <c r="M970" s="455"/>
      <c r="N970" s="418" t="str">
        <f t="shared" si="28"/>
        <v/>
      </c>
    </row>
    <row r="971" spans="1:14" ht="15.75">
      <c r="A971" s="538"/>
      <c r="B971" s="411">
        <f t="shared" si="29"/>
        <v>60</v>
      </c>
      <c r="C971" s="498" t="s">
        <v>2439</v>
      </c>
      <c r="D971" s="449" t="s">
        <v>2440</v>
      </c>
      <c r="E971" s="510" t="s">
        <v>595</v>
      </c>
      <c r="F971" s="522" t="s">
        <v>596</v>
      </c>
      <c r="G971" s="450"/>
      <c r="H971" s="451"/>
      <c r="I971" s="451"/>
      <c r="J971" s="144"/>
      <c r="K971" s="517"/>
      <c r="L971" s="455">
        <v>38362</v>
      </c>
      <c r="M971" s="455"/>
      <c r="N971" s="418" t="str">
        <f t="shared" si="28"/>
        <v/>
      </c>
    </row>
    <row r="972" spans="1:14" ht="15.75">
      <c r="A972" s="538"/>
      <c r="B972" s="411">
        <f t="shared" si="29"/>
        <v>60</v>
      </c>
      <c r="C972" s="498" t="s">
        <v>2441</v>
      </c>
      <c r="D972" s="449" t="s">
        <v>2442</v>
      </c>
      <c r="E972" s="510" t="s">
        <v>595</v>
      </c>
      <c r="F972" s="522" t="s">
        <v>596</v>
      </c>
      <c r="G972" s="450"/>
      <c r="H972" s="451"/>
      <c r="I972" s="451"/>
      <c r="J972" s="144"/>
      <c r="K972" s="517"/>
      <c r="L972" s="455">
        <v>40940</v>
      </c>
      <c r="M972" s="455"/>
      <c r="N972" s="418" t="str">
        <f t="shared" si="28"/>
        <v>DUPLICATE</v>
      </c>
    </row>
    <row r="973" spans="1:14" ht="15.75">
      <c r="A973" s="538"/>
      <c r="B973" s="411">
        <f t="shared" si="29"/>
        <v>60</v>
      </c>
      <c r="C973" s="498" t="s">
        <v>2443</v>
      </c>
      <c r="D973" s="449" t="s">
        <v>2444</v>
      </c>
      <c r="E973" s="510" t="s">
        <v>595</v>
      </c>
      <c r="F973" s="522" t="s">
        <v>596</v>
      </c>
      <c r="G973" s="450"/>
      <c r="H973" s="451"/>
      <c r="I973" s="451"/>
      <c r="J973" s="144"/>
      <c r="K973" s="517"/>
      <c r="L973" s="455">
        <v>40940</v>
      </c>
      <c r="M973" s="455"/>
      <c r="N973" s="418" t="str">
        <f t="shared" si="28"/>
        <v>DUPLICATE</v>
      </c>
    </row>
    <row r="974" spans="1:14" ht="15.75">
      <c r="A974" s="538"/>
      <c r="B974" s="411">
        <f t="shared" si="29"/>
        <v>60</v>
      </c>
      <c r="C974" s="498" t="s">
        <v>2445</v>
      </c>
      <c r="D974" s="449" t="s">
        <v>2446</v>
      </c>
      <c r="E974" s="510" t="s">
        <v>595</v>
      </c>
      <c r="F974" s="522" t="s">
        <v>596</v>
      </c>
      <c r="G974" s="450"/>
      <c r="H974" s="451"/>
      <c r="I974" s="451"/>
      <c r="J974" s="144"/>
      <c r="K974" s="517"/>
      <c r="L974" s="455">
        <v>38362</v>
      </c>
      <c r="M974" s="455"/>
      <c r="N974" s="418" t="str">
        <f t="shared" si="28"/>
        <v/>
      </c>
    </row>
    <row r="975" spans="1:14" ht="15.75">
      <c r="A975" s="538"/>
      <c r="B975" s="411">
        <f t="shared" si="29"/>
        <v>60</v>
      </c>
      <c r="C975" s="498" t="s">
        <v>2447</v>
      </c>
      <c r="D975" s="449" t="s">
        <v>2448</v>
      </c>
      <c r="E975" s="510" t="s">
        <v>595</v>
      </c>
      <c r="F975" s="522" t="s">
        <v>596</v>
      </c>
      <c r="G975" s="450"/>
      <c r="H975" s="451"/>
      <c r="I975" s="451"/>
      <c r="J975" s="144"/>
      <c r="K975" s="517"/>
      <c r="L975" s="455">
        <v>38362</v>
      </c>
      <c r="M975" s="455"/>
      <c r="N975" s="418" t="str">
        <f t="shared" si="28"/>
        <v/>
      </c>
    </row>
    <row r="976" spans="1:14" ht="42.75">
      <c r="A976" s="538"/>
      <c r="B976" s="411">
        <f t="shared" si="29"/>
        <v>60</v>
      </c>
      <c r="C976" s="498" t="s">
        <v>2449</v>
      </c>
      <c r="D976" s="449" t="s">
        <v>2450</v>
      </c>
      <c r="E976" s="645" t="s">
        <v>595</v>
      </c>
      <c r="F976" s="640" t="s">
        <v>596</v>
      </c>
      <c r="G976" s="450"/>
      <c r="H976" s="451"/>
      <c r="I976" s="451"/>
      <c r="J976" s="144"/>
      <c r="K976" s="517"/>
      <c r="L976" s="455">
        <v>38362</v>
      </c>
      <c r="M976" s="455"/>
      <c r="N976" s="418" t="str">
        <f t="shared" si="28"/>
        <v/>
      </c>
    </row>
    <row r="977" spans="1:14" ht="15.75">
      <c r="A977" s="538"/>
      <c r="B977" s="411">
        <f t="shared" si="29"/>
        <v>60</v>
      </c>
      <c r="C977" s="498" t="s">
        <v>2451</v>
      </c>
      <c r="D977" s="449" t="s">
        <v>2452</v>
      </c>
      <c r="E977" s="510" t="s">
        <v>595</v>
      </c>
      <c r="F977" s="522" t="s">
        <v>596</v>
      </c>
      <c r="G977" s="450"/>
      <c r="H977" s="451"/>
      <c r="I977" s="451"/>
      <c r="J977" s="144"/>
      <c r="K977" s="517"/>
      <c r="L977" s="455">
        <v>38362</v>
      </c>
      <c r="M977" s="455"/>
      <c r="N977" s="418" t="str">
        <f t="shared" si="28"/>
        <v/>
      </c>
    </row>
    <row r="978" spans="1:14" ht="15.75">
      <c r="A978" s="538"/>
      <c r="B978" s="411">
        <f t="shared" si="29"/>
        <v>60</v>
      </c>
      <c r="C978" s="498" t="s">
        <v>2453</v>
      </c>
      <c r="D978" s="449" t="s">
        <v>2454</v>
      </c>
      <c r="E978" s="510" t="s">
        <v>595</v>
      </c>
      <c r="F978" s="522" t="s">
        <v>596</v>
      </c>
      <c r="G978" s="450"/>
      <c r="H978" s="451"/>
      <c r="I978" s="451"/>
      <c r="J978" s="144"/>
      <c r="K978" s="517"/>
      <c r="L978" s="455">
        <v>38362</v>
      </c>
      <c r="M978" s="455"/>
      <c r="N978" s="418" t="str">
        <f t="shared" si="28"/>
        <v/>
      </c>
    </row>
    <row r="979" spans="1:14" ht="15.75">
      <c r="A979" s="538"/>
      <c r="B979" s="411">
        <f t="shared" si="29"/>
        <v>60</v>
      </c>
      <c r="C979" s="498" t="s">
        <v>767</v>
      </c>
      <c r="D979" s="449" t="s">
        <v>768</v>
      </c>
      <c r="E979" s="510" t="s">
        <v>595</v>
      </c>
      <c r="F979" s="522" t="s">
        <v>652</v>
      </c>
      <c r="G979" s="450"/>
      <c r="H979" s="451"/>
      <c r="I979" s="451"/>
      <c r="J979" s="144"/>
      <c r="K979" s="517"/>
      <c r="L979" s="455">
        <v>38362</v>
      </c>
      <c r="M979" s="455">
        <v>41306</v>
      </c>
      <c r="N979" s="418" t="str">
        <f t="shared" si="28"/>
        <v>DUPLICATE</v>
      </c>
    </row>
    <row r="980" spans="1:14" ht="15.75">
      <c r="A980" s="538"/>
      <c r="B980" s="411">
        <f t="shared" si="29"/>
        <v>60</v>
      </c>
      <c r="C980" s="498" t="s">
        <v>816</v>
      </c>
      <c r="D980" s="449" t="s">
        <v>817</v>
      </c>
      <c r="E980" s="452" t="s">
        <v>595</v>
      </c>
      <c r="F980" s="449" t="s">
        <v>652</v>
      </c>
      <c r="G980" s="450"/>
      <c r="H980" s="451"/>
      <c r="I980" s="481"/>
      <c r="J980" s="144"/>
      <c r="K980" s="517"/>
      <c r="L980" s="511">
        <v>41306</v>
      </c>
      <c r="M980" s="455"/>
      <c r="N980" s="418" t="str">
        <f t="shared" si="28"/>
        <v>DUPLICATE</v>
      </c>
    </row>
    <row r="981" spans="1:14" ht="15.75">
      <c r="A981" s="538"/>
      <c r="B981" s="411">
        <f t="shared" si="29"/>
        <v>60</v>
      </c>
      <c r="C981" s="498" t="s">
        <v>2455</v>
      </c>
      <c r="D981" s="449" t="s">
        <v>2456</v>
      </c>
      <c r="E981" s="510" t="s">
        <v>595</v>
      </c>
      <c r="F981" s="522" t="s">
        <v>596</v>
      </c>
      <c r="G981" s="450"/>
      <c r="H981" s="451"/>
      <c r="I981" s="451"/>
      <c r="J981" s="144"/>
      <c r="K981" s="517"/>
      <c r="L981" s="455">
        <v>38362</v>
      </c>
      <c r="M981" s="455"/>
      <c r="N981" s="418" t="str">
        <f t="shared" si="28"/>
        <v/>
      </c>
    </row>
    <row r="982" spans="1:14" ht="15.75">
      <c r="A982" s="538"/>
      <c r="B982" s="411">
        <f t="shared" si="29"/>
        <v>60</v>
      </c>
      <c r="C982" s="498" t="s">
        <v>2457</v>
      </c>
      <c r="D982" s="449" t="s">
        <v>2458</v>
      </c>
      <c r="E982" s="510" t="s">
        <v>595</v>
      </c>
      <c r="F982" s="522" t="s">
        <v>596</v>
      </c>
      <c r="G982" s="450"/>
      <c r="H982" s="451"/>
      <c r="I982" s="451"/>
      <c r="J982" s="144"/>
      <c r="K982" s="517"/>
      <c r="L982" s="455">
        <v>38362</v>
      </c>
      <c r="M982" s="455"/>
      <c r="N982" s="418" t="str">
        <f t="shared" si="28"/>
        <v/>
      </c>
    </row>
    <row r="983" spans="1:14" ht="15.75">
      <c r="A983" s="538"/>
      <c r="B983" s="411">
        <f t="shared" si="29"/>
        <v>60</v>
      </c>
      <c r="C983" s="498" t="s">
        <v>2459</v>
      </c>
      <c r="D983" s="449" t="s">
        <v>2460</v>
      </c>
      <c r="E983" s="510" t="s">
        <v>595</v>
      </c>
      <c r="F983" s="522" t="s">
        <v>596</v>
      </c>
      <c r="G983" s="450"/>
      <c r="H983" s="451"/>
      <c r="I983" s="451"/>
      <c r="J983" s="144"/>
      <c r="K983" s="517"/>
      <c r="L983" s="455">
        <v>38362</v>
      </c>
      <c r="M983" s="455"/>
      <c r="N983" s="418" t="str">
        <f t="shared" si="28"/>
        <v/>
      </c>
    </row>
    <row r="984" spans="1:14" ht="15.75">
      <c r="A984" s="538"/>
      <c r="B984" s="411">
        <f t="shared" si="29"/>
        <v>60</v>
      </c>
      <c r="C984" s="498" t="s">
        <v>2461</v>
      </c>
      <c r="D984" s="449" t="s">
        <v>2462</v>
      </c>
      <c r="E984" s="510" t="s">
        <v>595</v>
      </c>
      <c r="F984" s="522" t="s">
        <v>596</v>
      </c>
      <c r="G984" s="450"/>
      <c r="H984" s="451"/>
      <c r="I984" s="451"/>
      <c r="J984" s="144"/>
      <c r="K984" s="517"/>
      <c r="L984" s="455">
        <v>38362</v>
      </c>
      <c r="M984" s="455"/>
      <c r="N984" s="418" t="str">
        <f t="shared" si="28"/>
        <v/>
      </c>
    </row>
    <row r="985" spans="1:14" ht="15.75">
      <c r="A985" s="538"/>
      <c r="B985" s="411">
        <f t="shared" si="29"/>
        <v>60</v>
      </c>
      <c r="C985" s="498" t="s">
        <v>2463</v>
      </c>
      <c r="D985" s="449" t="s">
        <v>2464</v>
      </c>
      <c r="E985" s="510" t="s">
        <v>595</v>
      </c>
      <c r="F985" s="522" t="s">
        <v>596</v>
      </c>
      <c r="G985" s="450"/>
      <c r="H985" s="451"/>
      <c r="I985" s="451"/>
      <c r="J985" s="144"/>
      <c r="K985" s="517"/>
      <c r="L985" s="455">
        <v>38362</v>
      </c>
      <c r="M985" s="455"/>
      <c r="N985" s="418" t="str">
        <f t="shared" ref="N985:N1048" si="30">IF(D985="NA","",IF(COUNTIF($D$2:$D$5552,D985)&gt;1,"DUPLICATE",""))</f>
        <v/>
      </c>
    </row>
    <row r="986" spans="1:14" ht="15.75">
      <c r="A986" s="538"/>
      <c r="B986" s="411">
        <f t="shared" ref="B986:B1049" si="31">IF(A986&gt;0,A986,B985)</f>
        <v>60</v>
      </c>
      <c r="C986" s="498" t="s">
        <v>2465</v>
      </c>
      <c r="D986" s="449" t="s">
        <v>2466</v>
      </c>
      <c r="E986" s="510" t="s">
        <v>595</v>
      </c>
      <c r="F986" s="522" t="s">
        <v>596</v>
      </c>
      <c r="G986" s="450"/>
      <c r="H986" s="451"/>
      <c r="I986" s="451"/>
      <c r="J986" s="144"/>
      <c r="K986" s="517"/>
      <c r="L986" s="455">
        <v>38362</v>
      </c>
      <c r="M986" s="455"/>
      <c r="N986" s="418" t="str">
        <f t="shared" si="30"/>
        <v/>
      </c>
    </row>
    <row r="987" spans="1:14" ht="15.75">
      <c r="A987" s="538"/>
      <c r="B987" s="411">
        <f t="shared" si="31"/>
        <v>60</v>
      </c>
      <c r="C987" s="498" t="s">
        <v>2467</v>
      </c>
      <c r="D987" s="449" t="s">
        <v>2468</v>
      </c>
      <c r="E987" s="510" t="s">
        <v>595</v>
      </c>
      <c r="F987" s="522" t="s">
        <v>596</v>
      </c>
      <c r="G987" s="450"/>
      <c r="H987" s="451"/>
      <c r="I987" s="451"/>
      <c r="J987" s="144"/>
      <c r="K987" s="517"/>
      <c r="L987" s="455">
        <v>38362</v>
      </c>
      <c r="M987" s="455"/>
      <c r="N987" s="418" t="str">
        <f t="shared" si="30"/>
        <v/>
      </c>
    </row>
    <row r="988" spans="1:14" ht="15.75">
      <c r="A988" s="538"/>
      <c r="B988" s="411">
        <f t="shared" si="31"/>
        <v>60</v>
      </c>
      <c r="C988" s="498" t="s">
        <v>2469</v>
      </c>
      <c r="D988" s="449" t="s">
        <v>2470</v>
      </c>
      <c r="E988" s="510" t="s">
        <v>595</v>
      </c>
      <c r="F988" s="522" t="s">
        <v>596</v>
      </c>
      <c r="G988" s="450"/>
      <c r="H988" s="451"/>
      <c r="I988" s="451"/>
      <c r="J988" s="144"/>
      <c r="K988" s="517"/>
      <c r="L988" s="455">
        <v>38362</v>
      </c>
      <c r="M988" s="455"/>
      <c r="N988" s="418" t="str">
        <f t="shared" si="30"/>
        <v/>
      </c>
    </row>
    <row r="989" spans="1:14" ht="57">
      <c r="A989" s="538"/>
      <c r="B989" s="411">
        <f t="shared" si="31"/>
        <v>60</v>
      </c>
      <c r="C989" s="498" t="s">
        <v>2471</v>
      </c>
      <c r="D989" s="449" t="s">
        <v>2472</v>
      </c>
      <c r="E989" s="510" t="s">
        <v>595</v>
      </c>
      <c r="F989" s="522" t="s">
        <v>596</v>
      </c>
      <c r="G989" s="450"/>
      <c r="H989" s="451"/>
      <c r="I989" s="451"/>
      <c r="J989" s="144"/>
      <c r="K989" s="517"/>
      <c r="L989" s="455">
        <v>38362</v>
      </c>
      <c r="M989" s="455"/>
      <c r="N989" s="418" t="str">
        <f t="shared" si="30"/>
        <v/>
      </c>
    </row>
    <row r="990" spans="1:14" ht="28.5">
      <c r="A990" s="538"/>
      <c r="B990" s="411">
        <f t="shared" si="31"/>
        <v>60</v>
      </c>
      <c r="C990" s="498" t="s">
        <v>2473</v>
      </c>
      <c r="D990" s="449" t="s">
        <v>2474</v>
      </c>
      <c r="E990" s="510" t="s">
        <v>595</v>
      </c>
      <c r="F990" s="522" t="s">
        <v>596</v>
      </c>
      <c r="G990" s="450"/>
      <c r="H990" s="451"/>
      <c r="I990" s="451"/>
      <c r="J990" s="144"/>
      <c r="K990" s="517"/>
      <c r="L990" s="455">
        <v>38362</v>
      </c>
      <c r="M990" s="455"/>
      <c r="N990" s="418" t="str">
        <f t="shared" si="30"/>
        <v/>
      </c>
    </row>
    <row r="991" spans="1:14" ht="28.5">
      <c r="A991" s="538"/>
      <c r="B991" s="411">
        <f t="shared" si="31"/>
        <v>60</v>
      </c>
      <c r="C991" s="498" t="s">
        <v>2475</v>
      </c>
      <c r="D991" s="449" t="s">
        <v>2476</v>
      </c>
      <c r="E991" s="510" t="s">
        <v>595</v>
      </c>
      <c r="F991" s="522" t="s">
        <v>596</v>
      </c>
      <c r="G991" s="450"/>
      <c r="H991" s="451"/>
      <c r="I991" s="451"/>
      <c r="J991" s="144"/>
      <c r="K991" s="517"/>
      <c r="L991" s="455">
        <v>38362</v>
      </c>
      <c r="M991" s="455"/>
      <c r="N991" s="418" t="str">
        <f t="shared" si="30"/>
        <v/>
      </c>
    </row>
    <row r="992" spans="1:14" ht="15.75">
      <c r="A992" s="538"/>
      <c r="B992" s="411">
        <f t="shared" si="31"/>
        <v>60</v>
      </c>
      <c r="C992" s="498" t="s">
        <v>2477</v>
      </c>
      <c r="D992" s="449" t="s">
        <v>2478</v>
      </c>
      <c r="E992" s="510" t="s">
        <v>595</v>
      </c>
      <c r="F992" s="522" t="s">
        <v>596</v>
      </c>
      <c r="G992" s="450"/>
      <c r="H992" s="451"/>
      <c r="I992" s="451"/>
      <c r="J992" s="144"/>
      <c r="K992" s="517"/>
      <c r="L992" s="455">
        <v>38362</v>
      </c>
      <c r="M992" s="455"/>
      <c r="N992" s="418" t="str">
        <f t="shared" si="30"/>
        <v/>
      </c>
    </row>
    <row r="993" spans="1:14" ht="15.75">
      <c r="A993" s="538"/>
      <c r="B993" s="411">
        <f t="shared" si="31"/>
        <v>60</v>
      </c>
      <c r="C993" s="498" t="s">
        <v>2479</v>
      </c>
      <c r="D993" s="449" t="s">
        <v>2480</v>
      </c>
      <c r="E993" s="510" t="s">
        <v>595</v>
      </c>
      <c r="F993" s="522" t="s">
        <v>596</v>
      </c>
      <c r="G993" s="450"/>
      <c r="H993" s="451"/>
      <c r="I993" s="451"/>
      <c r="J993" s="144"/>
      <c r="K993" s="517"/>
      <c r="L993" s="455">
        <v>38362</v>
      </c>
      <c r="M993" s="455"/>
      <c r="N993" s="418" t="str">
        <f t="shared" si="30"/>
        <v>DUPLICATE</v>
      </c>
    </row>
    <row r="994" spans="1:14" ht="15.75">
      <c r="A994" s="538"/>
      <c r="B994" s="411">
        <f t="shared" si="31"/>
        <v>60</v>
      </c>
      <c r="C994" s="498" t="s">
        <v>2481</v>
      </c>
      <c r="D994" s="449" t="s">
        <v>2482</v>
      </c>
      <c r="E994" s="510" t="s">
        <v>595</v>
      </c>
      <c r="F994" s="522" t="s">
        <v>596</v>
      </c>
      <c r="G994" s="450"/>
      <c r="H994" s="451"/>
      <c r="I994" s="451"/>
      <c r="J994" s="144"/>
      <c r="K994" s="517"/>
      <c r="L994" s="455">
        <v>38362</v>
      </c>
      <c r="M994" s="455"/>
      <c r="N994" s="418" t="str">
        <f t="shared" si="30"/>
        <v/>
      </c>
    </row>
    <row r="995" spans="1:14" ht="15.75">
      <c r="A995" s="538"/>
      <c r="B995" s="411">
        <f t="shared" si="31"/>
        <v>60</v>
      </c>
      <c r="C995" s="498" t="s">
        <v>2483</v>
      </c>
      <c r="D995" s="449" t="s">
        <v>2484</v>
      </c>
      <c r="E995" s="510" t="s">
        <v>595</v>
      </c>
      <c r="F995" s="522" t="s">
        <v>596</v>
      </c>
      <c r="G995" s="450"/>
      <c r="H995" s="451"/>
      <c r="I995" s="451"/>
      <c r="J995" s="144"/>
      <c r="K995" s="517"/>
      <c r="L995" s="455">
        <v>38362</v>
      </c>
      <c r="M995" s="455"/>
      <c r="N995" s="418" t="str">
        <f t="shared" si="30"/>
        <v/>
      </c>
    </row>
    <row r="996" spans="1:14" ht="15.75">
      <c r="A996" s="538"/>
      <c r="B996" s="411">
        <f t="shared" si="31"/>
        <v>60</v>
      </c>
      <c r="C996" s="498" t="s">
        <v>2485</v>
      </c>
      <c r="D996" s="449" t="s">
        <v>2486</v>
      </c>
      <c r="E996" s="510" t="s">
        <v>595</v>
      </c>
      <c r="F996" s="522" t="s">
        <v>596</v>
      </c>
      <c r="G996" s="450"/>
      <c r="H996" s="451"/>
      <c r="I996" s="451"/>
      <c r="J996" s="144"/>
      <c r="K996" s="517"/>
      <c r="L996" s="455">
        <v>38362</v>
      </c>
      <c r="M996" s="455"/>
      <c r="N996" s="418" t="str">
        <f t="shared" si="30"/>
        <v/>
      </c>
    </row>
    <row r="997" spans="1:14" ht="15.75">
      <c r="A997" s="538"/>
      <c r="B997" s="411">
        <f t="shared" si="31"/>
        <v>60</v>
      </c>
      <c r="C997" s="498" t="s">
        <v>2487</v>
      </c>
      <c r="D997" s="449" t="s">
        <v>2488</v>
      </c>
      <c r="E997" s="510" t="s">
        <v>595</v>
      </c>
      <c r="F997" s="522" t="s">
        <v>596</v>
      </c>
      <c r="G997" s="450"/>
      <c r="H997" s="451"/>
      <c r="I997" s="451"/>
      <c r="J997" s="144"/>
      <c r="K997" s="517"/>
      <c r="L997" s="455">
        <v>38362</v>
      </c>
      <c r="M997" s="455"/>
      <c r="N997" s="418" t="str">
        <f t="shared" si="30"/>
        <v/>
      </c>
    </row>
    <row r="998" spans="1:14" ht="15.75">
      <c r="A998" s="538"/>
      <c r="B998" s="411">
        <f t="shared" si="31"/>
        <v>60</v>
      </c>
      <c r="C998" s="440" t="s">
        <v>2489</v>
      </c>
      <c r="D998" s="452" t="s">
        <v>2490</v>
      </c>
      <c r="E998" s="452" t="s">
        <v>595</v>
      </c>
      <c r="F998" s="449" t="s">
        <v>596</v>
      </c>
      <c r="G998" s="450"/>
      <c r="H998" s="451"/>
      <c r="I998" s="451"/>
      <c r="J998" s="144"/>
      <c r="K998" s="517"/>
      <c r="L998" s="455">
        <v>41671</v>
      </c>
      <c r="M998" s="455">
        <v>42401</v>
      </c>
      <c r="N998" s="418" t="str">
        <f t="shared" si="30"/>
        <v/>
      </c>
    </row>
    <row r="999" spans="1:14" ht="15.75">
      <c r="A999" s="538"/>
      <c r="B999" s="411">
        <f t="shared" si="31"/>
        <v>60</v>
      </c>
      <c r="C999" s="440" t="s">
        <v>2491</v>
      </c>
      <c r="D999" s="452" t="s">
        <v>2492</v>
      </c>
      <c r="E999" s="452" t="s">
        <v>595</v>
      </c>
      <c r="F999" s="449" t="s">
        <v>596</v>
      </c>
      <c r="G999" s="450"/>
      <c r="H999" s="451"/>
      <c r="I999" s="451"/>
      <c r="J999" s="144"/>
      <c r="K999" s="517"/>
      <c r="L999" s="455">
        <v>41671</v>
      </c>
      <c r="M999" s="455">
        <v>42401</v>
      </c>
      <c r="N999" s="418" t="str">
        <f t="shared" si="30"/>
        <v/>
      </c>
    </row>
    <row r="1000" spans="1:14" ht="15.75">
      <c r="A1000" s="538"/>
      <c r="B1000" s="411">
        <f t="shared" si="31"/>
        <v>60</v>
      </c>
      <c r="C1000" s="440" t="s">
        <v>2493</v>
      </c>
      <c r="D1000" s="452" t="s">
        <v>2494</v>
      </c>
      <c r="E1000" s="452" t="s">
        <v>595</v>
      </c>
      <c r="F1000" s="449" t="s">
        <v>596</v>
      </c>
      <c r="G1000" s="450"/>
      <c r="H1000" s="451"/>
      <c r="I1000" s="451"/>
      <c r="J1000" s="144"/>
      <c r="K1000" s="517"/>
      <c r="L1000" s="455">
        <v>41671</v>
      </c>
      <c r="M1000" s="455">
        <v>42401</v>
      </c>
      <c r="N1000" s="418" t="str">
        <f t="shared" si="30"/>
        <v/>
      </c>
    </row>
    <row r="1001" spans="1:14" ht="15.75">
      <c r="A1001" s="538"/>
      <c r="B1001" s="411">
        <f t="shared" si="31"/>
        <v>60</v>
      </c>
      <c r="C1001" s="440" t="s">
        <v>2495</v>
      </c>
      <c r="D1001" s="452" t="s">
        <v>2496</v>
      </c>
      <c r="E1001" s="452" t="s">
        <v>595</v>
      </c>
      <c r="F1001" s="449" t="s">
        <v>596</v>
      </c>
      <c r="G1001" s="450"/>
      <c r="H1001" s="451"/>
      <c r="I1001" s="451"/>
      <c r="J1001" s="144"/>
      <c r="K1001" s="517"/>
      <c r="L1001" s="455">
        <v>41671</v>
      </c>
      <c r="M1001" s="455">
        <v>42401</v>
      </c>
      <c r="N1001" s="418" t="str">
        <f t="shared" si="30"/>
        <v/>
      </c>
    </row>
    <row r="1002" spans="1:14" ht="15.75">
      <c r="A1002" s="538"/>
      <c r="B1002" s="411">
        <f t="shared" si="31"/>
        <v>60</v>
      </c>
      <c r="C1002" s="440" t="s">
        <v>2497</v>
      </c>
      <c r="D1002" s="452" t="s">
        <v>2498</v>
      </c>
      <c r="E1002" s="452" t="s">
        <v>595</v>
      </c>
      <c r="F1002" s="449" t="s">
        <v>596</v>
      </c>
      <c r="G1002" s="450"/>
      <c r="H1002" s="451"/>
      <c r="I1002" s="451"/>
      <c r="J1002" s="144"/>
      <c r="K1002" s="517"/>
      <c r="L1002" s="455">
        <v>41671</v>
      </c>
      <c r="M1002" s="455">
        <v>42401</v>
      </c>
      <c r="N1002" s="418" t="str">
        <f t="shared" si="30"/>
        <v/>
      </c>
    </row>
    <row r="1003" spans="1:14" ht="15.75">
      <c r="A1003" s="538"/>
      <c r="B1003" s="411">
        <f t="shared" si="31"/>
        <v>60</v>
      </c>
      <c r="C1003" s="498" t="s">
        <v>2499</v>
      </c>
      <c r="D1003" s="449" t="s">
        <v>2500</v>
      </c>
      <c r="E1003" s="510" t="s">
        <v>595</v>
      </c>
      <c r="F1003" s="522" t="s">
        <v>596</v>
      </c>
      <c r="G1003" s="450"/>
      <c r="H1003" s="451"/>
      <c r="I1003" s="451"/>
      <c r="J1003" s="144"/>
      <c r="K1003" s="517"/>
      <c r="L1003" s="455">
        <v>38362</v>
      </c>
      <c r="M1003" s="455"/>
      <c r="N1003" s="418" t="str">
        <f t="shared" si="30"/>
        <v/>
      </c>
    </row>
    <row r="1004" spans="1:14" ht="15.75">
      <c r="A1004" s="538"/>
      <c r="B1004" s="411">
        <f t="shared" si="31"/>
        <v>60</v>
      </c>
      <c r="C1004" s="498" t="s">
        <v>847</v>
      </c>
      <c r="D1004" s="449" t="s">
        <v>848</v>
      </c>
      <c r="E1004" s="510" t="s">
        <v>595</v>
      </c>
      <c r="F1004" s="522" t="s">
        <v>652</v>
      </c>
      <c r="G1004" s="450"/>
      <c r="H1004" s="451"/>
      <c r="I1004" s="451"/>
      <c r="J1004" s="144"/>
      <c r="K1004" s="517"/>
      <c r="L1004" s="455">
        <v>38362</v>
      </c>
      <c r="M1004" s="455">
        <v>41306</v>
      </c>
      <c r="N1004" s="418" t="str">
        <f t="shared" si="30"/>
        <v>DUPLICATE</v>
      </c>
    </row>
    <row r="1005" spans="1:14" ht="15.75">
      <c r="A1005" s="538"/>
      <c r="B1005" s="411">
        <f t="shared" si="31"/>
        <v>60</v>
      </c>
      <c r="C1005" s="498" t="s">
        <v>849</v>
      </c>
      <c r="D1005" s="449" t="s">
        <v>850</v>
      </c>
      <c r="E1005" s="510" t="s">
        <v>595</v>
      </c>
      <c r="F1005" s="522" t="s">
        <v>652</v>
      </c>
      <c r="G1005" s="450"/>
      <c r="H1005" s="451"/>
      <c r="I1005" s="451"/>
      <c r="J1005" s="144"/>
      <c r="K1005" s="517"/>
      <c r="L1005" s="455">
        <v>38362</v>
      </c>
      <c r="M1005" s="455"/>
      <c r="N1005" s="418" t="str">
        <f t="shared" si="30"/>
        <v>DUPLICATE</v>
      </c>
    </row>
    <row r="1006" spans="1:14" ht="15.75">
      <c r="A1006" s="538"/>
      <c r="B1006" s="411">
        <f t="shared" si="31"/>
        <v>60</v>
      </c>
      <c r="C1006" s="498" t="s">
        <v>851</v>
      </c>
      <c r="D1006" s="449" t="s">
        <v>852</v>
      </c>
      <c r="E1006" s="510" t="s">
        <v>595</v>
      </c>
      <c r="F1006" s="522" t="s">
        <v>652</v>
      </c>
      <c r="G1006" s="450"/>
      <c r="H1006" s="451"/>
      <c r="I1006" s="451"/>
      <c r="J1006" s="144"/>
      <c r="K1006" s="517"/>
      <c r="L1006" s="455">
        <v>38362</v>
      </c>
      <c r="M1006" s="455">
        <v>41306</v>
      </c>
      <c r="N1006" s="418" t="str">
        <f t="shared" si="30"/>
        <v>DUPLICATE</v>
      </c>
    </row>
    <row r="1007" spans="1:14" ht="15.75">
      <c r="A1007" s="538"/>
      <c r="B1007" s="411">
        <f t="shared" si="31"/>
        <v>60</v>
      </c>
      <c r="C1007" s="498" t="s">
        <v>2501</v>
      </c>
      <c r="D1007" s="449" t="s">
        <v>2502</v>
      </c>
      <c r="E1007" s="510" t="s">
        <v>595</v>
      </c>
      <c r="F1007" s="522" t="s">
        <v>596</v>
      </c>
      <c r="G1007" s="450"/>
      <c r="H1007" s="451"/>
      <c r="I1007" s="451"/>
      <c r="J1007" s="144"/>
      <c r="K1007" s="517"/>
      <c r="L1007" s="455">
        <v>38362</v>
      </c>
      <c r="M1007" s="455"/>
      <c r="N1007" s="418" t="str">
        <f t="shared" si="30"/>
        <v/>
      </c>
    </row>
    <row r="1008" spans="1:14" ht="15.75">
      <c r="A1008" s="538"/>
      <c r="B1008" s="411">
        <f t="shared" si="31"/>
        <v>60</v>
      </c>
      <c r="C1008" s="498" t="s">
        <v>2503</v>
      </c>
      <c r="D1008" s="449" t="s">
        <v>2504</v>
      </c>
      <c r="E1008" s="510" t="s">
        <v>595</v>
      </c>
      <c r="F1008" s="522" t="s">
        <v>596</v>
      </c>
      <c r="G1008" s="450"/>
      <c r="H1008" s="451"/>
      <c r="I1008" s="451"/>
      <c r="J1008" s="144"/>
      <c r="K1008" s="517"/>
      <c r="L1008" s="455">
        <v>38362</v>
      </c>
      <c r="M1008" s="455"/>
      <c r="N1008" s="418" t="str">
        <f t="shared" si="30"/>
        <v/>
      </c>
    </row>
    <row r="1009" spans="1:14" ht="15.75">
      <c r="A1009" s="538"/>
      <c r="B1009" s="411">
        <f t="shared" si="31"/>
        <v>60</v>
      </c>
      <c r="C1009" s="498" t="s">
        <v>2505</v>
      </c>
      <c r="D1009" s="449" t="s">
        <v>2506</v>
      </c>
      <c r="E1009" s="510" t="s">
        <v>595</v>
      </c>
      <c r="F1009" s="522" t="s">
        <v>596</v>
      </c>
      <c r="G1009" s="450"/>
      <c r="H1009" s="451"/>
      <c r="I1009" s="451"/>
      <c r="J1009" s="144"/>
      <c r="K1009" s="517"/>
      <c r="L1009" s="455">
        <v>38362</v>
      </c>
      <c r="M1009" s="455"/>
      <c r="N1009" s="418" t="str">
        <f t="shared" si="30"/>
        <v/>
      </c>
    </row>
    <row r="1010" spans="1:14" ht="15.75">
      <c r="A1010" s="538"/>
      <c r="B1010" s="411">
        <f t="shared" si="31"/>
        <v>60</v>
      </c>
      <c r="C1010" s="498" t="s">
        <v>26572</v>
      </c>
      <c r="D1010" s="449" t="s">
        <v>26573</v>
      </c>
      <c r="E1010" s="510" t="s">
        <v>595</v>
      </c>
      <c r="F1010" s="522" t="s">
        <v>596</v>
      </c>
      <c r="G1010" s="450"/>
      <c r="H1010" s="451"/>
      <c r="I1010" s="451"/>
      <c r="J1010" s="144"/>
      <c r="K1010" s="517"/>
      <c r="L1010" s="455">
        <v>43497</v>
      </c>
      <c r="M1010" s="455"/>
      <c r="N1010" s="418" t="str">
        <f t="shared" si="30"/>
        <v/>
      </c>
    </row>
    <row r="1011" spans="1:14" ht="15.75">
      <c r="A1011" s="538"/>
      <c r="B1011" s="411">
        <f t="shared" si="31"/>
        <v>60</v>
      </c>
      <c r="C1011" s="498" t="s">
        <v>26574</v>
      </c>
      <c r="D1011" s="449" t="s">
        <v>26575</v>
      </c>
      <c r="E1011" s="510" t="s">
        <v>595</v>
      </c>
      <c r="F1011" s="522" t="s">
        <v>596</v>
      </c>
      <c r="G1011" s="450"/>
      <c r="H1011" s="451"/>
      <c r="I1011" s="451"/>
      <c r="J1011" s="144"/>
      <c r="K1011" s="517"/>
      <c r="L1011" s="455">
        <v>43497</v>
      </c>
      <c r="M1011" s="455"/>
      <c r="N1011" s="418" t="str">
        <f t="shared" si="30"/>
        <v/>
      </c>
    </row>
    <row r="1012" spans="1:14" ht="15.75">
      <c r="A1012" s="538"/>
      <c r="B1012" s="411">
        <f t="shared" si="31"/>
        <v>60</v>
      </c>
      <c r="C1012" s="498" t="s">
        <v>2507</v>
      </c>
      <c r="D1012" s="449" t="s">
        <v>2508</v>
      </c>
      <c r="E1012" s="510" t="s">
        <v>595</v>
      </c>
      <c r="F1012" s="522" t="s">
        <v>596</v>
      </c>
      <c r="G1012" s="450"/>
      <c r="H1012" s="451"/>
      <c r="I1012" s="451"/>
      <c r="J1012" s="144"/>
      <c r="K1012" s="517"/>
      <c r="L1012" s="455">
        <v>38362</v>
      </c>
      <c r="M1012" s="455"/>
      <c r="N1012" s="418" t="str">
        <f t="shared" si="30"/>
        <v/>
      </c>
    </row>
    <row r="1013" spans="1:14" ht="15.75">
      <c r="A1013" s="538"/>
      <c r="B1013" s="411">
        <f t="shared" si="31"/>
        <v>60</v>
      </c>
      <c r="C1013" s="498" t="s">
        <v>2509</v>
      </c>
      <c r="D1013" s="449" t="s">
        <v>2510</v>
      </c>
      <c r="E1013" s="510" t="s">
        <v>595</v>
      </c>
      <c r="F1013" s="522" t="s">
        <v>596</v>
      </c>
      <c r="G1013" s="532"/>
      <c r="H1013" s="451"/>
      <c r="I1013" s="451"/>
      <c r="J1013" s="144"/>
      <c r="K1013" s="517"/>
      <c r="L1013" s="455">
        <v>38362</v>
      </c>
      <c r="M1013" s="455"/>
      <c r="N1013" s="418" t="str">
        <f t="shared" si="30"/>
        <v/>
      </c>
    </row>
    <row r="1014" spans="1:14" ht="31.5">
      <c r="A1014" s="538"/>
      <c r="B1014" s="411">
        <f t="shared" si="31"/>
        <v>60</v>
      </c>
      <c r="C1014" s="498" t="s">
        <v>2511</v>
      </c>
      <c r="D1014" s="449" t="s">
        <v>456</v>
      </c>
      <c r="E1014" s="510" t="s">
        <v>595</v>
      </c>
      <c r="F1014" s="522" t="s">
        <v>600</v>
      </c>
      <c r="G1014" s="450" t="s">
        <v>760</v>
      </c>
      <c r="H1014" s="451"/>
      <c r="I1014" s="451"/>
      <c r="J1014" s="144"/>
      <c r="K1014" s="517"/>
      <c r="L1014" s="455">
        <v>38362</v>
      </c>
      <c r="M1014" s="455">
        <v>42036</v>
      </c>
      <c r="N1014" s="418" t="str">
        <f t="shared" si="30"/>
        <v/>
      </c>
    </row>
    <row r="1015" spans="1:14" ht="15.75">
      <c r="A1015" s="538"/>
      <c r="B1015" s="411">
        <f t="shared" si="31"/>
        <v>60</v>
      </c>
      <c r="C1015" s="498" t="s">
        <v>2512</v>
      </c>
      <c r="D1015" s="449" t="s">
        <v>2513</v>
      </c>
      <c r="E1015" s="510" t="s">
        <v>595</v>
      </c>
      <c r="F1015" s="522" t="s">
        <v>596</v>
      </c>
      <c r="G1015" s="532"/>
      <c r="H1015" s="451"/>
      <c r="I1015" s="451"/>
      <c r="J1015" s="144"/>
      <c r="K1015" s="517"/>
      <c r="L1015" s="455">
        <v>38362</v>
      </c>
      <c r="M1015" s="455"/>
      <c r="N1015" s="418" t="str">
        <f t="shared" si="30"/>
        <v/>
      </c>
    </row>
    <row r="1016" spans="1:14" ht="15.75">
      <c r="A1016" s="538"/>
      <c r="B1016" s="411">
        <f t="shared" si="31"/>
        <v>60</v>
      </c>
      <c r="C1016" s="498" t="s">
        <v>2514</v>
      </c>
      <c r="D1016" s="449" t="s">
        <v>2515</v>
      </c>
      <c r="E1016" s="510" t="s">
        <v>595</v>
      </c>
      <c r="F1016" s="522" t="s">
        <v>596</v>
      </c>
      <c r="G1016" s="450"/>
      <c r="H1016" s="451"/>
      <c r="I1016" s="451"/>
      <c r="J1016" s="144"/>
      <c r="K1016" s="517"/>
      <c r="L1016" s="455">
        <v>38362</v>
      </c>
      <c r="M1016" s="455"/>
      <c r="N1016" s="418" t="str">
        <f t="shared" si="30"/>
        <v/>
      </c>
    </row>
    <row r="1017" spans="1:14" ht="28.5">
      <c r="A1017" s="538"/>
      <c r="B1017" s="411">
        <f t="shared" si="31"/>
        <v>60</v>
      </c>
      <c r="C1017" s="440" t="s">
        <v>2346</v>
      </c>
      <c r="D1017" s="452" t="s">
        <v>2347</v>
      </c>
      <c r="E1017" s="452" t="s">
        <v>707</v>
      </c>
      <c r="F1017" s="449" t="s">
        <v>600</v>
      </c>
      <c r="G1017" s="449"/>
      <c r="H1017" s="451"/>
      <c r="I1017" s="451"/>
      <c r="J1017" s="144"/>
      <c r="K1017" s="522"/>
      <c r="L1017" s="455">
        <v>41671</v>
      </c>
      <c r="M1017" s="455"/>
      <c r="N1017" s="418" t="str">
        <f t="shared" si="30"/>
        <v>DUPLICATE</v>
      </c>
    </row>
    <row r="1018" spans="1:14" ht="15.75">
      <c r="A1018" s="538"/>
      <c r="B1018" s="411">
        <f t="shared" si="31"/>
        <v>60</v>
      </c>
      <c r="C1018" s="498" t="s">
        <v>2516</v>
      </c>
      <c r="D1018" s="449" t="s">
        <v>2517</v>
      </c>
      <c r="E1018" s="510" t="s">
        <v>595</v>
      </c>
      <c r="F1018" s="522" t="s">
        <v>596</v>
      </c>
      <c r="G1018" s="450"/>
      <c r="H1018" s="451"/>
      <c r="I1018" s="451"/>
      <c r="J1018" s="144"/>
      <c r="K1018" s="517"/>
      <c r="L1018" s="455">
        <v>40940</v>
      </c>
      <c r="M1018" s="455"/>
      <c r="N1018" s="418" t="str">
        <f t="shared" si="30"/>
        <v/>
      </c>
    </row>
    <row r="1019" spans="1:14" ht="15.75">
      <c r="A1019" s="538"/>
      <c r="B1019" s="411">
        <f t="shared" si="31"/>
        <v>60</v>
      </c>
      <c r="C1019" s="440" t="s">
        <v>2518</v>
      </c>
      <c r="D1019" s="452" t="s">
        <v>2519</v>
      </c>
      <c r="E1019" s="452" t="s">
        <v>595</v>
      </c>
      <c r="F1019" s="449" t="s">
        <v>596</v>
      </c>
      <c r="G1019" s="450"/>
      <c r="H1019" s="451"/>
      <c r="I1019" s="451"/>
      <c r="J1019" s="144"/>
      <c r="K1019" s="517"/>
      <c r="L1019" s="455">
        <v>41671</v>
      </c>
      <c r="M1019" s="455"/>
      <c r="N1019" s="418" t="str">
        <f t="shared" si="30"/>
        <v/>
      </c>
    </row>
    <row r="1020" spans="1:14" ht="15.75">
      <c r="A1020" s="538"/>
      <c r="B1020" s="411">
        <f t="shared" si="31"/>
        <v>60</v>
      </c>
      <c r="C1020" s="498" t="s">
        <v>2520</v>
      </c>
      <c r="D1020" s="449" t="s">
        <v>2521</v>
      </c>
      <c r="E1020" s="510" t="s">
        <v>595</v>
      </c>
      <c r="F1020" s="522" t="s">
        <v>596</v>
      </c>
      <c r="G1020" s="450"/>
      <c r="H1020" s="451"/>
      <c r="I1020" s="451"/>
      <c r="J1020" s="144"/>
      <c r="K1020" s="517"/>
      <c r="L1020" s="455">
        <v>38362</v>
      </c>
      <c r="M1020" s="455"/>
      <c r="N1020" s="418" t="str">
        <f t="shared" si="30"/>
        <v/>
      </c>
    </row>
    <row r="1021" spans="1:14" ht="15.75">
      <c r="A1021" s="538"/>
      <c r="B1021" s="411">
        <f t="shared" si="31"/>
        <v>60</v>
      </c>
      <c r="C1021" s="498" t="s">
        <v>2522</v>
      </c>
      <c r="D1021" s="449" t="s">
        <v>2523</v>
      </c>
      <c r="E1021" s="510" t="s">
        <v>595</v>
      </c>
      <c r="F1021" s="522" t="s">
        <v>596</v>
      </c>
      <c r="G1021" s="450"/>
      <c r="H1021" s="451"/>
      <c r="I1021" s="451"/>
      <c r="J1021" s="144"/>
      <c r="K1021" s="517"/>
      <c r="L1021" s="455">
        <v>38362</v>
      </c>
      <c r="M1021" s="455"/>
      <c r="N1021" s="418" t="str">
        <f t="shared" si="30"/>
        <v/>
      </c>
    </row>
    <row r="1022" spans="1:14" ht="15.75">
      <c r="A1022" s="538"/>
      <c r="B1022" s="411">
        <f t="shared" si="31"/>
        <v>60</v>
      </c>
      <c r="C1022" s="498" t="s">
        <v>2524</v>
      </c>
      <c r="D1022" s="449" t="s">
        <v>2525</v>
      </c>
      <c r="E1022" s="510" t="s">
        <v>595</v>
      </c>
      <c r="F1022" s="522" t="s">
        <v>596</v>
      </c>
      <c r="G1022" s="450"/>
      <c r="H1022" s="451"/>
      <c r="I1022" s="451"/>
      <c r="J1022" s="144"/>
      <c r="K1022" s="517"/>
      <c r="L1022" s="455">
        <v>38362</v>
      </c>
      <c r="M1022" s="455"/>
      <c r="N1022" s="418" t="str">
        <f t="shared" si="30"/>
        <v/>
      </c>
    </row>
    <row r="1023" spans="1:14" ht="15.75">
      <c r="A1023" s="538"/>
      <c r="B1023" s="411">
        <f t="shared" si="31"/>
        <v>60</v>
      </c>
      <c r="C1023" s="498" t="s">
        <v>2526</v>
      </c>
      <c r="D1023" s="449" t="s">
        <v>2527</v>
      </c>
      <c r="E1023" s="510" t="s">
        <v>595</v>
      </c>
      <c r="F1023" s="522" t="s">
        <v>596</v>
      </c>
      <c r="G1023" s="450"/>
      <c r="H1023" s="451"/>
      <c r="I1023" s="451"/>
      <c r="J1023" s="144"/>
      <c r="K1023" s="517"/>
      <c r="L1023" s="455">
        <v>38362</v>
      </c>
      <c r="M1023" s="455"/>
      <c r="N1023" s="418" t="str">
        <f t="shared" si="30"/>
        <v/>
      </c>
    </row>
    <row r="1024" spans="1:14" ht="15.75">
      <c r="A1024" s="538"/>
      <c r="B1024" s="411">
        <f t="shared" si="31"/>
        <v>60</v>
      </c>
      <c r="C1024" s="498" t="s">
        <v>2528</v>
      </c>
      <c r="D1024" s="449" t="s">
        <v>2529</v>
      </c>
      <c r="E1024" s="510" t="s">
        <v>595</v>
      </c>
      <c r="F1024" s="522" t="s">
        <v>596</v>
      </c>
      <c r="G1024" s="450"/>
      <c r="H1024" s="451"/>
      <c r="I1024" s="451"/>
      <c r="J1024" s="144"/>
      <c r="K1024" s="517"/>
      <c r="L1024" s="455">
        <v>38362</v>
      </c>
      <c r="M1024" s="455"/>
      <c r="N1024" s="418" t="str">
        <f t="shared" si="30"/>
        <v/>
      </c>
    </row>
    <row r="1025" spans="1:14" ht="15.75">
      <c r="A1025" s="538"/>
      <c r="B1025" s="411">
        <f t="shared" si="31"/>
        <v>60</v>
      </c>
      <c r="C1025" s="498" t="s">
        <v>2530</v>
      </c>
      <c r="D1025" s="449" t="s">
        <v>2531</v>
      </c>
      <c r="E1025" s="510" t="s">
        <v>595</v>
      </c>
      <c r="F1025" s="522" t="s">
        <v>596</v>
      </c>
      <c r="G1025" s="450"/>
      <c r="H1025" s="451"/>
      <c r="I1025" s="451"/>
      <c r="J1025" s="144"/>
      <c r="K1025" s="517"/>
      <c r="L1025" s="455">
        <v>38362</v>
      </c>
      <c r="M1025" s="455"/>
      <c r="N1025" s="418" t="str">
        <f t="shared" si="30"/>
        <v/>
      </c>
    </row>
    <row r="1026" spans="1:14" ht="15.75">
      <c r="A1026" s="538"/>
      <c r="B1026" s="411">
        <f t="shared" si="31"/>
        <v>60</v>
      </c>
      <c r="C1026" s="498" t="s">
        <v>2532</v>
      </c>
      <c r="D1026" s="449" t="s">
        <v>2533</v>
      </c>
      <c r="E1026" s="510" t="s">
        <v>595</v>
      </c>
      <c r="F1026" s="522" t="s">
        <v>596</v>
      </c>
      <c r="G1026" s="450"/>
      <c r="H1026" s="451"/>
      <c r="I1026" s="451"/>
      <c r="J1026" s="144"/>
      <c r="K1026" s="517"/>
      <c r="L1026" s="455">
        <v>38362</v>
      </c>
      <c r="M1026" s="455"/>
      <c r="N1026" s="418" t="str">
        <f t="shared" si="30"/>
        <v/>
      </c>
    </row>
    <row r="1027" spans="1:14" ht="15.75">
      <c r="A1027" s="538"/>
      <c r="B1027" s="411">
        <f t="shared" si="31"/>
        <v>60</v>
      </c>
      <c r="C1027" s="498" t="s">
        <v>2534</v>
      </c>
      <c r="D1027" s="449" t="s">
        <v>2535</v>
      </c>
      <c r="E1027" s="510" t="s">
        <v>595</v>
      </c>
      <c r="F1027" s="522" t="s">
        <v>596</v>
      </c>
      <c r="G1027" s="450"/>
      <c r="H1027" s="451"/>
      <c r="I1027" s="451"/>
      <c r="J1027" s="144"/>
      <c r="K1027" s="517"/>
      <c r="L1027" s="455">
        <v>38362</v>
      </c>
      <c r="M1027" s="455"/>
      <c r="N1027" s="418" t="str">
        <f t="shared" si="30"/>
        <v/>
      </c>
    </row>
    <row r="1028" spans="1:14" ht="15.75">
      <c r="A1028" s="538"/>
      <c r="B1028" s="411">
        <f t="shared" si="31"/>
        <v>60</v>
      </c>
      <c r="C1028" s="498" t="s">
        <v>2536</v>
      </c>
      <c r="D1028" s="449" t="s">
        <v>2537</v>
      </c>
      <c r="E1028" s="510" t="s">
        <v>595</v>
      </c>
      <c r="F1028" s="522" t="s">
        <v>596</v>
      </c>
      <c r="G1028" s="450"/>
      <c r="H1028" s="451"/>
      <c r="I1028" s="451"/>
      <c r="J1028" s="144"/>
      <c r="K1028" s="517"/>
      <c r="L1028" s="455">
        <v>38362</v>
      </c>
      <c r="M1028" s="455"/>
      <c r="N1028" s="418" t="str">
        <f t="shared" si="30"/>
        <v/>
      </c>
    </row>
    <row r="1029" spans="1:14" ht="15.75">
      <c r="A1029" s="538"/>
      <c r="B1029" s="411">
        <f t="shared" si="31"/>
        <v>60</v>
      </c>
      <c r="C1029" s="498" t="s">
        <v>2538</v>
      </c>
      <c r="D1029" s="449" t="s">
        <v>2539</v>
      </c>
      <c r="E1029" s="510" t="s">
        <v>595</v>
      </c>
      <c r="F1029" s="522" t="s">
        <v>596</v>
      </c>
      <c r="G1029" s="450"/>
      <c r="H1029" s="451"/>
      <c r="I1029" s="451"/>
      <c r="J1029" s="144"/>
      <c r="K1029" s="517"/>
      <c r="L1029" s="455">
        <v>38362</v>
      </c>
      <c r="M1029" s="455"/>
      <c r="N1029" s="418" t="str">
        <f t="shared" si="30"/>
        <v/>
      </c>
    </row>
    <row r="1030" spans="1:14" ht="15.75">
      <c r="A1030" s="538"/>
      <c r="B1030" s="411">
        <f t="shared" si="31"/>
        <v>60</v>
      </c>
      <c r="C1030" s="498" t="s">
        <v>2540</v>
      </c>
      <c r="D1030" s="449" t="s">
        <v>2541</v>
      </c>
      <c r="E1030" s="510" t="s">
        <v>595</v>
      </c>
      <c r="F1030" s="522" t="s">
        <v>596</v>
      </c>
      <c r="G1030" s="450"/>
      <c r="H1030" s="451"/>
      <c r="I1030" s="451"/>
      <c r="J1030" s="144"/>
      <c r="K1030" s="517"/>
      <c r="L1030" s="455">
        <v>38362</v>
      </c>
      <c r="M1030" s="455"/>
      <c r="N1030" s="418" t="str">
        <f t="shared" si="30"/>
        <v/>
      </c>
    </row>
    <row r="1031" spans="1:14" ht="15.75">
      <c r="A1031" s="538"/>
      <c r="B1031" s="411">
        <f t="shared" si="31"/>
        <v>60</v>
      </c>
      <c r="C1031" s="498" t="s">
        <v>2542</v>
      </c>
      <c r="D1031" s="449" t="s">
        <v>2543</v>
      </c>
      <c r="E1031" s="510" t="s">
        <v>595</v>
      </c>
      <c r="F1031" s="522" t="s">
        <v>596</v>
      </c>
      <c r="G1031" s="450"/>
      <c r="H1031" s="451"/>
      <c r="I1031" s="451"/>
      <c r="J1031" s="144"/>
      <c r="K1031" s="517"/>
      <c r="L1031" s="455">
        <v>38362</v>
      </c>
      <c r="M1031" s="455"/>
      <c r="N1031" s="418" t="str">
        <f t="shared" si="30"/>
        <v/>
      </c>
    </row>
    <row r="1032" spans="1:14" ht="15.75">
      <c r="A1032" s="538"/>
      <c r="B1032" s="411">
        <f t="shared" si="31"/>
        <v>60</v>
      </c>
      <c r="C1032" s="498" t="s">
        <v>2544</v>
      </c>
      <c r="D1032" s="449" t="s">
        <v>2545</v>
      </c>
      <c r="E1032" s="510" t="s">
        <v>595</v>
      </c>
      <c r="F1032" s="522" t="s">
        <v>596</v>
      </c>
      <c r="G1032" s="450"/>
      <c r="H1032" s="451"/>
      <c r="I1032" s="451"/>
      <c r="J1032" s="144"/>
      <c r="K1032" s="517"/>
      <c r="L1032" s="455">
        <v>38362</v>
      </c>
      <c r="M1032" s="455"/>
      <c r="N1032" s="418" t="str">
        <f t="shared" si="30"/>
        <v/>
      </c>
    </row>
    <row r="1033" spans="1:14" ht="15.75">
      <c r="A1033" s="538"/>
      <c r="B1033" s="411">
        <f t="shared" si="31"/>
        <v>60</v>
      </c>
      <c r="C1033" s="498" t="s">
        <v>2546</v>
      </c>
      <c r="D1033" s="449" t="s">
        <v>2547</v>
      </c>
      <c r="E1033" s="510" t="s">
        <v>595</v>
      </c>
      <c r="F1033" s="522" t="s">
        <v>596</v>
      </c>
      <c r="G1033" s="450"/>
      <c r="H1033" s="451"/>
      <c r="I1033" s="451"/>
      <c r="J1033" s="144"/>
      <c r="K1033" s="517"/>
      <c r="L1033" s="455">
        <v>38362</v>
      </c>
      <c r="M1033" s="455"/>
      <c r="N1033" s="418" t="str">
        <f t="shared" si="30"/>
        <v/>
      </c>
    </row>
    <row r="1034" spans="1:14" ht="15.75">
      <c r="A1034" s="538"/>
      <c r="B1034" s="411">
        <f t="shared" si="31"/>
        <v>60</v>
      </c>
      <c r="C1034" s="498" t="s">
        <v>2548</v>
      </c>
      <c r="D1034" s="449" t="s">
        <v>2549</v>
      </c>
      <c r="E1034" s="510" t="s">
        <v>595</v>
      </c>
      <c r="F1034" s="522" t="s">
        <v>596</v>
      </c>
      <c r="G1034" s="450"/>
      <c r="H1034" s="451"/>
      <c r="I1034" s="451"/>
      <c r="J1034" s="144"/>
      <c r="K1034" s="517"/>
      <c r="L1034" s="455">
        <v>38362</v>
      </c>
      <c r="M1034" s="455"/>
      <c r="N1034" s="418" t="str">
        <f t="shared" si="30"/>
        <v/>
      </c>
    </row>
    <row r="1035" spans="1:14" ht="15.75">
      <c r="A1035" s="538"/>
      <c r="B1035" s="411">
        <f t="shared" si="31"/>
        <v>60</v>
      </c>
      <c r="C1035" s="498" t="s">
        <v>2550</v>
      </c>
      <c r="D1035" s="449" t="s">
        <v>2551</v>
      </c>
      <c r="E1035" s="510" t="s">
        <v>595</v>
      </c>
      <c r="F1035" s="522" t="s">
        <v>596</v>
      </c>
      <c r="G1035" s="450"/>
      <c r="H1035" s="451"/>
      <c r="I1035" s="451"/>
      <c r="J1035" s="144"/>
      <c r="K1035" s="517"/>
      <c r="L1035" s="455">
        <v>38362</v>
      </c>
      <c r="M1035" s="455"/>
      <c r="N1035" s="418" t="str">
        <f t="shared" si="30"/>
        <v/>
      </c>
    </row>
    <row r="1036" spans="1:14" ht="15.75">
      <c r="A1036" s="538"/>
      <c r="B1036" s="411">
        <f t="shared" si="31"/>
        <v>60</v>
      </c>
      <c r="C1036" s="498" t="s">
        <v>2552</v>
      </c>
      <c r="D1036" s="449" t="s">
        <v>2553</v>
      </c>
      <c r="E1036" s="510" t="s">
        <v>595</v>
      </c>
      <c r="F1036" s="522" t="s">
        <v>596</v>
      </c>
      <c r="G1036" s="450"/>
      <c r="H1036" s="451"/>
      <c r="I1036" s="451"/>
      <c r="J1036" s="144"/>
      <c r="K1036" s="517"/>
      <c r="L1036" s="455">
        <v>38362</v>
      </c>
      <c r="M1036" s="455"/>
      <c r="N1036" s="418" t="str">
        <f t="shared" si="30"/>
        <v/>
      </c>
    </row>
    <row r="1037" spans="1:14" ht="31.5">
      <c r="A1037" s="538"/>
      <c r="B1037" s="411">
        <f t="shared" si="31"/>
        <v>60</v>
      </c>
      <c r="C1037" s="498" t="s">
        <v>2554</v>
      </c>
      <c r="D1037" s="449" t="s">
        <v>28507</v>
      </c>
      <c r="E1037" s="510" t="s">
        <v>595</v>
      </c>
      <c r="F1037" s="522" t="s">
        <v>596</v>
      </c>
      <c r="G1037" s="450"/>
      <c r="H1037" s="451"/>
      <c r="I1037" s="451"/>
      <c r="J1037" s="144"/>
      <c r="K1037" s="517"/>
      <c r="L1037" s="455">
        <v>40940</v>
      </c>
      <c r="M1037" s="455"/>
      <c r="N1037" s="418" t="str">
        <f t="shared" si="30"/>
        <v>DUPLICATE</v>
      </c>
    </row>
    <row r="1038" spans="1:14" ht="15.75">
      <c r="A1038" s="538"/>
      <c r="B1038" s="411">
        <f t="shared" si="31"/>
        <v>60</v>
      </c>
      <c r="C1038" s="498" t="s">
        <v>2555</v>
      </c>
      <c r="D1038" s="449" t="s">
        <v>2556</v>
      </c>
      <c r="E1038" s="510" t="s">
        <v>595</v>
      </c>
      <c r="F1038" s="522" t="s">
        <v>596</v>
      </c>
      <c r="G1038" s="450"/>
      <c r="H1038" s="451"/>
      <c r="I1038" s="451"/>
      <c r="J1038" s="144"/>
      <c r="K1038" s="517"/>
      <c r="L1038" s="455">
        <v>40940</v>
      </c>
      <c r="M1038" s="455"/>
      <c r="N1038" s="418" t="str">
        <f t="shared" si="30"/>
        <v/>
      </c>
    </row>
    <row r="1039" spans="1:14" ht="15.75">
      <c r="A1039" s="538"/>
      <c r="B1039" s="411">
        <f t="shared" si="31"/>
        <v>60</v>
      </c>
      <c r="C1039" s="498" t="s">
        <v>2557</v>
      </c>
      <c r="D1039" s="449" t="s">
        <v>2558</v>
      </c>
      <c r="E1039" s="510" t="s">
        <v>595</v>
      </c>
      <c r="F1039" s="522" t="s">
        <v>596</v>
      </c>
      <c r="G1039" s="450"/>
      <c r="H1039" s="451"/>
      <c r="I1039" s="451"/>
      <c r="J1039" s="144"/>
      <c r="K1039" s="517"/>
      <c r="L1039" s="455">
        <v>38362</v>
      </c>
      <c r="M1039" s="455"/>
      <c r="N1039" s="418" t="str">
        <f t="shared" si="30"/>
        <v/>
      </c>
    </row>
    <row r="1040" spans="1:14" ht="15.75">
      <c r="A1040" s="538"/>
      <c r="B1040" s="411">
        <f t="shared" si="31"/>
        <v>60</v>
      </c>
      <c r="C1040" s="498" t="s">
        <v>2559</v>
      </c>
      <c r="D1040" s="449" t="s">
        <v>2560</v>
      </c>
      <c r="E1040" s="510" t="s">
        <v>595</v>
      </c>
      <c r="F1040" s="522" t="s">
        <v>596</v>
      </c>
      <c r="G1040" s="450"/>
      <c r="H1040" s="451"/>
      <c r="I1040" s="451"/>
      <c r="J1040" s="144"/>
      <c r="K1040" s="517"/>
      <c r="L1040" s="455">
        <v>38362</v>
      </c>
      <c r="M1040" s="455"/>
      <c r="N1040" s="418" t="str">
        <f t="shared" si="30"/>
        <v>DUPLICATE</v>
      </c>
    </row>
    <row r="1041" spans="1:14" ht="15.75">
      <c r="A1041" s="538"/>
      <c r="B1041" s="411">
        <f t="shared" si="31"/>
        <v>60</v>
      </c>
      <c r="C1041" s="498" t="s">
        <v>2561</v>
      </c>
      <c r="D1041" s="449" t="s">
        <v>2562</v>
      </c>
      <c r="E1041" s="510" t="s">
        <v>595</v>
      </c>
      <c r="F1041" s="522" t="s">
        <v>596</v>
      </c>
      <c r="G1041" s="450"/>
      <c r="H1041" s="451"/>
      <c r="I1041" s="451"/>
      <c r="J1041" s="144"/>
      <c r="K1041" s="517"/>
      <c r="L1041" s="455">
        <v>38362</v>
      </c>
      <c r="M1041" s="455"/>
      <c r="N1041" s="418" t="str">
        <f t="shared" si="30"/>
        <v/>
      </c>
    </row>
    <row r="1042" spans="1:14" ht="15.75">
      <c r="A1042" s="538"/>
      <c r="B1042" s="411">
        <f t="shared" si="31"/>
        <v>60</v>
      </c>
      <c r="C1042" s="498" t="s">
        <v>2563</v>
      </c>
      <c r="D1042" s="449" t="s">
        <v>2564</v>
      </c>
      <c r="E1042" s="510" t="s">
        <v>595</v>
      </c>
      <c r="F1042" s="522" t="s">
        <v>596</v>
      </c>
      <c r="G1042" s="450"/>
      <c r="H1042" s="451"/>
      <c r="I1042" s="451"/>
      <c r="J1042" s="144"/>
      <c r="K1042" s="517"/>
      <c r="L1042" s="455">
        <v>38362</v>
      </c>
      <c r="M1042" s="455"/>
      <c r="N1042" s="418" t="str">
        <f t="shared" si="30"/>
        <v/>
      </c>
    </row>
    <row r="1043" spans="1:14" ht="15.75">
      <c r="A1043" s="538"/>
      <c r="B1043" s="411">
        <f t="shared" si="31"/>
        <v>60</v>
      </c>
      <c r="C1043" s="498" t="s">
        <v>2565</v>
      </c>
      <c r="D1043" s="449" t="s">
        <v>2566</v>
      </c>
      <c r="E1043" s="510" t="s">
        <v>595</v>
      </c>
      <c r="F1043" s="522" t="s">
        <v>596</v>
      </c>
      <c r="G1043" s="450"/>
      <c r="H1043" s="451"/>
      <c r="I1043" s="451"/>
      <c r="J1043" s="144"/>
      <c r="K1043" s="517"/>
      <c r="L1043" s="455">
        <v>38362</v>
      </c>
      <c r="M1043" s="455"/>
      <c r="N1043" s="418" t="str">
        <f t="shared" si="30"/>
        <v>DUPLICATE</v>
      </c>
    </row>
    <row r="1044" spans="1:14" ht="15.75">
      <c r="A1044" s="538"/>
      <c r="B1044" s="411">
        <f t="shared" si="31"/>
        <v>60</v>
      </c>
      <c r="C1044" s="498" t="s">
        <v>2567</v>
      </c>
      <c r="D1044" s="449" t="s">
        <v>2568</v>
      </c>
      <c r="E1044" s="510" t="s">
        <v>595</v>
      </c>
      <c r="F1044" s="522" t="s">
        <v>596</v>
      </c>
      <c r="G1044" s="450"/>
      <c r="H1044" s="451"/>
      <c r="I1044" s="451"/>
      <c r="J1044" s="144"/>
      <c r="K1044" s="517"/>
      <c r="L1044" s="455">
        <v>38362</v>
      </c>
      <c r="M1044" s="455"/>
      <c r="N1044" s="418" t="str">
        <f t="shared" si="30"/>
        <v/>
      </c>
    </row>
    <row r="1045" spans="1:14" ht="15.75">
      <c r="A1045" s="538"/>
      <c r="B1045" s="411">
        <f t="shared" si="31"/>
        <v>60</v>
      </c>
      <c r="C1045" s="498" t="s">
        <v>2569</v>
      </c>
      <c r="D1045" s="449" t="s">
        <v>2570</v>
      </c>
      <c r="E1045" s="510" t="s">
        <v>595</v>
      </c>
      <c r="F1045" s="522" t="s">
        <v>596</v>
      </c>
      <c r="G1045" s="450"/>
      <c r="H1045" s="451"/>
      <c r="I1045" s="451"/>
      <c r="J1045" s="144"/>
      <c r="K1045" s="517"/>
      <c r="L1045" s="455">
        <v>38362</v>
      </c>
      <c r="M1045" s="455"/>
      <c r="N1045" s="418" t="str">
        <f t="shared" si="30"/>
        <v/>
      </c>
    </row>
    <row r="1046" spans="1:14" ht="15.75">
      <c r="A1046" s="538"/>
      <c r="B1046" s="411">
        <f t="shared" si="31"/>
        <v>60</v>
      </c>
      <c r="C1046" s="498" t="s">
        <v>2571</v>
      </c>
      <c r="D1046" s="449" t="s">
        <v>2572</v>
      </c>
      <c r="E1046" s="510" t="s">
        <v>595</v>
      </c>
      <c r="F1046" s="522" t="s">
        <v>596</v>
      </c>
      <c r="G1046" s="450"/>
      <c r="H1046" s="451"/>
      <c r="I1046" s="451"/>
      <c r="J1046" s="144"/>
      <c r="K1046" s="517"/>
      <c r="L1046" s="455">
        <v>38362</v>
      </c>
      <c r="M1046" s="455"/>
      <c r="N1046" s="418" t="str">
        <f t="shared" si="30"/>
        <v/>
      </c>
    </row>
    <row r="1047" spans="1:14" ht="15.75">
      <c r="A1047" s="538"/>
      <c r="B1047" s="411">
        <f t="shared" si="31"/>
        <v>60</v>
      </c>
      <c r="C1047" s="498" t="s">
        <v>2573</v>
      </c>
      <c r="D1047" s="449" t="s">
        <v>2574</v>
      </c>
      <c r="E1047" s="510" t="s">
        <v>595</v>
      </c>
      <c r="F1047" s="522" t="s">
        <v>596</v>
      </c>
      <c r="G1047" s="450"/>
      <c r="H1047" s="451"/>
      <c r="I1047" s="451"/>
      <c r="J1047" s="144"/>
      <c r="K1047" s="517"/>
      <c r="L1047" s="455">
        <v>38362</v>
      </c>
      <c r="M1047" s="455"/>
      <c r="N1047" s="418" t="str">
        <f t="shared" si="30"/>
        <v/>
      </c>
    </row>
    <row r="1048" spans="1:14" ht="15.75">
      <c r="A1048" s="538"/>
      <c r="B1048" s="411">
        <f t="shared" si="31"/>
        <v>60</v>
      </c>
      <c r="C1048" s="498" t="s">
        <v>2575</v>
      </c>
      <c r="D1048" s="449" t="s">
        <v>2576</v>
      </c>
      <c r="E1048" s="510" t="s">
        <v>595</v>
      </c>
      <c r="F1048" s="522" t="s">
        <v>596</v>
      </c>
      <c r="G1048" s="450"/>
      <c r="H1048" s="451"/>
      <c r="I1048" s="451"/>
      <c r="J1048" s="144"/>
      <c r="K1048" s="517"/>
      <c r="L1048" s="455">
        <v>38362</v>
      </c>
      <c r="M1048" s="455"/>
      <c r="N1048" s="418" t="str">
        <f t="shared" si="30"/>
        <v/>
      </c>
    </row>
    <row r="1049" spans="1:14" ht="15.75">
      <c r="A1049" s="538"/>
      <c r="B1049" s="411">
        <f t="shared" si="31"/>
        <v>60</v>
      </c>
      <c r="C1049" s="498" t="s">
        <v>2577</v>
      </c>
      <c r="D1049" s="449" t="s">
        <v>2578</v>
      </c>
      <c r="E1049" s="510" t="s">
        <v>595</v>
      </c>
      <c r="F1049" s="522" t="s">
        <v>596</v>
      </c>
      <c r="G1049" s="450"/>
      <c r="H1049" s="451"/>
      <c r="I1049" s="451"/>
      <c r="J1049" s="144"/>
      <c r="K1049" s="517"/>
      <c r="L1049" s="455">
        <v>38362</v>
      </c>
      <c r="M1049" s="455"/>
      <c r="N1049" s="418" t="str">
        <f t="shared" ref="N1049:N1112" si="32">IF(D1049="NA","",IF(COUNTIF($D$2:$D$5552,D1049)&gt;1,"DUPLICATE",""))</f>
        <v/>
      </c>
    </row>
    <row r="1050" spans="1:14" ht="15.75">
      <c r="A1050" s="538"/>
      <c r="B1050" s="411">
        <f t="shared" ref="B1050:B1113" si="33">IF(A1050&gt;0,A1050,B1049)</f>
        <v>60</v>
      </c>
      <c r="C1050" s="498" t="s">
        <v>2579</v>
      </c>
      <c r="D1050" s="449" t="s">
        <v>2580</v>
      </c>
      <c r="E1050" s="510" t="s">
        <v>595</v>
      </c>
      <c r="F1050" s="522" t="s">
        <v>596</v>
      </c>
      <c r="G1050" s="450"/>
      <c r="H1050" s="451"/>
      <c r="I1050" s="451"/>
      <c r="J1050" s="144"/>
      <c r="K1050" s="517"/>
      <c r="L1050" s="455">
        <v>38362</v>
      </c>
      <c r="M1050" s="455"/>
      <c r="N1050" s="418" t="str">
        <f t="shared" si="32"/>
        <v/>
      </c>
    </row>
    <row r="1051" spans="1:14" ht="15.75">
      <c r="A1051" s="538"/>
      <c r="B1051" s="411">
        <f t="shared" si="33"/>
        <v>60</v>
      </c>
      <c r="C1051" s="498" t="s">
        <v>2581</v>
      </c>
      <c r="D1051" s="449" t="s">
        <v>2582</v>
      </c>
      <c r="E1051" s="510" t="s">
        <v>595</v>
      </c>
      <c r="F1051" s="522" t="s">
        <v>596</v>
      </c>
      <c r="G1051" s="450"/>
      <c r="H1051" s="451"/>
      <c r="I1051" s="451"/>
      <c r="J1051" s="144"/>
      <c r="K1051" s="517"/>
      <c r="L1051" s="455">
        <v>38362</v>
      </c>
      <c r="M1051" s="455"/>
      <c r="N1051" s="418" t="str">
        <f t="shared" si="32"/>
        <v>DUPLICATE</v>
      </c>
    </row>
    <row r="1052" spans="1:14" ht="15.75">
      <c r="A1052" s="538"/>
      <c r="B1052" s="411">
        <f t="shared" si="33"/>
        <v>60</v>
      </c>
      <c r="C1052" s="498" t="s">
        <v>2583</v>
      </c>
      <c r="D1052" s="449" t="s">
        <v>2584</v>
      </c>
      <c r="E1052" s="510" t="s">
        <v>595</v>
      </c>
      <c r="F1052" s="522" t="s">
        <v>596</v>
      </c>
      <c r="G1052" s="450"/>
      <c r="H1052" s="451"/>
      <c r="I1052" s="451"/>
      <c r="J1052" s="144"/>
      <c r="K1052" s="517"/>
      <c r="L1052" s="455">
        <v>38362</v>
      </c>
      <c r="M1052" s="455"/>
      <c r="N1052" s="418" t="str">
        <f t="shared" si="32"/>
        <v/>
      </c>
    </row>
    <row r="1053" spans="1:14" ht="15.75">
      <c r="A1053" s="538"/>
      <c r="B1053" s="411">
        <f t="shared" si="33"/>
        <v>60</v>
      </c>
      <c r="C1053" s="498" t="s">
        <v>2585</v>
      </c>
      <c r="D1053" s="449" t="s">
        <v>2586</v>
      </c>
      <c r="E1053" s="510" t="s">
        <v>595</v>
      </c>
      <c r="F1053" s="522" t="s">
        <v>596</v>
      </c>
      <c r="G1053" s="450"/>
      <c r="H1053" s="451"/>
      <c r="I1053" s="451"/>
      <c r="J1053" s="144"/>
      <c r="K1053" s="517"/>
      <c r="L1053" s="455">
        <v>38362</v>
      </c>
      <c r="M1053" s="455"/>
      <c r="N1053" s="418" t="str">
        <f t="shared" si="32"/>
        <v/>
      </c>
    </row>
    <row r="1054" spans="1:14" ht="15.75">
      <c r="A1054" s="538"/>
      <c r="B1054" s="411">
        <f t="shared" si="33"/>
        <v>60</v>
      </c>
      <c r="C1054" s="498" t="s">
        <v>2587</v>
      </c>
      <c r="D1054" s="449" t="s">
        <v>2588</v>
      </c>
      <c r="E1054" s="510" t="s">
        <v>595</v>
      </c>
      <c r="F1054" s="522" t="s">
        <v>596</v>
      </c>
      <c r="G1054" s="450"/>
      <c r="H1054" s="451"/>
      <c r="I1054" s="451"/>
      <c r="J1054" s="144"/>
      <c r="K1054" s="517"/>
      <c r="L1054" s="455">
        <v>38362</v>
      </c>
      <c r="M1054" s="455"/>
      <c r="N1054" s="418" t="str">
        <f t="shared" si="32"/>
        <v/>
      </c>
    </row>
    <row r="1055" spans="1:14" ht="15.75">
      <c r="A1055" s="538"/>
      <c r="B1055" s="411">
        <f t="shared" si="33"/>
        <v>60</v>
      </c>
      <c r="C1055" s="498" t="s">
        <v>2589</v>
      </c>
      <c r="D1055" s="449" t="s">
        <v>2590</v>
      </c>
      <c r="E1055" s="510" t="s">
        <v>595</v>
      </c>
      <c r="F1055" s="522" t="s">
        <v>596</v>
      </c>
      <c r="G1055" s="450"/>
      <c r="H1055" s="451"/>
      <c r="I1055" s="451"/>
      <c r="J1055" s="144"/>
      <c r="K1055" s="517"/>
      <c r="L1055" s="455">
        <v>38362</v>
      </c>
      <c r="M1055" s="455"/>
      <c r="N1055" s="418" t="str">
        <f t="shared" si="32"/>
        <v/>
      </c>
    </row>
    <row r="1056" spans="1:14" ht="15.75">
      <c r="A1056" s="538"/>
      <c r="B1056" s="411">
        <f t="shared" si="33"/>
        <v>60</v>
      </c>
      <c r="C1056" s="498" t="s">
        <v>2591</v>
      </c>
      <c r="D1056" s="449" t="s">
        <v>2592</v>
      </c>
      <c r="E1056" s="510" t="s">
        <v>595</v>
      </c>
      <c r="F1056" s="522" t="s">
        <v>596</v>
      </c>
      <c r="G1056" s="450"/>
      <c r="H1056" s="451"/>
      <c r="I1056" s="451"/>
      <c r="J1056" s="144"/>
      <c r="K1056" s="517"/>
      <c r="L1056" s="455">
        <v>38362</v>
      </c>
      <c r="M1056" s="455"/>
      <c r="N1056" s="418" t="str">
        <f t="shared" si="32"/>
        <v/>
      </c>
    </row>
    <row r="1057" spans="1:14" ht="15.75">
      <c r="A1057" s="538"/>
      <c r="B1057" s="411">
        <f t="shared" si="33"/>
        <v>60</v>
      </c>
      <c r="C1057" s="498" t="s">
        <v>2593</v>
      </c>
      <c r="D1057" s="449" t="s">
        <v>2594</v>
      </c>
      <c r="E1057" s="510" t="s">
        <v>595</v>
      </c>
      <c r="F1057" s="522" t="s">
        <v>596</v>
      </c>
      <c r="G1057" s="450"/>
      <c r="H1057" s="451"/>
      <c r="I1057" s="451"/>
      <c r="J1057" s="144"/>
      <c r="K1057" s="517"/>
      <c r="L1057" s="455">
        <v>38362</v>
      </c>
      <c r="M1057" s="455"/>
      <c r="N1057" s="418" t="str">
        <f t="shared" si="32"/>
        <v/>
      </c>
    </row>
    <row r="1058" spans="1:14" ht="15.75">
      <c r="A1058" s="538"/>
      <c r="B1058" s="411">
        <f t="shared" si="33"/>
        <v>60</v>
      </c>
      <c r="C1058" s="498" t="s">
        <v>2595</v>
      </c>
      <c r="D1058" s="449" t="s">
        <v>2596</v>
      </c>
      <c r="E1058" s="510" t="s">
        <v>595</v>
      </c>
      <c r="F1058" s="522" t="s">
        <v>596</v>
      </c>
      <c r="G1058" s="450"/>
      <c r="H1058" s="451"/>
      <c r="I1058" s="451"/>
      <c r="J1058" s="144"/>
      <c r="K1058" s="517"/>
      <c r="L1058" s="455">
        <v>38362</v>
      </c>
      <c r="M1058" s="455"/>
      <c r="N1058" s="418" t="str">
        <f t="shared" si="32"/>
        <v/>
      </c>
    </row>
    <row r="1059" spans="1:14" ht="15.75">
      <c r="A1059" s="538"/>
      <c r="B1059" s="411">
        <f t="shared" si="33"/>
        <v>60</v>
      </c>
      <c r="C1059" s="498" t="s">
        <v>2597</v>
      </c>
      <c r="D1059" s="449" t="s">
        <v>2598</v>
      </c>
      <c r="E1059" s="510" t="s">
        <v>595</v>
      </c>
      <c r="F1059" s="522" t="s">
        <v>596</v>
      </c>
      <c r="G1059" s="450"/>
      <c r="H1059" s="451"/>
      <c r="I1059" s="451"/>
      <c r="J1059" s="144"/>
      <c r="K1059" s="517"/>
      <c r="L1059" s="455">
        <v>38362</v>
      </c>
      <c r="M1059" s="455"/>
      <c r="N1059" s="418" t="str">
        <f t="shared" si="32"/>
        <v/>
      </c>
    </row>
    <row r="1060" spans="1:14" ht="15.75">
      <c r="A1060" s="538"/>
      <c r="B1060" s="411">
        <f t="shared" si="33"/>
        <v>60</v>
      </c>
      <c r="C1060" s="498" t="s">
        <v>2599</v>
      </c>
      <c r="D1060" s="449" t="s">
        <v>2600</v>
      </c>
      <c r="E1060" s="510" t="s">
        <v>595</v>
      </c>
      <c r="F1060" s="522" t="s">
        <v>596</v>
      </c>
      <c r="G1060" s="450"/>
      <c r="H1060" s="451"/>
      <c r="I1060" s="451"/>
      <c r="J1060" s="144"/>
      <c r="K1060" s="517"/>
      <c r="L1060" s="455">
        <v>38362</v>
      </c>
      <c r="M1060" s="455"/>
      <c r="N1060" s="418" t="str">
        <f t="shared" si="32"/>
        <v/>
      </c>
    </row>
    <row r="1061" spans="1:14" ht="15.75">
      <c r="A1061" s="538"/>
      <c r="B1061" s="411">
        <f t="shared" si="33"/>
        <v>60</v>
      </c>
      <c r="C1061" s="498" t="s">
        <v>2601</v>
      </c>
      <c r="D1061" s="449" t="s">
        <v>2602</v>
      </c>
      <c r="E1061" s="510" t="s">
        <v>595</v>
      </c>
      <c r="F1061" s="522" t="s">
        <v>596</v>
      </c>
      <c r="G1061" s="450"/>
      <c r="H1061" s="451"/>
      <c r="I1061" s="451"/>
      <c r="J1061" s="144"/>
      <c r="K1061" s="517"/>
      <c r="L1061" s="455">
        <v>38362</v>
      </c>
      <c r="M1061" s="455"/>
      <c r="N1061" s="418" t="str">
        <f t="shared" si="32"/>
        <v/>
      </c>
    </row>
    <row r="1062" spans="1:14" ht="15.75">
      <c r="A1062" s="538"/>
      <c r="B1062" s="411">
        <f t="shared" si="33"/>
        <v>60</v>
      </c>
      <c r="C1062" s="498" t="s">
        <v>2603</v>
      </c>
      <c r="D1062" s="449" t="s">
        <v>2604</v>
      </c>
      <c r="E1062" s="510" t="s">
        <v>595</v>
      </c>
      <c r="F1062" s="522" t="s">
        <v>596</v>
      </c>
      <c r="G1062" s="450"/>
      <c r="H1062" s="451"/>
      <c r="I1062" s="451"/>
      <c r="J1062" s="144"/>
      <c r="K1062" s="517"/>
      <c r="L1062" s="455">
        <v>38362</v>
      </c>
      <c r="M1062" s="455"/>
      <c r="N1062" s="418" t="str">
        <f t="shared" si="32"/>
        <v/>
      </c>
    </row>
    <row r="1063" spans="1:14" ht="15.75">
      <c r="A1063" s="538"/>
      <c r="B1063" s="411">
        <f t="shared" si="33"/>
        <v>60</v>
      </c>
      <c r="C1063" s="498" t="s">
        <v>2605</v>
      </c>
      <c r="D1063" s="449" t="s">
        <v>2606</v>
      </c>
      <c r="E1063" s="510" t="s">
        <v>595</v>
      </c>
      <c r="F1063" s="522" t="s">
        <v>596</v>
      </c>
      <c r="G1063" s="450"/>
      <c r="H1063" s="451"/>
      <c r="I1063" s="451"/>
      <c r="J1063" s="144"/>
      <c r="K1063" s="517"/>
      <c r="L1063" s="455">
        <v>38362</v>
      </c>
      <c r="M1063" s="455"/>
      <c r="N1063" s="418" t="str">
        <f t="shared" si="32"/>
        <v/>
      </c>
    </row>
    <row r="1064" spans="1:14" ht="15.75">
      <c r="A1064" s="538"/>
      <c r="B1064" s="411">
        <f t="shared" si="33"/>
        <v>60</v>
      </c>
      <c r="C1064" s="498" t="s">
        <v>2607</v>
      </c>
      <c r="D1064" s="449" t="s">
        <v>2608</v>
      </c>
      <c r="E1064" s="510" t="s">
        <v>595</v>
      </c>
      <c r="F1064" s="522" t="s">
        <v>596</v>
      </c>
      <c r="G1064" s="450"/>
      <c r="H1064" s="451"/>
      <c r="I1064" s="451"/>
      <c r="J1064" s="144"/>
      <c r="K1064" s="517"/>
      <c r="L1064" s="455">
        <v>38362</v>
      </c>
      <c r="M1064" s="455"/>
      <c r="N1064" s="418" t="str">
        <f t="shared" si="32"/>
        <v/>
      </c>
    </row>
    <row r="1065" spans="1:14" ht="15.75">
      <c r="A1065" s="538"/>
      <c r="B1065" s="411">
        <f t="shared" si="33"/>
        <v>60</v>
      </c>
      <c r="C1065" s="498" t="s">
        <v>2609</v>
      </c>
      <c r="D1065" s="449" t="s">
        <v>2610</v>
      </c>
      <c r="E1065" s="510" t="s">
        <v>595</v>
      </c>
      <c r="F1065" s="522" t="s">
        <v>596</v>
      </c>
      <c r="G1065" s="450"/>
      <c r="H1065" s="451"/>
      <c r="I1065" s="451"/>
      <c r="J1065" s="144"/>
      <c r="K1065" s="517"/>
      <c r="L1065" s="455">
        <v>38362</v>
      </c>
      <c r="M1065" s="455"/>
      <c r="N1065" s="418" t="str">
        <f t="shared" si="32"/>
        <v/>
      </c>
    </row>
    <row r="1066" spans="1:14" ht="28.5">
      <c r="A1066" s="538"/>
      <c r="B1066" s="411">
        <f t="shared" si="33"/>
        <v>60</v>
      </c>
      <c r="C1066" s="498" t="s">
        <v>2611</v>
      </c>
      <c r="D1066" s="449" t="s">
        <v>2612</v>
      </c>
      <c r="E1066" s="510" t="s">
        <v>595</v>
      </c>
      <c r="F1066" s="522" t="s">
        <v>596</v>
      </c>
      <c r="G1066" s="450"/>
      <c r="H1066" s="451"/>
      <c r="I1066" s="451"/>
      <c r="J1066" s="144"/>
      <c r="K1066" s="517"/>
      <c r="L1066" s="455">
        <v>38362</v>
      </c>
      <c r="M1066" s="455"/>
      <c r="N1066" s="418" t="str">
        <f t="shared" si="32"/>
        <v>DUPLICATE</v>
      </c>
    </row>
    <row r="1067" spans="1:14" ht="15.75">
      <c r="A1067" s="538"/>
      <c r="B1067" s="411">
        <f t="shared" si="33"/>
        <v>60</v>
      </c>
      <c r="C1067" s="498" t="s">
        <v>2613</v>
      </c>
      <c r="D1067" s="449" t="s">
        <v>2614</v>
      </c>
      <c r="E1067" s="510" t="s">
        <v>595</v>
      </c>
      <c r="F1067" s="522" t="s">
        <v>596</v>
      </c>
      <c r="G1067" s="450"/>
      <c r="H1067" s="451"/>
      <c r="I1067" s="451"/>
      <c r="J1067" s="144"/>
      <c r="K1067" s="517"/>
      <c r="L1067" s="455">
        <v>38362</v>
      </c>
      <c r="M1067" s="455"/>
      <c r="N1067" s="418" t="str">
        <f t="shared" si="32"/>
        <v/>
      </c>
    </row>
    <row r="1068" spans="1:14" ht="15.75">
      <c r="A1068" s="538"/>
      <c r="B1068" s="411">
        <f t="shared" si="33"/>
        <v>60</v>
      </c>
      <c r="C1068" s="498" t="s">
        <v>2615</v>
      </c>
      <c r="D1068" s="449" t="s">
        <v>2616</v>
      </c>
      <c r="E1068" s="510" t="s">
        <v>595</v>
      </c>
      <c r="F1068" s="522" t="s">
        <v>596</v>
      </c>
      <c r="G1068" s="450"/>
      <c r="H1068" s="451"/>
      <c r="I1068" s="451"/>
      <c r="J1068" s="144"/>
      <c r="K1068" s="517"/>
      <c r="L1068" s="455">
        <v>38362</v>
      </c>
      <c r="M1068" s="455"/>
      <c r="N1068" s="418" t="str">
        <f t="shared" si="32"/>
        <v>DUPLICATE</v>
      </c>
    </row>
    <row r="1069" spans="1:14" ht="15.75">
      <c r="A1069" s="538"/>
      <c r="B1069" s="411">
        <f t="shared" si="33"/>
        <v>60</v>
      </c>
      <c r="C1069" s="498" t="s">
        <v>2617</v>
      </c>
      <c r="D1069" s="449" t="s">
        <v>2618</v>
      </c>
      <c r="E1069" s="510" t="s">
        <v>595</v>
      </c>
      <c r="F1069" s="522" t="s">
        <v>596</v>
      </c>
      <c r="G1069" s="450"/>
      <c r="H1069" s="451"/>
      <c r="I1069" s="451"/>
      <c r="J1069" s="144"/>
      <c r="K1069" s="517"/>
      <c r="L1069" s="455">
        <v>38362</v>
      </c>
      <c r="M1069" s="455"/>
      <c r="N1069" s="418" t="str">
        <f t="shared" si="32"/>
        <v/>
      </c>
    </row>
    <row r="1070" spans="1:14" ht="28.5">
      <c r="A1070" s="538"/>
      <c r="B1070" s="411">
        <f t="shared" si="33"/>
        <v>60</v>
      </c>
      <c r="C1070" s="498" t="s">
        <v>2619</v>
      </c>
      <c r="D1070" s="449" t="s">
        <v>2620</v>
      </c>
      <c r="E1070" s="510" t="s">
        <v>595</v>
      </c>
      <c r="F1070" s="522" t="s">
        <v>596</v>
      </c>
      <c r="G1070" s="450"/>
      <c r="H1070" s="451"/>
      <c r="I1070" s="451"/>
      <c r="J1070" s="144"/>
      <c r="K1070" s="517"/>
      <c r="L1070" s="455">
        <v>38362</v>
      </c>
      <c r="M1070" s="455"/>
      <c r="N1070" s="418" t="str">
        <f t="shared" si="32"/>
        <v/>
      </c>
    </row>
    <row r="1071" spans="1:14" ht="28.5">
      <c r="A1071" s="538"/>
      <c r="B1071" s="411">
        <f t="shared" si="33"/>
        <v>60</v>
      </c>
      <c r="C1071" s="498" t="s">
        <v>2621</v>
      </c>
      <c r="D1071" s="449" t="s">
        <v>2622</v>
      </c>
      <c r="E1071" s="510" t="s">
        <v>595</v>
      </c>
      <c r="F1071" s="522" t="s">
        <v>596</v>
      </c>
      <c r="G1071" s="450"/>
      <c r="H1071" s="451"/>
      <c r="I1071" s="451"/>
      <c r="J1071" s="144"/>
      <c r="K1071" s="517"/>
      <c r="L1071" s="455">
        <v>38362</v>
      </c>
      <c r="M1071" s="455"/>
      <c r="N1071" s="418" t="str">
        <f t="shared" si="32"/>
        <v/>
      </c>
    </row>
    <row r="1072" spans="1:14" ht="15.75">
      <c r="A1072" s="538"/>
      <c r="B1072" s="411">
        <f t="shared" si="33"/>
        <v>60</v>
      </c>
      <c r="C1072" s="498" t="s">
        <v>2623</v>
      </c>
      <c r="D1072" s="449" t="s">
        <v>2624</v>
      </c>
      <c r="E1072" s="510" t="s">
        <v>595</v>
      </c>
      <c r="F1072" s="522" t="s">
        <v>596</v>
      </c>
      <c r="G1072" s="450"/>
      <c r="H1072" s="451"/>
      <c r="I1072" s="451"/>
      <c r="J1072" s="144"/>
      <c r="K1072" s="517"/>
      <c r="L1072" s="455">
        <v>38362</v>
      </c>
      <c r="M1072" s="455"/>
      <c r="N1072" s="418" t="str">
        <f t="shared" si="32"/>
        <v/>
      </c>
    </row>
    <row r="1073" spans="1:14" ht="15.75">
      <c r="A1073" s="538"/>
      <c r="B1073" s="411">
        <f t="shared" si="33"/>
        <v>60</v>
      </c>
      <c r="C1073" s="498" t="s">
        <v>2625</v>
      </c>
      <c r="D1073" s="449" t="s">
        <v>2626</v>
      </c>
      <c r="E1073" s="510" t="s">
        <v>595</v>
      </c>
      <c r="F1073" s="522" t="s">
        <v>596</v>
      </c>
      <c r="G1073" s="450"/>
      <c r="H1073" s="451"/>
      <c r="I1073" s="451"/>
      <c r="J1073" s="144"/>
      <c r="K1073" s="517"/>
      <c r="L1073" s="455">
        <v>38362</v>
      </c>
      <c r="M1073" s="455"/>
      <c r="N1073" s="418" t="str">
        <f t="shared" si="32"/>
        <v/>
      </c>
    </row>
    <row r="1074" spans="1:14" ht="28.5">
      <c r="A1074" s="538"/>
      <c r="B1074" s="411">
        <f t="shared" si="33"/>
        <v>60</v>
      </c>
      <c r="C1074" s="498" t="s">
        <v>2627</v>
      </c>
      <c r="D1074" s="449" t="s">
        <v>2628</v>
      </c>
      <c r="E1074" s="510" t="s">
        <v>595</v>
      </c>
      <c r="F1074" s="522" t="s">
        <v>596</v>
      </c>
      <c r="G1074" s="450"/>
      <c r="H1074" s="451"/>
      <c r="I1074" s="451"/>
      <c r="J1074" s="144"/>
      <c r="K1074" s="517"/>
      <c r="L1074" s="455">
        <v>38362</v>
      </c>
      <c r="M1074" s="455"/>
      <c r="N1074" s="418" t="str">
        <f t="shared" si="32"/>
        <v/>
      </c>
    </row>
    <row r="1075" spans="1:14" ht="15.75">
      <c r="A1075" s="538"/>
      <c r="B1075" s="411">
        <f t="shared" si="33"/>
        <v>60</v>
      </c>
      <c r="C1075" s="498" t="s">
        <v>2629</v>
      </c>
      <c r="D1075" s="449" t="s">
        <v>2630</v>
      </c>
      <c r="E1075" s="510" t="s">
        <v>595</v>
      </c>
      <c r="F1075" s="522" t="s">
        <v>596</v>
      </c>
      <c r="G1075" s="450"/>
      <c r="H1075" s="451"/>
      <c r="I1075" s="451"/>
      <c r="J1075" s="144"/>
      <c r="K1075" s="517"/>
      <c r="L1075" s="455">
        <v>38362</v>
      </c>
      <c r="M1075" s="455"/>
      <c r="N1075" s="418" t="str">
        <f t="shared" si="32"/>
        <v/>
      </c>
    </row>
    <row r="1076" spans="1:14" ht="15.75">
      <c r="A1076" s="538"/>
      <c r="B1076" s="411">
        <f t="shared" si="33"/>
        <v>60</v>
      </c>
      <c r="C1076" s="498" t="s">
        <v>2631</v>
      </c>
      <c r="D1076" s="449" t="s">
        <v>2632</v>
      </c>
      <c r="E1076" s="510" t="s">
        <v>595</v>
      </c>
      <c r="F1076" s="522" t="s">
        <v>596</v>
      </c>
      <c r="G1076" s="450"/>
      <c r="H1076" s="451"/>
      <c r="I1076" s="451"/>
      <c r="J1076" s="144"/>
      <c r="K1076" s="517"/>
      <c r="L1076" s="455">
        <v>38362</v>
      </c>
      <c r="M1076" s="455"/>
      <c r="N1076" s="418" t="str">
        <f t="shared" si="32"/>
        <v/>
      </c>
    </row>
    <row r="1077" spans="1:14" ht="15.75">
      <c r="A1077" s="538"/>
      <c r="B1077" s="411">
        <f t="shared" si="33"/>
        <v>60</v>
      </c>
      <c r="C1077" s="498" t="s">
        <v>2633</v>
      </c>
      <c r="D1077" s="449" t="s">
        <v>2634</v>
      </c>
      <c r="E1077" s="510" t="s">
        <v>595</v>
      </c>
      <c r="F1077" s="522" t="s">
        <v>596</v>
      </c>
      <c r="G1077" s="450"/>
      <c r="H1077" s="451"/>
      <c r="I1077" s="451"/>
      <c r="J1077" s="144"/>
      <c r="K1077" s="517"/>
      <c r="L1077" s="455">
        <v>38362</v>
      </c>
      <c r="M1077" s="455"/>
      <c r="N1077" s="418" t="str">
        <f t="shared" si="32"/>
        <v/>
      </c>
    </row>
    <row r="1078" spans="1:14" ht="28.5">
      <c r="A1078" s="538"/>
      <c r="B1078" s="411">
        <f t="shared" si="33"/>
        <v>60</v>
      </c>
      <c r="C1078" s="498" t="s">
        <v>2635</v>
      </c>
      <c r="D1078" s="449" t="s">
        <v>2636</v>
      </c>
      <c r="E1078" s="510" t="s">
        <v>595</v>
      </c>
      <c r="F1078" s="522" t="s">
        <v>596</v>
      </c>
      <c r="G1078" s="450"/>
      <c r="H1078" s="451"/>
      <c r="I1078" s="451"/>
      <c r="J1078" s="144"/>
      <c r="K1078" s="517"/>
      <c r="L1078" s="455">
        <v>38362</v>
      </c>
      <c r="M1078" s="455"/>
      <c r="N1078" s="418" t="str">
        <f t="shared" si="32"/>
        <v/>
      </c>
    </row>
    <row r="1079" spans="1:14" ht="31.5">
      <c r="A1079" s="538"/>
      <c r="B1079" s="411">
        <f t="shared" si="33"/>
        <v>60</v>
      </c>
      <c r="C1079" s="498" t="s">
        <v>2637</v>
      </c>
      <c r="D1079" s="449" t="s">
        <v>459</v>
      </c>
      <c r="E1079" s="510" t="s">
        <v>595</v>
      </c>
      <c r="F1079" s="522" t="s">
        <v>600</v>
      </c>
      <c r="G1079" s="450" t="s">
        <v>760</v>
      </c>
      <c r="H1079" s="451"/>
      <c r="I1079" s="451"/>
      <c r="J1079" s="144"/>
      <c r="K1079" s="517"/>
      <c r="L1079" s="455">
        <v>38362</v>
      </c>
      <c r="M1079" s="455">
        <v>42036</v>
      </c>
      <c r="N1079" s="418" t="str">
        <f t="shared" si="32"/>
        <v/>
      </c>
    </row>
    <row r="1080" spans="1:14" ht="15.75">
      <c r="A1080" s="538"/>
      <c r="B1080" s="411">
        <f t="shared" si="33"/>
        <v>60</v>
      </c>
      <c r="C1080" s="498" t="s">
        <v>2638</v>
      </c>
      <c r="D1080" s="449" t="s">
        <v>2639</v>
      </c>
      <c r="E1080" s="510" t="s">
        <v>595</v>
      </c>
      <c r="F1080" s="522" t="s">
        <v>596</v>
      </c>
      <c r="G1080" s="450"/>
      <c r="H1080" s="451"/>
      <c r="I1080" s="451"/>
      <c r="J1080" s="144"/>
      <c r="K1080" s="517"/>
      <c r="L1080" s="455">
        <v>38362</v>
      </c>
      <c r="M1080" s="455"/>
      <c r="N1080" s="418" t="str">
        <f t="shared" si="32"/>
        <v/>
      </c>
    </row>
    <row r="1081" spans="1:14" ht="15.75">
      <c r="A1081" s="538"/>
      <c r="B1081" s="411">
        <f t="shared" si="33"/>
        <v>60</v>
      </c>
      <c r="C1081" s="498" t="s">
        <v>2640</v>
      </c>
      <c r="D1081" s="449" t="s">
        <v>2641</v>
      </c>
      <c r="E1081" s="510" t="s">
        <v>595</v>
      </c>
      <c r="F1081" s="522" t="s">
        <v>596</v>
      </c>
      <c r="G1081" s="450"/>
      <c r="H1081" s="451"/>
      <c r="I1081" s="451"/>
      <c r="J1081" s="144"/>
      <c r="K1081" s="517"/>
      <c r="L1081" s="455">
        <v>38362</v>
      </c>
      <c r="M1081" s="455"/>
      <c r="N1081" s="418" t="str">
        <f t="shared" si="32"/>
        <v/>
      </c>
    </row>
    <row r="1082" spans="1:14" ht="15.75">
      <c r="A1082" s="538"/>
      <c r="B1082" s="411">
        <f t="shared" si="33"/>
        <v>60</v>
      </c>
      <c r="C1082" s="498" t="s">
        <v>2642</v>
      </c>
      <c r="D1082" s="449" t="s">
        <v>2643</v>
      </c>
      <c r="E1082" s="510" t="s">
        <v>595</v>
      </c>
      <c r="F1082" s="522" t="s">
        <v>596</v>
      </c>
      <c r="G1082" s="450"/>
      <c r="H1082" s="451"/>
      <c r="I1082" s="451"/>
      <c r="J1082" s="144"/>
      <c r="K1082" s="517"/>
      <c r="L1082" s="455">
        <v>38362</v>
      </c>
      <c r="M1082" s="455"/>
      <c r="N1082" s="418" t="str">
        <f t="shared" si="32"/>
        <v/>
      </c>
    </row>
    <row r="1083" spans="1:14" ht="28.5">
      <c r="A1083" s="538"/>
      <c r="B1083" s="411">
        <f t="shared" si="33"/>
        <v>60</v>
      </c>
      <c r="C1083" s="498" t="s">
        <v>2644</v>
      </c>
      <c r="D1083" s="449" t="s">
        <v>2645</v>
      </c>
      <c r="E1083" s="510" t="s">
        <v>595</v>
      </c>
      <c r="F1083" s="522" t="s">
        <v>596</v>
      </c>
      <c r="G1083" s="450"/>
      <c r="H1083" s="451"/>
      <c r="I1083" s="451"/>
      <c r="J1083" s="144"/>
      <c r="K1083" s="517"/>
      <c r="L1083" s="455">
        <v>38362</v>
      </c>
      <c r="M1083" s="455"/>
      <c r="N1083" s="418" t="str">
        <f t="shared" si="32"/>
        <v/>
      </c>
    </row>
    <row r="1084" spans="1:14" ht="15.75">
      <c r="A1084" s="538"/>
      <c r="B1084" s="411">
        <f t="shared" si="33"/>
        <v>60</v>
      </c>
      <c r="C1084" s="498" t="s">
        <v>2646</v>
      </c>
      <c r="D1084" s="449" t="s">
        <v>2647</v>
      </c>
      <c r="E1084" s="510" t="s">
        <v>595</v>
      </c>
      <c r="F1084" s="522" t="s">
        <v>596</v>
      </c>
      <c r="G1084" s="450"/>
      <c r="H1084" s="451"/>
      <c r="I1084" s="451"/>
      <c r="J1084" s="144"/>
      <c r="K1084" s="517"/>
      <c r="L1084" s="455">
        <v>38362</v>
      </c>
      <c r="M1084" s="455"/>
      <c r="N1084" s="418" t="str">
        <f t="shared" si="32"/>
        <v/>
      </c>
    </row>
    <row r="1085" spans="1:14" ht="28.5">
      <c r="A1085" s="538"/>
      <c r="B1085" s="411">
        <f t="shared" si="33"/>
        <v>60</v>
      </c>
      <c r="C1085" s="498" t="s">
        <v>2648</v>
      </c>
      <c r="D1085" s="449" t="s">
        <v>2649</v>
      </c>
      <c r="E1085" s="510" t="s">
        <v>595</v>
      </c>
      <c r="F1085" s="522" t="s">
        <v>596</v>
      </c>
      <c r="G1085" s="450"/>
      <c r="H1085" s="451"/>
      <c r="I1085" s="451"/>
      <c r="J1085" s="144"/>
      <c r="K1085" s="517"/>
      <c r="L1085" s="455">
        <v>38362</v>
      </c>
      <c r="M1085" s="455"/>
      <c r="N1085" s="418" t="str">
        <f t="shared" si="32"/>
        <v/>
      </c>
    </row>
    <row r="1086" spans="1:14" ht="28.5">
      <c r="A1086" s="538"/>
      <c r="B1086" s="411">
        <f t="shared" si="33"/>
        <v>60</v>
      </c>
      <c r="C1086" s="498" t="s">
        <v>2650</v>
      </c>
      <c r="D1086" s="449" t="s">
        <v>2651</v>
      </c>
      <c r="E1086" s="510" t="s">
        <v>595</v>
      </c>
      <c r="F1086" s="522" t="s">
        <v>596</v>
      </c>
      <c r="G1086" s="450"/>
      <c r="H1086" s="451"/>
      <c r="I1086" s="451"/>
      <c r="J1086" s="144"/>
      <c r="K1086" s="517"/>
      <c r="L1086" s="455">
        <v>38362</v>
      </c>
      <c r="M1086" s="455"/>
      <c r="N1086" s="418" t="str">
        <f t="shared" si="32"/>
        <v/>
      </c>
    </row>
    <row r="1087" spans="1:14" ht="28.5">
      <c r="A1087" s="538"/>
      <c r="B1087" s="411">
        <f t="shared" si="33"/>
        <v>60</v>
      </c>
      <c r="C1087" s="498" t="s">
        <v>2652</v>
      </c>
      <c r="D1087" s="449" t="s">
        <v>2653</v>
      </c>
      <c r="E1087" s="510" t="s">
        <v>595</v>
      </c>
      <c r="F1087" s="522" t="s">
        <v>596</v>
      </c>
      <c r="G1087" s="450"/>
      <c r="H1087" s="451"/>
      <c r="I1087" s="451"/>
      <c r="J1087" s="144"/>
      <c r="K1087" s="517"/>
      <c r="L1087" s="455">
        <v>38362</v>
      </c>
      <c r="M1087" s="455"/>
      <c r="N1087" s="418" t="str">
        <f t="shared" si="32"/>
        <v/>
      </c>
    </row>
    <row r="1088" spans="1:14" ht="42.75">
      <c r="A1088" s="538"/>
      <c r="B1088" s="411">
        <f t="shared" si="33"/>
        <v>60</v>
      </c>
      <c r="C1088" s="498" t="s">
        <v>2654</v>
      </c>
      <c r="D1088" s="449" t="s">
        <v>2655</v>
      </c>
      <c r="E1088" s="510" t="s">
        <v>595</v>
      </c>
      <c r="F1088" s="522" t="s">
        <v>596</v>
      </c>
      <c r="G1088" s="450"/>
      <c r="H1088" s="451"/>
      <c r="I1088" s="451"/>
      <c r="J1088" s="144"/>
      <c r="K1088" s="517"/>
      <c r="L1088" s="455">
        <v>38362</v>
      </c>
      <c r="M1088" s="455"/>
      <c r="N1088" s="418" t="str">
        <f t="shared" si="32"/>
        <v/>
      </c>
    </row>
    <row r="1089" spans="1:14" ht="42.75">
      <c r="A1089" s="538"/>
      <c r="B1089" s="411">
        <f t="shared" si="33"/>
        <v>60</v>
      </c>
      <c r="C1089" s="498" t="s">
        <v>2656</v>
      </c>
      <c r="D1089" s="449" t="s">
        <v>2657</v>
      </c>
      <c r="E1089" s="510" t="s">
        <v>595</v>
      </c>
      <c r="F1089" s="522" t="s">
        <v>596</v>
      </c>
      <c r="G1089" s="450"/>
      <c r="H1089" s="451"/>
      <c r="I1089" s="451"/>
      <c r="J1089" s="144"/>
      <c r="K1089" s="517"/>
      <c r="L1089" s="455">
        <v>38362</v>
      </c>
      <c r="M1089" s="455"/>
      <c r="N1089" s="418" t="str">
        <f t="shared" si="32"/>
        <v/>
      </c>
    </row>
    <row r="1090" spans="1:14" ht="15.75">
      <c r="A1090" s="538"/>
      <c r="B1090" s="411">
        <f t="shared" si="33"/>
        <v>60</v>
      </c>
      <c r="C1090" s="498" t="s">
        <v>2658</v>
      </c>
      <c r="D1090" s="449" t="s">
        <v>2659</v>
      </c>
      <c r="E1090" s="510" t="s">
        <v>595</v>
      </c>
      <c r="F1090" s="522" t="s">
        <v>596</v>
      </c>
      <c r="G1090" s="450"/>
      <c r="H1090" s="451"/>
      <c r="I1090" s="451"/>
      <c r="J1090" s="144"/>
      <c r="K1090" s="517"/>
      <c r="L1090" s="455">
        <v>38362</v>
      </c>
      <c r="M1090" s="455"/>
      <c r="N1090" s="418" t="str">
        <f t="shared" si="32"/>
        <v/>
      </c>
    </row>
    <row r="1091" spans="1:14" ht="28.5">
      <c r="A1091" s="538"/>
      <c r="B1091" s="411">
        <f t="shared" si="33"/>
        <v>60</v>
      </c>
      <c r="C1091" s="498" t="s">
        <v>2660</v>
      </c>
      <c r="D1091" s="449" t="s">
        <v>2661</v>
      </c>
      <c r="E1091" s="510" t="s">
        <v>595</v>
      </c>
      <c r="F1091" s="522" t="s">
        <v>596</v>
      </c>
      <c r="G1091" s="450"/>
      <c r="H1091" s="451"/>
      <c r="I1091" s="451"/>
      <c r="J1091" s="144"/>
      <c r="K1091" s="517"/>
      <c r="L1091" s="455">
        <v>38362</v>
      </c>
      <c r="M1091" s="455"/>
      <c r="N1091" s="418" t="str">
        <f t="shared" si="32"/>
        <v/>
      </c>
    </row>
    <row r="1092" spans="1:14" ht="15.75">
      <c r="A1092" s="538"/>
      <c r="B1092" s="411">
        <f t="shared" si="33"/>
        <v>60</v>
      </c>
      <c r="C1092" s="498" t="s">
        <v>2662</v>
      </c>
      <c r="D1092" s="449" t="s">
        <v>2663</v>
      </c>
      <c r="E1092" s="510" t="s">
        <v>595</v>
      </c>
      <c r="F1092" s="522" t="s">
        <v>596</v>
      </c>
      <c r="G1092" s="450"/>
      <c r="H1092" s="451"/>
      <c r="I1092" s="451"/>
      <c r="J1092" s="144"/>
      <c r="K1092" s="517"/>
      <c r="L1092" s="455">
        <v>38362</v>
      </c>
      <c r="M1092" s="455"/>
      <c r="N1092" s="418" t="str">
        <f t="shared" si="32"/>
        <v/>
      </c>
    </row>
    <row r="1093" spans="1:14" ht="15.75">
      <c r="A1093" s="538"/>
      <c r="B1093" s="411">
        <f t="shared" si="33"/>
        <v>60</v>
      </c>
      <c r="C1093" s="498" t="s">
        <v>2664</v>
      </c>
      <c r="D1093" s="449" t="s">
        <v>2665</v>
      </c>
      <c r="E1093" s="510" t="s">
        <v>595</v>
      </c>
      <c r="F1093" s="522" t="s">
        <v>596</v>
      </c>
      <c r="G1093" s="450"/>
      <c r="H1093" s="451"/>
      <c r="I1093" s="451"/>
      <c r="J1093" s="144"/>
      <c r="K1093" s="517"/>
      <c r="L1093" s="455">
        <v>38362</v>
      </c>
      <c r="M1093" s="455"/>
      <c r="N1093" s="418" t="str">
        <f t="shared" si="32"/>
        <v/>
      </c>
    </row>
    <row r="1094" spans="1:14" ht="28.5">
      <c r="A1094" s="538"/>
      <c r="B1094" s="411">
        <f t="shared" si="33"/>
        <v>60</v>
      </c>
      <c r="C1094" s="498" t="s">
        <v>2666</v>
      </c>
      <c r="D1094" s="449" t="s">
        <v>2667</v>
      </c>
      <c r="E1094" s="510" t="s">
        <v>595</v>
      </c>
      <c r="F1094" s="522" t="s">
        <v>596</v>
      </c>
      <c r="G1094" s="450"/>
      <c r="H1094" s="451"/>
      <c r="I1094" s="451"/>
      <c r="J1094" s="144"/>
      <c r="K1094" s="517"/>
      <c r="L1094" s="455">
        <v>38362</v>
      </c>
      <c r="M1094" s="455"/>
      <c r="N1094" s="418" t="str">
        <f t="shared" si="32"/>
        <v/>
      </c>
    </row>
    <row r="1095" spans="1:14" ht="28.5">
      <c r="A1095" s="538"/>
      <c r="B1095" s="411">
        <f t="shared" si="33"/>
        <v>60</v>
      </c>
      <c r="C1095" s="498" t="s">
        <v>2668</v>
      </c>
      <c r="D1095" s="449" t="s">
        <v>2669</v>
      </c>
      <c r="E1095" s="510" t="s">
        <v>595</v>
      </c>
      <c r="F1095" s="522" t="s">
        <v>596</v>
      </c>
      <c r="G1095" s="450"/>
      <c r="H1095" s="451"/>
      <c r="I1095" s="451"/>
      <c r="J1095" s="144"/>
      <c r="K1095" s="517"/>
      <c r="L1095" s="455">
        <v>38362</v>
      </c>
      <c r="M1095" s="455"/>
      <c r="N1095" s="418" t="str">
        <f t="shared" si="32"/>
        <v/>
      </c>
    </row>
    <row r="1096" spans="1:14" ht="42.75">
      <c r="A1096" s="538"/>
      <c r="B1096" s="411">
        <f t="shared" si="33"/>
        <v>60</v>
      </c>
      <c r="C1096" s="498" t="s">
        <v>2670</v>
      </c>
      <c r="D1096" s="449" t="s">
        <v>2671</v>
      </c>
      <c r="E1096" s="510" t="s">
        <v>595</v>
      </c>
      <c r="F1096" s="522" t="s">
        <v>596</v>
      </c>
      <c r="G1096" s="450"/>
      <c r="H1096" s="451"/>
      <c r="I1096" s="451"/>
      <c r="J1096" s="144"/>
      <c r="K1096" s="517"/>
      <c r="L1096" s="455">
        <v>38362</v>
      </c>
      <c r="M1096" s="455"/>
      <c r="N1096" s="418" t="str">
        <f t="shared" si="32"/>
        <v/>
      </c>
    </row>
    <row r="1097" spans="1:14" ht="28.5">
      <c r="A1097" s="538"/>
      <c r="B1097" s="411">
        <f t="shared" si="33"/>
        <v>60</v>
      </c>
      <c r="C1097" s="498" t="s">
        <v>2672</v>
      </c>
      <c r="D1097" s="449" t="s">
        <v>2673</v>
      </c>
      <c r="E1097" s="510" t="s">
        <v>595</v>
      </c>
      <c r="F1097" s="522" t="s">
        <v>596</v>
      </c>
      <c r="G1097" s="450"/>
      <c r="H1097" s="451"/>
      <c r="I1097" s="451"/>
      <c r="J1097" s="144"/>
      <c r="K1097" s="517"/>
      <c r="L1097" s="455">
        <v>38362</v>
      </c>
      <c r="M1097" s="455"/>
      <c r="N1097" s="418" t="str">
        <f t="shared" si="32"/>
        <v/>
      </c>
    </row>
    <row r="1098" spans="1:14" ht="15.75">
      <c r="A1098" s="538"/>
      <c r="B1098" s="411">
        <f t="shared" si="33"/>
        <v>60</v>
      </c>
      <c r="C1098" s="498" t="s">
        <v>2674</v>
      </c>
      <c r="D1098" s="449" t="s">
        <v>2675</v>
      </c>
      <c r="E1098" s="510" t="s">
        <v>595</v>
      </c>
      <c r="F1098" s="522" t="s">
        <v>596</v>
      </c>
      <c r="G1098" s="450"/>
      <c r="H1098" s="451"/>
      <c r="I1098" s="451"/>
      <c r="J1098" s="144"/>
      <c r="K1098" s="517"/>
      <c r="L1098" s="455">
        <v>38362</v>
      </c>
      <c r="M1098" s="455"/>
      <c r="N1098" s="418" t="str">
        <f t="shared" si="32"/>
        <v/>
      </c>
    </row>
    <row r="1099" spans="1:14" ht="15.75">
      <c r="A1099" s="538"/>
      <c r="B1099" s="411">
        <f t="shared" si="33"/>
        <v>60</v>
      </c>
      <c r="C1099" s="498" t="s">
        <v>2676</v>
      </c>
      <c r="D1099" s="449" t="s">
        <v>2677</v>
      </c>
      <c r="E1099" s="510" t="s">
        <v>595</v>
      </c>
      <c r="F1099" s="522" t="s">
        <v>596</v>
      </c>
      <c r="G1099" s="450"/>
      <c r="H1099" s="451"/>
      <c r="I1099" s="451"/>
      <c r="J1099" s="144"/>
      <c r="K1099" s="517"/>
      <c r="L1099" s="455">
        <v>38362</v>
      </c>
      <c r="M1099" s="455"/>
      <c r="N1099" s="418" t="str">
        <f t="shared" si="32"/>
        <v/>
      </c>
    </row>
    <row r="1100" spans="1:14" ht="28.5">
      <c r="A1100" s="538"/>
      <c r="B1100" s="411">
        <f t="shared" si="33"/>
        <v>60</v>
      </c>
      <c r="C1100" s="498" t="s">
        <v>2678</v>
      </c>
      <c r="D1100" s="449" t="s">
        <v>2679</v>
      </c>
      <c r="E1100" s="510" t="s">
        <v>595</v>
      </c>
      <c r="F1100" s="522" t="s">
        <v>596</v>
      </c>
      <c r="G1100" s="450"/>
      <c r="H1100" s="451"/>
      <c r="I1100" s="451"/>
      <c r="J1100" s="144"/>
      <c r="K1100" s="517"/>
      <c r="L1100" s="455">
        <v>38362</v>
      </c>
      <c r="M1100" s="455"/>
      <c r="N1100" s="418" t="str">
        <f t="shared" si="32"/>
        <v/>
      </c>
    </row>
    <row r="1101" spans="1:14" ht="15.75">
      <c r="A1101" s="538"/>
      <c r="B1101" s="411">
        <f t="shared" si="33"/>
        <v>60</v>
      </c>
      <c r="C1101" s="498" t="s">
        <v>2680</v>
      </c>
      <c r="D1101" s="449" t="s">
        <v>2681</v>
      </c>
      <c r="E1101" s="510" t="s">
        <v>595</v>
      </c>
      <c r="F1101" s="522" t="s">
        <v>596</v>
      </c>
      <c r="G1101" s="450"/>
      <c r="H1101" s="451"/>
      <c r="I1101" s="451"/>
      <c r="J1101" s="144"/>
      <c r="K1101" s="517"/>
      <c r="L1101" s="455">
        <v>38362</v>
      </c>
      <c r="M1101" s="455"/>
      <c r="N1101" s="418" t="str">
        <f t="shared" si="32"/>
        <v/>
      </c>
    </row>
    <row r="1102" spans="1:14" ht="28.5">
      <c r="A1102" s="538"/>
      <c r="B1102" s="411">
        <f t="shared" si="33"/>
        <v>60</v>
      </c>
      <c r="C1102" s="498" t="s">
        <v>2682</v>
      </c>
      <c r="D1102" s="449" t="s">
        <v>2683</v>
      </c>
      <c r="E1102" s="510" t="s">
        <v>595</v>
      </c>
      <c r="F1102" s="522" t="s">
        <v>596</v>
      </c>
      <c r="G1102" s="450"/>
      <c r="H1102" s="451"/>
      <c r="I1102" s="451"/>
      <c r="J1102" s="144"/>
      <c r="K1102" s="517"/>
      <c r="L1102" s="455">
        <v>38362</v>
      </c>
      <c r="M1102" s="455"/>
      <c r="N1102" s="418" t="str">
        <f t="shared" si="32"/>
        <v/>
      </c>
    </row>
    <row r="1103" spans="1:14" ht="15.75">
      <c r="A1103" s="538"/>
      <c r="B1103" s="411">
        <f t="shared" si="33"/>
        <v>60</v>
      </c>
      <c r="C1103" s="498" t="s">
        <v>2684</v>
      </c>
      <c r="D1103" s="449" t="s">
        <v>2685</v>
      </c>
      <c r="E1103" s="510" t="s">
        <v>595</v>
      </c>
      <c r="F1103" s="522" t="s">
        <v>596</v>
      </c>
      <c r="G1103" s="450"/>
      <c r="H1103" s="451"/>
      <c r="I1103" s="451"/>
      <c r="J1103" s="144"/>
      <c r="K1103" s="517"/>
      <c r="L1103" s="455">
        <v>38362</v>
      </c>
      <c r="M1103" s="455"/>
      <c r="N1103" s="418" t="str">
        <f t="shared" si="32"/>
        <v/>
      </c>
    </row>
    <row r="1104" spans="1:14" ht="15.75">
      <c r="A1104" s="538"/>
      <c r="B1104" s="411">
        <f t="shared" si="33"/>
        <v>60</v>
      </c>
      <c r="C1104" s="498" t="s">
        <v>2686</v>
      </c>
      <c r="D1104" s="449" t="s">
        <v>2687</v>
      </c>
      <c r="E1104" s="510" t="s">
        <v>595</v>
      </c>
      <c r="F1104" s="522" t="s">
        <v>596</v>
      </c>
      <c r="G1104" s="450"/>
      <c r="H1104" s="451"/>
      <c r="I1104" s="451"/>
      <c r="J1104" s="144"/>
      <c r="K1104" s="517"/>
      <c r="L1104" s="455">
        <v>38362</v>
      </c>
      <c r="M1104" s="455"/>
      <c r="N1104" s="418" t="str">
        <f t="shared" si="32"/>
        <v/>
      </c>
    </row>
    <row r="1105" spans="1:14" ht="15.75">
      <c r="A1105" s="538"/>
      <c r="B1105" s="411">
        <f t="shared" si="33"/>
        <v>60</v>
      </c>
      <c r="C1105" s="498" t="s">
        <v>2688</v>
      </c>
      <c r="D1105" s="449" t="s">
        <v>2689</v>
      </c>
      <c r="E1105" s="510" t="s">
        <v>595</v>
      </c>
      <c r="F1105" s="522" t="s">
        <v>596</v>
      </c>
      <c r="G1105" s="450"/>
      <c r="H1105" s="451"/>
      <c r="I1105" s="451"/>
      <c r="J1105" s="144"/>
      <c r="K1105" s="517"/>
      <c r="L1105" s="455">
        <v>38362</v>
      </c>
      <c r="M1105" s="455"/>
      <c r="N1105" s="418" t="str">
        <f t="shared" si="32"/>
        <v/>
      </c>
    </row>
    <row r="1106" spans="1:14" ht="15.75">
      <c r="A1106" s="538"/>
      <c r="B1106" s="411">
        <f t="shared" si="33"/>
        <v>60</v>
      </c>
      <c r="C1106" s="498" t="s">
        <v>2690</v>
      </c>
      <c r="D1106" s="449" t="s">
        <v>2691</v>
      </c>
      <c r="E1106" s="510" t="s">
        <v>595</v>
      </c>
      <c r="F1106" s="522" t="s">
        <v>596</v>
      </c>
      <c r="G1106" s="450"/>
      <c r="H1106" s="451"/>
      <c r="I1106" s="451"/>
      <c r="J1106" s="144"/>
      <c r="K1106" s="517"/>
      <c r="L1106" s="455">
        <v>38362</v>
      </c>
      <c r="M1106" s="455"/>
      <c r="N1106" s="418" t="str">
        <f t="shared" si="32"/>
        <v/>
      </c>
    </row>
    <row r="1107" spans="1:14" ht="15.75">
      <c r="A1107" s="538"/>
      <c r="B1107" s="411">
        <f t="shared" si="33"/>
        <v>60</v>
      </c>
      <c r="C1107" s="498" t="s">
        <v>2692</v>
      </c>
      <c r="D1107" s="449" t="s">
        <v>2693</v>
      </c>
      <c r="E1107" s="510" t="s">
        <v>595</v>
      </c>
      <c r="F1107" s="522" t="s">
        <v>596</v>
      </c>
      <c r="G1107" s="450"/>
      <c r="H1107" s="451"/>
      <c r="I1107" s="451"/>
      <c r="J1107" s="144"/>
      <c r="K1107" s="517"/>
      <c r="L1107" s="455">
        <v>38362</v>
      </c>
      <c r="M1107" s="455"/>
      <c r="N1107" s="418" t="str">
        <f t="shared" si="32"/>
        <v/>
      </c>
    </row>
    <row r="1108" spans="1:14" ht="15.75">
      <c r="A1108" s="538"/>
      <c r="B1108" s="411">
        <f t="shared" si="33"/>
        <v>60</v>
      </c>
      <c r="C1108" s="498" t="s">
        <v>2694</v>
      </c>
      <c r="D1108" s="449" t="s">
        <v>2695</v>
      </c>
      <c r="E1108" s="510" t="s">
        <v>595</v>
      </c>
      <c r="F1108" s="522" t="s">
        <v>596</v>
      </c>
      <c r="G1108" s="450"/>
      <c r="H1108" s="451"/>
      <c r="I1108" s="451"/>
      <c r="J1108" s="144"/>
      <c r="K1108" s="517"/>
      <c r="L1108" s="455">
        <v>38362</v>
      </c>
      <c r="M1108" s="455"/>
      <c r="N1108" s="418" t="str">
        <f t="shared" si="32"/>
        <v/>
      </c>
    </row>
    <row r="1109" spans="1:14" ht="15.75">
      <c r="A1109" s="538"/>
      <c r="B1109" s="411">
        <f t="shared" si="33"/>
        <v>60</v>
      </c>
      <c r="C1109" s="498" t="s">
        <v>2696</v>
      </c>
      <c r="D1109" s="449" t="s">
        <v>2697</v>
      </c>
      <c r="E1109" s="510" t="s">
        <v>595</v>
      </c>
      <c r="F1109" s="522" t="s">
        <v>596</v>
      </c>
      <c r="G1109" s="450"/>
      <c r="H1109" s="451"/>
      <c r="I1109" s="451"/>
      <c r="J1109" s="144"/>
      <c r="K1109" s="517"/>
      <c r="L1109" s="455">
        <v>38362</v>
      </c>
      <c r="M1109" s="455"/>
      <c r="N1109" s="418" t="str">
        <f t="shared" si="32"/>
        <v/>
      </c>
    </row>
    <row r="1110" spans="1:14" ht="15.75">
      <c r="A1110" s="538"/>
      <c r="B1110" s="411">
        <f t="shared" si="33"/>
        <v>60</v>
      </c>
      <c r="C1110" s="498" t="s">
        <v>2698</v>
      </c>
      <c r="D1110" s="449" t="s">
        <v>2699</v>
      </c>
      <c r="E1110" s="510" t="s">
        <v>595</v>
      </c>
      <c r="F1110" s="522" t="s">
        <v>596</v>
      </c>
      <c r="G1110" s="450"/>
      <c r="H1110" s="451"/>
      <c r="I1110" s="451"/>
      <c r="J1110" s="144"/>
      <c r="K1110" s="517"/>
      <c r="L1110" s="455">
        <v>38362</v>
      </c>
      <c r="M1110" s="455"/>
      <c r="N1110" s="418" t="str">
        <f t="shared" si="32"/>
        <v/>
      </c>
    </row>
    <row r="1111" spans="1:14" ht="15.75">
      <c r="A1111" s="538"/>
      <c r="B1111" s="411">
        <f t="shared" si="33"/>
        <v>60</v>
      </c>
      <c r="C1111" s="498" t="s">
        <v>2700</v>
      </c>
      <c r="D1111" s="449" t="s">
        <v>2701</v>
      </c>
      <c r="E1111" s="510" t="s">
        <v>595</v>
      </c>
      <c r="F1111" s="522" t="s">
        <v>596</v>
      </c>
      <c r="G1111" s="450"/>
      <c r="H1111" s="451"/>
      <c r="I1111" s="451"/>
      <c r="J1111" s="144"/>
      <c r="K1111" s="517"/>
      <c r="L1111" s="455">
        <v>38362</v>
      </c>
      <c r="M1111" s="455"/>
      <c r="N1111" s="418" t="str">
        <f t="shared" si="32"/>
        <v/>
      </c>
    </row>
    <row r="1112" spans="1:14" ht="15.75">
      <c r="A1112" s="538"/>
      <c r="B1112" s="411">
        <f t="shared" si="33"/>
        <v>60</v>
      </c>
      <c r="C1112" s="498" t="s">
        <v>2702</v>
      </c>
      <c r="D1112" s="449" t="s">
        <v>2703</v>
      </c>
      <c r="E1112" s="510" t="s">
        <v>595</v>
      </c>
      <c r="F1112" s="522" t="s">
        <v>596</v>
      </c>
      <c r="G1112" s="450"/>
      <c r="H1112" s="451"/>
      <c r="I1112" s="451"/>
      <c r="J1112" s="144"/>
      <c r="K1112" s="517"/>
      <c r="L1112" s="455">
        <v>38362</v>
      </c>
      <c r="M1112" s="455"/>
      <c r="N1112" s="418" t="str">
        <f t="shared" si="32"/>
        <v/>
      </c>
    </row>
    <row r="1113" spans="1:14" ht="15.75">
      <c r="A1113" s="538"/>
      <c r="B1113" s="411">
        <f t="shared" si="33"/>
        <v>60</v>
      </c>
      <c r="C1113" s="498" t="s">
        <v>2704</v>
      </c>
      <c r="D1113" s="449" t="s">
        <v>2705</v>
      </c>
      <c r="E1113" s="510" t="s">
        <v>595</v>
      </c>
      <c r="F1113" s="522" t="s">
        <v>596</v>
      </c>
      <c r="G1113" s="450"/>
      <c r="H1113" s="451"/>
      <c r="I1113" s="451"/>
      <c r="J1113" s="144"/>
      <c r="K1113" s="517"/>
      <c r="L1113" s="455">
        <v>38362</v>
      </c>
      <c r="M1113" s="455"/>
      <c r="N1113" s="418" t="str">
        <f t="shared" ref="N1113:N1176" si="34">IF(D1113="NA","",IF(COUNTIF($D$2:$D$5552,D1113)&gt;1,"DUPLICATE",""))</f>
        <v/>
      </c>
    </row>
    <row r="1114" spans="1:14" ht="15.75">
      <c r="A1114" s="538"/>
      <c r="B1114" s="411">
        <f t="shared" ref="B1114:B1177" si="35">IF(A1114&gt;0,A1114,B1113)</f>
        <v>60</v>
      </c>
      <c r="C1114" s="498" t="s">
        <v>2706</v>
      </c>
      <c r="D1114" s="449" t="s">
        <v>2707</v>
      </c>
      <c r="E1114" s="510" t="s">
        <v>595</v>
      </c>
      <c r="F1114" s="522" t="s">
        <v>596</v>
      </c>
      <c r="G1114" s="450"/>
      <c r="H1114" s="451"/>
      <c r="I1114" s="451"/>
      <c r="J1114" s="144"/>
      <c r="K1114" s="517"/>
      <c r="L1114" s="455">
        <v>38362</v>
      </c>
      <c r="M1114" s="455"/>
      <c r="N1114" s="418" t="str">
        <f t="shared" si="34"/>
        <v/>
      </c>
    </row>
    <row r="1115" spans="1:14" ht="15.75">
      <c r="A1115" s="538"/>
      <c r="B1115" s="411">
        <f t="shared" si="35"/>
        <v>60</v>
      </c>
      <c r="C1115" s="498" t="s">
        <v>2708</v>
      </c>
      <c r="D1115" s="449" t="s">
        <v>2709</v>
      </c>
      <c r="E1115" s="510" t="s">
        <v>595</v>
      </c>
      <c r="F1115" s="522" t="s">
        <v>596</v>
      </c>
      <c r="G1115" s="450"/>
      <c r="H1115" s="451"/>
      <c r="I1115" s="451"/>
      <c r="J1115" s="144"/>
      <c r="K1115" s="517"/>
      <c r="L1115" s="455">
        <v>38362</v>
      </c>
      <c r="M1115" s="455"/>
      <c r="N1115" s="418" t="str">
        <f t="shared" si="34"/>
        <v/>
      </c>
    </row>
    <row r="1116" spans="1:14" ht="15.75">
      <c r="A1116" s="538"/>
      <c r="B1116" s="411">
        <f t="shared" si="35"/>
        <v>60</v>
      </c>
      <c r="C1116" s="498" t="s">
        <v>2710</v>
      </c>
      <c r="D1116" s="449" t="s">
        <v>2711</v>
      </c>
      <c r="E1116" s="510" t="s">
        <v>595</v>
      </c>
      <c r="F1116" s="522" t="s">
        <v>596</v>
      </c>
      <c r="G1116" s="450"/>
      <c r="H1116" s="451"/>
      <c r="I1116" s="451"/>
      <c r="J1116" s="144"/>
      <c r="K1116" s="517"/>
      <c r="L1116" s="455">
        <v>38362</v>
      </c>
      <c r="M1116" s="455"/>
      <c r="N1116" s="418" t="str">
        <f t="shared" si="34"/>
        <v/>
      </c>
    </row>
    <row r="1117" spans="1:14" ht="15.75">
      <c r="A1117" s="538"/>
      <c r="B1117" s="411">
        <f t="shared" si="35"/>
        <v>60</v>
      </c>
      <c r="C1117" s="498" t="s">
        <v>2712</v>
      </c>
      <c r="D1117" s="449" t="s">
        <v>2713</v>
      </c>
      <c r="E1117" s="510" t="s">
        <v>595</v>
      </c>
      <c r="F1117" s="522" t="s">
        <v>596</v>
      </c>
      <c r="G1117" s="450"/>
      <c r="H1117" s="451"/>
      <c r="I1117" s="451"/>
      <c r="J1117" s="144"/>
      <c r="K1117" s="517"/>
      <c r="L1117" s="455">
        <v>38362</v>
      </c>
      <c r="M1117" s="455"/>
      <c r="N1117" s="418" t="str">
        <f t="shared" si="34"/>
        <v/>
      </c>
    </row>
    <row r="1118" spans="1:14" ht="15.75">
      <c r="A1118" s="538"/>
      <c r="B1118" s="411">
        <f t="shared" si="35"/>
        <v>60</v>
      </c>
      <c r="C1118" s="498" t="s">
        <v>2714</v>
      </c>
      <c r="D1118" s="449" t="s">
        <v>2715</v>
      </c>
      <c r="E1118" s="510" t="s">
        <v>595</v>
      </c>
      <c r="F1118" s="522" t="s">
        <v>596</v>
      </c>
      <c r="G1118" s="450"/>
      <c r="H1118" s="451"/>
      <c r="I1118" s="451"/>
      <c r="J1118" s="144"/>
      <c r="K1118" s="517"/>
      <c r="L1118" s="455">
        <v>38362</v>
      </c>
      <c r="M1118" s="455"/>
      <c r="N1118" s="418" t="str">
        <f t="shared" si="34"/>
        <v/>
      </c>
    </row>
    <row r="1119" spans="1:14" ht="15.75">
      <c r="A1119" s="538"/>
      <c r="B1119" s="411">
        <f t="shared" si="35"/>
        <v>60</v>
      </c>
      <c r="C1119" s="498" t="s">
        <v>2716</v>
      </c>
      <c r="D1119" s="449" t="s">
        <v>2717</v>
      </c>
      <c r="E1119" s="510" t="s">
        <v>595</v>
      </c>
      <c r="F1119" s="522" t="s">
        <v>596</v>
      </c>
      <c r="G1119" s="450"/>
      <c r="H1119" s="451"/>
      <c r="I1119" s="451"/>
      <c r="J1119" s="144"/>
      <c r="K1119" s="517"/>
      <c r="L1119" s="455">
        <v>38362</v>
      </c>
      <c r="M1119" s="455"/>
      <c r="N1119" s="418" t="str">
        <f t="shared" si="34"/>
        <v/>
      </c>
    </row>
    <row r="1120" spans="1:14" ht="15.75">
      <c r="A1120" s="538"/>
      <c r="B1120" s="411">
        <f t="shared" si="35"/>
        <v>60</v>
      </c>
      <c r="C1120" s="498" t="s">
        <v>2718</v>
      </c>
      <c r="D1120" s="449" t="s">
        <v>2719</v>
      </c>
      <c r="E1120" s="510" t="s">
        <v>595</v>
      </c>
      <c r="F1120" s="522" t="s">
        <v>596</v>
      </c>
      <c r="G1120" s="450"/>
      <c r="H1120" s="451"/>
      <c r="I1120" s="451"/>
      <c r="J1120" s="144"/>
      <c r="K1120" s="517"/>
      <c r="L1120" s="455">
        <v>38362</v>
      </c>
      <c r="M1120" s="455"/>
      <c r="N1120" s="418" t="str">
        <f t="shared" si="34"/>
        <v/>
      </c>
    </row>
    <row r="1121" spans="1:14" ht="15.75">
      <c r="A1121" s="538"/>
      <c r="B1121" s="411">
        <f t="shared" si="35"/>
        <v>60</v>
      </c>
      <c r="C1121" s="498" t="s">
        <v>2720</v>
      </c>
      <c r="D1121" s="449" t="s">
        <v>2721</v>
      </c>
      <c r="E1121" s="510" t="s">
        <v>595</v>
      </c>
      <c r="F1121" s="522" t="s">
        <v>596</v>
      </c>
      <c r="G1121" s="450"/>
      <c r="H1121" s="451"/>
      <c r="I1121" s="451"/>
      <c r="J1121" s="144"/>
      <c r="K1121" s="517"/>
      <c r="L1121" s="455">
        <v>38362</v>
      </c>
      <c r="M1121" s="455"/>
      <c r="N1121" s="418" t="str">
        <f t="shared" si="34"/>
        <v/>
      </c>
    </row>
    <row r="1122" spans="1:14" ht="15.75">
      <c r="A1122" s="538"/>
      <c r="B1122" s="411">
        <f t="shared" si="35"/>
        <v>60</v>
      </c>
      <c r="C1122" s="498" t="s">
        <v>2722</v>
      </c>
      <c r="D1122" s="449" t="s">
        <v>2723</v>
      </c>
      <c r="E1122" s="510" t="s">
        <v>595</v>
      </c>
      <c r="F1122" s="522" t="s">
        <v>596</v>
      </c>
      <c r="G1122" s="450"/>
      <c r="H1122" s="451"/>
      <c r="I1122" s="451"/>
      <c r="J1122" s="144"/>
      <c r="K1122" s="517"/>
      <c r="L1122" s="455">
        <v>38362</v>
      </c>
      <c r="M1122" s="455"/>
      <c r="N1122" s="418" t="str">
        <f t="shared" si="34"/>
        <v/>
      </c>
    </row>
    <row r="1123" spans="1:14" ht="28.5">
      <c r="A1123" s="538"/>
      <c r="B1123" s="411">
        <f t="shared" si="35"/>
        <v>60</v>
      </c>
      <c r="C1123" s="498" t="s">
        <v>2724</v>
      </c>
      <c r="D1123" s="449" t="s">
        <v>2725</v>
      </c>
      <c r="E1123" s="510" t="s">
        <v>595</v>
      </c>
      <c r="F1123" s="522" t="s">
        <v>596</v>
      </c>
      <c r="G1123" s="450"/>
      <c r="H1123" s="451"/>
      <c r="I1123" s="451"/>
      <c r="J1123" s="144"/>
      <c r="K1123" s="517"/>
      <c r="L1123" s="455">
        <v>38362</v>
      </c>
      <c r="M1123" s="455"/>
      <c r="N1123" s="418" t="str">
        <f t="shared" si="34"/>
        <v/>
      </c>
    </row>
    <row r="1124" spans="1:14" ht="15.75">
      <c r="A1124" s="538"/>
      <c r="B1124" s="411">
        <f t="shared" si="35"/>
        <v>60</v>
      </c>
      <c r="C1124" s="498" t="s">
        <v>2726</v>
      </c>
      <c r="D1124" s="449" t="s">
        <v>2727</v>
      </c>
      <c r="E1124" s="510" t="s">
        <v>595</v>
      </c>
      <c r="F1124" s="522" t="s">
        <v>596</v>
      </c>
      <c r="G1124" s="450"/>
      <c r="H1124" s="451"/>
      <c r="I1124" s="451"/>
      <c r="J1124" s="144"/>
      <c r="K1124" s="517"/>
      <c r="L1124" s="455">
        <v>38362</v>
      </c>
      <c r="M1124" s="455"/>
      <c r="N1124" s="418" t="str">
        <f t="shared" si="34"/>
        <v/>
      </c>
    </row>
    <row r="1125" spans="1:14" ht="28.5">
      <c r="A1125" s="538"/>
      <c r="B1125" s="411">
        <f t="shared" si="35"/>
        <v>60</v>
      </c>
      <c r="C1125" s="498" t="s">
        <v>2728</v>
      </c>
      <c r="D1125" s="449" t="s">
        <v>2729</v>
      </c>
      <c r="E1125" s="510" t="s">
        <v>595</v>
      </c>
      <c r="F1125" s="522" t="s">
        <v>596</v>
      </c>
      <c r="G1125" s="450"/>
      <c r="H1125" s="451"/>
      <c r="I1125" s="451"/>
      <c r="J1125" s="144"/>
      <c r="K1125" s="517"/>
      <c r="L1125" s="455">
        <v>38362</v>
      </c>
      <c r="M1125" s="455"/>
      <c r="N1125" s="418" t="str">
        <f t="shared" si="34"/>
        <v/>
      </c>
    </row>
    <row r="1126" spans="1:14" ht="15.75">
      <c r="A1126" s="538"/>
      <c r="B1126" s="411">
        <f t="shared" si="35"/>
        <v>60</v>
      </c>
      <c r="C1126" s="498" t="s">
        <v>2730</v>
      </c>
      <c r="D1126" s="449" t="s">
        <v>2731</v>
      </c>
      <c r="E1126" s="510" t="s">
        <v>595</v>
      </c>
      <c r="F1126" s="522" t="s">
        <v>596</v>
      </c>
      <c r="G1126" s="450"/>
      <c r="H1126" s="451"/>
      <c r="I1126" s="451"/>
      <c r="J1126" s="144"/>
      <c r="K1126" s="517"/>
      <c r="L1126" s="455">
        <v>38362</v>
      </c>
      <c r="M1126" s="455"/>
      <c r="N1126" s="418" t="str">
        <f t="shared" si="34"/>
        <v/>
      </c>
    </row>
    <row r="1127" spans="1:14" ht="28.5">
      <c r="A1127" s="538"/>
      <c r="B1127" s="411">
        <f t="shared" si="35"/>
        <v>60</v>
      </c>
      <c r="C1127" s="498" t="s">
        <v>2732</v>
      </c>
      <c r="D1127" s="449" t="s">
        <v>2733</v>
      </c>
      <c r="E1127" s="510" t="s">
        <v>595</v>
      </c>
      <c r="F1127" s="522" t="s">
        <v>596</v>
      </c>
      <c r="G1127" s="450"/>
      <c r="H1127" s="451"/>
      <c r="I1127" s="451"/>
      <c r="J1127" s="144"/>
      <c r="K1127" s="517"/>
      <c r="L1127" s="455">
        <v>38362</v>
      </c>
      <c r="M1127" s="455"/>
      <c r="N1127" s="418" t="str">
        <f t="shared" si="34"/>
        <v/>
      </c>
    </row>
    <row r="1128" spans="1:14" ht="15.75">
      <c r="A1128" s="538"/>
      <c r="B1128" s="411">
        <f t="shared" si="35"/>
        <v>60</v>
      </c>
      <c r="C1128" s="498" t="s">
        <v>2734</v>
      </c>
      <c r="D1128" s="449" t="s">
        <v>2735</v>
      </c>
      <c r="E1128" s="510" t="s">
        <v>595</v>
      </c>
      <c r="F1128" s="522" t="s">
        <v>596</v>
      </c>
      <c r="G1128" s="450"/>
      <c r="H1128" s="451"/>
      <c r="I1128" s="451"/>
      <c r="J1128" s="144"/>
      <c r="K1128" s="517"/>
      <c r="L1128" s="455">
        <v>38362</v>
      </c>
      <c r="M1128" s="455"/>
      <c r="N1128" s="418" t="str">
        <f t="shared" si="34"/>
        <v/>
      </c>
    </row>
    <row r="1129" spans="1:14" ht="15.75">
      <c r="A1129" s="538"/>
      <c r="B1129" s="411">
        <f t="shared" si="35"/>
        <v>60</v>
      </c>
      <c r="C1129" s="498" t="s">
        <v>2736</v>
      </c>
      <c r="D1129" s="449" t="s">
        <v>2737</v>
      </c>
      <c r="E1129" s="510" t="s">
        <v>595</v>
      </c>
      <c r="F1129" s="522" t="s">
        <v>596</v>
      </c>
      <c r="G1129" s="450"/>
      <c r="H1129" s="451"/>
      <c r="I1129" s="451"/>
      <c r="J1129" s="144"/>
      <c r="K1129" s="517"/>
      <c r="L1129" s="455">
        <v>38362</v>
      </c>
      <c r="M1129" s="455"/>
      <c r="N1129" s="418" t="str">
        <f t="shared" si="34"/>
        <v/>
      </c>
    </row>
    <row r="1130" spans="1:14" ht="15.75">
      <c r="A1130" s="538"/>
      <c r="B1130" s="411">
        <f t="shared" si="35"/>
        <v>60</v>
      </c>
      <c r="C1130" s="498" t="s">
        <v>2738</v>
      </c>
      <c r="D1130" s="449" t="s">
        <v>2739</v>
      </c>
      <c r="E1130" s="510" t="s">
        <v>595</v>
      </c>
      <c r="F1130" s="522" t="s">
        <v>596</v>
      </c>
      <c r="G1130" s="450"/>
      <c r="H1130" s="451"/>
      <c r="I1130" s="451"/>
      <c r="J1130" s="144"/>
      <c r="K1130" s="517"/>
      <c r="L1130" s="455">
        <v>38362</v>
      </c>
      <c r="M1130" s="455"/>
      <c r="N1130" s="418" t="str">
        <f t="shared" si="34"/>
        <v/>
      </c>
    </row>
    <row r="1131" spans="1:14" ht="57">
      <c r="A1131" s="538"/>
      <c r="B1131" s="411">
        <f t="shared" si="35"/>
        <v>60</v>
      </c>
      <c r="C1131" s="498" t="s">
        <v>2740</v>
      </c>
      <c r="D1131" s="449" t="s">
        <v>2741</v>
      </c>
      <c r="E1131" s="510" t="s">
        <v>595</v>
      </c>
      <c r="F1131" s="522" t="s">
        <v>596</v>
      </c>
      <c r="G1131" s="450"/>
      <c r="H1131" s="451"/>
      <c r="I1131" s="451"/>
      <c r="J1131" s="144"/>
      <c r="K1131" s="517"/>
      <c r="L1131" s="455">
        <v>38362</v>
      </c>
      <c r="M1131" s="455"/>
      <c r="N1131" s="418" t="str">
        <f t="shared" si="34"/>
        <v/>
      </c>
    </row>
    <row r="1132" spans="1:14" ht="57">
      <c r="A1132" s="538"/>
      <c r="B1132" s="411">
        <f t="shared" si="35"/>
        <v>60</v>
      </c>
      <c r="C1132" s="498" t="s">
        <v>2742</v>
      </c>
      <c r="D1132" s="449" t="s">
        <v>2743</v>
      </c>
      <c r="E1132" s="510" t="s">
        <v>595</v>
      </c>
      <c r="F1132" s="522" t="s">
        <v>596</v>
      </c>
      <c r="G1132" s="450"/>
      <c r="H1132" s="451"/>
      <c r="I1132" s="451"/>
      <c r="J1132" s="144"/>
      <c r="K1132" s="517"/>
      <c r="L1132" s="455">
        <v>38362</v>
      </c>
      <c r="M1132" s="455"/>
      <c r="N1132" s="418" t="str">
        <f t="shared" si="34"/>
        <v/>
      </c>
    </row>
    <row r="1133" spans="1:14" ht="57">
      <c r="A1133" s="538"/>
      <c r="B1133" s="411">
        <f t="shared" si="35"/>
        <v>60</v>
      </c>
      <c r="C1133" s="498" t="s">
        <v>2744</v>
      </c>
      <c r="D1133" s="449" t="s">
        <v>2745</v>
      </c>
      <c r="E1133" s="510" t="s">
        <v>595</v>
      </c>
      <c r="F1133" s="522" t="s">
        <v>596</v>
      </c>
      <c r="G1133" s="450"/>
      <c r="H1133" s="451"/>
      <c r="I1133" s="451"/>
      <c r="J1133" s="144"/>
      <c r="K1133" s="517"/>
      <c r="L1133" s="455">
        <v>38362</v>
      </c>
      <c r="M1133" s="455"/>
      <c r="N1133" s="418" t="str">
        <f t="shared" si="34"/>
        <v/>
      </c>
    </row>
    <row r="1134" spans="1:14" ht="15.75">
      <c r="A1134" s="538"/>
      <c r="B1134" s="411">
        <f t="shared" si="35"/>
        <v>60</v>
      </c>
      <c r="C1134" s="498" t="s">
        <v>2746</v>
      </c>
      <c r="D1134" s="449" t="s">
        <v>2747</v>
      </c>
      <c r="E1134" s="510" t="s">
        <v>595</v>
      </c>
      <c r="F1134" s="522" t="s">
        <v>596</v>
      </c>
      <c r="G1134" s="450"/>
      <c r="H1134" s="451"/>
      <c r="I1134" s="451"/>
      <c r="J1134" s="144"/>
      <c r="K1134" s="517"/>
      <c r="L1134" s="455">
        <v>38362</v>
      </c>
      <c r="M1134" s="455"/>
      <c r="N1134" s="418" t="str">
        <f t="shared" si="34"/>
        <v/>
      </c>
    </row>
    <row r="1135" spans="1:14" ht="57">
      <c r="A1135" s="538"/>
      <c r="B1135" s="411">
        <f t="shared" si="35"/>
        <v>60</v>
      </c>
      <c r="C1135" s="498" t="s">
        <v>2748</v>
      </c>
      <c r="D1135" s="449" t="s">
        <v>2749</v>
      </c>
      <c r="E1135" s="510" t="s">
        <v>595</v>
      </c>
      <c r="F1135" s="522" t="s">
        <v>596</v>
      </c>
      <c r="G1135" s="450"/>
      <c r="H1135" s="451"/>
      <c r="I1135" s="451"/>
      <c r="J1135" s="144"/>
      <c r="K1135" s="517"/>
      <c r="L1135" s="455">
        <v>38362</v>
      </c>
      <c r="M1135" s="455"/>
      <c r="N1135" s="418" t="str">
        <f t="shared" si="34"/>
        <v/>
      </c>
    </row>
    <row r="1136" spans="1:14" ht="57">
      <c r="A1136" s="538"/>
      <c r="B1136" s="411">
        <f t="shared" si="35"/>
        <v>60</v>
      </c>
      <c r="C1136" s="498" t="s">
        <v>2750</v>
      </c>
      <c r="D1136" s="449" t="s">
        <v>2751</v>
      </c>
      <c r="E1136" s="510" t="s">
        <v>595</v>
      </c>
      <c r="F1136" s="522" t="s">
        <v>596</v>
      </c>
      <c r="G1136" s="450"/>
      <c r="H1136" s="451"/>
      <c r="I1136" s="451"/>
      <c r="J1136" s="144"/>
      <c r="K1136" s="517"/>
      <c r="L1136" s="455">
        <v>38362</v>
      </c>
      <c r="M1136" s="455"/>
      <c r="N1136" s="418" t="str">
        <f t="shared" si="34"/>
        <v/>
      </c>
    </row>
    <row r="1137" spans="1:14" ht="57">
      <c r="A1137" s="538"/>
      <c r="B1137" s="411">
        <f t="shared" si="35"/>
        <v>60</v>
      </c>
      <c r="C1137" s="498" t="s">
        <v>2752</v>
      </c>
      <c r="D1137" s="449" t="s">
        <v>2753</v>
      </c>
      <c r="E1137" s="510" t="s">
        <v>595</v>
      </c>
      <c r="F1137" s="522" t="s">
        <v>596</v>
      </c>
      <c r="G1137" s="450"/>
      <c r="H1137" s="451"/>
      <c r="I1137" s="451"/>
      <c r="J1137" s="144"/>
      <c r="K1137" s="517"/>
      <c r="L1137" s="455">
        <v>38362</v>
      </c>
      <c r="M1137" s="455"/>
      <c r="N1137" s="418" t="str">
        <f t="shared" si="34"/>
        <v/>
      </c>
    </row>
    <row r="1138" spans="1:14" ht="57">
      <c r="A1138" s="538"/>
      <c r="B1138" s="411">
        <f t="shared" si="35"/>
        <v>60</v>
      </c>
      <c r="C1138" s="498" t="s">
        <v>2754</v>
      </c>
      <c r="D1138" s="449" t="s">
        <v>2755</v>
      </c>
      <c r="E1138" s="510" t="s">
        <v>595</v>
      </c>
      <c r="F1138" s="522" t="s">
        <v>596</v>
      </c>
      <c r="G1138" s="450"/>
      <c r="H1138" s="451"/>
      <c r="I1138" s="451"/>
      <c r="J1138" s="144"/>
      <c r="K1138" s="517"/>
      <c r="L1138" s="455">
        <v>38362</v>
      </c>
      <c r="M1138" s="455"/>
      <c r="N1138" s="418" t="str">
        <f t="shared" si="34"/>
        <v/>
      </c>
    </row>
    <row r="1139" spans="1:14" ht="57">
      <c r="A1139" s="538"/>
      <c r="B1139" s="411">
        <f t="shared" si="35"/>
        <v>60</v>
      </c>
      <c r="C1139" s="498" t="s">
        <v>2756</v>
      </c>
      <c r="D1139" s="449" t="s">
        <v>2757</v>
      </c>
      <c r="E1139" s="510" t="s">
        <v>595</v>
      </c>
      <c r="F1139" s="522" t="s">
        <v>596</v>
      </c>
      <c r="G1139" s="450"/>
      <c r="H1139" s="451"/>
      <c r="I1139" s="451"/>
      <c r="J1139" s="144"/>
      <c r="K1139" s="517"/>
      <c r="L1139" s="455">
        <v>38362</v>
      </c>
      <c r="M1139" s="455"/>
      <c r="N1139" s="418" t="str">
        <f t="shared" si="34"/>
        <v/>
      </c>
    </row>
    <row r="1140" spans="1:14" ht="57">
      <c r="A1140" s="538"/>
      <c r="B1140" s="411">
        <f t="shared" si="35"/>
        <v>60</v>
      </c>
      <c r="C1140" s="498" t="s">
        <v>2758</v>
      </c>
      <c r="D1140" s="449" t="s">
        <v>2759</v>
      </c>
      <c r="E1140" s="510" t="s">
        <v>595</v>
      </c>
      <c r="F1140" s="522" t="s">
        <v>596</v>
      </c>
      <c r="G1140" s="450"/>
      <c r="H1140" s="451"/>
      <c r="I1140" s="451"/>
      <c r="J1140" s="144"/>
      <c r="K1140" s="517"/>
      <c r="L1140" s="455">
        <v>38362</v>
      </c>
      <c r="M1140" s="455"/>
      <c r="N1140" s="418" t="str">
        <f t="shared" si="34"/>
        <v/>
      </c>
    </row>
    <row r="1141" spans="1:14" ht="57">
      <c r="A1141" s="538"/>
      <c r="B1141" s="411">
        <f t="shared" si="35"/>
        <v>60</v>
      </c>
      <c r="C1141" s="498" t="s">
        <v>2760</v>
      </c>
      <c r="D1141" s="449" t="s">
        <v>2761</v>
      </c>
      <c r="E1141" s="510" t="s">
        <v>595</v>
      </c>
      <c r="F1141" s="522" t="s">
        <v>596</v>
      </c>
      <c r="G1141" s="450"/>
      <c r="H1141" s="451"/>
      <c r="I1141" s="451"/>
      <c r="J1141" s="144"/>
      <c r="K1141" s="517"/>
      <c r="L1141" s="455">
        <v>38362</v>
      </c>
      <c r="M1141" s="455"/>
      <c r="N1141" s="418" t="str">
        <f t="shared" si="34"/>
        <v/>
      </c>
    </row>
    <row r="1142" spans="1:14" ht="57">
      <c r="A1142" s="538"/>
      <c r="B1142" s="411">
        <f t="shared" si="35"/>
        <v>60</v>
      </c>
      <c r="C1142" s="498" t="s">
        <v>2762</v>
      </c>
      <c r="D1142" s="449" t="s">
        <v>2763</v>
      </c>
      <c r="E1142" s="510" t="s">
        <v>595</v>
      </c>
      <c r="F1142" s="522" t="s">
        <v>596</v>
      </c>
      <c r="G1142" s="450"/>
      <c r="H1142" s="451"/>
      <c r="I1142" s="451"/>
      <c r="J1142" s="144"/>
      <c r="K1142" s="517"/>
      <c r="L1142" s="455">
        <v>38362</v>
      </c>
      <c r="M1142" s="455"/>
      <c r="N1142" s="418" t="str">
        <f t="shared" si="34"/>
        <v/>
      </c>
    </row>
    <row r="1143" spans="1:14" ht="71.25">
      <c r="A1143" s="538"/>
      <c r="B1143" s="411">
        <f t="shared" si="35"/>
        <v>60</v>
      </c>
      <c r="C1143" s="498" t="s">
        <v>2764</v>
      </c>
      <c r="D1143" s="449" t="s">
        <v>2765</v>
      </c>
      <c r="E1143" s="510" t="s">
        <v>595</v>
      </c>
      <c r="F1143" s="522" t="s">
        <v>596</v>
      </c>
      <c r="G1143" s="450"/>
      <c r="H1143" s="451"/>
      <c r="I1143" s="451"/>
      <c r="J1143" s="144"/>
      <c r="K1143" s="517"/>
      <c r="L1143" s="455">
        <v>38362</v>
      </c>
      <c r="M1143" s="455"/>
      <c r="N1143" s="418" t="str">
        <f t="shared" si="34"/>
        <v/>
      </c>
    </row>
    <row r="1144" spans="1:14" ht="28.5">
      <c r="A1144" s="538"/>
      <c r="B1144" s="411">
        <f t="shared" si="35"/>
        <v>60</v>
      </c>
      <c r="C1144" s="498" t="s">
        <v>2766</v>
      </c>
      <c r="D1144" s="449" t="s">
        <v>2767</v>
      </c>
      <c r="E1144" s="510" t="s">
        <v>595</v>
      </c>
      <c r="F1144" s="522" t="s">
        <v>596</v>
      </c>
      <c r="G1144" s="450"/>
      <c r="H1144" s="451"/>
      <c r="I1144" s="451"/>
      <c r="J1144" s="144"/>
      <c r="K1144" s="517"/>
      <c r="L1144" s="455">
        <v>38362</v>
      </c>
      <c r="M1144" s="455"/>
      <c r="N1144" s="418" t="str">
        <f t="shared" si="34"/>
        <v/>
      </c>
    </row>
    <row r="1145" spans="1:14" ht="28.5">
      <c r="A1145" s="538"/>
      <c r="B1145" s="411">
        <f t="shared" si="35"/>
        <v>60</v>
      </c>
      <c r="C1145" s="498" t="s">
        <v>2768</v>
      </c>
      <c r="D1145" s="449" t="s">
        <v>2769</v>
      </c>
      <c r="E1145" s="510" t="s">
        <v>595</v>
      </c>
      <c r="F1145" s="522" t="s">
        <v>596</v>
      </c>
      <c r="G1145" s="450"/>
      <c r="H1145" s="451"/>
      <c r="I1145" s="451"/>
      <c r="J1145" s="144"/>
      <c r="K1145" s="517"/>
      <c r="L1145" s="455">
        <v>38362</v>
      </c>
      <c r="M1145" s="455"/>
      <c r="N1145" s="418" t="str">
        <f t="shared" si="34"/>
        <v/>
      </c>
    </row>
    <row r="1146" spans="1:14" ht="57">
      <c r="A1146" s="538"/>
      <c r="B1146" s="411">
        <f t="shared" si="35"/>
        <v>60</v>
      </c>
      <c r="C1146" s="498" t="s">
        <v>2770</v>
      </c>
      <c r="D1146" s="449" t="s">
        <v>2771</v>
      </c>
      <c r="E1146" s="510" t="s">
        <v>595</v>
      </c>
      <c r="F1146" s="522" t="s">
        <v>596</v>
      </c>
      <c r="G1146" s="450"/>
      <c r="H1146" s="451"/>
      <c r="I1146" s="451"/>
      <c r="J1146" s="144"/>
      <c r="K1146" s="517"/>
      <c r="L1146" s="455">
        <v>38362</v>
      </c>
      <c r="M1146" s="455"/>
      <c r="N1146" s="418" t="str">
        <f t="shared" si="34"/>
        <v/>
      </c>
    </row>
    <row r="1147" spans="1:14" ht="57">
      <c r="A1147" s="538"/>
      <c r="B1147" s="411">
        <f t="shared" si="35"/>
        <v>60</v>
      </c>
      <c r="C1147" s="498" t="s">
        <v>2772</v>
      </c>
      <c r="D1147" s="449" t="s">
        <v>2773</v>
      </c>
      <c r="E1147" s="510" t="s">
        <v>595</v>
      </c>
      <c r="F1147" s="522" t="s">
        <v>596</v>
      </c>
      <c r="G1147" s="450"/>
      <c r="H1147" s="451"/>
      <c r="I1147" s="451"/>
      <c r="J1147" s="144"/>
      <c r="K1147" s="517"/>
      <c r="L1147" s="455">
        <v>38362</v>
      </c>
      <c r="M1147" s="455"/>
      <c r="N1147" s="418" t="str">
        <f t="shared" si="34"/>
        <v/>
      </c>
    </row>
    <row r="1148" spans="1:14" ht="71.25">
      <c r="A1148" s="538"/>
      <c r="B1148" s="411">
        <f t="shared" si="35"/>
        <v>60</v>
      </c>
      <c r="C1148" s="498" t="s">
        <v>2774</v>
      </c>
      <c r="D1148" s="449" t="s">
        <v>2775</v>
      </c>
      <c r="E1148" s="510" t="s">
        <v>595</v>
      </c>
      <c r="F1148" s="522" t="s">
        <v>596</v>
      </c>
      <c r="G1148" s="450"/>
      <c r="H1148" s="451"/>
      <c r="I1148" s="451"/>
      <c r="J1148" s="144"/>
      <c r="K1148" s="517"/>
      <c r="L1148" s="455">
        <v>38362</v>
      </c>
      <c r="M1148" s="455"/>
      <c r="N1148" s="418" t="str">
        <f t="shared" si="34"/>
        <v/>
      </c>
    </row>
    <row r="1149" spans="1:14" ht="71.25">
      <c r="A1149" s="538"/>
      <c r="B1149" s="411">
        <f t="shared" si="35"/>
        <v>60</v>
      </c>
      <c r="C1149" s="498" t="s">
        <v>2776</v>
      </c>
      <c r="D1149" s="449" t="s">
        <v>2777</v>
      </c>
      <c r="E1149" s="510" t="s">
        <v>595</v>
      </c>
      <c r="F1149" s="522" t="s">
        <v>596</v>
      </c>
      <c r="G1149" s="450"/>
      <c r="H1149" s="451"/>
      <c r="I1149" s="451"/>
      <c r="J1149" s="144"/>
      <c r="K1149" s="517"/>
      <c r="L1149" s="455">
        <v>38362</v>
      </c>
      <c r="M1149" s="455"/>
      <c r="N1149" s="418" t="str">
        <f t="shared" si="34"/>
        <v/>
      </c>
    </row>
    <row r="1150" spans="1:14" ht="57">
      <c r="A1150" s="538"/>
      <c r="B1150" s="411">
        <f t="shared" si="35"/>
        <v>60</v>
      </c>
      <c r="C1150" s="498" t="s">
        <v>2778</v>
      </c>
      <c r="D1150" s="449" t="s">
        <v>2779</v>
      </c>
      <c r="E1150" s="510" t="s">
        <v>595</v>
      </c>
      <c r="F1150" s="522" t="s">
        <v>596</v>
      </c>
      <c r="G1150" s="450"/>
      <c r="H1150" s="451"/>
      <c r="I1150" s="451"/>
      <c r="J1150" s="144"/>
      <c r="K1150" s="517"/>
      <c r="L1150" s="455">
        <v>38362</v>
      </c>
      <c r="M1150" s="455"/>
      <c r="N1150" s="418" t="str">
        <f t="shared" si="34"/>
        <v/>
      </c>
    </row>
    <row r="1151" spans="1:14" ht="71.25">
      <c r="A1151" s="538"/>
      <c r="B1151" s="411">
        <f t="shared" si="35"/>
        <v>60</v>
      </c>
      <c r="C1151" s="498" t="s">
        <v>2780</v>
      </c>
      <c r="D1151" s="449" t="s">
        <v>2781</v>
      </c>
      <c r="E1151" s="510" t="s">
        <v>595</v>
      </c>
      <c r="F1151" s="522" t="s">
        <v>596</v>
      </c>
      <c r="G1151" s="450"/>
      <c r="H1151" s="451"/>
      <c r="I1151" s="451"/>
      <c r="J1151" s="144"/>
      <c r="K1151" s="517"/>
      <c r="L1151" s="455">
        <v>38362</v>
      </c>
      <c r="M1151" s="455"/>
      <c r="N1151" s="418" t="str">
        <f t="shared" si="34"/>
        <v/>
      </c>
    </row>
    <row r="1152" spans="1:14" ht="57">
      <c r="A1152" s="538"/>
      <c r="B1152" s="411">
        <f t="shared" si="35"/>
        <v>60</v>
      </c>
      <c r="C1152" s="498" t="s">
        <v>2782</v>
      </c>
      <c r="D1152" s="449" t="s">
        <v>2783</v>
      </c>
      <c r="E1152" s="510" t="s">
        <v>595</v>
      </c>
      <c r="F1152" s="522" t="s">
        <v>596</v>
      </c>
      <c r="G1152" s="450"/>
      <c r="H1152" s="451"/>
      <c r="I1152" s="451"/>
      <c r="J1152" s="144"/>
      <c r="K1152" s="517"/>
      <c r="L1152" s="455">
        <v>38362</v>
      </c>
      <c r="M1152" s="455"/>
      <c r="N1152" s="418" t="str">
        <f t="shared" si="34"/>
        <v/>
      </c>
    </row>
    <row r="1153" spans="1:14" ht="57">
      <c r="A1153" s="538"/>
      <c r="B1153" s="411">
        <f t="shared" si="35"/>
        <v>60</v>
      </c>
      <c r="C1153" s="498" t="s">
        <v>2784</v>
      </c>
      <c r="D1153" s="449" t="s">
        <v>2785</v>
      </c>
      <c r="E1153" s="510" t="s">
        <v>595</v>
      </c>
      <c r="F1153" s="522" t="s">
        <v>596</v>
      </c>
      <c r="G1153" s="450"/>
      <c r="H1153" s="451"/>
      <c r="I1153" s="451"/>
      <c r="J1153" s="144"/>
      <c r="K1153" s="517"/>
      <c r="L1153" s="455">
        <v>38362</v>
      </c>
      <c r="M1153" s="455"/>
      <c r="N1153" s="418" t="str">
        <f t="shared" si="34"/>
        <v/>
      </c>
    </row>
    <row r="1154" spans="1:14" ht="57">
      <c r="A1154" s="538"/>
      <c r="B1154" s="411">
        <f t="shared" si="35"/>
        <v>60</v>
      </c>
      <c r="C1154" s="498" t="s">
        <v>2786</v>
      </c>
      <c r="D1154" s="449" t="s">
        <v>2787</v>
      </c>
      <c r="E1154" s="510" t="s">
        <v>595</v>
      </c>
      <c r="F1154" s="522" t="s">
        <v>596</v>
      </c>
      <c r="G1154" s="450"/>
      <c r="H1154" s="451"/>
      <c r="I1154" s="451"/>
      <c r="J1154" s="144"/>
      <c r="K1154" s="517"/>
      <c r="L1154" s="455">
        <v>38362</v>
      </c>
      <c r="M1154" s="455"/>
      <c r="N1154" s="418" t="str">
        <f t="shared" si="34"/>
        <v/>
      </c>
    </row>
    <row r="1155" spans="1:14" ht="57">
      <c r="A1155" s="538"/>
      <c r="B1155" s="411">
        <f t="shared" si="35"/>
        <v>60</v>
      </c>
      <c r="C1155" s="498" t="s">
        <v>2788</v>
      </c>
      <c r="D1155" s="449" t="s">
        <v>2789</v>
      </c>
      <c r="E1155" s="510" t="s">
        <v>595</v>
      </c>
      <c r="F1155" s="522" t="s">
        <v>596</v>
      </c>
      <c r="G1155" s="450"/>
      <c r="H1155" s="451"/>
      <c r="I1155" s="451"/>
      <c r="J1155" s="144"/>
      <c r="K1155" s="517"/>
      <c r="L1155" s="455">
        <v>38362</v>
      </c>
      <c r="M1155" s="455"/>
      <c r="N1155" s="418" t="str">
        <f t="shared" si="34"/>
        <v/>
      </c>
    </row>
    <row r="1156" spans="1:14" ht="57">
      <c r="A1156" s="538"/>
      <c r="B1156" s="411">
        <f t="shared" si="35"/>
        <v>60</v>
      </c>
      <c r="C1156" s="498" t="s">
        <v>2790</v>
      </c>
      <c r="D1156" s="449" t="s">
        <v>2791</v>
      </c>
      <c r="E1156" s="510" t="s">
        <v>595</v>
      </c>
      <c r="F1156" s="522" t="s">
        <v>596</v>
      </c>
      <c r="G1156" s="450"/>
      <c r="H1156" s="451"/>
      <c r="I1156" s="451"/>
      <c r="J1156" s="144"/>
      <c r="K1156" s="517"/>
      <c r="L1156" s="455">
        <v>38362</v>
      </c>
      <c r="M1156" s="455"/>
      <c r="N1156" s="418" t="str">
        <f t="shared" si="34"/>
        <v/>
      </c>
    </row>
    <row r="1157" spans="1:14" ht="28.5">
      <c r="A1157" s="538"/>
      <c r="B1157" s="411">
        <f t="shared" si="35"/>
        <v>60</v>
      </c>
      <c r="C1157" s="498" t="s">
        <v>2792</v>
      </c>
      <c r="D1157" s="449" t="s">
        <v>2793</v>
      </c>
      <c r="E1157" s="510" t="s">
        <v>595</v>
      </c>
      <c r="F1157" s="522" t="s">
        <v>596</v>
      </c>
      <c r="G1157" s="450"/>
      <c r="H1157" s="451"/>
      <c r="I1157" s="451"/>
      <c r="J1157" s="144"/>
      <c r="K1157" s="517"/>
      <c r="L1157" s="455">
        <v>38362</v>
      </c>
      <c r="M1157" s="455"/>
      <c r="N1157" s="418" t="str">
        <f t="shared" si="34"/>
        <v/>
      </c>
    </row>
    <row r="1158" spans="1:14" ht="28.5">
      <c r="A1158" s="538"/>
      <c r="B1158" s="411">
        <f t="shared" si="35"/>
        <v>60</v>
      </c>
      <c r="C1158" s="498" t="s">
        <v>2794</v>
      </c>
      <c r="D1158" s="449" t="s">
        <v>2795</v>
      </c>
      <c r="E1158" s="510" t="s">
        <v>595</v>
      </c>
      <c r="F1158" s="522" t="s">
        <v>596</v>
      </c>
      <c r="G1158" s="450"/>
      <c r="H1158" s="451"/>
      <c r="I1158" s="451"/>
      <c r="J1158" s="144"/>
      <c r="K1158" s="517"/>
      <c r="L1158" s="455">
        <v>38362</v>
      </c>
      <c r="M1158" s="455"/>
      <c r="N1158" s="418" t="str">
        <f t="shared" si="34"/>
        <v/>
      </c>
    </row>
    <row r="1159" spans="1:14" ht="71.25">
      <c r="A1159" s="538"/>
      <c r="B1159" s="411">
        <f t="shared" si="35"/>
        <v>60</v>
      </c>
      <c r="C1159" s="498" t="s">
        <v>2796</v>
      </c>
      <c r="D1159" s="449" t="s">
        <v>2797</v>
      </c>
      <c r="E1159" s="510" t="s">
        <v>595</v>
      </c>
      <c r="F1159" s="522" t="s">
        <v>596</v>
      </c>
      <c r="G1159" s="450"/>
      <c r="H1159" s="451"/>
      <c r="I1159" s="451"/>
      <c r="J1159" s="144"/>
      <c r="K1159" s="517"/>
      <c r="L1159" s="455">
        <v>38362</v>
      </c>
      <c r="M1159" s="455"/>
      <c r="N1159" s="418" t="str">
        <f t="shared" si="34"/>
        <v/>
      </c>
    </row>
    <row r="1160" spans="1:14" ht="71.25">
      <c r="A1160" s="538"/>
      <c r="B1160" s="411">
        <f t="shared" si="35"/>
        <v>60</v>
      </c>
      <c r="C1160" s="498" t="s">
        <v>2798</v>
      </c>
      <c r="D1160" s="449" t="s">
        <v>2799</v>
      </c>
      <c r="E1160" s="510" t="s">
        <v>595</v>
      </c>
      <c r="F1160" s="522" t="s">
        <v>596</v>
      </c>
      <c r="G1160" s="450"/>
      <c r="H1160" s="451"/>
      <c r="I1160" s="451"/>
      <c r="J1160" s="144"/>
      <c r="K1160" s="517"/>
      <c r="L1160" s="455">
        <v>38362</v>
      </c>
      <c r="M1160" s="455"/>
      <c r="N1160" s="418" t="str">
        <f t="shared" si="34"/>
        <v/>
      </c>
    </row>
    <row r="1161" spans="1:14" ht="71.25">
      <c r="A1161" s="538"/>
      <c r="B1161" s="411">
        <f t="shared" si="35"/>
        <v>60</v>
      </c>
      <c r="C1161" s="498" t="s">
        <v>2800</v>
      </c>
      <c r="D1161" s="449" t="s">
        <v>2801</v>
      </c>
      <c r="E1161" s="452" t="s">
        <v>595</v>
      </c>
      <c r="F1161" s="449" t="s">
        <v>596</v>
      </c>
      <c r="G1161" s="450"/>
      <c r="H1161" s="451"/>
      <c r="I1161" s="451"/>
      <c r="J1161" s="144"/>
      <c r="K1161" s="517"/>
      <c r="L1161" s="455">
        <v>38362</v>
      </c>
      <c r="M1161" s="455"/>
      <c r="N1161" s="418" t="str">
        <f t="shared" si="34"/>
        <v/>
      </c>
    </row>
    <row r="1162" spans="1:14" ht="42.75">
      <c r="A1162" s="538"/>
      <c r="B1162" s="411">
        <f t="shared" si="35"/>
        <v>60</v>
      </c>
      <c r="C1162" s="498" t="s">
        <v>2802</v>
      </c>
      <c r="D1162" s="449" t="s">
        <v>2803</v>
      </c>
      <c r="E1162" s="510" t="s">
        <v>595</v>
      </c>
      <c r="F1162" s="522" t="s">
        <v>596</v>
      </c>
      <c r="G1162" s="450"/>
      <c r="H1162" s="451"/>
      <c r="I1162" s="451"/>
      <c r="J1162" s="144"/>
      <c r="K1162" s="517"/>
      <c r="L1162" s="455">
        <v>38362</v>
      </c>
      <c r="M1162" s="455"/>
      <c r="N1162" s="418" t="str">
        <f t="shared" si="34"/>
        <v/>
      </c>
    </row>
    <row r="1163" spans="1:14" ht="28.5">
      <c r="A1163" s="538"/>
      <c r="B1163" s="411">
        <f t="shared" si="35"/>
        <v>60</v>
      </c>
      <c r="C1163" s="498" t="s">
        <v>2804</v>
      </c>
      <c r="D1163" s="449" t="s">
        <v>2805</v>
      </c>
      <c r="E1163" s="510" t="s">
        <v>595</v>
      </c>
      <c r="F1163" s="522" t="s">
        <v>596</v>
      </c>
      <c r="G1163" s="450"/>
      <c r="H1163" s="451"/>
      <c r="I1163" s="451"/>
      <c r="J1163" s="144"/>
      <c r="K1163" s="517"/>
      <c r="L1163" s="455">
        <v>38362</v>
      </c>
      <c r="M1163" s="455"/>
      <c r="N1163" s="418" t="str">
        <f t="shared" si="34"/>
        <v/>
      </c>
    </row>
    <row r="1164" spans="1:14" ht="28.5">
      <c r="A1164" s="538"/>
      <c r="B1164" s="411">
        <f t="shared" si="35"/>
        <v>60</v>
      </c>
      <c r="C1164" s="498" t="s">
        <v>2806</v>
      </c>
      <c r="D1164" s="449" t="s">
        <v>2807</v>
      </c>
      <c r="E1164" s="510" t="s">
        <v>595</v>
      </c>
      <c r="F1164" s="522" t="s">
        <v>596</v>
      </c>
      <c r="G1164" s="450"/>
      <c r="H1164" s="451"/>
      <c r="I1164" s="451"/>
      <c r="J1164" s="144"/>
      <c r="K1164" s="517"/>
      <c r="L1164" s="455">
        <v>38362</v>
      </c>
      <c r="M1164" s="455"/>
      <c r="N1164" s="418" t="str">
        <f t="shared" si="34"/>
        <v/>
      </c>
    </row>
    <row r="1165" spans="1:14" ht="28.5">
      <c r="A1165" s="538"/>
      <c r="B1165" s="411">
        <f t="shared" si="35"/>
        <v>60</v>
      </c>
      <c r="C1165" s="498" t="s">
        <v>2808</v>
      </c>
      <c r="D1165" s="449" t="s">
        <v>2809</v>
      </c>
      <c r="E1165" s="510" t="s">
        <v>595</v>
      </c>
      <c r="F1165" s="522" t="s">
        <v>596</v>
      </c>
      <c r="G1165" s="450"/>
      <c r="H1165" s="451"/>
      <c r="I1165" s="451"/>
      <c r="J1165" s="144"/>
      <c r="K1165" s="517"/>
      <c r="L1165" s="455">
        <v>38362</v>
      </c>
      <c r="M1165" s="455"/>
      <c r="N1165" s="418" t="str">
        <f t="shared" si="34"/>
        <v/>
      </c>
    </row>
    <row r="1166" spans="1:14" ht="28.5">
      <c r="A1166" s="538"/>
      <c r="B1166" s="411">
        <f t="shared" si="35"/>
        <v>60</v>
      </c>
      <c r="C1166" s="498" t="s">
        <v>2810</v>
      </c>
      <c r="D1166" s="449" t="s">
        <v>2811</v>
      </c>
      <c r="E1166" s="510" t="s">
        <v>595</v>
      </c>
      <c r="F1166" s="522" t="s">
        <v>596</v>
      </c>
      <c r="G1166" s="450"/>
      <c r="H1166" s="451"/>
      <c r="I1166" s="451"/>
      <c r="J1166" s="144"/>
      <c r="K1166" s="517"/>
      <c r="L1166" s="455">
        <v>38362</v>
      </c>
      <c r="M1166" s="455"/>
      <c r="N1166" s="418" t="str">
        <f t="shared" si="34"/>
        <v/>
      </c>
    </row>
    <row r="1167" spans="1:14" ht="28.5">
      <c r="A1167" s="538"/>
      <c r="B1167" s="411">
        <f t="shared" si="35"/>
        <v>60</v>
      </c>
      <c r="C1167" s="498" t="s">
        <v>2812</v>
      </c>
      <c r="D1167" s="449" t="s">
        <v>2813</v>
      </c>
      <c r="E1167" s="510" t="s">
        <v>595</v>
      </c>
      <c r="F1167" s="522" t="s">
        <v>596</v>
      </c>
      <c r="G1167" s="450"/>
      <c r="H1167" s="451"/>
      <c r="I1167" s="451"/>
      <c r="J1167" s="144"/>
      <c r="K1167" s="517"/>
      <c r="L1167" s="455">
        <v>38362</v>
      </c>
      <c r="M1167" s="455"/>
      <c r="N1167" s="418" t="str">
        <f t="shared" si="34"/>
        <v/>
      </c>
    </row>
    <row r="1168" spans="1:14" ht="28.5">
      <c r="A1168" s="538"/>
      <c r="B1168" s="411">
        <f t="shared" si="35"/>
        <v>60</v>
      </c>
      <c r="C1168" s="498" t="s">
        <v>2814</v>
      </c>
      <c r="D1168" s="449" t="s">
        <v>2815</v>
      </c>
      <c r="E1168" s="510" t="s">
        <v>595</v>
      </c>
      <c r="F1168" s="522" t="s">
        <v>596</v>
      </c>
      <c r="G1168" s="450"/>
      <c r="H1168" s="451"/>
      <c r="I1168" s="451"/>
      <c r="J1168" s="144"/>
      <c r="K1168" s="517"/>
      <c r="L1168" s="455">
        <v>38362</v>
      </c>
      <c r="M1168" s="455"/>
      <c r="N1168" s="418" t="str">
        <f t="shared" si="34"/>
        <v/>
      </c>
    </row>
    <row r="1169" spans="1:14" ht="71.25">
      <c r="A1169" s="538"/>
      <c r="B1169" s="411">
        <f t="shared" si="35"/>
        <v>60</v>
      </c>
      <c r="C1169" s="498" t="s">
        <v>2816</v>
      </c>
      <c r="D1169" s="449" t="s">
        <v>2817</v>
      </c>
      <c r="E1169" s="510" t="s">
        <v>595</v>
      </c>
      <c r="F1169" s="522" t="s">
        <v>596</v>
      </c>
      <c r="G1169" s="450"/>
      <c r="H1169" s="451"/>
      <c r="I1169" s="451"/>
      <c r="J1169" s="144"/>
      <c r="K1169" s="517"/>
      <c r="L1169" s="455">
        <v>38362</v>
      </c>
      <c r="M1169" s="455"/>
      <c r="N1169" s="418" t="str">
        <f t="shared" si="34"/>
        <v/>
      </c>
    </row>
    <row r="1170" spans="1:14" ht="42.75">
      <c r="A1170" s="538"/>
      <c r="B1170" s="411">
        <f t="shared" si="35"/>
        <v>60</v>
      </c>
      <c r="C1170" s="498" t="s">
        <v>2818</v>
      </c>
      <c r="D1170" s="449" t="s">
        <v>2819</v>
      </c>
      <c r="E1170" s="510" t="s">
        <v>595</v>
      </c>
      <c r="F1170" s="522" t="s">
        <v>596</v>
      </c>
      <c r="G1170" s="450"/>
      <c r="H1170" s="451"/>
      <c r="I1170" s="451"/>
      <c r="J1170" s="144"/>
      <c r="K1170" s="517"/>
      <c r="L1170" s="455">
        <v>38362</v>
      </c>
      <c r="M1170" s="455"/>
      <c r="N1170" s="418" t="str">
        <f t="shared" si="34"/>
        <v/>
      </c>
    </row>
    <row r="1171" spans="1:14" ht="42.75">
      <c r="A1171" s="538"/>
      <c r="B1171" s="411">
        <f t="shared" si="35"/>
        <v>60</v>
      </c>
      <c r="C1171" s="498" t="s">
        <v>2820</v>
      </c>
      <c r="D1171" s="449" t="s">
        <v>2821</v>
      </c>
      <c r="E1171" s="510" t="s">
        <v>595</v>
      </c>
      <c r="F1171" s="522" t="s">
        <v>596</v>
      </c>
      <c r="G1171" s="450"/>
      <c r="H1171" s="451"/>
      <c r="I1171" s="451"/>
      <c r="J1171" s="144"/>
      <c r="K1171" s="517"/>
      <c r="L1171" s="455">
        <v>38362</v>
      </c>
      <c r="M1171" s="455"/>
      <c r="N1171" s="418" t="str">
        <f t="shared" si="34"/>
        <v/>
      </c>
    </row>
    <row r="1172" spans="1:14" ht="42.75">
      <c r="A1172" s="538"/>
      <c r="B1172" s="411">
        <f t="shared" si="35"/>
        <v>60</v>
      </c>
      <c r="C1172" s="498" t="s">
        <v>2822</v>
      </c>
      <c r="D1172" s="449" t="s">
        <v>2823</v>
      </c>
      <c r="E1172" s="510" t="s">
        <v>595</v>
      </c>
      <c r="F1172" s="522" t="s">
        <v>596</v>
      </c>
      <c r="G1172" s="450"/>
      <c r="H1172" s="451"/>
      <c r="I1172" s="451"/>
      <c r="J1172" s="144"/>
      <c r="K1172" s="517"/>
      <c r="L1172" s="455">
        <v>38362</v>
      </c>
      <c r="M1172" s="455"/>
      <c r="N1172" s="418" t="str">
        <f t="shared" si="34"/>
        <v/>
      </c>
    </row>
    <row r="1173" spans="1:14" ht="42.75">
      <c r="A1173" s="538"/>
      <c r="B1173" s="411">
        <f t="shared" si="35"/>
        <v>60</v>
      </c>
      <c r="C1173" s="498" t="s">
        <v>2824</v>
      </c>
      <c r="D1173" s="449" t="s">
        <v>2825</v>
      </c>
      <c r="E1173" s="452" t="s">
        <v>595</v>
      </c>
      <c r="F1173" s="449" t="s">
        <v>596</v>
      </c>
      <c r="G1173" s="450"/>
      <c r="H1173" s="451"/>
      <c r="I1173" s="451"/>
      <c r="J1173" s="144"/>
      <c r="K1173" s="517"/>
      <c r="L1173" s="455">
        <v>38362</v>
      </c>
      <c r="M1173" s="455"/>
      <c r="N1173" s="418" t="str">
        <f t="shared" si="34"/>
        <v/>
      </c>
    </row>
    <row r="1174" spans="1:14" ht="28.5">
      <c r="A1174" s="538"/>
      <c r="B1174" s="411">
        <f t="shared" si="35"/>
        <v>60</v>
      </c>
      <c r="C1174" s="498" t="s">
        <v>2826</v>
      </c>
      <c r="D1174" s="449" t="s">
        <v>2827</v>
      </c>
      <c r="E1174" s="510" t="s">
        <v>595</v>
      </c>
      <c r="F1174" s="522" t="s">
        <v>596</v>
      </c>
      <c r="G1174" s="450"/>
      <c r="H1174" s="451"/>
      <c r="I1174" s="451"/>
      <c r="J1174" s="144"/>
      <c r="K1174" s="517"/>
      <c r="L1174" s="455">
        <v>38362</v>
      </c>
      <c r="M1174" s="455"/>
      <c r="N1174" s="418" t="str">
        <f t="shared" si="34"/>
        <v/>
      </c>
    </row>
    <row r="1175" spans="1:14" ht="28.5">
      <c r="A1175" s="538"/>
      <c r="B1175" s="411">
        <f t="shared" si="35"/>
        <v>60</v>
      </c>
      <c r="C1175" s="498" t="s">
        <v>2828</v>
      </c>
      <c r="D1175" s="449" t="s">
        <v>2829</v>
      </c>
      <c r="E1175" s="510" t="s">
        <v>595</v>
      </c>
      <c r="F1175" s="522" t="s">
        <v>596</v>
      </c>
      <c r="G1175" s="450"/>
      <c r="H1175" s="451"/>
      <c r="I1175" s="451"/>
      <c r="J1175" s="144"/>
      <c r="K1175" s="517"/>
      <c r="L1175" s="455">
        <v>38362</v>
      </c>
      <c r="M1175" s="455"/>
      <c r="N1175" s="418" t="str">
        <f t="shared" si="34"/>
        <v/>
      </c>
    </row>
    <row r="1176" spans="1:14" ht="28.5">
      <c r="A1176" s="538"/>
      <c r="B1176" s="411">
        <f t="shared" si="35"/>
        <v>60</v>
      </c>
      <c r="C1176" s="498" t="s">
        <v>2830</v>
      </c>
      <c r="D1176" s="449" t="s">
        <v>2831</v>
      </c>
      <c r="E1176" s="510" t="s">
        <v>595</v>
      </c>
      <c r="F1176" s="522" t="s">
        <v>596</v>
      </c>
      <c r="G1176" s="450"/>
      <c r="H1176" s="451"/>
      <c r="I1176" s="451"/>
      <c r="J1176" s="144"/>
      <c r="K1176" s="517"/>
      <c r="L1176" s="455">
        <v>38362</v>
      </c>
      <c r="M1176" s="455"/>
      <c r="N1176" s="418" t="str">
        <f t="shared" si="34"/>
        <v/>
      </c>
    </row>
    <row r="1177" spans="1:14" ht="28.5">
      <c r="A1177" s="538"/>
      <c r="B1177" s="411">
        <f t="shared" si="35"/>
        <v>60</v>
      </c>
      <c r="C1177" s="498" t="s">
        <v>2832</v>
      </c>
      <c r="D1177" s="449" t="s">
        <v>2833</v>
      </c>
      <c r="E1177" s="510" t="s">
        <v>595</v>
      </c>
      <c r="F1177" s="522" t="s">
        <v>596</v>
      </c>
      <c r="G1177" s="450"/>
      <c r="H1177" s="451"/>
      <c r="I1177" s="451"/>
      <c r="J1177" s="144"/>
      <c r="K1177" s="517"/>
      <c r="L1177" s="455">
        <v>38362</v>
      </c>
      <c r="M1177" s="455"/>
      <c r="N1177" s="418" t="str">
        <f t="shared" ref="N1177:N1240" si="36">IF(D1177="NA","",IF(COUNTIF($D$2:$D$5552,D1177)&gt;1,"DUPLICATE",""))</f>
        <v/>
      </c>
    </row>
    <row r="1178" spans="1:14" ht="28.5">
      <c r="A1178" s="538"/>
      <c r="B1178" s="411">
        <f t="shared" ref="B1178:B1241" si="37">IF(A1178&gt;0,A1178,B1177)</f>
        <v>60</v>
      </c>
      <c r="C1178" s="498" t="s">
        <v>2834</v>
      </c>
      <c r="D1178" s="449" t="s">
        <v>2835</v>
      </c>
      <c r="E1178" s="510" t="s">
        <v>595</v>
      </c>
      <c r="F1178" s="522" t="s">
        <v>596</v>
      </c>
      <c r="G1178" s="450"/>
      <c r="H1178" s="451"/>
      <c r="I1178" s="451"/>
      <c r="J1178" s="144"/>
      <c r="K1178" s="517"/>
      <c r="L1178" s="455">
        <v>38362</v>
      </c>
      <c r="M1178" s="455"/>
      <c r="N1178" s="418" t="str">
        <f t="shared" si="36"/>
        <v/>
      </c>
    </row>
    <row r="1179" spans="1:14" ht="28.5">
      <c r="A1179" s="538"/>
      <c r="B1179" s="411">
        <f t="shared" si="37"/>
        <v>60</v>
      </c>
      <c r="C1179" s="498" t="s">
        <v>2836</v>
      </c>
      <c r="D1179" s="449" t="s">
        <v>2837</v>
      </c>
      <c r="E1179" s="510" t="s">
        <v>595</v>
      </c>
      <c r="F1179" s="522" t="s">
        <v>596</v>
      </c>
      <c r="G1179" s="450"/>
      <c r="H1179" s="451"/>
      <c r="I1179" s="451"/>
      <c r="J1179" s="144"/>
      <c r="K1179" s="517"/>
      <c r="L1179" s="455">
        <v>38362</v>
      </c>
      <c r="M1179" s="455"/>
      <c r="N1179" s="418" t="str">
        <f t="shared" si="36"/>
        <v/>
      </c>
    </row>
    <row r="1180" spans="1:14" ht="42.75">
      <c r="A1180" s="538"/>
      <c r="B1180" s="411">
        <f t="shared" si="37"/>
        <v>60</v>
      </c>
      <c r="C1180" s="498" t="s">
        <v>2838</v>
      </c>
      <c r="D1180" s="449" t="s">
        <v>2839</v>
      </c>
      <c r="E1180" s="510" t="s">
        <v>595</v>
      </c>
      <c r="F1180" s="522" t="s">
        <v>596</v>
      </c>
      <c r="G1180" s="450"/>
      <c r="H1180" s="451"/>
      <c r="I1180" s="451"/>
      <c r="J1180" s="144"/>
      <c r="K1180" s="517"/>
      <c r="L1180" s="455">
        <v>38362</v>
      </c>
      <c r="M1180" s="455"/>
      <c r="N1180" s="418" t="str">
        <f t="shared" si="36"/>
        <v/>
      </c>
    </row>
    <row r="1181" spans="1:14" ht="28.5">
      <c r="A1181" s="538"/>
      <c r="B1181" s="411">
        <f t="shared" si="37"/>
        <v>60</v>
      </c>
      <c r="C1181" s="498" t="s">
        <v>2840</v>
      </c>
      <c r="D1181" s="449" t="s">
        <v>2841</v>
      </c>
      <c r="E1181" s="510" t="s">
        <v>595</v>
      </c>
      <c r="F1181" s="522" t="s">
        <v>596</v>
      </c>
      <c r="G1181" s="450"/>
      <c r="H1181" s="451"/>
      <c r="I1181" s="451"/>
      <c r="J1181" s="144"/>
      <c r="K1181" s="517"/>
      <c r="L1181" s="455">
        <v>38362</v>
      </c>
      <c r="M1181" s="455"/>
      <c r="N1181" s="418" t="str">
        <f t="shared" si="36"/>
        <v/>
      </c>
    </row>
    <row r="1182" spans="1:14" ht="42.75">
      <c r="A1182" s="538"/>
      <c r="B1182" s="411">
        <f t="shared" si="37"/>
        <v>60</v>
      </c>
      <c r="C1182" s="498" t="s">
        <v>2842</v>
      </c>
      <c r="D1182" s="449" t="s">
        <v>2843</v>
      </c>
      <c r="E1182" s="510" t="s">
        <v>595</v>
      </c>
      <c r="F1182" s="522" t="s">
        <v>596</v>
      </c>
      <c r="G1182" s="450"/>
      <c r="H1182" s="451"/>
      <c r="I1182" s="451"/>
      <c r="J1182" s="144"/>
      <c r="K1182" s="517"/>
      <c r="L1182" s="455">
        <v>38362</v>
      </c>
      <c r="M1182" s="455"/>
      <c r="N1182" s="418" t="str">
        <f t="shared" si="36"/>
        <v/>
      </c>
    </row>
    <row r="1183" spans="1:14" ht="42.75">
      <c r="A1183" s="538"/>
      <c r="B1183" s="411">
        <f t="shared" si="37"/>
        <v>60</v>
      </c>
      <c r="C1183" s="498" t="s">
        <v>2844</v>
      </c>
      <c r="D1183" s="449" t="s">
        <v>2845</v>
      </c>
      <c r="E1183" s="510" t="s">
        <v>595</v>
      </c>
      <c r="F1183" s="522" t="s">
        <v>596</v>
      </c>
      <c r="G1183" s="450"/>
      <c r="H1183" s="451"/>
      <c r="I1183" s="451"/>
      <c r="J1183" s="144"/>
      <c r="K1183" s="517"/>
      <c r="L1183" s="455">
        <v>38362</v>
      </c>
      <c r="M1183" s="455"/>
      <c r="N1183" s="418" t="str">
        <f t="shared" si="36"/>
        <v/>
      </c>
    </row>
    <row r="1184" spans="1:14" ht="42.75">
      <c r="A1184" s="538"/>
      <c r="B1184" s="411">
        <f t="shared" si="37"/>
        <v>60</v>
      </c>
      <c r="C1184" s="498" t="s">
        <v>2846</v>
      </c>
      <c r="D1184" s="449" t="s">
        <v>2847</v>
      </c>
      <c r="E1184" s="510" t="s">
        <v>595</v>
      </c>
      <c r="F1184" s="522" t="s">
        <v>596</v>
      </c>
      <c r="G1184" s="450"/>
      <c r="H1184" s="451"/>
      <c r="I1184" s="451"/>
      <c r="J1184" s="144"/>
      <c r="K1184" s="517"/>
      <c r="L1184" s="455">
        <v>38362</v>
      </c>
      <c r="M1184" s="455"/>
      <c r="N1184" s="418" t="str">
        <f t="shared" si="36"/>
        <v/>
      </c>
    </row>
    <row r="1185" spans="1:14" ht="42.75">
      <c r="A1185" s="538"/>
      <c r="B1185" s="411">
        <f t="shared" si="37"/>
        <v>60</v>
      </c>
      <c r="C1185" s="498" t="s">
        <v>2848</v>
      </c>
      <c r="D1185" s="449" t="s">
        <v>2849</v>
      </c>
      <c r="E1185" s="510" t="s">
        <v>595</v>
      </c>
      <c r="F1185" s="522" t="s">
        <v>596</v>
      </c>
      <c r="G1185" s="450"/>
      <c r="H1185" s="451"/>
      <c r="I1185" s="451"/>
      <c r="J1185" s="144"/>
      <c r="K1185" s="517"/>
      <c r="L1185" s="455">
        <v>38362</v>
      </c>
      <c r="M1185" s="455"/>
      <c r="N1185" s="418" t="str">
        <f t="shared" si="36"/>
        <v/>
      </c>
    </row>
    <row r="1186" spans="1:14" ht="42.75">
      <c r="A1186" s="538"/>
      <c r="B1186" s="411">
        <f t="shared" si="37"/>
        <v>60</v>
      </c>
      <c r="C1186" s="498" t="s">
        <v>2850</v>
      </c>
      <c r="D1186" s="449" t="s">
        <v>2851</v>
      </c>
      <c r="E1186" s="510" t="s">
        <v>595</v>
      </c>
      <c r="F1186" s="522" t="s">
        <v>596</v>
      </c>
      <c r="G1186" s="450"/>
      <c r="H1186" s="451"/>
      <c r="I1186" s="451"/>
      <c r="J1186" s="144"/>
      <c r="K1186" s="517"/>
      <c r="L1186" s="455">
        <v>38362</v>
      </c>
      <c r="M1186" s="455"/>
      <c r="N1186" s="418" t="str">
        <f t="shared" si="36"/>
        <v/>
      </c>
    </row>
    <row r="1187" spans="1:14" ht="42.75">
      <c r="A1187" s="538"/>
      <c r="B1187" s="411">
        <f t="shared" si="37"/>
        <v>60</v>
      </c>
      <c r="C1187" s="498" t="s">
        <v>2852</v>
      </c>
      <c r="D1187" s="449" t="s">
        <v>2853</v>
      </c>
      <c r="E1187" s="452" t="s">
        <v>595</v>
      </c>
      <c r="F1187" s="449" t="s">
        <v>596</v>
      </c>
      <c r="G1187" s="450"/>
      <c r="H1187" s="451"/>
      <c r="I1187" s="451"/>
      <c r="J1187" s="144"/>
      <c r="K1187" s="517"/>
      <c r="L1187" s="455">
        <v>38362</v>
      </c>
      <c r="M1187" s="455"/>
      <c r="N1187" s="418" t="str">
        <f t="shared" si="36"/>
        <v/>
      </c>
    </row>
    <row r="1188" spans="1:14" ht="42.75">
      <c r="A1188" s="538"/>
      <c r="B1188" s="411">
        <f t="shared" si="37"/>
        <v>60</v>
      </c>
      <c r="C1188" s="498" t="s">
        <v>2854</v>
      </c>
      <c r="D1188" s="449" t="s">
        <v>2855</v>
      </c>
      <c r="E1188" s="452" t="s">
        <v>595</v>
      </c>
      <c r="F1188" s="449" t="s">
        <v>596</v>
      </c>
      <c r="G1188" s="450"/>
      <c r="H1188" s="451"/>
      <c r="I1188" s="451"/>
      <c r="J1188" s="144"/>
      <c r="K1188" s="517"/>
      <c r="L1188" s="455">
        <v>38362</v>
      </c>
      <c r="M1188" s="455"/>
      <c r="N1188" s="418" t="str">
        <f t="shared" si="36"/>
        <v/>
      </c>
    </row>
    <row r="1189" spans="1:14" ht="42.75">
      <c r="A1189" s="538"/>
      <c r="B1189" s="411">
        <f t="shared" si="37"/>
        <v>60</v>
      </c>
      <c r="C1189" s="498" t="s">
        <v>2856</v>
      </c>
      <c r="D1189" s="449" t="s">
        <v>2857</v>
      </c>
      <c r="E1189" s="510" t="s">
        <v>595</v>
      </c>
      <c r="F1189" s="522" t="s">
        <v>596</v>
      </c>
      <c r="G1189" s="449"/>
      <c r="H1189" s="451"/>
      <c r="I1189" s="451"/>
      <c r="J1189" s="144"/>
      <c r="K1189" s="522"/>
      <c r="L1189" s="455">
        <v>38362</v>
      </c>
      <c r="M1189" s="455"/>
      <c r="N1189" s="418" t="str">
        <f t="shared" si="36"/>
        <v/>
      </c>
    </row>
    <row r="1190" spans="1:14" ht="42.75">
      <c r="A1190" s="538"/>
      <c r="B1190" s="411">
        <f t="shared" si="37"/>
        <v>60</v>
      </c>
      <c r="C1190" s="498" t="s">
        <v>2858</v>
      </c>
      <c r="D1190" s="449" t="s">
        <v>2859</v>
      </c>
      <c r="E1190" s="510" t="s">
        <v>595</v>
      </c>
      <c r="F1190" s="522" t="s">
        <v>596</v>
      </c>
      <c r="G1190" s="450"/>
      <c r="H1190" s="451"/>
      <c r="I1190" s="451"/>
      <c r="J1190" s="144"/>
      <c r="K1190" s="517"/>
      <c r="L1190" s="455">
        <v>38362</v>
      </c>
      <c r="M1190" s="455"/>
      <c r="N1190" s="418" t="str">
        <f t="shared" si="36"/>
        <v/>
      </c>
    </row>
    <row r="1191" spans="1:14" ht="42.75">
      <c r="A1191" s="538"/>
      <c r="B1191" s="411">
        <f t="shared" si="37"/>
        <v>60</v>
      </c>
      <c r="C1191" s="498" t="s">
        <v>2860</v>
      </c>
      <c r="D1191" s="449" t="s">
        <v>2861</v>
      </c>
      <c r="E1191" s="510" t="s">
        <v>595</v>
      </c>
      <c r="F1191" s="522" t="s">
        <v>596</v>
      </c>
      <c r="G1191" s="450"/>
      <c r="H1191" s="451"/>
      <c r="I1191" s="451"/>
      <c r="J1191" s="144"/>
      <c r="K1191" s="517"/>
      <c r="L1191" s="455">
        <v>38362</v>
      </c>
      <c r="M1191" s="455"/>
      <c r="N1191" s="418" t="str">
        <f t="shared" si="36"/>
        <v/>
      </c>
    </row>
    <row r="1192" spans="1:14" ht="42.75">
      <c r="A1192" s="538"/>
      <c r="B1192" s="411">
        <f t="shared" si="37"/>
        <v>60</v>
      </c>
      <c r="C1192" s="498" t="s">
        <v>2862</v>
      </c>
      <c r="D1192" s="449" t="s">
        <v>2863</v>
      </c>
      <c r="E1192" s="510" t="s">
        <v>595</v>
      </c>
      <c r="F1192" s="522" t="s">
        <v>596</v>
      </c>
      <c r="G1192" s="450"/>
      <c r="H1192" s="451"/>
      <c r="I1192" s="451"/>
      <c r="J1192" s="144"/>
      <c r="K1192" s="517"/>
      <c r="L1192" s="455">
        <v>38362</v>
      </c>
      <c r="M1192" s="455"/>
      <c r="N1192" s="418" t="str">
        <f t="shared" si="36"/>
        <v/>
      </c>
    </row>
    <row r="1193" spans="1:14" ht="42.75">
      <c r="A1193" s="538"/>
      <c r="B1193" s="411">
        <f t="shared" si="37"/>
        <v>60</v>
      </c>
      <c r="C1193" s="498" t="s">
        <v>2864</v>
      </c>
      <c r="D1193" s="449" t="s">
        <v>2865</v>
      </c>
      <c r="E1193" s="510" t="s">
        <v>595</v>
      </c>
      <c r="F1193" s="522" t="s">
        <v>596</v>
      </c>
      <c r="G1193" s="450"/>
      <c r="H1193" s="451"/>
      <c r="I1193" s="451"/>
      <c r="J1193" s="144"/>
      <c r="K1193" s="517"/>
      <c r="L1193" s="455">
        <v>38362</v>
      </c>
      <c r="M1193" s="455"/>
      <c r="N1193" s="418" t="str">
        <f t="shared" si="36"/>
        <v/>
      </c>
    </row>
    <row r="1194" spans="1:14" ht="57">
      <c r="A1194" s="538"/>
      <c r="B1194" s="411">
        <f t="shared" si="37"/>
        <v>60</v>
      </c>
      <c r="C1194" s="498" t="s">
        <v>2866</v>
      </c>
      <c r="D1194" s="449" t="s">
        <v>2867</v>
      </c>
      <c r="E1194" s="510" t="s">
        <v>595</v>
      </c>
      <c r="F1194" s="522" t="s">
        <v>596</v>
      </c>
      <c r="G1194" s="450"/>
      <c r="H1194" s="451"/>
      <c r="I1194" s="451"/>
      <c r="J1194" s="144"/>
      <c r="K1194" s="517"/>
      <c r="L1194" s="455">
        <v>38362</v>
      </c>
      <c r="M1194" s="455"/>
      <c r="N1194" s="418" t="str">
        <f t="shared" si="36"/>
        <v/>
      </c>
    </row>
    <row r="1195" spans="1:14" ht="42.75">
      <c r="A1195" s="538"/>
      <c r="B1195" s="411">
        <f t="shared" si="37"/>
        <v>60</v>
      </c>
      <c r="C1195" s="498" t="s">
        <v>2868</v>
      </c>
      <c r="D1195" s="449" t="s">
        <v>2869</v>
      </c>
      <c r="E1195" s="510" t="s">
        <v>595</v>
      </c>
      <c r="F1195" s="522" t="s">
        <v>596</v>
      </c>
      <c r="G1195" s="450"/>
      <c r="H1195" s="451"/>
      <c r="I1195" s="451"/>
      <c r="J1195" s="144"/>
      <c r="K1195" s="517"/>
      <c r="L1195" s="455">
        <v>38362</v>
      </c>
      <c r="M1195" s="455"/>
      <c r="N1195" s="418" t="str">
        <f t="shared" si="36"/>
        <v/>
      </c>
    </row>
    <row r="1196" spans="1:14" ht="28.5">
      <c r="A1196" s="538"/>
      <c r="B1196" s="411">
        <f t="shared" si="37"/>
        <v>60</v>
      </c>
      <c r="C1196" s="498" t="s">
        <v>2870</v>
      </c>
      <c r="D1196" s="449" t="s">
        <v>2871</v>
      </c>
      <c r="E1196" s="510" t="s">
        <v>595</v>
      </c>
      <c r="F1196" s="522" t="s">
        <v>596</v>
      </c>
      <c r="G1196" s="450"/>
      <c r="H1196" s="451"/>
      <c r="I1196" s="451"/>
      <c r="J1196" s="144"/>
      <c r="K1196" s="517"/>
      <c r="L1196" s="455">
        <v>38362</v>
      </c>
      <c r="M1196" s="455"/>
      <c r="N1196" s="418" t="str">
        <f t="shared" si="36"/>
        <v/>
      </c>
    </row>
    <row r="1197" spans="1:14" ht="42.75">
      <c r="A1197" s="538"/>
      <c r="B1197" s="411">
        <f t="shared" si="37"/>
        <v>60</v>
      </c>
      <c r="C1197" s="498" t="s">
        <v>2872</v>
      </c>
      <c r="D1197" s="449" t="s">
        <v>2873</v>
      </c>
      <c r="E1197" s="510" t="s">
        <v>595</v>
      </c>
      <c r="F1197" s="522" t="s">
        <v>596</v>
      </c>
      <c r="G1197" s="450"/>
      <c r="H1197" s="451"/>
      <c r="I1197" s="451"/>
      <c r="J1197" s="144"/>
      <c r="K1197" s="517"/>
      <c r="L1197" s="455">
        <v>38362</v>
      </c>
      <c r="M1197" s="455"/>
      <c r="N1197" s="418" t="str">
        <f t="shared" si="36"/>
        <v/>
      </c>
    </row>
    <row r="1198" spans="1:14" ht="42.75">
      <c r="A1198" s="538"/>
      <c r="B1198" s="411">
        <f t="shared" si="37"/>
        <v>60</v>
      </c>
      <c r="C1198" s="498" t="s">
        <v>2874</v>
      </c>
      <c r="D1198" s="449" t="s">
        <v>2875</v>
      </c>
      <c r="E1198" s="510" t="s">
        <v>595</v>
      </c>
      <c r="F1198" s="522" t="s">
        <v>596</v>
      </c>
      <c r="G1198" s="449"/>
      <c r="H1198" s="451"/>
      <c r="I1198" s="451"/>
      <c r="J1198" s="144"/>
      <c r="K1198" s="522"/>
      <c r="L1198" s="455">
        <v>38362</v>
      </c>
      <c r="M1198" s="455"/>
      <c r="N1198" s="418" t="str">
        <f t="shared" si="36"/>
        <v/>
      </c>
    </row>
    <row r="1199" spans="1:14" ht="42.75">
      <c r="A1199" s="538"/>
      <c r="B1199" s="411">
        <f t="shared" si="37"/>
        <v>60</v>
      </c>
      <c r="C1199" s="498" t="s">
        <v>2876</v>
      </c>
      <c r="D1199" s="449" t="s">
        <v>2877</v>
      </c>
      <c r="E1199" s="510" t="s">
        <v>595</v>
      </c>
      <c r="F1199" s="522" t="s">
        <v>596</v>
      </c>
      <c r="G1199" s="450"/>
      <c r="H1199" s="451"/>
      <c r="I1199" s="451"/>
      <c r="J1199" s="144"/>
      <c r="K1199" s="517"/>
      <c r="L1199" s="455">
        <v>38362</v>
      </c>
      <c r="M1199" s="455"/>
      <c r="N1199" s="418" t="str">
        <f t="shared" si="36"/>
        <v/>
      </c>
    </row>
    <row r="1200" spans="1:14" ht="42.75">
      <c r="A1200" s="538"/>
      <c r="B1200" s="411">
        <f t="shared" si="37"/>
        <v>60</v>
      </c>
      <c r="C1200" s="498" t="s">
        <v>2878</v>
      </c>
      <c r="D1200" s="449" t="s">
        <v>2879</v>
      </c>
      <c r="E1200" s="452" t="s">
        <v>595</v>
      </c>
      <c r="F1200" s="449" t="s">
        <v>596</v>
      </c>
      <c r="G1200" s="450"/>
      <c r="H1200" s="451"/>
      <c r="I1200" s="451"/>
      <c r="J1200" s="144"/>
      <c r="K1200" s="517"/>
      <c r="L1200" s="455">
        <v>38362</v>
      </c>
      <c r="M1200" s="455"/>
      <c r="N1200" s="418" t="str">
        <f t="shared" si="36"/>
        <v/>
      </c>
    </row>
    <row r="1201" spans="1:14" ht="42.75">
      <c r="A1201" s="538"/>
      <c r="B1201" s="411">
        <f t="shared" si="37"/>
        <v>60</v>
      </c>
      <c r="C1201" s="498" t="s">
        <v>2880</v>
      </c>
      <c r="D1201" s="449" t="s">
        <v>2881</v>
      </c>
      <c r="E1201" s="510" t="s">
        <v>595</v>
      </c>
      <c r="F1201" s="522" t="s">
        <v>596</v>
      </c>
      <c r="G1201" s="450"/>
      <c r="H1201" s="451"/>
      <c r="I1201" s="451"/>
      <c r="J1201" s="144"/>
      <c r="K1201" s="517"/>
      <c r="L1201" s="455">
        <v>38362</v>
      </c>
      <c r="M1201" s="455"/>
      <c r="N1201" s="418" t="str">
        <f t="shared" si="36"/>
        <v/>
      </c>
    </row>
    <row r="1202" spans="1:14" ht="42.75">
      <c r="A1202" s="538"/>
      <c r="B1202" s="411">
        <f t="shared" si="37"/>
        <v>60</v>
      </c>
      <c r="C1202" s="498" t="s">
        <v>2882</v>
      </c>
      <c r="D1202" s="449" t="s">
        <v>2883</v>
      </c>
      <c r="E1202" s="510" t="s">
        <v>595</v>
      </c>
      <c r="F1202" s="522" t="s">
        <v>596</v>
      </c>
      <c r="G1202" s="450"/>
      <c r="H1202" s="451"/>
      <c r="I1202" s="451"/>
      <c r="J1202" s="144"/>
      <c r="K1202" s="517"/>
      <c r="L1202" s="455">
        <v>38362</v>
      </c>
      <c r="M1202" s="455"/>
      <c r="N1202" s="418" t="str">
        <f t="shared" si="36"/>
        <v/>
      </c>
    </row>
    <row r="1203" spans="1:14" ht="42.75">
      <c r="A1203" s="538"/>
      <c r="B1203" s="411">
        <f t="shared" si="37"/>
        <v>60</v>
      </c>
      <c r="C1203" s="498" t="s">
        <v>2884</v>
      </c>
      <c r="D1203" s="449" t="s">
        <v>2885</v>
      </c>
      <c r="E1203" s="510" t="s">
        <v>595</v>
      </c>
      <c r="F1203" s="522" t="s">
        <v>596</v>
      </c>
      <c r="G1203" s="449"/>
      <c r="H1203" s="451"/>
      <c r="I1203" s="451"/>
      <c r="J1203" s="144"/>
      <c r="K1203" s="522"/>
      <c r="L1203" s="455">
        <v>38362</v>
      </c>
      <c r="M1203" s="455"/>
      <c r="N1203" s="418" t="str">
        <f t="shared" si="36"/>
        <v/>
      </c>
    </row>
    <row r="1204" spans="1:14" ht="57">
      <c r="A1204" s="538"/>
      <c r="B1204" s="411">
        <f t="shared" si="37"/>
        <v>60</v>
      </c>
      <c r="C1204" s="498" t="s">
        <v>2886</v>
      </c>
      <c r="D1204" s="449" t="s">
        <v>2887</v>
      </c>
      <c r="E1204" s="510" t="s">
        <v>595</v>
      </c>
      <c r="F1204" s="522" t="s">
        <v>596</v>
      </c>
      <c r="G1204" s="449"/>
      <c r="H1204" s="451"/>
      <c r="I1204" s="451"/>
      <c r="J1204" s="144"/>
      <c r="K1204" s="522"/>
      <c r="L1204" s="455">
        <v>38362</v>
      </c>
      <c r="M1204" s="455"/>
      <c r="N1204" s="418" t="str">
        <f t="shared" si="36"/>
        <v/>
      </c>
    </row>
    <row r="1205" spans="1:14" ht="28.5">
      <c r="A1205" s="538"/>
      <c r="B1205" s="411">
        <f t="shared" si="37"/>
        <v>60</v>
      </c>
      <c r="C1205" s="498" t="s">
        <v>2888</v>
      </c>
      <c r="D1205" s="449" t="s">
        <v>2889</v>
      </c>
      <c r="E1205" s="510" t="s">
        <v>595</v>
      </c>
      <c r="F1205" s="522" t="s">
        <v>596</v>
      </c>
      <c r="G1205" s="450"/>
      <c r="H1205" s="451"/>
      <c r="I1205" s="451"/>
      <c r="J1205" s="144"/>
      <c r="K1205" s="517"/>
      <c r="L1205" s="455">
        <v>38362</v>
      </c>
      <c r="M1205" s="455"/>
      <c r="N1205" s="418" t="str">
        <f t="shared" si="36"/>
        <v/>
      </c>
    </row>
    <row r="1206" spans="1:14" ht="28.5">
      <c r="A1206" s="538"/>
      <c r="B1206" s="411">
        <f t="shared" si="37"/>
        <v>60</v>
      </c>
      <c r="C1206" s="498" t="s">
        <v>2890</v>
      </c>
      <c r="D1206" s="449" t="s">
        <v>2891</v>
      </c>
      <c r="E1206" s="510" t="s">
        <v>595</v>
      </c>
      <c r="F1206" s="522" t="s">
        <v>596</v>
      </c>
      <c r="G1206" s="450"/>
      <c r="H1206" s="451"/>
      <c r="I1206" s="451"/>
      <c r="J1206" s="144"/>
      <c r="K1206" s="517"/>
      <c r="L1206" s="455">
        <v>38362</v>
      </c>
      <c r="M1206" s="455"/>
      <c r="N1206" s="418" t="str">
        <f t="shared" si="36"/>
        <v/>
      </c>
    </row>
    <row r="1207" spans="1:14" ht="42.75">
      <c r="A1207" s="538"/>
      <c r="B1207" s="411">
        <f t="shared" si="37"/>
        <v>60</v>
      </c>
      <c r="C1207" s="498" t="s">
        <v>2892</v>
      </c>
      <c r="D1207" s="449" t="s">
        <v>2893</v>
      </c>
      <c r="E1207" s="510" t="s">
        <v>595</v>
      </c>
      <c r="F1207" s="522" t="s">
        <v>596</v>
      </c>
      <c r="G1207" s="450"/>
      <c r="H1207" s="451"/>
      <c r="I1207" s="451"/>
      <c r="J1207" s="144"/>
      <c r="K1207" s="517"/>
      <c r="L1207" s="455">
        <v>38362</v>
      </c>
      <c r="M1207" s="455"/>
      <c r="N1207" s="418" t="str">
        <f t="shared" si="36"/>
        <v/>
      </c>
    </row>
    <row r="1208" spans="1:14" ht="28.5">
      <c r="A1208" s="538"/>
      <c r="B1208" s="411">
        <f t="shared" si="37"/>
        <v>60</v>
      </c>
      <c r="C1208" s="498" t="s">
        <v>2894</v>
      </c>
      <c r="D1208" s="449" t="s">
        <v>2895</v>
      </c>
      <c r="E1208" s="510" t="s">
        <v>595</v>
      </c>
      <c r="F1208" s="522" t="s">
        <v>596</v>
      </c>
      <c r="G1208" s="450"/>
      <c r="H1208" s="451"/>
      <c r="I1208" s="451"/>
      <c r="J1208" s="144"/>
      <c r="K1208" s="517"/>
      <c r="L1208" s="455">
        <v>38362</v>
      </c>
      <c r="M1208" s="455"/>
      <c r="N1208" s="418" t="str">
        <f t="shared" si="36"/>
        <v/>
      </c>
    </row>
    <row r="1209" spans="1:14" ht="28.5">
      <c r="A1209" s="538"/>
      <c r="B1209" s="411">
        <f t="shared" si="37"/>
        <v>60</v>
      </c>
      <c r="C1209" s="498" t="s">
        <v>2896</v>
      </c>
      <c r="D1209" s="449" t="s">
        <v>2897</v>
      </c>
      <c r="E1209" s="510" t="s">
        <v>595</v>
      </c>
      <c r="F1209" s="522" t="s">
        <v>596</v>
      </c>
      <c r="G1209" s="450"/>
      <c r="H1209" s="451"/>
      <c r="I1209" s="451"/>
      <c r="J1209" s="144"/>
      <c r="K1209" s="517"/>
      <c r="L1209" s="455">
        <v>38362</v>
      </c>
      <c r="M1209" s="455"/>
      <c r="N1209" s="418" t="str">
        <f t="shared" si="36"/>
        <v/>
      </c>
    </row>
    <row r="1210" spans="1:14" ht="42.75">
      <c r="A1210" s="538"/>
      <c r="B1210" s="411">
        <f t="shared" si="37"/>
        <v>60</v>
      </c>
      <c r="C1210" s="498" t="s">
        <v>2898</v>
      </c>
      <c r="D1210" s="449" t="s">
        <v>2899</v>
      </c>
      <c r="E1210" s="510" t="s">
        <v>595</v>
      </c>
      <c r="F1210" s="522" t="s">
        <v>596</v>
      </c>
      <c r="G1210" s="450"/>
      <c r="H1210" s="451"/>
      <c r="I1210" s="451"/>
      <c r="J1210" s="144"/>
      <c r="K1210" s="517"/>
      <c r="L1210" s="455">
        <v>38362</v>
      </c>
      <c r="M1210" s="455"/>
      <c r="N1210" s="418" t="str">
        <f t="shared" si="36"/>
        <v/>
      </c>
    </row>
    <row r="1211" spans="1:14" ht="42.75">
      <c r="A1211" s="538"/>
      <c r="B1211" s="411">
        <f t="shared" si="37"/>
        <v>60</v>
      </c>
      <c r="C1211" s="498" t="s">
        <v>2900</v>
      </c>
      <c r="D1211" s="449" t="s">
        <v>2901</v>
      </c>
      <c r="E1211" s="510" t="s">
        <v>595</v>
      </c>
      <c r="F1211" s="522" t="s">
        <v>596</v>
      </c>
      <c r="G1211" s="450"/>
      <c r="H1211" s="451"/>
      <c r="I1211" s="451"/>
      <c r="J1211" s="144"/>
      <c r="K1211" s="517"/>
      <c r="L1211" s="455">
        <v>38362</v>
      </c>
      <c r="M1211" s="455"/>
      <c r="N1211" s="418" t="str">
        <f t="shared" si="36"/>
        <v/>
      </c>
    </row>
    <row r="1212" spans="1:14" ht="42.75">
      <c r="A1212" s="538"/>
      <c r="B1212" s="411">
        <f t="shared" si="37"/>
        <v>60</v>
      </c>
      <c r="C1212" s="498" t="s">
        <v>2902</v>
      </c>
      <c r="D1212" s="449" t="s">
        <v>2903</v>
      </c>
      <c r="E1212" s="452" t="s">
        <v>595</v>
      </c>
      <c r="F1212" s="449" t="s">
        <v>596</v>
      </c>
      <c r="G1212" s="450"/>
      <c r="H1212" s="451"/>
      <c r="I1212" s="451"/>
      <c r="J1212" s="144"/>
      <c r="K1212" s="517"/>
      <c r="L1212" s="455">
        <v>38362</v>
      </c>
      <c r="M1212" s="455"/>
      <c r="N1212" s="418" t="str">
        <f t="shared" si="36"/>
        <v/>
      </c>
    </row>
    <row r="1213" spans="1:14" ht="42.75">
      <c r="A1213" s="538"/>
      <c r="B1213" s="411">
        <f t="shared" si="37"/>
        <v>60</v>
      </c>
      <c r="C1213" s="498" t="s">
        <v>2904</v>
      </c>
      <c r="D1213" s="449" t="s">
        <v>2905</v>
      </c>
      <c r="E1213" s="510" t="s">
        <v>595</v>
      </c>
      <c r="F1213" s="522" t="s">
        <v>596</v>
      </c>
      <c r="G1213" s="450"/>
      <c r="H1213" s="451"/>
      <c r="I1213" s="451"/>
      <c r="J1213" s="144"/>
      <c r="K1213" s="517"/>
      <c r="L1213" s="455">
        <v>38362</v>
      </c>
      <c r="M1213" s="455"/>
      <c r="N1213" s="418" t="str">
        <f t="shared" si="36"/>
        <v/>
      </c>
    </row>
    <row r="1214" spans="1:14" ht="42.75">
      <c r="A1214" s="538"/>
      <c r="B1214" s="411">
        <f t="shared" si="37"/>
        <v>60</v>
      </c>
      <c r="C1214" s="498" t="s">
        <v>2906</v>
      </c>
      <c r="D1214" s="449" t="s">
        <v>2907</v>
      </c>
      <c r="E1214" s="510" t="s">
        <v>595</v>
      </c>
      <c r="F1214" s="522" t="s">
        <v>596</v>
      </c>
      <c r="G1214" s="450"/>
      <c r="H1214" s="451"/>
      <c r="I1214" s="451"/>
      <c r="J1214" s="144"/>
      <c r="K1214" s="517"/>
      <c r="L1214" s="455">
        <v>38362</v>
      </c>
      <c r="M1214" s="455"/>
      <c r="N1214" s="418" t="str">
        <f t="shared" si="36"/>
        <v/>
      </c>
    </row>
    <row r="1215" spans="1:14" ht="42.75">
      <c r="A1215" s="538"/>
      <c r="B1215" s="411">
        <f t="shared" si="37"/>
        <v>60</v>
      </c>
      <c r="C1215" s="498" t="s">
        <v>2908</v>
      </c>
      <c r="D1215" s="449" t="s">
        <v>2909</v>
      </c>
      <c r="E1215" s="510" t="s">
        <v>595</v>
      </c>
      <c r="F1215" s="522" t="s">
        <v>596</v>
      </c>
      <c r="G1215" s="450"/>
      <c r="H1215" s="451"/>
      <c r="I1215" s="451"/>
      <c r="J1215" s="144"/>
      <c r="K1215" s="517"/>
      <c r="L1215" s="455">
        <v>38362</v>
      </c>
      <c r="M1215" s="455"/>
      <c r="N1215" s="418" t="str">
        <f t="shared" si="36"/>
        <v/>
      </c>
    </row>
    <row r="1216" spans="1:14" ht="42.75">
      <c r="A1216" s="538"/>
      <c r="B1216" s="411">
        <f t="shared" si="37"/>
        <v>60</v>
      </c>
      <c r="C1216" s="498" t="s">
        <v>2910</v>
      </c>
      <c r="D1216" s="449" t="s">
        <v>2911</v>
      </c>
      <c r="E1216" s="510" t="s">
        <v>595</v>
      </c>
      <c r="F1216" s="522" t="s">
        <v>596</v>
      </c>
      <c r="G1216" s="449"/>
      <c r="H1216" s="451"/>
      <c r="I1216" s="451"/>
      <c r="J1216" s="144"/>
      <c r="K1216" s="522"/>
      <c r="L1216" s="455">
        <v>38362</v>
      </c>
      <c r="M1216" s="455"/>
      <c r="N1216" s="418" t="str">
        <f t="shared" si="36"/>
        <v/>
      </c>
    </row>
    <row r="1217" spans="1:14" ht="42.75">
      <c r="A1217" s="538"/>
      <c r="B1217" s="411">
        <f t="shared" si="37"/>
        <v>60</v>
      </c>
      <c r="C1217" s="498" t="s">
        <v>2912</v>
      </c>
      <c r="D1217" s="449" t="s">
        <v>2913</v>
      </c>
      <c r="E1217" s="510" t="s">
        <v>595</v>
      </c>
      <c r="F1217" s="522" t="s">
        <v>596</v>
      </c>
      <c r="G1217" s="450"/>
      <c r="H1217" s="451"/>
      <c r="I1217" s="451"/>
      <c r="J1217" s="144"/>
      <c r="K1217" s="517"/>
      <c r="L1217" s="455">
        <v>38362</v>
      </c>
      <c r="M1217" s="455"/>
      <c r="N1217" s="418" t="str">
        <f t="shared" si="36"/>
        <v/>
      </c>
    </row>
    <row r="1218" spans="1:14" ht="42.75">
      <c r="A1218" s="538"/>
      <c r="B1218" s="411">
        <f t="shared" si="37"/>
        <v>60</v>
      </c>
      <c r="C1218" s="498" t="s">
        <v>2914</v>
      </c>
      <c r="D1218" s="449" t="s">
        <v>2915</v>
      </c>
      <c r="E1218" s="510" t="s">
        <v>595</v>
      </c>
      <c r="F1218" s="522" t="s">
        <v>596</v>
      </c>
      <c r="G1218" s="449"/>
      <c r="H1218" s="451"/>
      <c r="I1218" s="451"/>
      <c r="J1218" s="144"/>
      <c r="K1218" s="522"/>
      <c r="L1218" s="455">
        <v>38362</v>
      </c>
      <c r="M1218" s="455"/>
      <c r="N1218" s="418" t="str">
        <f t="shared" si="36"/>
        <v/>
      </c>
    </row>
    <row r="1219" spans="1:14" ht="42.75">
      <c r="A1219" s="538"/>
      <c r="B1219" s="411">
        <f t="shared" si="37"/>
        <v>60</v>
      </c>
      <c r="C1219" s="498" t="s">
        <v>2916</v>
      </c>
      <c r="D1219" s="449" t="s">
        <v>2917</v>
      </c>
      <c r="E1219" s="510" t="s">
        <v>595</v>
      </c>
      <c r="F1219" s="522" t="s">
        <v>596</v>
      </c>
      <c r="G1219" s="450"/>
      <c r="H1219" s="451"/>
      <c r="I1219" s="451"/>
      <c r="J1219" s="144"/>
      <c r="K1219" s="517"/>
      <c r="L1219" s="455">
        <v>38362</v>
      </c>
      <c r="M1219" s="455"/>
      <c r="N1219" s="418" t="str">
        <f t="shared" si="36"/>
        <v/>
      </c>
    </row>
    <row r="1220" spans="1:14" ht="28.5">
      <c r="A1220" s="538"/>
      <c r="B1220" s="411">
        <f t="shared" si="37"/>
        <v>60</v>
      </c>
      <c r="C1220" s="498" t="s">
        <v>2918</v>
      </c>
      <c r="D1220" s="449" t="s">
        <v>2919</v>
      </c>
      <c r="E1220" s="510" t="s">
        <v>595</v>
      </c>
      <c r="F1220" s="522" t="s">
        <v>596</v>
      </c>
      <c r="G1220" s="450"/>
      <c r="H1220" s="451"/>
      <c r="I1220" s="451"/>
      <c r="J1220" s="144"/>
      <c r="K1220" s="517"/>
      <c r="L1220" s="455">
        <v>38362</v>
      </c>
      <c r="M1220" s="455"/>
      <c r="N1220" s="418" t="str">
        <f t="shared" si="36"/>
        <v/>
      </c>
    </row>
    <row r="1221" spans="1:14" ht="42.75">
      <c r="A1221" s="538"/>
      <c r="B1221" s="411">
        <f t="shared" si="37"/>
        <v>60</v>
      </c>
      <c r="C1221" s="498" t="s">
        <v>2920</v>
      </c>
      <c r="D1221" s="449" t="s">
        <v>2921</v>
      </c>
      <c r="E1221" s="510" t="s">
        <v>595</v>
      </c>
      <c r="F1221" s="522" t="s">
        <v>596</v>
      </c>
      <c r="G1221" s="450"/>
      <c r="H1221" s="451"/>
      <c r="I1221" s="451"/>
      <c r="J1221" s="144"/>
      <c r="K1221" s="517"/>
      <c r="L1221" s="455">
        <v>38362</v>
      </c>
      <c r="M1221" s="455"/>
      <c r="N1221" s="418" t="str">
        <f t="shared" si="36"/>
        <v/>
      </c>
    </row>
    <row r="1222" spans="1:14" ht="42.75">
      <c r="A1222" s="538"/>
      <c r="B1222" s="411">
        <f t="shared" si="37"/>
        <v>60</v>
      </c>
      <c r="C1222" s="498" t="s">
        <v>2922</v>
      </c>
      <c r="D1222" s="449" t="s">
        <v>2923</v>
      </c>
      <c r="E1222" s="510" t="s">
        <v>595</v>
      </c>
      <c r="F1222" s="522" t="s">
        <v>596</v>
      </c>
      <c r="G1222" s="450"/>
      <c r="H1222" s="451"/>
      <c r="I1222" s="451"/>
      <c r="J1222" s="144"/>
      <c r="K1222" s="517"/>
      <c r="L1222" s="455">
        <v>38362</v>
      </c>
      <c r="M1222" s="455"/>
      <c r="N1222" s="418" t="str">
        <f t="shared" si="36"/>
        <v/>
      </c>
    </row>
    <row r="1223" spans="1:14" ht="42.75">
      <c r="A1223" s="538"/>
      <c r="B1223" s="411">
        <f t="shared" si="37"/>
        <v>60</v>
      </c>
      <c r="C1223" s="498" t="s">
        <v>2922</v>
      </c>
      <c r="D1223" s="449" t="s">
        <v>2924</v>
      </c>
      <c r="E1223" s="510" t="s">
        <v>595</v>
      </c>
      <c r="F1223" s="522" t="s">
        <v>596</v>
      </c>
      <c r="G1223" s="450"/>
      <c r="H1223" s="451"/>
      <c r="I1223" s="451"/>
      <c r="J1223" s="144"/>
      <c r="K1223" s="517"/>
      <c r="L1223" s="455">
        <v>38362</v>
      </c>
      <c r="M1223" s="455"/>
      <c r="N1223" s="418" t="str">
        <f t="shared" si="36"/>
        <v/>
      </c>
    </row>
    <row r="1224" spans="1:14" ht="42.75">
      <c r="A1224" s="538"/>
      <c r="B1224" s="411">
        <f t="shared" si="37"/>
        <v>60</v>
      </c>
      <c r="C1224" s="498" t="s">
        <v>2925</v>
      </c>
      <c r="D1224" s="449" t="s">
        <v>2926</v>
      </c>
      <c r="E1224" s="510" t="s">
        <v>595</v>
      </c>
      <c r="F1224" s="522" t="s">
        <v>596</v>
      </c>
      <c r="G1224" s="450"/>
      <c r="H1224" s="451"/>
      <c r="I1224" s="451"/>
      <c r="J1224" s="144"/>
      <c r="K1224" s="517"/>
      <c r="L1224" s="455">
        <v>38362</v>
      </c>
      <c r="M1224" s="455"/>
      <c r="N1224" s="418" t="str">
        <f t="shared" si="36"/>
        <v/>
      </c>
    </row>
    <row r="1225" spans="1:14" ht="28.5">
      <c r="A1225" s="538"/>
      <c r="B1225" s="411">
        <f t="shared" si="37"/>
        <v>60</v>
      </c>
      <c r="C1225" s="498" t="s">
        <v>2927</v>
      </c>
      <c r="D1225" s="449" t="s">
        <v>2928</v>
      </c>
      <c r="E1225" s="510" t="s">
        <v>595</v>
      </c>
      <c r="F1225" s="522" t="s">
        <v>596</v>
      </c>
      <c r="G1225" s="450"/>
      <c r="H1225" s="451"/>
      <c r="I1225" s="451"/>
      <c r="J1225" s="144"/>
      <c r="K1225" s="517"/>
      <c r="L1225" s="455">
        <v>38362</v>
      </c>
      <c r="M1225" s="455"/>
      <c r="N1225" s="418" t="str">
        <f t="shared" si="36"/>
        <v/>
      </c>
    </row>
    <row r="1226" spans="1:14" ht="57">
      <c r="A1226" s="538"/>
      <c r="B1226" s="411">
        <f t="shared" si="37"/>
        <v>60</v>
      </c>
      <c r="C1226" s="498" t="s">
        <v>2929</v>
      </c>
      <c r="D1226" s="449" t="s">
        <v>2930</v>
      </c>
      <c r="E1226" s="510" t="s">
        <v>595</v>
      </c>
      <c r="F1226" s="522" t="s">
        <v>596</v>
      </c>
      <c r="G1226" s="449"/>
      <c r="H1226" s="451"/>
      <c r="I1226" s="451"/>
      <c r="J1226" s="144"/>
      <c r="K1226" s="522"/>
      <c r="L1226" s="455">
        <v>38362</v>
      </c>
      <c r="M1226" s="455"/>
      <c r="N1226" s="418" t="str">
        <f t="shared" si="36"/>
        <v/>
      </c>
    </row>
    <row r="1227" spans="1:14" ht="42.75">
      <c r="A1227" s="538"/>
      <c r="B1227" s="411">
        <f t="shared" si="37"/>
        <v>60</v>
      </c>
      <c r="C1227" s="498" t="s">
        <v>2931</v>
      </c>
      <c r="D1227" s="449" t="s">
        <v>2932</v>
      </c>
      <c r="E1227" s="510" t="s">
        <v>595</v>
      </c>
      <c r="F1227" s="522" t="s">
        <v>596</v>
      </c>
      <c r="G1227" s="450"/>
      <c r="H1227" s="451"/>
      <c r="I1227" s="451"/>
      <c r="J1227" s="144"/>
      <c r="K1227" s="517"/>
      <c r="L1227" s="455">
        <v>38362</v>
      </c>
      <c r="M1227" s="455"/>
      <c r="N1227" s="418" t="str">
        <f t="shared" si="36"/>
        <v/>
      </c>
    </row>
    <row r="1228" spans="1:14" ht="42.75">
      <c r="A1228" s="538"/>
      <c r="B1228" s="411">
        <f t="shared" si="37"/>
        <v>60</v>
      </c>
      <c r="C1228" s="498" t="s">
        <v>2933</v>
      </c>
      <c r="D1228" s="449" t="s">
        <v>2934</v>
      </c>
      <c r="E1228" s="510" t="s">
        <v>595</v>
      </c>
      <c r="F1228" s="522" t="s">
        <v>596</v>
      </c>
      <c r="G1228" s="450"/>
      <c r="H1228" s="451"/>
      <c r="I1228" s="451"/>
      <c r="J1228" s="144"/>
      <c r="K1228" s="517"/>
      <c r="L1228" s="455">
        <v>38362</v>
      </c>
      <c r="M1228" s="455"/>
      <c r="N1228" s="418" t="str">
        <f t="shared" si="36"/>
        <v/>
      </c>
    </row>
    <row r="1229" spans="1:14" ht="57">
      <c r="A1229" s="538"/>
      <c r="B1229" s="411">
        <f t="shared" si="37"/>
        <v>60</v>
      </c>
      <c r="C1229" s="498" t="s">
        <v>2935</v>
      </c>
      <c r="D1229" s="449" t="s">
        <v>2936</v>
      </c>
      <c r="E1229" s="510" t="s">
        <v>595</v>
      </c>
      <c r="F1229" s="522" t="s">
        <v>596</v>
      </c>
      <c r="G1229" s="450"/>
      <c r="H1229" s="451"/>
      <c r="I1229" s="451"/>
      <c r="J1229" s="144"/>
      <c r="K1229" s="517"/>
      <c r="L1229" s="455">
        <v>38362</v>
      </c>
      <c r="M1229" s="455"/>
      <c r="N1229" s="418" t="str">
        <f t="shared" si="36"/>
        <v/>
      </c>
    </row>
    <row r="1230" spans="1:14" ht="57">
      <c r="A1230" s="538"/>
      <c r="B1230" s="411">
        <f t="shared" si="37"/>
        <v>60</v>
      </c>
      <c r="C1230" s="498" t="s">
        <v>2937</v>
      </c>
      <c r="D1230" s="449" t="s">
        <v>2938</v>
      </c>
      <c r="E1230" s="510" t="s">
        <v>595</v>
      </c>
      <c r="F1230" s="522" t="s">
        <v>596</v>
      </c>
      <c r="G1230" s="450"/>
      <c r="H1230" s="451"/>
      <c r="I1230" s="451"/>
      <c r="J1230" s="144"/>
      <c r="K1230" s="517"/>
      <c r="L1230" s="455">
        <v>38362</v>
      </c>
      <c r="M1230" s="455"/>
      <c r="N1230" s="418" t="str">
        <f t="shared" si="36"/>
        <v/>
      </c>
    </row>
    <row r="1231" spans="1:14" ht="71.25">
      <c r="A1231" s="538"/>
      <c r="B1231" s="411">
        <f t="shared" si="37"/>
        <v>60</v>
      </c>
      <c r="C1231" s="498" t="s">
        <v>2939</v>
      </c>
      <c r="D1231" s="449" t="s">
        <v>2940</v>
      </c>
      <c r="E1231" s="510" t="s">
        <v>595</v>
      </c>
      <c r="F1231" s="522" t="s">
        <v>596</v>
      </c>
      <c r="G1231" s="450"/>
      <c r="H1231" s="451"/>
      <c r="I1231" s="451"/>
      <c r="J1231" s="144"/>
      <c r="K1231" s="517"/>
      <c r="L1231" s="455">
        <v>38362</v>
      </c>
      <c r="M1231" s="455"/>
      <c r="N1231" s="418" t="str">
        <f t="shared" si="36"/>
        <v/>
      </c>
    </row>
    <row r="1232" spans="1:14" ht="71.25">
      <c r="A1232" s="538"/>
      <c r="B1232" s="411">
        <f t="shared" si="37"/>
        <v>60</v>
      </c>
      <c r="C1232" s="498" t="s">
        <v>2941</v>
      </c>
      <c r="D1232" s="449" t="s">
        <v>2942</v>
      </c>
      <c r="E1232" s="510" t="s">
        <v>595</v>
      </c>
      <c r="F1232" s="522" t="s">
        <v>596</v>
      </c>
      <c r="G1232" s="449"/>
      <c r="H1232" s="451"/>
      <c r="I1232" s="451"/>
      <c r="J1232" s="144"/>
      <c r="K1232" s="522"/>
      <c r="L1232" s="455">
        <v>38362</v>
      </c>
      <c r="M1232" s="455"/>
      <c r="N1232" s="418" t="str">
        <f t="shared" si="36"/>
        <v/>
      </c>
    </row>
    <row r="1233" spans="1:14" ht="57">
      <c r="A1233" s="538"/>
      <c r="B1233" s="411">
        <f t="shared" si="37"/>
        <v>60</v>
      </c>
      <c r="C1233" s="498" t="s">
        <v>2943</v>
      </c>
      <c r="D1233" s="449" t="s">
        <v>2944</v>
      </c>
      <c r="E1233" s="510" t="s">
        <v>595</v>
      </c>
      <c r="F1233" s="522" t="s">
        <v>596</v>
      </c>
      <c r="G1233" s="449"/>
      <c r="H1233" s="451"/>
      <c r="I1233" s="451"/>
      <c r="J1233" s="144"/>
      <c r="K1233" s="522"/>
      <c r="L1233" s="455">
        <v>38362</v>
      </c>
      <c r="M1233" s="455"/>
      <c r="N1233" s="418" t="str">
        <f t="shared" si="36"/>
        <v/>
      </c>
    </row>
    <row r="1234" spans="1:14" ht="71.25">
      <c r="A1234" s="538"/>
      <c r="B1234" s="411">
        <f t="shared" si="37"/>
        <v>60</v>
      </c>
      <c r="C1234" s="498" t="s">
        <v>2945</v>
      </c>
      <c r="D1234" s="449" t="s">
        <v>2946</v>
      </c>
      <c r="E1234" s="510" t="s">
        <v>595</v>
      </c>
      <c r="F1234" s="522" t="s">
        <v>596</v>
      </c>
      <c r="G1234" s="450"/>
      <c r="H1234" s="451"/>
      <c r="I1234" s="451"/>
      <c r="J1234" s="144"/>
      <c r="K1234" s="517"/>
      <c r="L1234" s="455">
        <v>38362</v>
      </c>
      <c r="M1234" s="455"/>
      <c r="N1234" s="418" t="str">
        <f t="shared" si="36"/>
        <v/>
      </c>
    </row>
    <row r="1235" spans="1:14" ht="57">
      <c r="A1235" s="538"/>
      <c r="B1235" s="411">
        <f t="shared" si="37"/>
        <v>60</v>
      </c>
      <c r="C1235" s="498" t="s">
        <v>2947</v>
      </c>
      <c r="D1235" s="449" t="s">
        <v>2948</v>
      </c>
      <c r="E1235" s="510" t="s">
        <v>595</v>
      </c>
      <c r="F1235" s="522" t="s">
        <v>596</v>
      </c>
      <c r="G1235" s="450"/>
      <c r="H1235" s="451"/>
      <c r="I1235" s="451"/>
      <c r="J1235" s="144"/>
      <c r="K1235" s="517"/>
      <c r="L1235" s="455">
        <v>38362</v>
      </c>
      <c r="M1235" s="455"/>
      <c r="N1235" s="418" t="str">
        <f t="shared" si="36"/>
        <v/>
      </c>
    </row>
    <row r="1236" spans="1:14" ht="71.25">
      <c r="A1236" s="538"/>
      <c r="B1236" s="411">
        <f t="shared" si="37"/>
        <v>60</v>
      </c>
      <c r="C1236" s="498" t="s">
        <v>2949</v>
      </c>
      <c r="D1236" s="449" t="s">
        <v>2950</v>
      </c>
      <c r="E1236" s="510" t="s">
        <v>595</v>
      </c>
      <c r="F1236" s="522" t="s">
        <v>596</v>
      </c>
      <c r="G1236" s="450"/>
      <c r="H1236" s="451"/>
      <c r="I1236" s="451"/>
      <c r="J1236" s="144"/>
      <c r="K1236" s="517"/>
      <c r="L1236" s="455">
        <v>38362</v>
      </c>
      <c r="M1236" s="455"/>
      <c r="N1236" s="418" t="str">
        <f t="shared" si="36"/>
        <v/>
      </c>
    </row>
    <row r="1237" spans="1:14" ht="28.5">
      <c r="A1237" s="538"/>
      <c r="B1237" s="411">
        <f t="shared" si="37"/>
        <v>60</v>
      </c>
      <c r="C1237" s="498" t="s">
        <v>2951</v>
      </c>
      <c r="D1237" s="449" t="s">
        <v>2952</v>
      </c>
      <c r="E1237" s="510" t="s">
        <v>595</v>
      </c>
      <c r="F1237" s="522" t="s">
        <v>596</v>
      </c>
      <c r="G1237" s="450"/>
      <c r="H1237" s="451"/>
      <c r="I1237" s="451"/>
      <c r="J1237" s="144"/>
      <c r="K1237" s="517"/>
      <c r="L1237" s="455">
        <v>38362</v>
      </c>
      <c r="M1237" s="455"/>
      <c r="N1237" s="418" t="str">
        <f t="shared" si="36"/>
        <v/>
      </c>
    </row>
    <row r="1238" spans="1:14" ht="28.5">
      <c r="A1238" s="538"/>
      <c r="B1238" s="411">
        <f t="shared" si="37"/>
        <v>60</v>
      </c>
      <c r="C1238" s="498" t="s">
        <v>2953</v>
      </c>
      <c r="D1238" s="449" t="s">
        <v>2954</v>
      </c>
      <c r="E1238" s="510" t="s">
        <v>595</v>
      </c>
      <c r="F1238" s="522" t="s">
        <v>596</v>
      </c>
      <c r="G1238" s="450"/>
      <c r="H1238" s="451"/>
      <c r="I1238" s="451"/>
      <c r="J1238" s="144"/>
      <c r="K1238" s="517"/>
      <c r="L1238" s="455">
        <v>38362</v>
      </c>
      <c r="M1238" s="455"/>
      <c r="N1238" s="418" t="str">
        <f t="shared" si="36"/>
        <v/>
      </c>
    </row>
    <row r="1239" spans="1:14" ht="57">
      <c r="A1239" s="538"/>
      <c r="B1239" s="411">
        <f t="shared" si="37"/>
        <v>60</v>
      </c>
      <c r="C1239" s="498" t="s">
        <v>2955</v>
      </c>
      <c r="D1239" s="449" t="s">
        <v>2956</v>
      </c>
      <c r="E1239" s="510" t="s">
        <v>595</v>
      </c>
      <c r="F1239" s="522" t="s">
        <v>596</v>
      </c>
      <c r="G1239" s="450"/>
      <c r="H1239" s="451"/>
      <c r="I1239" s="451"/>
      <c r="J1239" s="144"/>
      <c r="K1239" s="517"/>
      <c r="L1239" s="455">
        <v>38362</v>
      </c>
      <c r="M1239" s="455"/>
      <c r="N1239" s="418" t="str">
        <f t="shared" si="36"/>
        <v/>
      </c>
    </row>
    <row r="1240" spans="1:14" ht="42.75">
      <c r="A1240" s="538"/>
      <c r="B1240" s="411">
        <f t="shared" si="37"/>
        <v>60</v>
      </c>
      <c r="C1240" s="498" t="s">
        <v>2957</v>
      </c>
      <c r="D1240" s="449" t="s">
        <v>2958</v>
      </c>
      <c r="E1240" s="510" t="s">
        <v>595</v>
      </c>
      <c r="F1240" s="522" t="s">
        <v>596</v>
      </c>
      <c r="G1240" s="450"/>
      <c r="H1240" s="451"/>
      <c r="I1240" s="451"/>
      <c r="J1240" s="144"/>
      <c r="K1240" s="517"/>
      <c r="L1240" s="455">
        <v>38362</v>
      </c>
      <c r="M1240" s="455"/>
      <c r="N1240" s="418" t="str">
        <f t="shared" si="36"/>
        <v/>
      </c>
    </row>
    <row r="1241" spans="1:14" ht="42.75">
      <c r="A1241" s="538"/>
      <c r="B1241" s="411">
        <f t="shared" si="37"/>
        <v>60</v>
      </c>
      <c r="C1241" s="498" t="s">
        <v>2959</v>
      </c>
      <c r="D1241" s="449" t="s">
        <v>2960</v>
      </c>
      <c r="E1241" s="510" t="s">
        <v>595</v>
      </c>
      <c r="F1241" s="522" t="s">
        <v>596</v>
      </c>
      <c r="G1241" s="450"/>
      <c r="H1241" s="451"/>
      <c r="I1241" s="451"/>
      <c r="J1241" s="144"/>
      <c r="K1241" s="517"/>
      <c r="L1241" s="455">
        <v>38362</v>
      </c>
      <c r="M1241" s="455"/>
      <c r="N1241" s="418" t="str">
        <f t="shared" ref="N1241:N1304" si="38">IF(D1241="NA","",IF(COUNTIF($D$2:$D$5552,D1241)&gt;1,"DUPLICATE",""))</f>
        <v/>
      </c>
    </row>
    <row r="1242" spans="1:14" ht="42.75">
      <c r="A1242" s="538"/>
      <c r="B1242" s="411">
        <f t="shared" ref="B1242:B1305" si="39">IF(A1242&gt;0,A1242,B1241)</f>
        <v>60</v>
      </c>
      <c r="C1242" s="498" t="s">
        <v>2961</v>
      </c>
      <c r="D1242" s="449" t="s">
        <v>2962</v>
      </c>
      <c r="E1242" s="510" t="s">
        <v>595</v>
      </c>
      <c r="F1242" s="522" t="s">
        <v>596</v>
      </c>
      <c r="G1242" s="450"/>
      <c r="H1242" s="451"/>
      <c r="I1242" s="451"/>
      <c r="J1242" s="144"/>
      <c r="K1242" s="517"/>
      <c r="L1242" s="455">
        <v>38362</v>
      </c>
      <c r="M1242" s="455"/>
      <c r="N1242" s="418" t="str">
        <f t="shared" si="38"/>
        <v/>
      </c>
    </row>
    <row r="1243" spans="1:14" ht="42.75">
      <c r="A1243" s="538"/>
      <c r="B1243" s="411">
        <f t="shared" si="39"/>
        <v>60</v>
      </c>
      <c r="C1243" s="498" t="s">
        <v>2963</v>
      </c>
      <c r="D1243" s="449" t="s">
        <v>2964</v>
      </c>
      <c r="E1243" s="510" t="s">
        <v>595</v>
      </c>
      <c r="F1243" s="522" t="s">
        <v>596</v>
      </c>
      <c r="G1243" s="450"/>
      <c r="H1243" s="451"/>
      <c r="I1243" s="451"/>
      <c r="J1243" s="144"/>
      <c r="K1243" s="517"/>
      <c r="L1243" s="455">
        <v>38362</v>
      </c>
      <c r="M1243" s="455"/>
      <c r="N1243" s="418" t="str">
        <f t="shared" si="38"/>
        <v/>
      </c>
    </row>
    <row r="1244" spans="1:14" ht="42.75">
      <c r="A1244" s="538"/>
      <c r="B1244" s="411">
        <f t="shared" si="39"/>
        <v>60</v>
      </c>
      <c r="C1244" s="498" t="s">
        <v>2965</v>
      </c>
      <c r="D1244" s="449" t="s">
        <v>2966</v>
      </c>
      <c r="E1244" s="510" t="s">
        <v>595</v>
      </c>
      <c r="F1244" s="522" t="s">
        <v>596</v>
      </c>
      <c r="G1244" s="450"/>
      <c r="H1244" s="451"/>
      <c r="I1244" s="451"/>
      <c r="J1244" s="144"/>
      <c r="K1244" s="517"/>
      <c r="L1244" s="455">
        <v>38362</v>
      </c>
      <c r="M1244" s="455"/>
      <c r="N1244" s="418" t="str">
        <f t="shared" si="38"/>
        <v/>
      </c>
    </row>
    <row r="1245" spans="1:14" ht="57">
      <c r="A1245" s="538"/>
      <c r="B1245" s="411">
        <f t="shared" si="39"/>
        <v>60</v>
      </c>
      <c r="C1245" s="498" t="s">
        <v>2967</v>
      </c>
      <c r="D1245" s="449" t="s">
        <v>2968</v>
      </c>
      <c r="E1245" s="510" t="s">
        <v>595</v>
      </c>
      <c r="F1245" s="522" t="s">
        <v>596</v>
      </c>
      <c r="G1245" s="450"/>
      <c r="H1245" s="451"/>
      <c r="I1245" s="451"/>
      <c r="J1245" s="144"/>
      <c r="K1245" s="517"/>
      <c r="L1245" s="455">
        <v>38362</v>
      </c>
      <c r="M1245" s="455"/>
      <c r="N1245" s="418" t="str">
        <f t="shared" si="38"/>
        <v/>
      </c>
    </row>
    <row r="1246" spans="1:14" ht="42.75">
      <c r="A1246" s="538"/>
      <c r="B1246" s="411">
        <f t="shared" si="39"/>
        <v>60</v>
      </c>
      <c r="C1246" s="498" t="s">
        <v>2969</v>
      </c>
      <c r="D1246" s="449" t="s">
        <v>2970</v>
      </c>
      <c r="E1246" s="510" t="s">
        <v>595</v>
      </c>
      <c r="F1246" s="522" t="s">
        <v>596</v>
      </c>
      <c r="G1246" s="450"/>
      <c r="H1246" s="451"/>
      <c r="I1246" s="451"/>
      <c r="J1246" s="144"/>
      <c r="K1246" s="517"/>
      <c r="L1246" s="455">
        <v>38362</v>
      </c>
      <c r="M1246" s="455"/>
      <c r="N1246" s="418" t="str">
        <f t="shared" si="38"/>
        <v/>
      </c>
    </row>
    <row r="1247" spans="1:14" ht="28.5">
      <c r="A1247" s="538"/>
      <c r="B1247" s="411">
        <f t="shared" si="39"/>
        <v>60</v>
      </c>
      <c r="C1247" s="498" t="s">
        <v>2971</v>
      </c>
      <c r="D1247" s="449" t="s">
        <v>2972</v>
      </c>
      <c r="E1247" s="510" t="s">
        <v>595</v>
      </c>
      <c r="F1247" s="522" t="s">
        <v>596</v>
      </c>
      <c r="G1247" s="450"/>
      <c r="H1247" s="451"/>
      <c r="I1247" s="451"/>
      <c r="J1247" s="144"/>
      <c r="K1247" s="517"/>
      <c r="L1247" s="455">
        <v>38362</v>
      </c>
      <c r="M1247" s="455"/>
      <c r="N1247" s="418" t="str">
        <f t="shared" si="38"/>
        <v/>
      </c>
    </row>
    <row r="1248" spans="1:14" ht="57">
      <c r="A1248" s="538"/>
      <c r="B1248" s="411">
        <f t="shared" si="39"/>
        <v>60</v>
      </c>
      <c r="C1248" s="498" t="s">
        <v>2973</v>
      </c>
      <c r="D1248" s="449" t="s">
        <v>2974</v>
      </c>
      <c r="E1248" s="510" t="s">
        <v>595</v>
      </c>
      <c r="F1248" s="522" t="s">
        <v>596</v>
      </c>
      <c r="G1248" s="450"/>
      <c r="H1248" s="451"/>
      <c r="I1248" s="451"/>
      <c r="J1248" s="144"/>
      <c r="K1248" s="517"/>
      <c r="L1248" s="455">
        <v>38362</v>
      </c>
      <c r="M1248" s="455"/>
      <c r="N1248" s="418" t="str">
        <f t="shared" si="38"/>
        <v/>
      </c>
    </row>
    <row r="1249" spans="1:14" ht="28.5">
      <c r="A1249" s="538"/>
      <c r="B1249" s="411">
        <f t="shared" si="39"/>
        <v>60</v>
      </c>
      <c r="C1249" s="498" t="s">
        <v>2975</v>
      </c>
      <c r="D1249" s="449" t="s">
        <v>2976</v>
      </c>
      <c r="E1249" s="510" t="s">
        <v>595</v>
      </c>
      <c r="F1249" s="522" t="s">
        <v>596</v>
      </c>
      <c r="G1249" s="450"/>
      <c r="H1249" s="451"/>
      <c r="I1249" s="451"/>
      <c r="J1249" s="144"/>
      <c r="K1249" s="517"/>
      <c r="L1249" s="455">
        <v>38362</v>
      </c>
      <c r="M1249" s="455"/>
      <c r="N1249" s="418" t="str">
        <f t="shared" si="38"/>
        <v/>
      </c>
    </row>
    <row r="1250" spans="1:14" ht="28.5">
      <c r="A1250" s="538"/>
      <c r="B1250" s="411">
        <f t="shared" si="39"/>
        <v>60</v>
      </c>
      <c r="C1250" s="498" t="s">
        <v>2977</v>
      </c>
      <c r="D1250" s="449" t="s">
        <v>2978</v>
      </c>
      <c r="E1250" s="510" t="s">
        <v>595</v>
      </c>
      <c r="F1250" s="522" t="s">
        <v>596</v>
      </c>
      <c r="G1250" s="450"/>
      <c r="H1250" s="451"/>
      <c r="I1250" s="451"/>
      <c r="J1250" s="144"/>
      <c r="K1250" s="517"/>
      <c r="L1250" s="455">
        <v>38362</v>
      </c>
      <c r="M1250" s="455"/>
      <c r="N1250" s="418" t="str">
        <f t="shared" si="38"/>
        <v/>
      </c>
    </row>
    <row r="1251" spans="1:14" ht="28.5">
      <c r="A1251" s="538"/>
      <c r="B1251" s="411">
        <f t="shared" si="39"/>
        <v>60</v>
      </c>
      <c r="C1251" s="498" t="s">
        <v>2979</v>
      </c>
      <c r="D1251" s="449" t="s">
        <v>2980</v>
      </c>
      <c r="E1251" s="510" t="s">
        <v>595</v>
      </c>
      <c r="F1251" s="522" t="s">
        <v>596</v>
      </c>
      <c r="G1251" s="450"/>
      <c r="H1251" s="451"/>
      <c r="I1251" s="451"/>
      <c r="J1251" s="144"/>
      <c r="K1251" s="517"/>
      <c r="L1251" s="455">
        <v>38362</v>
      </c>
      <c r="M1251" s="455"/>
      <c r="N1251" s="418" t="str">
        <f t="shared" si="38"/>
        <v/>
      </c>
    </row>
    <row r="1252" spans="1:14" ht="42.75">
      <c r="A1252" s="538"/>
      <c r="B1252" s="411">
        <f t="shared" si="39"/>
        <v>60</v>
      </c>
      <c r="C1252" s="498" t="s">
        <v>2981</v>
      </c>
      <c r="D1252" s="449" t="s">
        <v>2982</v>
      </c>
      <c r="E1252" s="510" t="s">
        <v>595</v>
      </c>
      <c r="F1252" s="522" t="s">
        <v>596</v>
      </c>
      <c r="G1252" s="450"/>
      <c r="H1252" s="451"/>
      <c r="I1252" s="451"/>
      <c r="J1252" s="144"/>
      <c r="K1252" s="517"/>
      <c r="L1252" s="455">
        <v>38362</v>
      </c>
      <c r="M1252" s="455"/>
      <c r="N1252" s="418" t="str">
        <f t="shared" si="38"/>
        <v/>
      </c>
    </row>
    <row r="1253" spans="1:14" ht="42.75">
      <c r="A1253" s="538"/>
      <c r="B1253" s="411">
        <f t="shared" si="39"/>
        <v>60</v>
      </c>
      <c r="C1253" s="498" t="s">
        <v>2983</v>
      </c>
      <c r="D1253" s="449" t="s">
        <v>2984</v>
      </c>
      <c r="E1253" s="510" t="s">
        <v>595</v>
      </c>
      <c r="F1253" s="522" t="s">
        <v>596</v>
      </c>
      <c r="G1253" s="449"/>
      <c r="H1253" s="451"/>
      <c r="I1253" s="451"/>
      <c r="J1253" s="144"/>
      <c r="K1253" s="522"/>
      <c r="L1253" s="455">
        <v>38362</v>
      </c>
      <c r="M1253" s="455"/>
      <c r="N1253" s="418" t="str">
        <f t="shared" si="38"/>
        <v/>
      </c>
    </row>
    <row r="1254" spans="1:14" ht="42.75">
      <c r="A1254" s="538"/>
      <c r="B1254" s="411">
        <f t="shared" si="39"/>
        <v>60</v>
      </c>
      <c r="C1254" s="498" t="s">
        <v>2985</v>
      </c>
      <c r="D1254" s="449" t="s">
        <v>2986</v>
      </c>
      <c r="E1254" s="510" t="s">
        <v>595</v>
      </c>
      <c r="F1254" s="522" t="s">
        <v>596</v>
      </c>
      <c r="G1254" s="450"/>
      <c r="H1254" s="451"/>
      <c r="I1254" s="451"/>
      <c r="J1254" s="144"/>
      <c r="K1254" s="517"/>
      <c r="L1254" s="455">
        <v>38362</v>
      </c>
      <c r="M1254" s="455"/>
      <c r="N1254" s="418" t="str">
        <f t="shared" si="38"/>
        <v/>
      </c>
    </row>
    <row r="1255" spans="1:14" ht="42.75">
      <c r="A1255" s="538"/>
      <c r="B1255" s="411">
        <f t="shared" si="39"/>
        <v>60</v>
      </c>
      <c r="C1255" s="498" t="s">
        <v>2987</v>
      </c>
      <c r="D1255" s="449" t="s">
        <v>2988</v>
      </c>
      <c r="E1255" s="510" t="s">
        <v>595</v>
      </c>
      <c r="F1255" s="522" t="s">
        <v>596</v>
      </c>
      <c r="G1255" s="450"/>
      <c r="H1255" s="451"/>
      <c r="I1255" s="451"/>
      <c r="J1255" s="144"/>
      <c r="K1255" s="517"/>
      <c r="L1255" s="455">
        <v>38362</v>
      </c>
      <c r="M1255" s="455"/>
      <c r="N1255" s="418" t="str">
        <f t="shared" si="38"/>
        <v/>
      </c>
    </row>
    <row r="1256" spans="1:14" ht="42.75">
      <c r="A1256" s="538"/>
      <c r="B1256" s="411">
        <f t="shared" si="39"/>
        <v>60</v>
      </c>
      <c r="C1256" s="498" t="s">
        <v>2989</v>
      </c>
      <c r="D1256" s="449" t="s">
        <v>2990</v>
      </c>
      <c r="E1256" s="510" t="s">
        <v>595</v>
      </c>
      <c r="F1256" s="522" t="s">
        <v>596</v>
      </c>
      <c r="G1256" s="450"/>
      <c r="H1256" s="451"/>
      <c r="I1256" s="451"/>
      <c r="J1256" s="144"/>
      <c r="K1256" s="517"/>
      <c r="L1256" s="455">
        <v>38362</v>
      </c>
      <c r="M1256" s="455"/>
      <c r="N1256" s="418" t="str">
        <f t="shared" si="38"/>
        <v/>
      </c>
    </row>
    <row r="1257" spans="1:14" ht="42.75">
      <c r="A1257" s="538"/>
      <c r="B1257" s="411">
        <f t="shared" si="39"/>
        <v>60</v>
      </c>
      <c r="C1257" s="498" t="s">
        <v>2991</v>
      </c>
      <c r="D1257" s="449" t="s">
        <v>2992</v>
      </c>
      <c r="E1257" s="452" t="s">
        <v>595</v>
      </c>
      <c r="F1257" s="449" t="s">
        <v>596</v>
      </c>
      <c r="G1257" s="450"/>
      <c r="H1257" s="451"/>
      <c r="I1257" s="451"/>
      <c r="J1257" s="144"/>
      <c r="K1257" s="517"/>
      <c r="L1257" s="455">
        <v>38362</v>
      </c>
      <c r="M1257" s="455"/>
      <c r="N1257" s="418" t="str">
        <f t="shared" si="38"/>
        <v/>
      </c>
    </row>
    <row r="1258" spans="1:14" ht="42.75">
      <c r="A1258" s="538"/>
      <c r="B1258" s="411">
        <f t="shared" si="39"/>
        <v>60</v>
      </c>
      <c r="C1258" s="498" t="s">
        <v>2993</v>
      </c>
      <c r="D1258" s="449" t="s">
        <v>2994</v>
      </c>
      <c r="E1258" s="510" t="s">
        <v>595</v>
      </c>
      <c r="F1258" s="522" t="s">
        <v>596</v>
      </c>
      <c r="G1258" s="450"/>
      <c r="H1258" s="451"/>
      <c r="I1258" s="451"/>
      <c r="J1258" s="144"/>
      <c r="K1258" s="517"/>
      <c r="L1258" s="455">
        <v>38362</v>
      </c>
      <c r="M1258" s="455"/>
      <c r="N1258" s="418" t="str">
        <f t="shared" si="38"/>
        <v/>
      </c>
    </row>
    <row r="1259" spans="1:14" ht="42.75">
      <c r="A1259" s="538"/>
      <c r="B1259" s="411">
        <f t="shared" si="39"/>
        <v>60</v>
      </c>
      <c r="C1259" s="498" t="s">
        <v>2995</v>
      </c>
      <c r="D1259" s="449" t="s">
        <v>2996</v>
      </c>
      <c r="E1259" s="510" t="s">
        <v>595</v>
      </c>
      <c r="F1259" s="522" t="s">
        <v>596</v>
      </c>
      <c r="G1259" s="450"/>
      <c r="H1259" s="451"/>
      <c r="I1259" s="451"/>
      <c r="J1259" s="144"/>
      <c r="K1259" s="517"/>
      <c r="L1259" s="455">
        <v>38362</v>
      </c>
      <c r="M1259" s="455"/>
      <c r="N1259" s="418" t="str">
        <f t="shared" si="38"/>
        <v/>
      </c>
    </row>
    <row r="1260" spans="1:14" ht="42.75">
      <c r="A1260" s="538"/>
      <c r="B1260" s="411">
        <f t="shared" si="39"/>
        <v>60</v>
      </c>
      <c r="C1260" s="498" t="s">
        <v>2997</v>
      </c>
      <c r="D1260" s="449" t="s">
        <v>2998</v>
      </c>
      <c r="E1260" s="510" t="s">
        <v>595</v>
      </c>
      <c r="F1260" s="522" t="s">
        <v>596</v>
      </c>
      <c r="G1260" s="450"/>
      <c r="H1260" s="451"/>
      <c r="I1260" s="451"/>
      <c r="J1260" s="144"/>
      <c r="K1260" s="517"/>
      <c r="L1260" s="455">
        <v>38362</v>
      </c>
      <c r="M1260" s="455"/>
      <c r="N1260" s="418" t="str">
        <f t="shared" si="38"/>
        <v/>
      </c>
    </row>
    <row r="1261" spans="1:14" ht="42.75">
      <c r="A1261" s="538"/>
      <c r="B1261" s="411">
        <f t="shared" si="39"/>
        <v>60</v>
      </c>
      <c r="C1261" s="498" t="s">
        <v>2999</v>
      </c>
      <c r="D1261" s="449" t="s">
        <v>3000</v>
      </c>
      <c r="E1261" s="510" t="s">
        <v>595</v>
      </c>
      <c r="F1261" s="522" t="s">
        <v>596</v>
      </c>
      <c r="G1261" s="450"/>
      <c r="H1261" s="451"/>
      <c r="I1261" s="451"/>
      <c r="J1261" s="144"/>
      <c r="K1261" s="517"/>
      <c r="L1261" s="455">
        <v>38362</v>
      </c>
      <c r="M1261" s="455"/>
      <c r="N1261" s="418" t="str">
        <f t="shared" si="38"/>
        <v/>
      </c>
    </row>
    <row r="1262" spans="1:14" ht="71.25">
      <c r="A1262" s="538"/>
      <c r="B1262" s="411">
        <f t="shared" si="39"/>
        <v>60</v>
      </c>
      <c r="C1262" s="498" t="s">
        <v>3001</v>
      </c>
      <c r="D1262" s="449" t="s">
        <v>3002</v>
      </c>
      <c r="E1262" s="510" t="s">
        <v>595</v>
      </c>
      <c r="F1262" s="522" t="s">
        <v>596</v>
      </c>
      <c r="G1262" s="450"/>
      <c r="H1262" s="451"/>
      <c r="I1262" s="451"/>
      <c r="J1262" s="144"/>
      <c r="K1262" s="517"/>
      <c r="L1262" s="455">
        <v>38362</v>
      </c>
      <c r="M1262" s="455"/>
      <c r="N1262" s="418" t="str">
        <f t="shared" si="38"/>
        <v/>
      </c>
    </row>
    <row r="1263" spans="1:14" ht="57">
      <c r="A1263" s="538"/>
      <c r="B1263" s="411">
        <f t="shared" si="39"/>
        <v>60</v>
      </c>
      <c r="C1263" s="498" t="s">
        <v>3003</v>
      </c>
      <c r="D1263" s="449" t="s">
        <v>3004</v>
      </c>
      <c r="E1263" s="510" t="s">
        <v>595</v>
      </c>
      <c r="F1263" s="522" t="s">
        <v>596</v>
      </c>
      <c r="G1263" s="450"/>
      <c r="H1263" s="451"/>
      <c r="I1263" s="451"/>
      <c r="J1263" s="144"/>
      <c r="K1263" s="517"/>
      <c r="L1263" s="455">
        <v>38362</v>
      </c>
      <c r="M1263" s="455"/>
      <c r="N1263" s="418" t="str">
        <f t="shared" si="38"/>
        <v/>
      </c>
    </row>
    <row r="1264" spans="1:14" ht="42.75">
      <c r="A1264" s="538"/>
      <c r="B1264" s="411">
        <f t="shared" si="39"/>
        <v>60</v>
      </c>
      <c r="C1264" s="498" t="s">
        <v>3005</v>
      </c>
      <c r="D1264" s="449" t="s">
        <v>3006</v>
      </c>
      <c r="E1264" s="510" t="s">
        <v>595</v>
      </c>
      <c r="F1264" s="522" t="s">
        <v>596</v>
      </c>
      <c r="G1264" s="450"/>
      <c r="H1264" s="451"/>
      <c r="I1264" s="451"/>
      <c r="J1264" s="144"/>
      <c r="K1264" s="517"/>
      <c r="L1264" s="455">
        <v>38362</v>
      </c>
      <c r="M1264" s="455"/>
      <c r="N1264" s="418" t="str">
        <f t="shared" si="38"/>
        <v/>
      </c>
    </row>
    <row r="1265" spans="1:14" ht="42.75">
      <c r="A1265" s="538"/>
      <c r="B1265" s="411">
        <f t="shared" si="39"/>
        <v>60</v>
      </c>
      <c r="C1265" s="498" t="s">
        <v>3007</v>
      </c>
      <c r="D1265" s="449" t="s">
        <v>3008</v>
      </c>
      <c r="E1265" s="510" t="s">
        <v>595</v>
      </c>
      <c r="F1265" s="522" t="s">
        <v>596</v>
      </c>
      <c r="G1265" s="450"/>
      <c r="H1265" s="451"/>
      <c r="I1265" s="451"/>
      <c r="J1265" s="144"/>
      <c r="K1265" s="517"/>
      <c r="L1265" s="455">
        <v>38362</v>
      </c>
      <c r="M1265" s="455"/>
      <c r="N1265" s="418" t="str">
        <f t="shared" si="38"/>
        <v/>
      </c>
    </row>
    <row r="1266" spans="1:14" ht="28.5">
      <c r="A1266" s="538"/>
      <c r="B1266" s="411">
        <f t="shared" si="39"/>
        <v>60</v>
      </c>
      <c r="C1266" s="498" t="s">
        <v>3009</v>
      </c>
      <c r="D1266" s="449" t="s">
        <v>3010</v>
      </c>
      <c r="E1266" s="510" t="s">
        <v>595</v>
      </c>
      <c r="F1266" s="522" t="s">
        <v>596</v>
      </c>
      <c r="G1266" s="450"/>
      <c r="H1266" s="451"/>
      <c r="I1266" s="451"/>
      <c r="J1266" s="144"/>
      <c r="K1266" s="517"/>
      <c r="L1266" s="455">
        <v>38362</v>
      </c>
      <c r="M1266" s="455"/>
      <c r="N1266" s="418" t="str">
        <f t="shared" si="38"/>
        <v/>
      </c>
    </row>
    <row r="1267" spans="1:14" ht="28.5">
      <c r="A1267" s="538"/>
      <c r="B1267" s="411">
        <f t="shared" si="39"/>
        <v>60</v>
      </c>
      <c r="C1267" s="498" t="s">
        <v>3011</v>
      </c>
      <c r="D1267" s="449" t="s">
        <v>3012</v>
      </c>
      <c r="E1267" s="510" t="s">
        <v>595</v>
      </c>
      <c r="F1267" s="522" t="s">
        <v>596</v>
      </c>
      <c r="G1267" s="450"/>
      <c r="H1267" s="451"/>
      <c r="I1267" s="451"/>
      <c r="J1267" s="144"/>
      <c r="K1267" s="517"/>
      <c r="L1267" s="455">
        <v>38362</v>
      </c>
      <c r="M1267" s="455"/>
      <c r="N1267" s="418" t="str">
        <f t="shared" si="38"/>
        <v/>
      </c>
    </row>
    <row r="1268" spans="1:14" ht="15.75">
      <c r="A1268" s="538"/>
      <c r="B1268" s="411">
        <f t="shared" si="39"/>
        <v>60</v>
      </c>
      <c r="C1268" s="498" t="s">
        <v>3013</v>
      </c>
      <c r="D1268" s="449" t="s">
        <v>3014</v>
      </c>
      <c r="E1268" s="510" t="s">
        <v>595</v>
      </c>
      <c r="F1268" s="522" t="s">
        <v>596</v>
      </c>
      <c r="G1268" s="450"/>
      <c r="H1268" s="451"/>
      <c r="I1268" s="451"/>
      <c r="J1268" s="144"/>
      <c r="K1268" s="517"/>
      <c r="L1268" s="455">
        <v>38362</v>
      </c>
      <c r="M1268" s="455"/>
      <c r="N1268" s="418" t="str">
        <f t="shared" si="38"/>
        <v/>
      </c>
    </row>
    <row r="1269" spans="1:14" ht="15.75">
      <c r="A1269" s="538"/>
      <c r="B1269" s="411">
        <f t="shared" si="39"/>
        <v>60</v>
      </c>
      <c r="C1269" s="498" t="s">
        <v>3015</v>
      </c>
      <c r="D1269" s="449" t="s">
        <v>3016</v>
      </c>
      <c r="E1269" s="510" t="s">
        <v>595</v>
      </c>
      <c r="F1269" s="522" t="s">
        <v>596</v>
      </c>
      <c r="G1269" s="450"/>
      <c r="H1269" s="451"/>
      <c r="I1269" s="451"/>
      <c r="J1269" s="144"/>
      <c r="K1269" s="517"/>
      <c r="L1269" s="455">
        <v>38362</v>
      </c>
      <c r="M1269" s="455"/>
      <c r="N1269" s="418" t="str">
        <f t="shared" si="38"/>
        <v>DUPLICATE</v>
      </c>
    </row>
    <row r="1270" spans="1:14" ht="15.75">
      <c r="A1270" s="538"/>
      <c r="B1270" s="411">
        <f t="shared" si="39"/>
        <v>60</v>
      </c>
      <c r="C1270" s="498" t="s">
        <v>3017</v>
      </c>
      <c r="D1270" s="449" t="s">
        <v>3018</v>
      </c>
      <c r="E1270" s="510" t="s">
        <v>595</v>
      </c>
      <c r="F1270" s="522" t="s">
        <v>596</v>
      </c>
      <c r="G1270" s="450"/>
      <c r="H1270" s="451"/>
      <c r="I1270" s="451"/>
      <c r="J1270" s="144"/>
      <c r="K1270" s="517"/>
      <c r="L1270" s="455">
        <v>38362</v>
      </c>
      <c r="M1270" s="455"/>
      <c r="N1270" s="418" t="str">
        <f t="shared" si="38"/>
        <v>DUPLICATE</v>
      </c>
    </row>
    <row r="1271" spans="1:14" ht="28.5">
      <c r="A1271" s="538"/>
      <c r="B1271" s="411">
        <f t="shared" si="39"/>
        <v>60</v>
      </c>
      <c r="C1271" s="498" t="s">
        <v>3019</v>
      </c>
      <c r="D1271" s="449" t="s">
        <v>3020</v>
      </c>
      <c r="E1271" s="510" t="s">
        <v>595</v>
      </c>
      <c r="F1271" s="522" t="s">
        <v>596</v>
      </c>
      <c r="G1271" s="450"/>
      <c r="H1271" s="451"/>
      <c r="I1271" s="451"/>
      <c r="J1271" s="144"/>
      <c r="K1271" s="517"/>
      <c r="L1271" s="455">
        <v>38362</v>
      </c>
      <c r="M1271" s="455"/>
      <c r="N1271" s="418" t="str">
        <f t="shared" si="38"/>
        <v/>
      </c>
    </row>
    <row r="1272" spans="1:14" ht="42.75">
      <c r="A1272" s="538"/>
      <c r="B1272" s="411">
        <f t="shared" si="39"/>
        <v>60</v>
      </c>
      <c r="C1272" s="498" t="s">
        <v>3021</v>
      </c>
      <c r="D1272" s="449" t="s">
        <v>3022</v>
      </c>
      <c r="E1272" s="510" t="s">
        <v>595</v>
      </c>
      <c r="F1272" s="522" t="s">
        <v>596</v>
      </c>
      <c r="G1272" s="450"/>
      <c r="H1272" s="451"/>
      <c r="I1272" s="451"/>
      <c r="J1272" s="144"/>
      <c r="K1272" s="517"/>
      <c r="L1272" s="455">
        <v>38362</v>
      </c>
      <c r="M1272" s="455"/>
      <c r="N1272" s="418" t="str">
        <f t="shared" si="38"/>
        <v/>
      </c>
    </row>
    <row r="1273" spans="1:14" ht="42.75">
      <c r="A1273" s="538"/>
      <c r="B1273" s="411">
        <f t="shared" si="39"/>
        <v>60</v>
      </c>
      <c r="C1273" s="498" t="s">
        <v>3023</v>
      </c>
      <c r="D1273" s="449" t="s">
        <v>3024</v>
      </c>
      <c r="E1273" s="510" t="s">
        <v>595</v>
      </c>
      <c r="F1273" s="522" t="s">
        <v>596</v>
      </c>
      <c r="G1273" s="450"/>
      <c r="H1273" s="451"/>
      <c r="I1273" s="451"/>
      <c r="J1273" s="144"/>
      <c r="K1273" s="517"/>
      <c r="L1273" s="455">
        <v>38362</v>
      </c>
      <c r="M1273" s="455"/>
      <c r="N1273" s="418" t="str">
        <f t="shared" si="38"/>
        <v/>
      </c>
    </row>
    <row r="1274" spans="1:14" ht="42.75">
      <c r="A1274" s="538"/>
      <c r="B1274" s="411">
        <f t="shared" si="39"/>
        <v>60</v>
      </c>
      <c r="C1274" s="498" t="s">
        <v>3025</v>
      </c>
      <c r="D1274" s="449" t="s">
        <v>3026</v>
      </c>
      <c r="E1274" s="510" t="s">
        <v>595</v>
      </c>
      <c r="F1274" s="522" t="s">
        <v>596</v>
      </c>
      <c r="G1274" s="450"/>
      <c r="H1274" s="451"/>
      <c r="I1274" s="451"/>
      <c r="J1274" s="144"/>
      <c r="K1274" s="517"/>
      <c r="L1274" s="455">
        <v>38362</v>
      </c>
      <c r="M1274" s="455"/>
      <c r="N1274" s="418" t="str">
        <f t="shared" si="38"/>
        <v/>
      </c>
    </row>
    <row r="1275" spans="1:14" ht="42.75">
      <c r="A1275" s="538"/>
      <c r="B1275" s="411">
        <f t="shared" si="39"/>
        <v>60</v>
      </c>
      <c r="C1275" s="498" t="s">
        <v>3027</v>
      </c>
      <c r="D1275" s="449" t="s">
        <v>3028</v>
      </c>
      <c r="E1275" s="510" t="s">
        <v>595</v>
      </c>
      <c r="F1275" s="522" t="s">
        <v>596</v>
      </c>
      <c r="G1275" s="450"/>
      <c r="H1275" s="451"/>
      <c r="I1275" s="451"/>
      <c r="J1275" s="144"/>
      <c r="K1275" s="517"/>
      <c r="L1275" s="455">
        <v>38362</v>
      </c>
      <c r="M1275" s="455"/>
      <c r="N1275" s="418" t="str">
        <f t="shared" si="38"/>
        <v/>
      </c>
    </row>
    <row r="1276" spans="1:14" ht="42.75">
      <c r="A1276" s="538"/>
      <c r="B1276" s="411">
        <f t="shared" si="39"/>
        <v>60</v>
      </c>
      <c r="C1276" s="498" t="s">
        <v>3029</v>
      </c>
      <c r="D1276" s="449" t="s">
        <v>3030</v>
      </c>
      <c r="E1276" s="510" t="s">
        <v>595</v>
      </c>
      <c r="F1276" s="522" t="s">
        <v>596</v>
      </c>
      <c r="G1276" s="450"/>
      <c r="H1276" s="451"/>
      <c r="I1276" s="451"/>
      <c r="J1276" s="144"/>
      <c r="K1276" s="517"/>
      <c r="L1276" s="455">
        <v>38362</v>
      </c>
      <c r="M1276" s="455"/>
      <c r="N1276" s="418" t="str">
        <f t="shared" si="38"/>
        <v/>
      </c>
    </row>
    <row r="1277" spans="1:14" ht="28.5">
      <c r="A1277" s="538"/>
      <c r="B1277" s="411">
        <f t="shared" si="39"/>
        <v>60</v>
      </c>
      <c r="C1277" s="498" t="s">
        <v>3031</v>
      </c>
      <c r="D1277" s="449" t="s">
        <v>3032</v>
      </c>
      <c r="E1277" s="510" t="s">
        <v>595</v>
      </c>
      <c r="F1277" s="522" t="s">
        <v>596</v>
      </c>
      <c r="G1277" s="450"/>
      <c r="H1277" s="451"/>
      <c r="I1277" s="451"/>
      <c r="J1277" s="144"/>
      <c r="K1277" s="517"/>
      <c r="L1277" s="455">
        <v>38362</v>
      </c>
      <c r="M1277" s="455"/>
      <c r="N1277" s="418" t="str">
        <f t="shared" si="38"/>
        <v/>
      </c>
    </row>
    <row r="1278" spans="1:14" ht="15.75">
      <c r="A1278" s="538"/>
      <c r="B1278" s="411">
        <f t="shared" si="39"/>
        <v>60</v>
      </c>
      <c r="C1278" s="498" t="s">
        <v>3033</v>
      </c>
      <c r="D1278" s="449" t="s">
        <v>3034</v>
      </c>
      <c r="E1278" s="510" t="s">
        <v>595</v>
      </c>
      <c r="F1278" s="522" t="s">
        <v>596</v>
      </c>
      <c r="G1278" s="450"/>
      <c r="H1278" s="451"/>
      <c r="I1278" s="451"/>
      <c r="J1278" s="144"/>
      <c r="K1278" s="517"/>
      <c r="L1278" s="455">
        <v>38362</v>
      </c>
      <c r="M1278" s="455"/>
      <c r="N1278" s="418" t="str">
        <f t="shared" si="38"/>
        <v/>
      </c>
    </row>
    <row r="1279" spans="1:14" ht="71.25">
      <c r="A1279" s="538"/>
      <c r="B1279" s="411">
        <f t="shared" si="39"/>
        <v>60</v>
      </c>
      <c r="C1279" s="498" t="s">
        <v>3035</v>
      </c>
      <c r="D1279" s="449" t="s">
        <v>3036</v>
      </c>
      <c r="E1279" s="510" t="s">
        <v>595</v>
      </c>
      <c r="F1279" s="522" t="s">
        <v>596</v>
      </c>
      <c r="G1279" s="450"/>
      <c r="H1279" s="451"/>
      <c r="I1279" s="451"/>
      <c r="J1279" s="144"/>
      <c r="K1279" s="517"/>
      <c r="L1279" s="455">
        <v>38362</v>
      </c>
      <c r="M1279" s="455"/>
      <c r="N1279" s="418" t="str">
        <f t="shared" si="38"/>
        <v/>
      </c>
    </row>
    <row r="1280" spans="1:14" ht="57">
      <c r="A1280" s="538"/>
      <c r="B1280" s="411">
        <f t="shared" si="39"/>
        <v>60</v>
      </c>
      <c r="C1280" s="498" t="s">
        <v>3037</v>
      </c>
      <c r="D1280" s="449" t="s">
        <v>3038</v>
      </c>
      <c r="E1280" s="510" t="s">
        <v>595</v>
      </c>
      <c r="F1280" s="522" t="s">
        <v>596</v>
      </c>
      <c r="G1280" s="450"/>
      <c r="H1280" s="451"/>
      <c r="I1280" s="451"/>
      <c r="J1280" s="144"/>
      <c r="K1280" s="517"/>
      <c r="L1280" s="455">
        <v>38362</v>
      </c>
      <c r="M1280" s="455"/>
      <c r="N1280" s="418" t="str">
        <f t="shared" si="38"/>
        <v/>
      </c>
    </row>
    <row r="1281" spans="1:14" ht="71.25">
      <c r="A1281" s="538"/>
      <c r="B1281" s="411">
        <f t="shared" si="39"/>
        <v>60</v>
      </c>
      <c r="C1281" s="498" t="s">
        <v>3039</v>
      </c>
      <c r="D1281" s="449" t="s">
        <v>3040</v>
      </c>
      <c r="E1281" s="510" t="s">
        <v>595</v>
      </c>
      <c r="F1281" s="522" t="s">
        <v>596</v>
      </c>
      <c r="G1281" s="450"/>
      <c r="H1281" s="451"/>
      <c r="I1281" s="451"/>
      <c r="J1281" s="144"/>
      <c r="K1281" s="517"/>
      <c r="L1281" s="455">
        <v>38362</v>
      </c>
      <c r="M1281" s="455"/>
      <c r="N1281" s="418" t="str">
        <f t="shared" si="38"/>
        <v/>
      </c>
    </row>
    <row r="1282" spans="1:14" ht="42.75">
      <c r="A1282" s="538"/>
      <c r="B1282" s="411">
        <f t="shared" si="39"/>
        <v>60</v>
      </c>
      <c r="C1282" s="498" t="s">
        <v>3041</v>
      </c>
      <c r="D1282" s="449" t="s">
        <v>3042</v>
      </c>
      <c r="E1282" s="510" t="s">
        <v>595</v>
      </c>
      <c r="F1282" s="522" t="s">
        <v>596</v>
      </c>
      <c r="G1282" s="450"/>
      <c r="H1282" s="451"/>
      <c r="I1282" s="451"/>
      <c r="J1282" s="144"/>
      <c r="K1282" s="517"/>
      <c r="L1282" s="455">
        <v>38362</v>
      </c>
      <c r="M1282" s="455"/>
      <c r="N1282" s="418" t="str">
        <f t="shared" si="38"/>
        <v/>
      </c>
    </row>
    <row r="1283" spans="1:14" ht="42.75">
      <c r="A1283" s="538"/>
      <c r="B1283" s="411">
        <f t="shared" si="39"/>
        <v>60</v>
      </c>
      <c r="C1283" s="498" t="s">
        <v>3043</v>
      </c>
      <c r="D1283" s="449" t="s">
        <v>3044</v>
      </c>
      <c r="E1283" s="510" t="s">
        <v>595</v>
      </c>
      <c r="F1283" s="522" t="s">
        <v>596</v>
      </c>
      <c r="G1283" s="450"/>
      <c r="H1283" s="451"/>
      <c r="I1283" s="451"/>
      <c r="J1283" s="144"/>
      <c r="K1283" s="517"/>
      <c r="L1283" s="455">
        <v>38362</v>
      </c>
      <c r="M1283" s="455"/>
      <c r="N1283" s="418" t="str">
        <f t="shared" si="38"/>
        <v/>
      </c>
    </row>
    <row r="1284" spans="1:14" ht="42.75">
      <c r="A1284" s="538"/>
      <c r="B1284" s="411">
        <f t="shared" si="39"/>
        <v>60</v>
      </c>
      <c r="C1284" s="498" t="s">
        <v>3045</v>
      </c>
      <c r="D1284" s="449" t="s">
        <v>3046</v>
      </c>
      <c r="E1284" s="510" t="s">
        <v>595</v>
      </c>
      <c r="F1284" s="522" t="s">
        <v>596</v>
      </c>
      <c r="G1284" s="450"/>
      <c r="H1284" s="451"/>
      <c r="I1284" s="451"/>
      <c r="J1284" s="144"/>
      <c r="K1284" s="517"/>
      <c r="L1284" s="455">
        <v>38362</v>
      </c>
      <c r="M1284" s="455"/>
      <c r="N1284" s="418" t="str">
        <f t="shared" si="38"/>
        <v/>
      </c>
    </row>
    <row r="1285" spans="1:14" ht="42.75">
      <c r="A1285" s="538"/>
      <c r="B1285" s="411">
        <f t="shared" si="39"/>
        <v>60</v>
      </c>
      <c r="C1285" s="498" t="s">
        <v>3047</v>
      </c>
      <c r="D1285" s="449" t="s">
        <v>3048</v>
      </c>
      <c r="E1285" s="510" t="s">
        <v>595</v>
      </c>
      <c r="F1285" s="522" t="s">
        <v>596</v>
      </c>
      <c r="G1285" s="450"/>
      <c r="H1285" s="451"/>
      <c r="I1285" s="451"/>
      <c r="J1285" s="144"/>
      <c r="K1285" s="517"/>
      <c r="L1285" s="455">
        <v>38362</v>
      </c>
      <c r="M1285" s="455"/>
      <c r="N1285" s="418" t="str">
        <f t="shared" si="38"/>
        <v/>
      </c>
    </row>
    <row r="1286" spans="1:14" ht="42.75">
      <c r="A1286" s="538"/>
      <c r="B1286" s="411">
        <f t="shared" si="39"/>
        <v>60</v>
      </c>
      <c r="C1286" s="498" t="s">
        <v>3049</v>
      </c>
      <c r="D1286" s="449" t="s">
        <v>3050</v>
      </c>
      <c r="E1286" s="510" t="s">
        <v>595</v>
      </c>
      <c r="F1286" s="522" t="s">
        <v>596</v>
      </c>
      <c r="G1286" s="450"/>
      <c r="H1286" s="451"/>
      <c r="I1286" s="451"/>
      <c r="J1286" s="144"/>
      <c r="K1286" s="517"/>
      <c r="L1286" s="455">
        <v>38362</v>
      </c>
      <c r="M1286" s="455"/>
      <c r="N1286" s="418" t="str">
        <f t="shared" si="38"/>
        <v/>
      </c>
    </row>
    <row r="1287" spans="1:14" ht="42.75">
      <c r="A1287" s="538"/>
      <c r="B1287" s="411">
        <f t="shared" si="39"/>
        <v>60</v>
      </c>
      <c r="C1287" s="498" t="s">
        <v>3051</v>
      </c>
      <c r="D1287" s="449" t="s">
        <v>3052</v>
      </c>
      <c r="E1287" s="510" t="s">
        <v>595</v>
      </c>
      <c r="F1287" s="522" t="s">
        <v>596</v>
      </c>
      <c r="G1287" s="450"/>
      <c r="H1287" s="451"/>
      <c r="I1287" s="451"/>
      <c r="J1287" s="144"/>
      <c r="K1287" s="517"/>
      <c r="L1287" s="455">
        <v>38362</v>
      </c>
      <c r="M1287" s="455"/>
      <c r="N1287" s="418" t="str">
        <f t="shared" si="38"/>
        <v/>
      </c>
    </row>
    <row r="1288" spans="1:14" ht="57">
      <c r="A1288" s="538"/>
      <c r="B1288" s="411">
        <f t="shared" si="39"/>
        <v>60</v>
      </c>
      <c r="C1288" s="498" t="s">
        <v>3053</v>
      </c>
      <c r="D1288" s="449" t="s">
        <v>3054</v>
      </c>
      <c r="E1288" s="452" t="s">
        <v>595</v>
      </c>
      <c r="F1288" s="449" t="s">
        <v>596</v>
      </c>
      <c r="G1288" s="450"/>
      <c r="H1288" s="451"/>
      <c r="I1288" s="451"/>
      <c r="J1288" s="144"/>
      <c r="K1288" s="517"/>
      <c r="L1288" s="455">
        <v>38362</v>
      </c>
      <c r="M1288" s="455"/>
      <c r="N1288" s="418" t="str">
        <f t="shared" si="38"/>
        <v/>
      </c>
    </row>
    <row r="1289" spans="1:14" ht="42.75">
      <c r="A1289" s="538"/>
      <c r="B1289" s="411">
        <f t="shared" si="39"/>
        <v>60</v>
      </c>
      <c r="C1289" s="498" t="s">
        <v>3055</v>
      </c>
      <c r="D1289" s="449" t="s">
        <v>3056</v>
      </c>
      <c r="E1289" s="510" t="s">
        <v>595</v>
      </c>
      <c r="F1289" s="522" t="s">
        <v>596</v>
      </c>
      <c r="G1289" s="450"/>
      <c r="H1289" s="451"/>
      <c r="I1289" s="451"/>
      <c r="J1289" s="144"/>
      <c r="K1289" s="517"/>
      <c r="L1289" s="455">
        <v>38362</v>
      </c>
      <c r="M1289" s="455"/>
      <c r="N1289" s="418" t="str">
        <f t="shared" si="38"/>
        <v/>
      </c>
    </row>
    <row r="1290" spans="1:14" ht="42.75">
      <c r="A1290" s="538"/>
      <c r="B1290" s="411">
        <f t="shared" si="39"/>
        <v>60</v>
      </c>
      <c r="C1290" s="498" t="s">
        <v>3057</v>
      </c>
      <c r="D1290" s="449" t="s">
        <v>3058</v>
      </c>
      <c r="E1290" s="510" t="s">
        <v>595</v>
      </c>
      <c r="F1290" s="522" t="s">
        <v>596</v>
      </c>
      <c r="G1290" s="450"/>
      <c r="H1290" s="451"/>
      <c r="I1290" s="451"/>
      <c r="J1290" s="144"/>
      <c r="K1290" s="517"/>
      <c r="L1290" s="455">
        <v>38362</v>
      </c>
      <c r="M1290" s="455"/>
      <c r="N1290" s="418" t="str">
        <f t="shared" si="38"/>
        <v/>
      </c>
    </row>
    <row r="1291" spans="1:14" ht="71.25">
      <c r="A1291" s="538"/>
      <c r="B1291" s="411">
        <f t="shared" si="39"/>
        <v>60</v>
      </c>
      <c r="C1291" s="498" t="s">
        <v>3059</v>
      </c>
      <c r="D1291" s="449" t="s">
        <v>3060</v>
      </c>
      <c r="E1291" s="510" t="s">
        <v>595</v>
      </c>
      <c r="F1291" s="522" t="s">
        <v>596</v>
      </c>
      <c r="G1291" s="450"/>
      <c r="H1291" s="451"/>
      <c r="I1291" s="451"/>
      <c r="J1291" s="144"/>
      <c r="K1291" s="517"/>
      <c r="L1291" s="455">
        <v>38362</v>
      </c>
      <c r="M1291" s="455"/>
      <c r="N1291" s="418" t="str">
        <f t="shared" si="38"/>
        <v/>
      </c>
    </row>
    <row r="1292" spans="1:14" ht="42.75">
      <c r="A1292" s="538"/>
      <c r="B1292" s="411">
        <f t="shared" si="39"/>
        <v>60</v>
      </c>
      <c r="C1292" s="498" t="s">
        <v>3061</v>
      </c>
      <c r="D1292" s="449" t="s">
        <v>3062</v>
      </c>
      <c r="E1292" s="510" t="s">
        <v>595</v>
      </c>
      <c r="F1292" s="522" t="s">
        <v>596</v>
      </c>
      <c r="G1292" s="450"/>
      <c r="H1292" s="451"/>
      <c r="I1292" s="451"/>
      <c r="J1292" s="144"/>
      <c r="K1292" s="517"/>
      <c r="L1292" s="455">
        <v>38362</v>
      </c>
      <c r="M1292" s="455"/>
      <c r="N1292" s="418" t="str">
        <f t="shared" si="38"/>
        <v/>
      </c>
    </row>
    <row r="1293" spans="1:14" ht="57">
      <c r="A1293" s="538"/>
      <c r="B1293" s="411">
        <f t="shared" si="39"/>
        <v>60</v>
      </c>
      <c r="C1293" s="498" t="s">
        <v>3063</v>
      </c>
      <c r="D1293" s="449" t="s">
        <v>3064</v>
      </c>
      <c r="E1293" s="510" t="s">
        <v>595</v>
      </c>
      <c r="F1293" s="522" t="s">
        <v>596</v>
      </c>
      <c r="G1293" s="450"/>
      <c r="H1293" s="451"/>
      <c r="I1293" s="451"/>
      <c r="J1293" s="144"/>
      <c r="K1293" s="517"/>
      <c r="L1293" s="455">
        <v>38362</v>
      </c>
      <c r="M1293" s="455"/>
      <c r="N1293" s="418" t="str">
        <f t="shared" si="38"/>
        <v/>
      </c>
    </row>
    <row r="1294" spans="1:14" ht="42.75">
      <c r="A1294" s="538"/>
      <c r="B1294" s="411">
        <f t="shared" si="39"/>
        <v>60</v>
      </c>
      <c r="C1294" s="498" t="s">
        <v>3065</v>
      </c>
      <c r="D1294" s="449" t="s">
        <v>3066</v>
      </c>
      <c r="E1294" s="510" t="s">
        <v>595</v>
      </c>
      <c r="F1294" s="522" t="s">
        <v>596</v>
      </c>
      <c r="G1294" s="450"/>
      <c r="H1294" s="451"/>
      <c r="I1294" s="451"/>
      <c r="J1294" s="144"/>
      <c r="K1294" s="517"/>
      <c r="L1294" s="455">
        <v>38362</v>
      </c>
      <c r="M1294" s="455"/>
      <c r="N1294" s="418" t="str">
        <f t="shared" si="38"/>
        <v/>
      </c>
    </row>
    <row r="1295" spans="1:14" ht="71.25">
      <c r="A1295" s="538"/>
      <c r="B1295" s="411">
        <f t="shared" si="39"/>
        <v>60</v>
      </c>
      <c r="C1295" s="498" t="s">
        <v>3067</v>
      </c>
      <c r="D1295" s="449" t="s">
        <v>3068</v>
      </c>
      <c r="E1295" s="510" t="s">
        <v>595</v>
      </c>
      <c r="F1295" s="522" t="s">
        <v>596</v>
      </c>
      <c r="G1295" s="450"/>
      <c r="H1295" s="451"/>
      <c r="I1295" s="451"/>
      <c r="J1295" s="144"/>
      <c r="K1295" s="517"/>
      <c r="L1295" s="455">
        <v>38362</v>
      </c>
      <c r="M1295" s="455"/>
      <c r="N1295" s="418" t="str">
        <f t="shared" si="38"/>
        <v/>
      </c>
    </row>
    <row r="1296" spans="1:14" ht="31.5">
      <c r="A1296" s="538"/>
      <c r="B1296" s="411">
        <f t="shared" si="39"/>
        <v>60</v>
      </c>
      <c r="C1296" s="498" t="s">
        <v>3069</v>
      </c>
      <c r="D1296" s="449" t="s">
        <v>462</v>
      </c>
      <c r="E1296" s="510" t="s">
        <v>595</v>
      </c>
      <c r="F1296" s="522" t="s">
        <v>600</v>
      </c>
      <c r="G1296" s="450" t="s">
        <v>760</v>
      </c>
      <c r="H1296" s="451"/>
      <c r="I1296" s="451"/>
      <c r="J1296" s="144"/>
      <c r="K1296" s="517"/>
      <c r="L1296" s="455">
        <v>38362</v>
      </c>
      <c r="M1296" s="455">
        <v>42036</v>
      </c>
      <c r="N1296" s="418" t="str">
        <f t="shared" si="38"/>
        <v/>
      </c>
    </row>
    <row r="1297" spans="1:14" ht="15.75">
      <c r="A1297" s="538"/>
      <c r="B1297" s="411">
        <f t="shared" si="39"/>
        <v>60</v>
      </c>
      <c r="C1297" s="498" t="s">
        <v>3070</v>
      </c>
      <c r="D1297" s="449" t="s">
        <v>3071</v>
      </c>
      <c r="E1297" s="510" t="s">
        <v>595</v>
      </c>
      <c r="F1297" s="522" t="s">
        <v>596</v>
      </c>
      <c r="G1297" s="450"/>
      <c r="H1297" s="451"/>
      <c r="I1297" s="451"/>
      <c r="J1297" s="144"/>
      <c r="K1297" s="517"/>
      <c r="L1297" s="455">
        <v>38362</v>
      </c>
      <c r="M1297" s="455"/>
      <c r="N1297" s="418" t="str">
        <f t="shared" si="38"/>
        <v/>
      </c>
    </row>
    <row r="1298" spans="1:14" ht="15.75">
      <c r="A1298" s="538"/>
      <c r="B1298" s="411">
        <f t="shared" si="39"/>
        <v>60</v>
      </c>
      <c r="C1298" s="498" t="s">
        <v>3072</v>
      </c>
      <c r="D1298" s="449" t="s">
        <v>3073</v>
      </c>
      <c r="E1298" s="510" t="s">
        <v>595</v>
      </c>
      <c r="F1298" s="522" t="s">
        <v>596</v>
      </c>
      <c r="G1298" s="450"/>
      <c r="H1298" s="451"/>
      <c r="I1298" s="451"/>
      <c r="J1298" s="144"/>
      <c r="K1298" s="517"/>
      <c r="L1298" s="455">
        <v>38362</v>
      </c>
      <c r="M1298" s="455"/>
      <c r="N1298" s="418" t="str">
        <f t="shared" si="38"/>
        <v/>
      </c>
    </row>
    <row r="1299" spans="1:14" ht="15.75">
      <c r="A1299" s="538"/>
      <c r="B1299" s="411">
        <f t="shared" si="39"/>
        <v>60</v>
      </c>
      <c r="C1299" s="498" t="s">
        <v>3074</v>
      </c>
      <c r="D1299" s="449" t="s">
        <v>3075</v>
      </c>
      <c r="E1299" s="510" t="s">
        <v>595</v>
      </c>
      <c r="F1299" s="522" t="s">
        <v>596</v>
      </c>
      <c r="G1299" s="450"/>
      <c r="H1299" s="451"/>
      <c r="I1299" s="451"/>
      <c r="J1299" s="144"/>
      <c r="K1299" s="517"/>
      <c r="L1299" s="455">
        <v>38362</v>
      </c>
      <c r="M1299" s="455"/>
      <c r="N1299" s="418" t="str">
        <f t="shared" si="38"/>
        <v/>
      </c>
    </row>
    <row r="1300" spans="1:14" ht="15.75">
      <c r="A1300" s="538"/>
      <c r="B1300" s="411">
        <f t="shared" si="39"/>
        <v>60</v>
      </c>
      <c r="C1300" s="498" t="s">
        <v>3076</v>
      </c>
      <c r="D1300" s="449" t="s">
        <v>3077</v>
      </c>
      <c r="E1300" s="510" t="s">
        <v>595</v>
      </c>
      <c r="F1300" s="522" t="s">
        <v>596</v>
      </c>
      <c r="G1300" s="450"/>
      <c r="H1300" s="451"/>
      <c r="I1300" s="451"/>
      <c r="J1300" s="144"/>
      <c r="K1300" s="517"/>
      <c r="L1300" s="455">
        <v>38362</v>
      </c>
      <c r="M1300" s="455"/>
      <c r="N1300" s="418" t="str">
        <f t="shared" si="38"/>
        <v/>
      </c>
    </row>
    <row r="1301" spans="1:14" ht="31.5">
      <c r="A1301" s="538"/>
      <c r="B1301" s="411">
        <f t="shared" si="39"/>
        <v>60</v>
      </c>
      <c r="C1301" s="498" t="s">
        <v>3078</v>
      </c>
      <c r="D1301" s="449" t="s">
        <v>551</v>
      </c>
      <c r="E1301" s="510" t="s">
        <v>595</v>
      </c>
      <c r="F1301" s="522" t="s">
        <v>600</v>
      </c>
      <c r="G1301" s="450" t="s">
        <v>760</v>
      </c>
      <c r="H1301" s="451"/>
      <c r="I1301" s="451"/>
      <c r="J1301" s="144"/>
      <c r="K1301" s="517"/>
      <c r="L1301" s="455">
        <v>38362</v>
      </c>
      <c r="M1301" s="455">
        <v>42036</v>
      </c>
      <c r="N1301" s="418" t="str">
        <f t="shared" si="38"/>
        <v/>
      </c>
    </row>
    <row r="1302" spans="1:14" ht="15.75">
      <c r="A1302" s="538"/>
      <c r="B1302" s="411">
        <f t="shared" si="39"/>
        <v>60</v>
      </c>
      <c r="C1302" s="498" t="s">
        <v>3079</v>
      </c>
      <c r="D1302" s="449" t="s">
        <v>3080</v>
      </c>
      <c r="E1302" s="510" t="s">
        <v>595</v>
      </c>
      <c r="F1302" s="522" t="s">
        <v>596</v>
      </c>
      <c r="G1302" s="450"/>
      <c r="H1302" s="451"/>
      <c r="I1302" s="451"/>
      <c r="J1302" s="144"/>
      <c r="K1302" s="517"/>
      <c r="L1302" s="455">
        <v>38362</v>
      </c>
      <c r="M1302" s="455"/>
      <c r="N1302" s="418" t="str">
        <f t="shared" si="38"/>
        <v/>
      </c>
    </row>
    <row r="1303" spans="1:14" ht="15.75">
      <c r="A1303" s="538"/>
      <c r="B1303" s="411">
        <f t="shared" si="39"/>
        <v>60</v>
      </c>
      <c r="C1303" s="498" t="s">
        <v>3081</v>
      </c>
      <c r="D1303" s="449" t="s">
        <v>3082</v>
      </c>
      <c r="E1303" s="510" t="s">
        <v>595</v>
      </c>
      <c r="F1303" s="522" t="s">
        <v>596</v>
      </c>
      <c r="G1303" s="450"/>
      <c r="H1303" s="451"/>
      <c r="I1303" s="451"/>
      <c r="J1303" s="144"/>
      <c r="K1303" s="517"/>
      <c r="L1303" s="455">
        <v>38362</v>
      </c>
      <c r="M1303" s="455"/>
      <c r="N1303" s="418" t="str">
        <f t="shared" si="38"/>
        <v/>
      </c>
    </row>
    <row r="1304" spans="1:14" ht="15.75">
      <c r="A1304" s="538"/>
      <c r="B1304" s="411">
        <f t="shared" si="39"/>
        <v>60</v>
      </c>
      <c r="C1304" s="498" t="s">
        <v>3083</v>
      </c>
      <c r="D1304" s="449" t="s">
        <v>3084</v>
      </c>
      <c r="E1304" s="510" t="s">
        <v>595</v>
      </c>
      <c r="F1304" s="522" t="s">
        <v>596</v>
      </c>
      <c r="G1304" s="450"/>
      <c r="H1304" s="451"/>
      <c r="I1304" s="451"/>
      <c r="J1304" s="144"/>
      <c r="K1304" s="517"/>
      <c r="L1304" s="455">
        <v>38362</v>
      </c>
      <c r="M1304" s="455"/>
      <c r="N1304" s="418" t="str">
        <f t="shared" si="38"/>
        <v/>
      </c>
    </row>
    <row r="1305" spans="1:14" ht="28.5">
      <c r="A1305" s="538"/>
      <c r="B1305" s="411">
        <f t="shared" si="39"/>
        <v>60</v>
      </c>
      <c r="C1305" s="498" t="s">
        <v>3085</v>
      </c>
      <c r="D1305" s="449" t="s">
        <v>3086</v>
      </c>
      <c r="E1305" s="510" t="s">
        <v>595</v>
      </c>
      <c r="F1305" s="522" t="s">
        <v>596</v>
      </c>
      <c r="G1305" s="450"/>
      <c r="H1305" s="451"/>
      <c r="I1305" s="451"/>
      <c r="J1305" s="144"/>
      <c r="K1305" s="517"/>
      <c r="L1305" s="455">
        <v>38362</v>
      </c>
      <c r="M1305" s="455"/>
      <c r="N1305" s="418" t="str">
        <f t="shared" ref="N1305:N1368" si="40">IF(D1305="NA","",IF(COUNTIF($D$2:$D$5552,D1305)&gt;1,"DUPLICATE",""))</f>
        <v/>
      </c>
    </row>
    <row r="1306" spans="1:14" ht="57">
      <c r="A1306" s="538"/>
      <c r="B1306" s="411">
        <f t="shared" ref="B1306:B1369" si="41">IF(A1306&gt;0,A1306,B1305)</f>
        <v>60</v>
      </c>
      <c r="C1306" s="498" t="s">
        <v>3087</v>
      </c>
      <c r="D1306" s="449" t="s">
        <v>3088</v>
      </c>
      <c r="E1306" s="510" t="s">
        <v>595</v>
      </c>
      <c r="F1306" s="522" t="s">
        <v>596</v>
      </c>
      <c r="G1306" s="450"/>
      <c r="H1306" s="451"/>
      <c r="I1306" s="451"/>
      <c r="J1306" s="144"/>
      <c r="K1306" s="517"/>
      <c r="L1306" s="455">
        <v>38362</v>
      </c>
      <c r="M1306" s="455"/>
      <c r="N1306" s="418" t="str">
        <f t="shared" si="40"/>
        <v/>
      </c>
    </row>
    <row r="1307" spans="1:14" ht="15.75">
      <c r="A1307" s="538"/>
      <c r="B1307" s="411">
        <f t="shared" si="41"/>
        <v>60</v>
      </c>
      <c r="C1307" s="498" t="s">
        <v>3089</v>
      </c>
      <c r="D1307" s="449" t="s">
        <v>3090</v>
      </c>
      <c r="E1307" s="510" t="s">
        <v>595</v>
      </c>
      <c r="F1307" s="522" t="s">
        <v>596</v>
      </c>
      <c r="G1307" s="450"/>
      <c r="H1307" s="451"/>
      <c r="I1307" s="451"/>
      <c r="J1307" s="144"/>
      <c r="K1307" s="517"/>
      <c r="L1307" s="455">
        <v>38362</v>
      </c>
      <c r="M1307" s="455"/>
      <c r="N1307" s="418" t="str">
        <f t="shared" si="40"/>
        <v/>
      </c>
    </row>
    <row r="1308" spans="1:14" ht="15.75">
      <c r="A1308" s="538"/>
      <c r="B1308" s="411">
        <f t="shared" si="41"/>
        <v>60</v>
      </c>
      <c r="C1308" s="498" t="s">
        <v>3091</v>
      </c>
      <c r="D1308" s="449" t="s">
        <v>3092</v>
      </c>
      <c r="E1308" s="510" t="s">
        <v>595</v>
      </c>
      <c r="F1308" s="522" t="s">
        <v>596</v>
      </c>
      <c r="G1308" s="450"/>
      <c r="H1308" s="451"/>
      <c r="I1308" s="451"/>
      <c r="J1308" s="144"/>
      <c r="K1308" s="517"/>
      <c r="L1308" s="455">
        <v>38362</v>
      </c>
      <c r="M1308" s="455"/>
      <c r="N1308" s="418" t="str">
        <f t="shared" si="40"/>
        <v/>
      </c>
    </row>
    <row r="1309" spans="1:14" ht="15.75">
      <c r="A1309" s="538"/>
      <c r="B1309" s="411">
        <f t="shared" si="41"/>
        <v>60</v>
      </c>
      <c r="C1309" s="498" t="s">
        <v>3093</v>
      </c>
      <c r="D1309" s="449" t="s">
        <v>3094</v>
      </c>
      <c r="E1309" s="510" t="s">
        <v>595</v>
      </c>
      <c r="F1309" s="522" t="s">
        <v>596</v>
      </c>
      <c r="G1309" s="450"/>
      <c r="H1309" s="451"/>
      <c r="I1309" s="451"/>
      <c r="J1309" s="144"/>
      <c r="K1309" s="517"/>
      <c r="L1309" s="455">
        <v>38362</v>
      </c>
      <c r="M1309" s="455"/>
      <c r="N1309" s="418" t="str">
        <f t="shared" si="40"/>
        <v/>
      </c>
    </row>
    <row r="1310" spans="1:14" ht="15.75">
      <c r="A1310" s="538"/>
      <c r="B1310" s="411">
        <f t="shared" si="41"/>
        <v>60</v>
      </c>
      <c r="C1310" s="498" t="s">
        <v>3095</v>
      </c>
      <c r="D1310" s="449" t="s">
        <v>3096</v>
      </c>
      <c r="E1310" s="510" t="s">
        <v>595</v>
      </c>
      <c r="F1310" s="522" t="s">
        <v>596</v>
      </c>
      <c r="G1310" s="450"/>
      <c r="H1310" s="451"/>
      <c r="I1310" s="451"/>
      <c r="J1310" s="144"/>
      <c r="K1310" s="517"/>
      <c r="L1310" s="455">
        <v>38362</v>
      </c>
      <c r="M1310" s="455"/>
      <c r="N1310" s="418" t="str">
        <f t="shared" si="40"/>
        <v/>
      </c>
    </row>
    <row r="1311" spans="1:14" ht="15.75">
      <c r="A1311" s="538"/>
      <c r="B1311" s="411">
        <f t="shared" si="41"/>
        <v>60</v>
      </c>
      <c r="C1311" s="498" t="s">
        <v>3097</v>
      </c>
      <c r="D1311" s="449" t="s">
        <v>3098</v>
      </c>
      <c r="E1311" s="510" t="s">
        <v>595</v>
      </c>
      <c r="F1311" s="522" t="s">
        <v>596</v>
      </c>
      <c r="G1311" s="450"/>
      <c r="H1311" s="451"/>
      <c r="I1311" s="451"/>
      <c r="J1311" s="144"/>
      <c r="K1311" s="517"/>
      <c r="L1311" s="455">
        <v>38362</v>
      </c>
      <c r="M1311" s="455"/>
      <c r="N1311" s="418" t="str">
        <f t="shared" si="40"/>
        <v/>
      </c>
    </row>
    <row r="1312" spans="1:14" ht="15.75">
      <c r="A1312" s="538"/>
      <c r="B1312" s="411">
        <f t="shared" si="41"/>
        <v>60</v>
      </c>
      <c r="C1312" s="498" t="s">
        <v>3099</v>
      </c>
      <c r="D1312" s="449" t="s">
        <v>3100</v>
      </c>
      <c r="E1312" s="510" t="s">
        <v>595</v>
      </c>
      <c r="F1312" s="522" t="s">
        <v>596</v>
      </c>
      <c r="G1312" s="450"/>
      <c r="H1312" s="451"/>
      <c r="I1312" s="451"/>
      <c r="J1312" s="144"/>
      <c r="K1312" s="517"/>
      <c r="L1312" s="455">
        <v>38362</v>
      </c>
      <c r="M1312" s="455"/>
      <c r="N1312" s="418" t="str">
        <f t="shared" si="40"/>
        <v/>
      </c>
    </row>
    <row r="1313" spans="1:14" ht="15.75">
      <c r="A1313" s="538"/>
      <c r="B1313" s="411">
        <f t="shared" si="41"/>
        <v>60</v>
      </c>
      <c r="C1313" s="498" t="s">
        <v>3101</v>
      </c>
      <c r="D1313" s="449" t="s">
        <v>3102</v>
      </c>
      <c r="E1313" s="510" t="s">
        <v>595</v>
      </c>
      <c r="F1313" s="522" t="s">
        <v>596</v>
      </c>
      <c r="G1313" s="450"/>
      <c r="H1313" s="451"/>
      <c r="I1313" s="451"/>
      <c r="J1313" s="144"/>
      <c r="K1313" s="517"/>
      <c r="L1313" s="455">
        <v>38362</v>
      </c>
      <c r="M1313" s="455"/>
      <c r="N1313" s="418" t="str">
        <f t="shared" si="40"/>
        <v/>
      </c>
    </row>
    <row r="1314" spans="1:14" ht="28.5">
      <c r="A1314" s="538"/>
      <c r="B1314" s="411">
        <f t="shared" si="41"/>
        <v>60</v>
      </c>
      <c r="C1314" s="498" t="s">
        <v>3103</v>
      </c>
      <c r="D1314" s="449" t="s">
        <v>3104</v>
      </c>
      <c r="E1314" s="510" t="s">
        <v>595</v>
      </c>
      <c r="F1314" s="522" t="s">
        <v>596</v>
      </c>
      <c r="G1314" s="450"/>
      <c r="H1314" s="451"/>
      <c r="I1314" s="451"/>
      <c r="J1314" s="144"/>
      <c r="K1314" s="517"/>
      <c r="L1314" s="455">
        <v>38362</v>
      </c>
      <c r="M1314" s="455"/>
      <c r="N1314" s="418" t="str">
        <f t="shared" si="40"/>
        <v>DUPLICATE</v>
      </c>
    </row>
    <row r="1315" spans="1:14" ht="15.75">
      <c r="A1315" s="538"/>
      <c r="B1315" s="411">
        <f t="shared" si="41"/>
        <v>60</v>
      </c>
      <c r="C1315" s="498" t="s">
        <v>3105</v>
      </c>
      <c r="D1315" s="449" t="s">
        <v>3106</v>
      </c>
      <c r="E1315" s="510" t="s">
        <v>595</v>
      </c>
      <c r="F1315" s="522" t="s">
        <v>596</v>
      </c>
      <c r="G1315" s="450"/>
      <c r="H1315" s="451"/>
      <c r="I1315" s="451"/>
      <c r="J1315" s="144"/>
      <c r="K1315" s="517"/>
      <c r="L1315" s="455">
        <v>38362</v>
      </c>
      <c r="M1315" s="455"/>
      <c r="N1315" s="418" t="str">
        <f t="shared" si="40"/>
        <v/>
      </c>
    </row>
    <row r="1316" spans="1:14" ht="15.75">
      <c r="A1316" s="538"/>
      <c r="B1316" s="411">
        <f t="shared" si="41"/>
        <v>60</v>
      </c>
      <c r="C1316" s="498" t="s">
        <v>3107</v>
      </c>
      <c r="D1316" s="449" t="s">
        <v>3108</v>
      </c>
      <c r="E1316" s="510" t="s">
        <v>595</v>
      </c>
      <c r="F1316" s="522" t="s">
        <v>596</v>
      </c>
      <c r="G1316" s="450"/>
      <c r="H1316" s="451"/>
      <c r="I1316" s="451"/>
      <c r="J1316" s="144"/>
      <c r="K1316" s="517"/>
      <c r="L1316" s="455">
        <v>38362</v>
      </c>
      <c r="M1316" s="455"/>
      <c r="N1316" s="418" t="str">
        <f t="shared" si="40"/>
        <v/>
      </c>
    </row>
    <row r="1317" spans="1:14" ht="42.75">
      <c r="A1317" s="538"/>
      <c r="B1317" s="411">
        <f t="shared" si="41"/>
        <v>60</v>
      </c>
      <c r="C1317" s="498" t="s">
        <v>3109</v>
      </c>
      <c r="D1317" s="449" t="s">
        <v>3110</v>
      </c>
      <c r="E1317" s="510" t="s">
        <v>595</v>
      </c>
      <c r="F1317" s="522" t="s">
        <v>596</v>
      </c>
      <c r="G1317" s="450"/>
      <c r="H1317" s="451"/>
      <c r="I1317" s="451"/>
      <c r="J1317" s="144"/>
      <c r="K1317" s="517"/>
      <c r="L1317" s="455">
        <v>38362</v>
      </c>
      <c r="M1317" s="455"/>
      <c r="N1317" s="418" t="str">
        <f t="shared" si="40"/>
        <v/>
      </c>
    </row>
    <row r="1318" spans="1:14" ht="15.75">
      <c r="A1318" s="538"/>
      <c r="B1318" s="411">
        <f t="shared" si="41"/>
        <v>60</v>
      </c>
      <c r="C1318" s="498" t="s">
        <v>3111</v>
      </c>
      <c r="D1318" s="449" t="s">
        <v>3112</v>
      </c>
      <c r="E1318" s="510" t="s">
        <v>595</v>
      </c>
      <c r="F1318" s="522" t="s">
        <v>596</v>
      </c>
      <c r="G1318" s="450"/>
      <c r="H1318" s="451"/>
      <c r="I1318" s="451"/>
      <c r="J1318" s="144"/>
      <c r="K1318" s="517"/>
      <c r="L1318" s="455">
        <v>38362</v>
      </c>
      <c r="M1318" s="455"/>
      <c r="N1318" s="418" t="str">
        <f t="shared" si="40"/>
        <v/>
      </c>
    </row>
    <row r="1319" spans="1:14" ht="57">
      <c r="A1319" s="538"/>
      <c r="B1319" s="411">
        <f t="shared" si="41"/>
        <v>60</v>
      </c>
      <c r="C1319" s="498" t="s">
        <v>3113</v>
      </c>
      <c r="D1319" s="449" t="s">
        <v>3114</v>
      </c>
      <c r="E1319" s="510" t="s">
        <v>595</v>
      </c>
      <c r="F1319" s="522" t="s">
        <v>596</v>
      </c>
      <c r="G1319" s="450"/>
      <c r="H1319" s="451"/>
      <c r="I1319" s="451"/>
      <c r="J1319" s="144"/>
      <c r="K1319" s="517"/>
      <c r="L1319" s="455">
        <v>38362</v>
      </c>
      <c r="M1319" s="455"/>
      <c r="N1319" s="418" t="str">
        <f t="shared" si="40"/>
        <v/>
      </c>
    </row>
    <row r="1320" spans="1:14" ht="71.25">
      <c r="A1320" s="538"/>
      <c r="B1320" s="411">
        <f t="shared" si="41"/>
        <v>60</v>
      </c>
      <c r="C1320" s="498" t="s">
        <v>3115</v>
      </c>
      <c r="D1320" s="449" t="s">
        <v>3116</v>
      </c>
      <c r="E1320" s="510" t="s">
        <v>595</v>
      </c>
      <c r="F1320" s="522" t="s">
        <v>596</v>
      </c>
      <c r="G1320" s="450"/>
      <c r="H1320" s="451"/>
      <c r="I1320" s="451"/>
      <c r="J1320" s="144"/>
      <c r="K1320" s="517"/>
      <c r="L1320" s="455">
        <v>38362</v>
      </c>
      <c r="M1320" s="455"/>
      <c r="N1320" s="418" t="str">
        <f t="shared" si="40"/>
        <v/>
      </c>
    </row>
    <row r="1321" spans="1:14" ht="42.75">
      <c r="A1321" s="538"/>
      <c r="B1321" s="411">
        <f t="shared" si="41"/>
        <v>60</v>
      </c>
      <c r="C1321" s="498" t="s">
        <v>3117</v>
      </c>
      <c r="D1321" s="449" t="s">
        <v>3118</v>
      </c>
      <c r="E1321" s="510" t="s">
        <v>595</v>
      </c>
      <c r="F1321" s="522" t="s">
        <v>596</v>
      </c>
      <c r="G1321" s="450"/>
      <c r="H1321" s="451"/>
      <c r="I1321" s="451"/>
      <c r="J1321" s="144"/>
      <c r="K1321" s="517"/>
      <c r="L1321" s="455">
        <v>38362</v>
      </c>
      <c r="M1321" s="455"/>
      <c r="N1321" s="418" t="str">
        <f t="shared" si="40"/>
        <v/>
      </c>
    </row>
    <row r="1322" spans="1:14" ht="15.75">
      <c r="A1322" s="538"/>
      <c r="B1322" s="411">
        <f t="shared" si="41"/>
        <v>60</v>
      </c>
      <c r="C1322" s="498" t="s">
        <v>3119</v>
      </c>
      <c r="D1322" s="449" t="s">
        <v>3120</v>
      </c>
      <c r="E1322" s="510" t="s">
        <v>595</v>
      </c>
      <c r="F1322" s="522" t="s">
        <v>596</v>
      </c>
      <c r="G1322" s="450"/>
      <c r="H1322" s="451"/>
      <c r="I1322" s="451"/>
      <c r="J1322" s="144"/>
      <c r="K1322" s="517"/>
      <c r="L1322" s="455">
        <v>38362</v>
      </c>
      <c r="M1322" s="455"/>
      <c r="N1322" s="418" t="str">
        <f t="shared" si="40"/>
        <v/>
      </c>
    </row>
    <row r="1323" spans="1:14" ht="57">
      <c r="A1323" s="538"/>
      <c r="B1323" s="411">
        <f t="shared" si="41"/>
        <v>60</v>
      </c>
      <c r="C1323" s="498" t="s">
        <v>3121</v>
      </c>
      <c r="D1323" s="449" t="s">
        <v>3122</v>
      </c>
      <c r="E1323" s="510" t="s">
        <v>595</v>
      </c>
      <c r="F1323" s="522" t="s">
        <v>596</v>
      </c>
      <c r="G1323" s="450"/>
      <c r="H1323" s="451"/>
      <c r="I1323" s="451"/>
      <c r="J1323" s="144"/>
      <c r="K1323" s="517"/>
      <c r="L1323" s="455">
        <v>38362</v>
      </c>
      <c r="M1323" s="455"/>
      <c r="N1323" s="418" t="str">
        <f t="shared" si="40"/>
        <v/>
      </c>
    </row>
    <row r="1324" spans="1:14" ht="15.75">
      <c r="A1324" s="538"/>
      <c r="B1324" s="411">
        <f t="shared" si="41"/>
        <v>60</v>
      </c>
      <c r="C1324" s="498" t="s">
        <v>3123</v>
      </c>
      <c r="D1324" s="449" t="s">
        <v>3124</v>
      </c>
      <c r="E1324" s="510" t="s">
        <v>595</v>
      </c>
      <c r="F1324" s="522" t="s">
        <v>596</v>
      </c>
      <c r="G1324" s="450"/>
      <c r="H1324" s="451"/>
      <c r="I1324" s="451"/>
      <c r="J1324" s="144"/>
      <c r="K1324" s="517"/>
      <c r="L1324" s="455">
        <v>38362</v>
      </c>
      <c r="M1324" s="455"/>
      <c r="N1324" s="418" t="str">
        <f t="shared" si="40"/>
        <v/>
      </c>
    </row>
    <row r="1325" spans="1:14" ht="15.75">
      <c r="A1325" s="538"/>
      <c r="B1325" s="411">
        <f t="shared" si="41"/>
        <v>60</v>
      </c>
      <c r="C1325" s="498" t="s">
        <v>3125</v>
      </c>
      <c r="D1325" s="449" t="s">
        <v>3126</v>
      </c>
      <c r="E1325" s="510" t="s">
        <v>595</v>
      </c>
      <c r="F1325" s="522" t="s">
        <v>596</v>
      </c>
      <c r="G1325" s="450"/>
      <c r="H1325" s="451"/>
      <c r="I1325" s="451"/>
      <c r="J1325" s="144"/>
      <c r="K1325" s="517"/>
      <c r="L1325" s="455">
        <v>38362</v>
      </c>
      <c r="M1325" s="455"/>
      <c r="N1325" s="418" t="str">
        <f t="shared" si="40"/>
        <v/>
      </c>
    </row>
    <row r="1326" spans="1:14" ht="42.75">
      <c r="A1326" s="538"/>
      <c r="B1326" s="411">
        <f t="shared" si="41"/>
        <v>60</v>
      </c>
      <c r="C1326" s="498" t="s">
        <v>3127</v>
      </c>
      <c r="D1326" s="449" t="s">
        <v>3128</v>
      </c>
      <c r="E1326" s="510" t="s">
        <v>595</v>
      </c>
      <c r="F1326" s="522" t="s">
        <v>596</v>
      </c>
      <c r="G1326" s="450"/>
      <c r="H1326" s="451"/>
      <c r="I1326" s="451"/>
      <c r="J1326" s="144"/>
      <c r="K1326" s="517"/>
      <c r="L1326" s="455">
        <v>38362</v>
      </c>
      <c r="M1326" s="455"/>
      <c r="N1326" s="418" t="str">
        <f t="shared" si="40"/>
        <v/>
      </c>
    </row>
    <row r="1327" spans="1:14" ht="28.5">
      <c r="A1327" s="538"/>
      <c r="B1327" s="411">
        <f t="shared" si="41"/>
        <v>60</v>
      </c>
      <c r="C1327" s="498" t="s">
        <v>3129</v>
      </c>
      <c r="D1327" s="449" t="s">
        <v>3130</v>
      </c>
      <c r="E1327" s="510" t="s">
        <v>595</v>
      </c>
      <c r="F1327" s="522" t="s">
        <v>596</v>
      </c>
      <c r="G1327" s="450"/>
      <c r="H1327" s="451"/>
      <c r="I1327" s="451"/>
      <c r="J1327" s="144"/>
      <c r="K1327" s="517"/>
      <c r="L1327" s="455">
        <v>38362</v>
      </c>
      <c r="M1327" s="455"/>
      <c r="N1327" s="418" t="str">
        <f t="shared" si="40"/>
        <v/>
      </c>
    </row>
    <row r="1328" spans="1:14" ht="42.75">
      <c r="A1328" s="538"/>
      <c r="B1328" s="411">
        <f t="shared" si="41"/>
        <v>60</v>
      </c>
      <c r="C1328" s="498" t="s">
        <v>3131</v>
      </c>
      <c r="D1328" s="449" t="s">
        <v>3132</v>
      </c>
      <c r="E1328" s="510" t="s">
        <v>595</v>
      </c>
      <c r="F1328" s="522" t="s">
        <v>596</v>
      </c>
      <c r="G1328" s="450"/>
      <c r="H1328" s="451"/>
      <c r="I1328" s="451"/>
      <c r="J1328" s="144"/>
      <c r="K1328" s="517"/>
      <c r="L1328" s="455">
        <v>38362</v>
      </c>
      <c r="M1328" s="455"/>
      <c r="N1328" s="418" t="str">
        <f t="shared" si="40"/>
        <v/>
      </c>
    </row>
    <row r="1329" spans="1:14" ht="57">
      <c r="A1329" s="538"/>
      <c r="B1329" s="411">
        <f t="shared" si="41"/>
        <v>60</v>
      </c>
      <c r="C1329" s="498" t="s">
        <v>3133</v>
      </c>
      <c r="D1329" s="449" t="s">
        <v>3134</v>
      </c>
      <c r="E1329" s="510" t="s">
        <v>595</v>
      </c>
      <c r="F1329" s="522" t="s">
        <v>596</v>
      </c>
      <c r="G1329" s="450"/>
      <c r="H1329" s="451"/>
      <c r="I1329" s="451"/>
      <c r="J1329" s="144"/>
      <c r="K1329" s="517"/>
      <c r="L1329" s="455">
        <v>38362</v>
      </c>
      <c r="M1329" s="455"/>
      <c r="N1329" s="418" t="str">
        <f t="shared" si="40"/>
        <v/>
      </c>
    </row>
    <row r="1330" spans="1:14" ht="28.5">
      <c r="A1330" s="538"/>
      <c r="B1330" s="411">
        <f t="shared" si="41"/>
        <v>60</v>
      </c>
      <c r="C1330" s="498" t="s">
        <v>3135</v>
      </c>
      <c r="D1330" s="449" t="s">
        <v>3136</v>
      </c>
      <c r="E1330" s="510" t="s">
        <v>595</v>
      </c>
      <c r="F1330" s="522" t="s">
        <v>596</v>
      </c>
      <c r="G1330" s="450"/>
      <c r="H1330" s="451"/>
      <c r="I1330" s="451"/>
      <c r="J1330" s="144"/>
      <c r="K1330" s="517"/>
      <c r="L1330" s="455">
        <v>38362</v>
      </c>
      <c r="M1330" s="455"/>
      <c r="N1330" s="418" t="str">
        <f t="shared" si="40"/>
        <v/>
      </c>
    </row>
    <row r="1331" spans="1:14" ht="42.75">
      <c r="A1331" s="538"/>
      <c r="B1331" s="411">
        <f t="shared" si="41"/>
        <v>60</v>
      </c>
      <c r="C1331" s="498" t="s">
        <v>3137</v>
      </c>
      <c r="D1331" s="449" t="s">
        <v>3138</v>
      </c>
      <c r="E1331" s="510" t="s">
        <v>595</v>
      </c>
      <c r="F1331" s="522" t="s">
        <v>596</v>
      </c>
      <c r="G1331" s="450"/>
      <c r="H1331" s="451"/>
      <c r="I1331" s="451"/>
      <c r="J1331" s="144"/>
      <c r="K1331" s="517"/>
      <c r="L1331" s="455">
        <v>38362</v>
      </c>
      <c r="M1331" s="455"/>
      <c r="N1331" s="418" t="str">
        <f t="shared" si="40"/>
        <v/>
      </c>
    </row>
    <row r="1332" spans="1:14" ht="42.75">
      <c r="A1332" s="538"/>
      <c r="B1332" s="411">
        <f t="shared" si="41"/>
        <v>60</v>
      </c>
      <c r="C1332" s="498" t="s">
        <v>3139</v>
      </c>
      <c r="D1332" s="449" t="s">
        <v>3140</v>
      </c>
      <c r="E1332" s="510" t="s">
        <v>595</v>
      </c>
      <c r="F1332" s="522" t="s">
        <v>596</v>
      </c>
      <c r="G1332" s="450"/>
      <c r="H1332" s="451"/>
      <c r="I1332" s="451"/>
      <c r="J1332" s="144"/>
      <c r="K1332" s="517"/>
      <c r="L1332" s="455">
        <v>38362</v>
      </c>
      <c r="M1332" s="455"/>
      <c r="N1332" s="418" t="str">
        <f t="shared" si="40"/>
        <v/>
      </c>
    </row>
    <row r="1333" spans="1:14" ht="42.75">
      <c r="A1333" s="538"/>
      <c r="B1333" s="411">
        <f t="shared" si="41"/>
        <v>60</v>
      </c>
      <c r="C1333" s="498" t="s">
        <v>3141</v>
      </c>
      <c r="D1333" s="449" t="s">
        <v>3142</v>
      </c>
      <c r="E1333" s="510" t="s">
        <v>595</v>
      </c>
      <c r="F1333" s="522" t="s">
        <v>596</v>
      </c>
      <c r="G1333" s="450"/>
      <c r="H1333" s="451"/>
      <c r="I1333" s="451"/>
      <c r="J1333" s="144"/>
      <c r="K1333" s="517"/>
      <c r="L1333" s="455">
        <v>38362</v>
      </c>
      <c r="M1333" s="455"/>
      <c r="N1333" s="418" t="str">
        <f t="shared" si="40"/>
        <v/>
      </c>
    </row>
    <row r="1334" spans="1:14" ht="28.5">
      <c r="A1334" s="538"/>
      <c r="B1334" s="411">
        <f t="shared" si="41"/>
        <v>60</v>
      </c>
      <c r="C1334" s="498" t="s">
        <v>3143</v>
      </c>
      <c r="D1334" s="449" t="s">
        <v>3144</v>
      </c>
      <c r="E1334" s="510" t="s">
        <v>595</v>
      </c>
      <c r="F1334" s="522" t="s">
        <v>596</v>
      </c>
      <c r="G1334" s="450"/>
      <c r="H1334" s="451"/>
      <c r="I1334" s="451"/>
      <c r="J1334" s="144"/>
      <c r="K1334" s="517"/>
      <c r="L1334" s="455">
        <v>38362</v>
      </c>
      <c r="M1334" s="455"/>
      <c r="N1334" s="418" t="str">
        <f t="shared" si="40"/>
        <v/>
      </c>
    </row>
    <row r="1335" spans="1:14" ht="42.75">
      <c r="A1335" s="538"/>
      <c r="B1335" s="411">
        <f t="shared" si="41"/>
        <v>60</v>
      </c>
      <c r="C1335" s="498" t="s">
        <v>3145</v>
      </c>
      <c r="D1335" s="449" t="s">
        <v>3146</v>
      </c>
      <c r="E1335" s="510" t="s">
        <v>595</v>
      </c>
      <c r="F1335" s="522" t="s">
        <v>596</v>
      </c>
      <c r="G1335" s="450"/>
      <c r="H1335" s="451"/>
      <c r="I1335" s="451"/>
      <c r="J1335" s="144"/>
      <c r="K1335" s="517"/>
      <c r="L1335" s="455">
        <v>38362</v>
      </c>
      <c r="M1335" s="455"/>
      <c r="N1335" s="418" t="str">
        <f t="shared" si="40"/>
        <v/>
      </c>
    </row>
    <row r="1336" spans="1:14" ht="42.75">
      <c r="A1336" s="538"/>
      <c r="B1336" s="411">
        <f t="shared" si="41"/>
        <v>60</v>
      </c>
      <c r="C1336" s="498" t="s">
        <v>3147</v>
      </c>
      <c r="D1336" s="449" t="s">
        <v>3148</v>
      </c>
      <c r="E1336" s="510" t="s">
        <v>595</v>
      </c>
      <c r="F1336" s="522" t="s">
        <v>596</v>
      </c>
      <c r="G1336" s="450"/>
      <c r="H1336" s="451"/>
      <c r="I1336" s="451"/>
      <c r="J1336" s="144"/>
      <c r="K1336" s="517"/>
      <c r="L1336" s="455">
        <v>38362</v>
      </c>
      <c r="M1336" s="455"/>
      <c r="N1336" s="418" t="str">
        <f t="shared" si="40"/>
        <v/>
      </c>
    </row>
    <row r="1337" spans="1:14" ht="28.5">
      <c r="A1337" s="538"/>
      <c r="B1337" s="411">
        <f t="shared" si="41"/>
        <v>60</v>
      </c>
      <c r="C1337" s="498" t="s">
        <v>3149</v>
      </c>
      <c r="D1337" s="449" t="s">
        <v>3150</v>
      </c>
      <c r="E1337" s="510" t="s">
        <v>595</v>
      </c>
      <c r="F1337" s="522" t="s">
        <v>596</v>
      </c>
      <c r="G1337" s="450"/>
      <c r="H1337" s="451"/>
      <c r="I1337" s="451"/>
      <c r="J1337" s="144"/>
      <c r="K1337" s="517"/>
      <c r="L1337" s="455">
        <v>38362</v>
      </c>
      <c r="M1337" s="455"/>
      <c r="N1337" s="418" t="str">
        <f t="shared" si="40"/>
        <v/>
      </c>
    </row>
    <row r="1338" spans="1:14" ht="15.75">
      <c r="A1338" s="538"/>
      <c r="B1338" s="411">
        <f t="shared" si="41"/>
        <v>60</v>
      </c>
      <c r="C1338" s="498" t="s">
        <v>3151</v>
      </c>
      <c r="D1338" s="449" t="s">
        <v>3152</v>
      </c>
      <c r="E1338" s="510" t="s">
        <v>595</v>
      </c>
      <c r="F1338" s="522" t="s">
        <v>596</v>
      </c>
      <c r="G1338" s="450"/>
      <c r="H1338" s="451"/>
      <c r="I1338" s="451"/>
      <c r="J1338" s="144"/>
      <c r="K1338" s="517"/>
      <c r="L1338" s="455">
        <v>38362</v>
      </c>
      <c r="M1338" s="455"/>
      <c r="N1338" s="418" t="str">
        <f t="shared" si="40"/>
        <v/>
      </c>
    </row>
    <row r="1339" spans="1:14" ht="15.75">
      <c r="A1339" s="538"/>
      <c r="B1339" s="411">
        <f t="shared" si="41"/>
        <v>60</v>
      </c>
      <c r="C1339" s="498" t="s">
        <v>3153</v>
      </c>
      <c r="D1339" s="449" t="s">
        <v>3154</v>
      </c>
      <c r="E1339" s="510" t="s">
        <v>595</v>
      </c>
      <c r="F1339" s="522" t="s">
        <v>596</v>
      </c>
      <c r="G1339" s="450"/>
      <c r="H1339" s="451"/>
      <c r="I1339" s="451"/>
      <c r="J1339" s="144"/>
      <c r="K1339" s="517"/>
      <c r="L1339" s="455">
        <v>38362</v>
      </c>
      <c r="M1339" s="455"/>
      <c r="N1339" s="418" t="str">
        <f t="shared" si="40"/>
        <v/>
      </c>
    </row>
    <row r="1340" spans="1:14" ht="57">
      <c r="A1340" s="538"/>
      <c r="B1340" s="411">
        <f t="shared" si="41"/>
        <v>60</v>
      </c>
      <c r="C1340" s="498" t="s">
        <v>3155</v>
      </c>
      <c r="D1340" s="449" t="s">
        <v>3156</v>
      </c>
      <c r="E1340" s="510" t="s">
        <v>595</v>
      </c>
      <c r="F1340" s="522" t="s">
        <v>596</v>
      </c>
      <c r="G1340" s="450"/>
      <c r="H1340" s="451"/>
      <c r="I1340" s="451"/>
      <c r="J1340" s="144"/>
      <c r="K1340" s="517"/>
      <c r="L1340" s="455">
        <v>38362</v>
      </c>
      <c r="M1340" s="455"/>
      <c r="N1340" s="418" t="str">
        <f t="shared" si="40"/>
        <v/>
      </c>
    </row>
    <row r="1341" spans="1:14" ht="28.5">
      <c r="A1341" s="538"/>
      <c r="B1341" s="411">
        <f t="shared" si="41"/>
        <v>60</v>
      </c>
      <c r="C1341" s="498" t="s">
        <v>3157</v>
      </c>
      <c r="D1341" s="449" t="s">
        <v>3158</v>
      </c>
      <c r="E1341" s="510" t="s">
        <v>595</v>
      </c>
      <c r="F1341" s="522" t="s">
        <v>596</v>
      </c>
      <c r="G1341" s="450"/>
      <c r="H1341" s="451"/>
      <c r="I1341" s="451"/>
      <c r="J1341" s="144"/>
      <c r="K1341" s="517"/>
      <c r="L1341" s="455">
        <v>38362</v>
      </c>
      <c r="M1341" s="455"/>
      <c r="N1341" s="418" t="str">
        <f t="shared" si="40"/>
        <v/>
      </c>
    </row>
    <row r="1342" spans="1:14" ht="28.5">
      <c r="A1342" s="538"/>
      <c r="B1342" s="411">
        <f t="shared" si="41"/>
        <v>60</v>
      </c>
      <c r="C1342" s="498" t="s">
        <v>3159</v>
      </c>
      <c r="D1342" s="449" t="s">
        <v>3160</v>
      </c>
      <c r="E1342" s="510" t="s">
        <v>595</v>
      </c>
      <c r="F1342" s="522" t="s">
        <v>596</v>
      </c>
      <c r="G1342" s="450"/>
      <c r="H1342" s="451"/>
      <c r="I1342" s="451"/>
      <c r="J1342" s="144"/>
      <c r="K1342" s="517"/>
      <c r="L1342" s="455">
        <v>38362</v>
      </c>
      <c r="M1342" s="455"/>
      <c r="N1342" s="418" t="str">
        <f t="shared" si="40"/>
        <v/>
      </c>
    </row>
    <row r="1343" spans="1:14" ht="28.5">
      <c r="A1343" s="538"/>
      <c r="B1343" s="411">
        <f t="shared" si="41"/>
        <v>60</v>
      </c>
      <c r="C1343" s="498" t="s">
        <v>3161</v>
      </c>
      <c r="D1343" s="449" t="s">
        <v>3162</v>
      </c>
      <c r="E1343" s="510" t="s">
        <v>595</v>
      </c>
      <c r="F1343" s="522" t="s">
        <v>596</v>
      </c>
      <c r="G1343" s="450"/>
      <c r="H1343" s="451"/>
      <c r="I1343" s="451"/>
      <c r="J1343" s="144"/>
      <c r="K1343" s="517"/>
      <c r="L1343" s="455">
        <v>38362</v>
      </c>
      <c r="M1343" s="455"/>
      <c r="N1343" s="418" t="str">
        <f t="shared" si="40"/>
        <v/>
      </c>
    </row>
    <row r="1344" spans="1:14" ht="15.75">
      <c r="A1344" s="538"/>
      <c r="B1344" s="411">
        <f t="shared" si="41"/>
        <v>60</v>
      </c>
      <c r="C1344" s="498" t="s">
        <v>13994</v>
      </c>
      <c r="D1344" s="449" t="s">
        <v>13995</v>
      </c>
      <c r="E1344" s="510" t="s">
        <v>595</v>
      </c>
      <c r="F1344" s="522" t="s">
        <v>596</v>
      </c>
      <c r="G1344" s="450"/>
      <c r="H1344" s="451"/>
      <c r="I1344" s="451"/>
      <c r="J1344" s="144"/>
      <c r="K1344" s="517"/>
      <c r="L1344" s="455">
        <v>43132</v>
      </c>
      <c r="M1344" s="455"/>
      <c r="N1344" s="418" t="str">
        <f t="shared" si="40"/>
        <v>DUPLICATE</v>
      </c>
    </row>
    <row r="1345" spans="1:14" ht="15.75">
      <c r="A1345" s="538"/>
      <c r="B1345" s="411">
        <f t="shared" si="41"/>
        <v>60</v>
      </c>
      <c r="C1345" s="498" t="s">
        <v>3163</v>
      </c>
      <c r="D1345" s="449" t="s">
        <v>3164</v>
      </c>
      <c r="E1345" s="510" t="s">
        <v>595</v>
      </c>
      <c r="F1345" s="522" t="s">
        <v>596</v>
      </c>
      <c r="G1345" s="450"/>
      <c r="H1345" s="451"/>
      <c r="I1345" s="451"/>
      <c r="J1345" s="144"/>
      <c r="K1345" s="517"/>
      <c r="L1345" s="455">
        <v>38362</v>
      </c>
      <c r="M1345" s="455"/>
      <c r="N1345" s="418" t="str">
        <f t="shared" si="40"/>
        <v/>
      </c>
    </row>
    <row r="1346" spans="1:14" ht="15.75">
      <c r="A1346" s="538"/>
      <c r="B1346" s="411">
        <f t="shared" si="41"/>
        <v>60</v>
      </c>
      <c r="C1346" s="498" t="s">
        <v>3165</v>
      </c>
      <c r="D1346" s="449" t="s">
        <v>3166</v>
      </c>
      <c r="E1346" s="510" t="s">
        <v>595</v>
      </c>
      <c r="F1346" s="522" t="s">
        <v>596</v>
      </c>
      <c r="G1346" s="450"/>
      <c r="H1346" s="451"/>
      <c r="I1346" s="451"/>
      <c r="J1346" s="144"/>
      <c r="K1346" s="517"/>
      <c r="L1346" s="455">
        <v>38362</v>
      </c>
      <c r="M1346" s="455"/>
      <c r="N1346" s="418" t="str">
        <f t="shared" si="40"/>
        <v/>
      </c>
    </row>
    <row r="1347" spans="1:14" ht="15.75">
      <c r="A1347" s="538"/>
      <c r="B1347" s="411">
        <f t="shared" si="41"/>
        <v>60</v>
      </c>
      <c r="C1347" s="498" t="s">
        <v>3167</v>
      </c>
      <c r="D1347" s="449" t="s">
        <v>3168</v>
      </c>
      <c r="E1347" s="510" t="s">
        <v>707</v>
      </c>
      <c r="F1347" s="522" t="s">
        <v>600</v>
      </c>
      <c r="G1347" s="450" t="s">
        <v>597</v>
      </c>
      <c r="H1347" s="451"/>
      <c r="I1347" s="451"/>
      <c r="J1347" s="144"/>
      <c r="K1347" s="517"/>
      <c r="L1347" s="455">
        <v>40940</v>
      </c>
      <c r="M1347" s="455"/>
      <c r="N1347" s="418" t="str">
        <f t="shared" si="40"/>
        <v>DUPLICATE</v>
      </c>
    </row>
    <row r="1348" spans="1:14" ht="15.75">
      <c r="A1348" s="538"/>
      <c r="B1348" s="411">
        <f t="shared" si="41"/>
        <v>60</v>
      </c>
      <c r="C1348" s="498" t="s">
        <v>3169</v>
      </c>
      <c r="D1348" s="449" t="s">
        <v>3170</v>
      </c>
      <c r="E1348" s="510" t="s">
        <v>595</v>
      </c>
      <c r="F1348" s="522" t="s">
        <v>596</v>
      </c>
      <c r="G1348" s="450"/>
      <c r="H1348" s="451"/>
      <c r="I1348" s="451"/>
      <c r="J1348" s="144"/>
      <c r="K1348" s="517"/>
      <c r="L1348" s="455">
        <v>38362</v>
      </c>
      <c r="M1348" s="455"/>
      <c r="N1348" s="418" t="str">
        <f t="shared" si="40"/>
        <v/>
      </c>
    </row>
    <row r="1349" spans="1:14" ht="15.75">
      <c r="A1349" s="538"/>
      <c r="B1349" s="411">
        <f t="shared" si="41"/>
        <v>60</v>
      </c>
      <c r="C1349" s="498" t="s">
        <v>3171</v>
      </c>
      <c r="D1349" s="449" t="s">
        <v>3172</v>
      </c>
      <c r="E1349" s="510" t="s">
        <v>595</v>
      </c>
      <c r="F1349" s="522" t="s">
        <v>596</v>
      </c>
      <c r="G1349" s="450"/>
      <c r="H1349" s="451"/>
      <c r="I1349" s="451"/>
      <c r="J1349" s="144"/>
      <c r="K1349" s="517"/>
      <c r="L1349" s="455">
        <v>38362</v>
      </c>
      <c r="M1349" s="455"/>
      <c r="N1349" s="418" t="str">
        <f t="shared" si="40"/>
        <v/>
      </c>
    </row>
    <row r="1350" spans="1:14" ht="15.75">
      <c r="A1350" s="538"/>
      <c r="B1350" s="411">
        <f t="shared" si="41"/>
        <v>60</v>
      </c>
      <c r="C1350" s="498" t="s">
        <v>3173</v>
      </c>
      <c r="D1350" s="449" t="s">
        <v>3174</v>
      </c>
      <c r="E1350" s="510" t="s">
        <v>595</v>
      </c>
      <c r="F1350" s="522" t="s">
        <v>596</v>
      </c>
      <c r="G1350" s="450"/>
      <c r="H1350" s="451"/>
      <c r="I1350" s="451"/>
      <c r="J1350" s="144"/>
      <c r="K1350" s="517"/>
      <c r="L1350" s="455">
        <v>38362</v>
      </c>
      <c r="M1350" s="455"/>
      <c r="N1350" s="418" t="str">
        <f t="shared" si="40"/>
        <v/>
      </c>
    </row>
    <row r="1351" spans="1:14" ht="15.75">
      <c r="A1351" s="538"/>
      <c r="B1351" s="411">
        <f t="shared" si="41"/>
        <v>60</v>
      </c>
      <c r="C1351" s="498" t="s">
        <v>3175</v>
      </c>
      <c r="D1351" s="449" t="s">
        <v>3176</v>
      </c>
      <c r="E1351" s="510" t="s">
        <v>595</v>
      </c>
      <c r="F1351" s="522" t="s">
        <v>596</v>
      </c>
      <c r="G1351" s="450"/>
      <c r="H1351" s="451"/>
      <c r="I1351" s="451"/>
      <c r="J1351" s="144"/>
      <c r="K1351" s="517"/>
      <c r="L1351" s="455">
        <v>38362</v>
      </c>
      <c r="M1351" s="455"/>
      <c r="N1351" s="418" t="str">
        <f t="shared" si="40"/>
        <v/>
      </c>
    </row>
    <row r="1352" spans="1:14" ht="57">
      <c r="A1352" s="538"/>
      <c r="B1352" s="411">
        <f t="shared" si="41"/>
        <v>60</v>
      </c>
      <c r="C1352" s="498" t="s">
        <v>3177</v>
      </c>
      <c r="D1352" s="449" t="s">
        <v>3178</v>
      </c>
      <c r="E1352" s="510" t="s">
        <v>595</v>
      </c>
      <c r="F1352" s="522" t="s">
        <v>596</v>
      </c>
      <c r="G1352" s="532"/>
      <c r="H1352" s="451"/>
      <c r="I1352" s="451"/>
      <c r="J1352" s="144"/>
      <c r="K1352" s="517"/>
      <c r="L1352" s="455">
        <v>38362</v>
      </c>
      <c r="M1352" s="455"/>
      <c r="N1352" s="418" t="str">
        <f t="shared" si="40"/>
        <v/>
      </c>
    </row>
    <row r="1353" spans="1:14" ht="78.75">
      <c r="A1353" s="538"/>
      <c r="B1353" s="411">
        <f t="shared" si="41"/>
        <v>60</v>
      </c>
      <c r="C1353" s="498" t="s">
        <v>3179</v>
      </c>
      <c r="D1353" s="449" t="s">
        <v>3180</v>
      </c>
      <c r="E1353" s="645" t="s">
        <v>595</v>
      </c>
      <c r="F1353" s="640" t="s">
        <v>652</v>
      </c>
      <c r="G1353" s="450" t="s">
        <v>1365</v>
      </c>
      <c r="H1353" s="451"/>
      <c r="I1353" s="451"/>
      <c r="J1353" s="144"/>
      <c r="K1353" s="517"/>
      <c r="L1353" s="455">
        <v>38362</v>
      </c>
      <c r="M1353" s="455">
        <v>41671</v>
      </c>
      <c r="N1353" s="418" t="str">
        <f t="shared" si="40"/>
        <v>DUPLICATE</v>
      </c>
    </row>
    <row r="1354" spans="1:14" ht="28.5">
      <c r="A1354" s="538"/>
      <c r="B1354" s="411">
        <f t="shared" si="41"/>
        <v>60</v>
      </c>
      <c r="C1354" s="498" t="s">
        <v>3181</v>
      </c>
      <c r="D1354" s="449" t="s">
        <v>3182</v>
      </c>
      <c r="E1354" s="510" t="s">
        <v>595</v>
      </c>
      <c r="F1354" s="522" t="s">
        <v>596</v>
      </c>
      <c r="G1354" s="450"/>
      <c r="H1354" s="451"/>
      <c r="I1354" s="451"/>
      <c r="J1354" s="144"/>
      <c r="K1354" s="517"/>
      <c r="L1354" s="455">
        <v>38362</v>
      </c>
      <c r="M1354" s="455"/>
      <c r="N1354" s="418" t="str">
        <f t="shared" si="40"/>
        <v/>
      </c>
    </row>
    <row r="1355" spans="1:14" ht="28.5">
      <c r="A1355" s="538"/>
      <c r="B1355" s="411">
        <f t="shared" si="41"/>
        <v>60</v>
      </c>
      <c r="C1355" s="498" t="s">
        <v>3183</v>
      </c>
      <c r="D1355" s="449" t="s">
        <v>3184</v>
      </c>
      <c r="E1355" s="510" t="s">
        <v>595</v>
      </c>
      <c r="F1355" s="522" t="s">
        <v>596</v>
      </c>
      <c r="G1355" s="450"/>
      <c r="H1355" s="451"/>
      <c r="I1355" s="451"/>
      <c r="J1355" s="144"/>
      <c r="K1355" s="517"/>
      <c r="L1355" s="455">
        <v>38362</v>
      </c>
      <c r="M1355" s="455"/>
      <c r="N1355" s="418" t="str">
        <f t="shared" si="40"/>
        <v/>
      </c>
    </row>
    <row r="1356" spans="1:14" ht="28.5">
      <c r="A1356" s="538"/>
      <c r="B1356" s="411">
        <f t="shared" si="41"/>
        <v>60</v>
      </c>
      <c r="C1356" s="498" t="s">
        <v>3185</v>
      </c>
      <c r="D1356" s="449" t="s">
        <v>3186</v>
      </c>
      <c r="E1356" s="510" t="s">
        <v>595</v>
      </c>
      <c r="F1356" s="522" t="s">
        <v>596</v>
      </c>
      <c r="G1356" s="450"/>
      <c r="H1356" s="451"/>
      <c r="I1356" s="451"/>
      <c r="J1356" s="144"/>
      <c r="K1356" s="517"/>
      <c r="L1356" s="455">
        <v>38362</v>
      </c>
      <c r="M1356" s="455"/>
      <c r="N1356" s="418" t="str">
        <f t="shared" si="40"/>
        <v/>
      </c>
    </row>
    <row r="1357" spans="1:14" ht="15.75">
      <c r="A1357" s="538"/>
      <c r="B1357" s="411">
        <f t="shared" si="41"/>
        <v>60</v>
      </c>
      <c r="C1357" s="498" t="s">
        <v>3187</v>
      </c>
      <c r="D1357" s="449" t="s">
        <v>3188</v>
      </c>
      <c r="E1357" s="510" t="s">
        <v>595</v>
      </c>
      <c r="F1357" s="522" t="s">
        <v>596</v>
      </c>
      <c r="G1357" s="450"/>
      <c r="H1357" s="451"/>
      <c r="I1357" s="451"/>
      <c r="J1357" s="144"/>
      <c r="K1357" s="517"/>
      <c r="L1357" s="455">
        <v>38362</v>
      </c>
      <c r="M1357" s="455"/>
      <c r="N1357" s="418" t="str">
        <f t="shared" si="40"/>
        <v/>
      </c>
    </row>
    <row r="1358" spans="1:14" ht="15.75">
      <c r="A1358" s="538"/>
      <c r="B1358" s="411">
        <f t="shared" si="41"/>
        <v>60</v>
      </c>
      <c r="C1358" s="498" t="s">
        <v>3189</v>
      </c>
      <c r="D1358" s="449" t="s">
        <v>3190</v>
      </c>
      <c r="E1358" s="510" t="s">
        <v>595</v>
      </c>
      <c r="F1358" s="522" t="s">
        <v>596</v>
      </c>
      <c r="G1358" s="450"/>
      <c r="H1358" s="451"/>
      <c r="I1358" s="451"/>
      <c r="J1358" s="144"/>
      <c r="K1358" s="517"/>
      <c r="L1358" s="455">
        <v>38362</v>
      </c>
      <c r="M1358" s="455"/>
      <c r="N1358" s="418" t="str">
        <f t="shared" si="40"/>
        <v/>
      </c>
    </row>
    <row r="1359" spans="1:14" ht="15.75">
      <c r="A1359" s="538"/>
      <c r="B1359" s="411">
        <f t="shared" si="41"/>
        <v>60</v>
      </c>
      <c r="C1359" s="498" t="s">
        <v>3191</v>
      </c>
      <c r="D1359" s="449" t="s">
        <v>3192</v>
      </c>
      <c r="E1359" s="510" t="s">
        <v>595</v>
      </c>
      <c r="F1359" s="522" t="s">
        <v>596</v>
      </c>
      <c r="G1359" s="450"/>
      <c r="H1359" s="451"/>
      <c r="I1359" s="451"/>
      <c r="J1359" s="144"/>
      <c r="K1359" s="517"/>
      <c r="L1359" s="455">
        <v>38362</v>
      </c>
      <c r="M1359" s="455"/>
      <c r="N1359" s="418" t="str">
        <f t="shared" si="40"/>
        <v/>
      </c>
    </row>
    <row r="1360" spans="1:14" ht="15.75">
      <c r="A1360" s="538"/>
      <c r="B1360" s="411">
        <f t="shared" si="41"/>
        <v>60</v>
      </c>
      <c r="C1360" s="498" t="s">
        <v>3193</v>
      </c>
      <c r="D1360" s="449" t="s">
        <v>3194</v>
      </c>
      <c r="E1360" s="510" t="s">
        <v>595</v>
      </c>
      <c r="F1360" s="522" t="s">
        <v>596</v>
      </c>
      <c r="G1360" s="450"/>
      <c r="H1360" s="451"/>
      <c r="I1360" s="451"/>
      <c r="J1360" s="144"/>
      <c r="K1360" s="517"/>
      <c r="L1360" s="455">
        <v>38362</v>
      </c>
      <c r="M1360" s="455"/>
      <c r="N1360" s="418" t="str">
        <f t="shared" si="40"/>
        <v/>
      </c>
    </row>
    <row r="1361" spans="1:14" ht="28.5">
      <c r="A1361" s="538"/>
      <c r="B1361" s="411">
        <f t="shared" si="41"/>
        <v>60</v>
      </c>
      <c r="C1361" s="498" t="s">
        <v>3195</v>
      </c>
      <c r="D1361" s="449" t="s">
        <v>3196</v>
      </c>
      <c r="E1361" s="510" t="s">
        <v>595</v>
      </c>
      <c r="F1361" s="522" t="s">
        <v>596</v>
      </c>
      <c r="G1361" s="450"/>
      <c r="H1361" s="451"/>
      <c r="I1361" s="451"/>
      <c r="J1361" s="144"/>
      <c r="K1361" s="517"/>
      <c r="L1361" s="455">
        <v>38362</v>
      </c>
      <c r="M1361" s="455"/>
      <c r="N1361" s="418" t="str">
        <f t="shared" si="40"/>
        <v/>
      </c>
    </row>
    <row r="1362" spans="1:14" ht="15.75">
      <c r="A1362" s="538"/>
      <c r="B1362" s="411">
        <f t="shared" si="41"/>
        <v>60</v>
      </c>
      <c r="C1362" s="498" t="s">
        <v>3197</v>
      </c>
      <c r="D1362" s="449" t="s">
        <v>3198</v>
      </c>
      <c r="E1362" s="510" t="s">
        <v>595</v>
      </c>
      <c r="F1362" s="522" t="s">
        <v>596</v>
      </c>
      <c r="G1362" s="450"/>
      <c r="H1362" s="451"/>
      <c r="I1362" s="451"/>
      <c r="J1362" s="144"/>
      <c r="K1362" s="517"/>
      <c r="L1362" s="455">
        <v>38362</v>
      </c>
      <c r="M1362" s="455"/>
      <c r="N1362" s="418" t="str">
        <f t="shared" si="40"/>
        <v/>
      </c>
    </row>
    <row r="1363" spans="1:14" ht="15.75">
      <c r="A1363" s="538"/>
      <c r="B1363" s="411">
        <f t="shared" si="41"/>
        <v>60</v>
      </c>
      <c r="C1363" s="498" t="s">
        <v>3199</v>
      </c>
      <c r="D1363" s="449" t="s">
        <v>3200</v>
      </c>
      <c r="E1363" s="510" t="s">
        <v>595</v>
      </c>
      <c r="F1363" s="522" t="s">
        <v>596</v>
      </c>
      <c r="G1363" s="450"/>
      <c r="H1363" s="451"/>
      <c r="I1363" s="451"/>
      <c r="J1363" s="144"/>
      <c r="K1363" s="517"/>
      <c r="L1363" s="455">
        <v>38362</v>
      </c>
      <c r="M1363" s="455"/>
      <c r="N1363" s="418" t="str">
        <f t="shared" si="40"/>
        <v>DUPLICATE</v>
      </c>
    </row>
    <row r="1364" spans="1:14" ht="57">
      <c r="A1364" s="538"/>
      <c r="B1364" s="411">
        <f t="shared" si="41"/>
        <v>60</v>
      </c>
      <c r="C1364" s="498" t="s">
        <v>3201</v>
      </c>
      <c r="D1364" s="449" t="s">
        <v>3202</v>
      </c>
      <c r="E1364" s="510" t="s">
        <v>595</v>
      </c>
      <c r="F1364" s="522" t="s">
        <v>596</v>
      </c>
      <c r="G1364" s="450"/>
      <c r="H1364" s="451"/>
      <c r="I1364" s="451"/>
      <c r="J1364" s="144"/>
      <c r="K1364" s="517"/>
      <c r="L1364" s="455">
        <v>38362</v>
      </c>
      <c r="M1364" s="455"/>
      <c r="N1364" s="418" t="str">
        <f t="shared" si="40"/>
        <v/>
      </c>
    </row>
    <row r="1365" spans="1:14" ht="28.5">
      <c r="A1365" s="538"/>
      <c r="B1365" s="411">
        <f t="shared" si="41"/>
        <v>60</v>
      </c>
      <c r="C1365" s="498" t="s">
        <v>3203</v>
      </c>
      <c r="D1365" s="449" t="s">
        <v>3204</v>
      </c>
      <c r="E1365" s="510" t="s">
        <v>595</v>
      </c>
      <c r="F1365" s="522" t="s">
        <v>596</v>
      </c>
      <c r="G1365" s="450"/>
      <c r="H1365" s="451"/>
      <c r="I1365" s="451"/>
      <c r="J1365" s="144"/>
      <c r="K1365" s="517"/>
      <c r="L1365" s="455">
        <v>38362</v>
      </c>
      <c r="M1365" s="455"/>
      <c r="N1365" s="418" t="str">
        <f t="shared" si="40"/>
        <v/>
      </c>
    </row>
    <row r="1366" spans="1:14" ht="28.5">
      <c r="A1366" s="538"/>
      <c r="B1366" s="411">
        <f t="shared" si="41"/>
        <v>60</v>
      </c>
      <c r="C1366" s="498" t="s">
        <v>3205</v>
      </c>
      <c r="D1366" s="449" t="s">
        <v>3206</v>
      </c>
      <c r="E1366" s="510" t="s">
        <v>595</v>
      </c>
      <c r="F1366" s="522" t="s">
        <v>596</v>
      </c>
      <c r="G1366" s="450"/>
      <c r="H1366" s="451"/>
      <c r="I1366" s="451"/>
      <c r="J1366" s="144"/>
      <c r="K1366" s="517"/>
      <c r="L1366" s="455">
        <v>38362</v>
      </c>
      <c r="M1366" s="455"/>
      <c r="N1366" s="418" t="str">
        <f t="shared" si="40"/>
        <v/>
      </c>
    </row>
    <row r="1367" spans="1:14" ht="42.75">
      <c r="A1367" s="538"/>
      <c r="B1367" s="411">
        <f t="shared" si="41"/>
        <v>60</v>
      </c>
      <c r="C1367" s="498" t="s">
        <v>3207</v>
      </c>
      <c r="D1367" s="449" t="s">
        <v>3208</v>
      </c>
      <c r="E1367" s="510" t="s">
        <v>595</v>
      </c>
      <c r="F1367" s="522" t="s">
        <v>596</v>
      </c>
      <c r="G1367" s="450"/>
      <c r="H1367" s="451"/>
      <c r="I1367" s="451"/>
      <c r="J1367" s="144"/>
      <c r="K1367" s="517"/>
      <c r="L1367" s="455">
        <v>38362</v>
      </c>
      <c r="M1367" s="455"/>
      <c r="N1367" s="418" t="str">
        <f t="shared" si="40"/>
        <v/>
      </c>
    </row>
    <row r="1368" spans="1:14" ht="42.75">
      <c r="A1368" s="538"/>
      <c r="B1368" s="411">
        <f t="shared" si="41"/>
        <v>60</v>
      </c>
      <c r="C1368" s="498" t="s">
        <v>3209</v>
      </c>
      <c r="D1368" s="449" t="s">
        <v>3210</v>
      </c>
      <c r="E1368" s="510" t="s">
        <v>595</v>
      </c>
      <c r="F1368" s="522" t="s">
        <v>596</v>
      </c>
      <c r="G1368" s="450"/>
      <c r="H1368" s="451"/>
      <c r="I1368" s="451"/>
      <c r="J1368" s="144"/>
      <c r="K1368" s="517"/>
      <c r="L1368" s="455">
        <v>38362</v>
      </c>
      <c r="M1368" s="455"/>
      <c r="N1368" s="418" t="str">
        <f t="shared" si="40"/>
        <v/>
      </c>
    </row>
    <row r="1369" spans="1:14" ht="42.75">
      <c r="A1369" s="538"/>
      <c r="B1369" s="411">
        <f t="shared" si="41"/>
        <v>60</v>
      </c>
      <c r="C1369" s="498" t="s">
        <v>3211</v>
      </c>
      <c r="D1369" s="449" t="s">
        <v>3212</v>
      </c>
      <c r="E1369" s="510" t="s">
        <v>595</v>
      </c>
      <c r="F1369" s="522" t="s">
        <v>596</v>
      </c>
      <c r="G1369" s="450"/>
      <c r="H1369" s="451"/>
      <c r="I1369" s="451"/>
      <c r="J1369" s="144"/>
      <c r="K1369" s="517"/>
      <c r="L1369" s="455">
        <v>38362</v>
      </c>
      <c r="M1369" s="455"/>
      <c r="N1369" s="418" t="str">
        <f t="shared" ref="N1369:N1416" si="42">IF(D1369="NA","",IF(COUNTIF($D$2:$D$5552,D1369)&gt;1,"DUPLICATE",""))</f>
        <v/>
      </c>
    </row>
    <row r="1370" spans="1:14" ht="42.75">
      <c r="A1370" s="538"/>
      <c r="B1370" s="411">
        <f t="shared" ref="B1370:B1433" si="43">IF(A1370&gt;0,A1370,B1369)</f>
        <v>60</v>
      </c>
      <c r="C1370" s="498" t="s">
        <v>3213</v>
      </c>
      <c r="D1370" s="449" t="s">
        <v>3214</v>
      </c>
      <c r="E1370" s="510" t="s">
        <v>595</v>
      </c>
      <c r="F1370" s="522" t="s">
        <v>596</v>
      </c>
      <c r="G1370" s="450"/>
      <c r="H1370" s="451"/>
      <c r="I1370" s="451"/>
      <c r="J1370" s="144"/>
      <c r="K1370" s="517"/>
      <c r="L1370" s="455">
        <v>38362</v>
      </c>
      <c r="M1370" s="455"/>
      <c r="N1370" s="418" t="str">
        <f t="shared" si="42"/>
        <v/>
      </c>
    </row>
    <row r="1371" spans="1:14" ht="15.75">
      <c r="A1371" s="538"/>
      <c r="B1371" s="411">
        <f t="shared" si="43"/>
        <v>60</v>
      </c>
      <c r="C1371" s="498" t="s">
        <v>3215</v>
      </c>
      <c r="D1371" s="449" t="s">
        <v>3216</v>
      </c>
      <c r="E1371" s="510" t="s">
        <v>595</v>
      </c>
      <c r="F1371" s="522" t="s">
        <v>596</v>
      </c>
      <c r="G1371" s="450"/>
      <c r="H1371" s="451"/>
      <c r="I1371" s="451"/>
      <c r="J1371" s="144"/>
      <c r="K1371" s="517"/>
      <c r="L1371" s="455">
        <v>38362</v>
      </c>
      <c r="M1371" s="455"/>
      <c r="N1371" s="418" t="str">
        <f t="shared" si="42"/>
        <v>DUPLICATE</v>
      </c>
    </row>
    <row r="1372" spans="1:14" ht="15.75">
      <c r="A1372" s="538"/>
      <c r="B1372" s="411">
        <f t="shared" si="43"/>
        <v>60</v>
      </c>
      <c r="C1372" s="498" t="s">
        <v>3217</v>
      </c>
      <c r="D1372" s="449" t="s">
        <v>3218</v>
      </c>
      <c r="E1372" s="510" t="s">
        <v>595</v>
      </c>
      <c r="F1372" s="522" t="s">
        <v>596</v>
      </c>
      <c r="G1372" s="450"/>
      <c r="H1372" s="451"/>
      <c r="I1372" s="451"/>
      <c r="J1372" s="144"/>
      <c r="K1372" s="517"/>
      <c r="L1372" s="455">
        <v>38362</v>
      </c>
      <c r="M1372" s="455"/>
      <c r="N1372" s="418" t="str">
        <f t="shared" si="42"/>
        <v/>
      </c>
    </row>
    <row r="1373" spans="1:14" ht="15.75">
      <c r="A1373" s="538"/>
      <c r="B1373" s="411">
        <f t="shared" si="43"/>
        <v>60</v>
      </c>
      <c r="C1373" s="498" t="s">
        <v>3219</v>
      </c>
      <c r="D1373" s="449" t="s">
        <v>3220</v>
      </c>
      <c r="E1373" s="510" t="s">
        <v>595</v>
      </c>
      <c r="F1373" s="522" t="s">
        <v>596</v>
      </c>
      <c r="G1373" s="450"/>
      <c r="H1373" s="451"/>
      <c r="I1373" s="451"/>
      <c r="J1373" s="144"/>
      <c r="K1373" s="517"/>
      <c r="L1373" s="455">
        <v>38362</v>
      </c>
      <c r="M1373" s="455"/>
      <c r="N1373" s="418" t="str">
        <f t="shared" si="42"/>
        <v/>
      </c>
    </row>
    <row r="1374" spans="1:14" ht="15.75">
      <c r="A1374" s="538"/>
      <c r="B1374" s="411">
        <f t="shared" si="43"/>
        <v>60</v>
      </c>
      <c r="C1374" s="498" t="s">
        <v>3221</v>
      </c>
      <c r="D1374" s="449" t="s">
        <v>3222</v>
      </c>
      <c r="E1374" s="510" t="s">
        <v>595</v>
      </c>
      <c r="F1374" s="522" t="s">
        <v>596</v>
      </c>
      <c r="G1374" s="450"/>
      <c r="H1374" s="451"/>
      <c r="I1374" s="451"/>
      <c r="J1374" s="144"/>
      <c r="K1374" s="517"/>
      <c r="L1374" s="455">
        <v>38362</v>
      </c>
      <c r="M1374" s="455"/>
      <c r="N1374" s="418" t="str">
        <f t="shared" si="42"/>
        <v/>
      </c>
    </row>
    <row r="1375" spans="1:14" ht="15.75">
      <c r="A1375" s="538"/>
      <c r="B1375" s="411">
        <f t="shared" si="43"/>
        <v>60</v>
      </c>
      <c r="C1375" s="498" t="s">
        <v>3223</v>
      </c>
      <c r="D1375" s="449" t="s">
        <v>3224</v>
      </c>
      <c r="E1375" s="510" t="s">
        <v>595</v>
      </c>
      <c r="F1375" s="522" t="s">
        <v>596</v>
      </c>
      <c r="G1375" s="450"/>
      <c r="H1375" s="451"/>
      <c r="I1375" s="451"/>
      <c r="J1375" s="144"/>
      <c r="K1375" s="517"/>
      <c r="L1375" s="455">
        <v>38362</v>
      </c>
      <c r="M1375" s="455"/>
      <c r="N1375" s="418" t="str">
        <f t="shared" si="42"/>
        <v/>
      </c>
    </row>
    <row r="1376" spans="1:14" ht="15.75">
      <c r="A1376" s="538"/>
      <c r="B1376" s="411">
        <f t="shared" si="43"/>
        <v>60</v>
      </c>
      <c r="C1376" s="498" t="s">
        <v>3225</v>
      </c>
      <c r="D1376" s="449" t="s">
        <v>3226</v>
      </c>
      <c r="E1376" s="510" t="s">
        <v>595</v>
      </c>
      <c r="F1376" s="522" t="s">
        <v>596</v>
      </c>
      <c r="G1376" s="450"/>
      <c r="H1376" s="451"/>
      <c r="I1376" s="451"/>
      <c r="J1376" s="144"/>
      <c r="K1376" s="517"/>
      <c r="L1376" s="455">
        <v>38362</v>
      </c>
      <c r="M1376" s="455"/>
      <c r="N1376" s="418" t="str">
        <f t="shared" si="42"/>
        <v/>
      </c>
    </row>
    <row r="1377" spans="1:14" ht="15.75">
      <c r="A1377" s="538"/>
      <c r="B1377" s="411">
        <f t="shared" si="43"/>
        <v>60</v>
      </c>
      <c r="C1377" s="498" t="s">
        <v>3227</v>
      </c>
      <c r="D1377" s="449" t="s">
        <v>3228</v>
      </c>
      <c r="E1377" s="510" t="s">
        <v>595</v>
      </c>
      <c r="F1377" s="522" t="s">
        <v>596</v>
      </c>
      <c r="G1377" s="450"/>
      <c r="H1377" s="451"/>
      <c r="I1377" s="451"/>
      <c r="J1377" s="144"/>
      <c r="K1377" s="517"/>
      <c r="L1377" s="455">
        <v>38362</v>
      </c>
      <c r="M1377" s="455"/>
      <c r="N1377" s="418" t="str">
        <f t="shared" si="42"/>
        <v/>
      </c>
    </row>
    <row r="1378" spans="1:14" ht="28.5">
      <c r="A1378" s="538"/>
      <c r="B1378" s="411">
        <f t="shared" si="43"/>
        <v>60</v>
      </c>
      <c r="C1378" s="498" t="s">
        <v>3229</v>
      </c>
      <c r="D1378" s="449" t="s">
        <v>3230</v>
      </c>
      <c r="E1378" s="510" t="s">
        <v>595</v>
      </c>
      <c r="F1378" s="522" t="s">
        <v>596</v>
      </c>
      <c r="G1378" s="450"/>
      <c r="H1378" s="451"/>
      <c r="I1378" s="451"/>
      <c r="J1378" s="144"/>
      <c r="K1378" s="517"/>
      <c r="L1378" s="455">
        <v>38362</v>
      </c>
      <c r="M1378" s="455"/>
      <c r="N1378" s="418" t="str">
        <f t="shared" si="42"/>
        <v/>
      </c>
    </row>
    <row r="1379" spans="1:14" ht="15.75">
      <c r="A1379" s="538"/>
      <c r="B1379" s="411">
        <f t="shared" si="43"/>
        <v>60</v>
      </c>
      <c r="C1379" s="498" t="s">
        <v>3231</v>
      </c>
      <c r="D1379" s="449" t="s">
        <v>3232</v>
      </c>
      <c r="E1379" s="510" t="s">
        <v>595</v>
      </c>
      <c r="F1379" s="522" t="s">
        <v>596</v>
      </c>
      <c r="G1379" s="450"/>
      <c r="H1379" s="451"/>
      <c r="I1379" s="451"/>
      <c r="J1379" s="144"/>
      <c r="K1379" s="517"/>
      <c r="L1379" s="455">
        <v>38362</v>
      </c>
      <c r="M1379" s="455"/>
      <c r="N1379" s="418" t="str">
        <f t="shared" si="42"/>
        <v/>
      </c>
    </row>
    <row r="1380" spans="1:14" ht="15.75">
      <c r="A1380" s="538"/>
      <c r="B1380" s="411">
        <f t="shared" si="43"/>
        <v>60</v>
      </c>
      <c r="C1380" s="498" t="s">
        <v>3233</v>
      </c>
      <c r="D1380" s="449" t="s">
        <v>3234</v>
      </c>
      <c r="E1380" s="510" t="s">
        <v>595</v>
      </c>
      <c r="F1380" s="522" t="s">
        <v>596</v>
      </c>
      <c r="G1380" s="450"/>
      <c r="H1380" s="451"/>
      <c r="I1380" s="451"/>
      <c r="J1380" s="144"/>
      <c r="K1380" s="517"/>
      <c r="L1380" s="455">
        <v>38362</v>
      </c>
      <c r="M1380" s="455"/>
      <c r="N1380" s="418" t="str">
        <f t="shared" si="42"/>
        <v/>
      </c>
    </row>
    <row r="1381" spans="1:14" ht="42.75">
      <c r="A1381" s="538"/>
      <c r="B1381" s="411">
        <f t="shared" si="43"/>
        <v>60</v>
      </c>
      <c r="C1381" s="498" t="s">
        <v>3235</v>
      </c>
      <c r="D1381" s="449" t="s">
        <v>3236</v>
      </c>
      <c r="E1381" s="510" t="s">
        <v>595</v>
      </c>
      <c r="F1381" s="522" t="s">
        <v>596</v>
      </c>
      <c r="G1381" s="450"/>
      <c r="H1381" s="451"/>
      <c r="I1381" s="451"/>
      <c r="J1381" s="144"/>
      <c r="K1381" s="517"/>
      <c r="L1381" s="455">
        <v>38362</v>
      </c>
      <c r="M1381" s="455"/>
      <c r="N1381" s="418" t="str">
        <f t="shared" si="42"/>
        <v/>
      </c>
    </row>
    <row r="1382" spans="1:14" ht="28.5">
      <c r="A1382" s="538"/>
      <c r="B1382" s="411">
        <f t="shared" si="43"/>
        <v>60</v>
      </c>
      <c r="C1382" s="498" t="s">
        <v>3237</v>
      </c>
      <c r="D1382" s="449" t="s">
        <v>3238</v>
      </c>
      <c r="E1382" s="510" t="s">
        <v>595</v>
      </c>
      <c r="F1382" s="522" t="s">
        <v>596</v>
      </c>
      <c r="G1382" s="450"/>
      <c r="H1382" s="451"/>
      <c r="I1382" s="451"/>
      <c r="J1382" s="144"/>
      <c r="K1382" s="517"/>
      <c r="L1382" s="455">
        <v>38362</v>
      </c>
      <c r="M1382" s="455"/>
      <c r="N1382" s="418" t="str">
        <f t="shared" si="42"/>
        <v/>
      </c>
    </row>
    <row r="1383" spans="1:14" ht="15.75">
      <c r="A1383" s="538"/>
      <c r="B1383" s="411">
        <f t="shared" si="43"/>
        <v>60</v>
      </c>
      <c r="C1383" s="498" t="s">
        <v>3239</v>
      </c>
      <c r="D1383" s="449" t="s">
        <v>3240</v>
      </c>
      <c r="E1383" s="510" t="s">
        <v>595</v>
      </c>
      <c r="F1383" s="522" t="s">
        <v>596</v>
      </c>
      <c r="G1383" s="450"/>
      <c r="H1383" s="451"/>
      <c r="I1383" s="451"/>
      <c r="J1383" s="144"/>
      <c r="K1383" s="517"/>
      <c r="L1383" s="455">
        <v>38362</v>
      </c>
      <c r="M1383" s="455"/>
      <c r="N1383" s="418" t="str">
        <f t="shared" si="42"/>
        <v/>
      </c>
    </row>
    <row r="1384" spans="1:14" ht="28.5">
      <c r="A1384" s="538"/>
      <c r="B1384" s="411">
        <f t="shared" si="43"/>
        <v>60</v>
      </c>
      <c r="C1384" s="498" t="s">
        <v>3241</v>
      </c>
      <c r="D1384" s="449" t="s">
        <v>3242</v>
      </c>
      <c r="E1384" s="510" t="s">
        <v>595</v>
      </c>
      <c r="F1384" s="522" t="s">
        <v>596</v>
      </c>
      <c r="G1384" s="450"/>
      <c r="H1384" s="451"/>
      <c r="I1384" s="451"/>
      <c r="J1384" s="144"/>
      <c r="K1384" s="522"/>
      <c r="L1384" s="455">
        <v>38362</v>
      </c>
      <c r="M1384" s="455"/>
      <c r="N1384" s="418" t="str">
        <f t="shared" si="42"/>
        <v/>
      </c>
    </row>
    <row r="1385" spans="1:14" ht="42.75">
      <c r="A1385" s="538"/>
      <c r="B1385" s="411">
        <f t="shared" si="43"/>
        <v>60</v>
      </c>
      <c r="C1385" s="498" t="s">
        <v>3243</v>
      </c>
      <c r="D1385" s="449" t="s">
        <v>3244</v>
      </c>
      <c r="E1385" s="510" t="s">
        <v>595</v>
      </c>
      <c r="F1385" s="522" t="s">
        <v>596</v>
      </c>
      <c r="G1385" s="450"/>
      <c r="H1385" s="451"/>
      <c r="I1385" s="451"/>
      <c r="J1385" s="144"/>
      <c r="K1385" s="517"/>
      <c r="L1385" s="455">
        <v>38362</v>
      </c>
      <c r="M1385" s="455"/>
      <c r="N1385" s="418" t="str">
        <f t="shared" si="42"/>
        <v/>
      </c>
    </row>
    <row r="1386" spans="1:14" ht="42.75">
      <c r="A1386" s="538"/>
      <c r="B1386" s="411">
        <f t="shared" si="43"/>
        <v>60</v>
      </c>
      <c r="C1386" s="498" t="s">
        <v>3245</v>
      </c>
      <c r="D1386" s="449" t="s">
        <v>3246</v>
      </c>
      <c r="E1386" s="510" t="s">
        <v>595</v>
      </c>
      <c r="F1386" s="522" t="s">
        <v>596</v>
      </c>
      <c r="G1386" s="450"/>
      <c r="H1386" s="451"/>
      <c r="I1386" s="451"/>
      <c r="J1386" s="144"/>
      <c r="K1386" s="517"/>
      <c r="L1386" s="455">
        <v>38362</v>
      </c>
      <c r="M1386" s="455"/>
      <c r="N1386" s="418" t="str">
        <f t="shared" si="42"/>
        <v/>
      </c>
    </row>
    <row r="1387" spans="1:14" ht="42.75">
      <c r="A1387" s="538"/>
      <c r="B1387" s="411">
        <f t="shared" si="43"/>
        <v>60</v>
      </c>
      <c r="C1387" s="498" t="s">
        <v>3247</v>
      </c>
      <c r="D1387" s="449" t="s">
        <v>3248</v>
      </c>
      <c r="E1387" s="510" t="s">
        <v>595</v>
      </c>
      <c r="F1387" s="522" t="s">
        <v>596</v>
      </c>
      <c r="G1387" s="450"/>
      <c r="H1387" s="451"/>
      <c r="I1387" s="451"/>
      <c r="J1387" s="144"/>
      <c r="K1387" s="517"/>
      <c r="L1387" s="455">
        <v>38362</v>
      </c>
      <c r="M1387" s="455"/>
      <c r="N1387" s="418" t="str">
        <f t="shared" si="42"/>
        <v/>
      </c>
    </row>
    <row r="1388" spans="1:14" ht="42.75">
      <c r="A1388" s="538"/>
      <c r="B1388" s="411">
        <f t="shared" si="43"/>
        <v>60</v>
      </c>
      <c r="C1388" s="498" t="s">
        <v>3249</v>
      </c>
      <c r="D1388" s="449" t="s">
        <v>3250</v>
      </c>
      <c r="E1388" s="510" t="s">
        <v>595</v>
      </c>
      <c r="F1388" s="522" t="s">
        <v>596</v>
      </c>
      <c r="G1388" s="450"/>
      <c r="H1388" s="451"/>
      <c r="I1388" s="451"/>
      <c r="J1388" s="144"/>
      <c r="K1388" s="517"/>
      <c r="L1388" s="455">
        <v>38362</v>
      </c>
      <c r="M1388" s="455"/>
      <c r="N1388" s="418" t="str">
        <f t="shared" si="42"/>
        <v/>
      </c>
    </row>
    <row r="1389" spans="1:14" ht="28.5">
      <c r="A1389" s="538"/>
      <c r="B1389" s="411">
        <f t="shared" si="43"/>
        <v>60</v>
      </c>
      <c r="C1389" s="498" t="s">
        <v>3251</v>
      </c>
      <c r="D1389" s="449" t="s">
        <v>3252</v>
      </c>
      <c r="E1389" s="510" t="s">
        <v>595</v>
      </c>
      <c r="F1389" s="522" t="s">
        <v>596</v>
      </c>
      <c r="G1389" s="450"/>
      <c r="H1389" s="451"/>
      <c r="I1389" s="451"/>
      <c r="J1389" s="144"/>
      <c r="K1389" s="517"/>
      <c r="L1389" s="455">
        <v>38362</v>
      </c>
      <c r="M1389" s="455"/>
      <c r="N1389" s="418" t="str">
        <f t="shared" si="42"/>
        <v/>
      </c>
    </row>
    <row r="1390" spans="1:14" ht="42.75">
      <c r="A1390" s="538"/>
      <c r="B1390" s="411">
        <f t="shared" si="43"/>
        <v>60</v>
      </c>
      <c r="C1390" s="498" t="s">
        <v>3253</v>
      </c>
      <c r="D1390" s="449" t="s">
        <v>3254</v>
      </c>
      <c r="E1390" s="510" t="s">
        <v>595</v>
      </c>
      <c r="F1390" s="522" t="s">
        <v>596</v>
      </c>
      <c r="G1390" s="450"/>
      <c r="H1390" s="451"/>
      <c r="I1390" s="451"/>
      <c r="J1390" s="144"/>
      <c r="K1390" s="517"/>
      <c r="L1390" s="455">
        <v>38362</v>
      </c>
      <c r="M1390" s="455"/>
      <c r="N1390" s="418" t="str">
        <f t="shared" si="42"/>
        <v/>
      </c>
    </row>
    <row r="1391" spans="1:14" ht="28.5">
      <c r="A1391" s="538"/>
      <c r="B1391" s="411">
        <f t="shared" si="43"/>
        <v>60</v>
      </c>
      <c r="C1391" s="498" t="s">
        <v>3255</v>
      </c>
      <c r="D1391" s="449" t="s">
        <v>3256</v>
      </c>
      <c r="E1391" s="510" t="s">
        <v>595</v>
      </c>
      <c r="F1391" s="522" t="s">
        <v>596</v>
      </c>
      <c r="G1391" s="450"/>
      <c r="H1391" s="451"/>
      <c r="I1391" s="451"/>
      <c r="J1391" s="144"/>
      <c r="K1391" s="517"/>
      <c r="L1391" s="455">
        <v>38362</v>
      </c>
      <c r="M1391" s="455"/>
      <c r="N1391" s="418" t="str">
        <f t="shared" si="42"/>
        <v/>
      </c>
    </row>
    <row r="1392" spans="1:14" ht="15.75">
      <c r="A1392" s="538"/>
      <c r="B1392" s="411">
        <f t="shared" si="43"/>
        <v>60</v>
      </c>
      <c r="C1392" s="498" t="s">
        <v>3257</v>
      </c>
      <c r="D1392" s="449" t="s">
        <v>3258</v>
      </c>
      <c r="E1392" s="510" t="s">
        <v>595</v>
      </c>
      <c r="F1392" s="522" t="s">
        <v>596</v>
      </c>
      <c r="G1392" s="450"/>
      <c r="H1392" s="451"/>
      <c r="I1392" s="451"/>
      <c r="J1392" s="144"/>
      <c r="K1392" s="517"/>
      <c r="L1392" s="455">
        <v>38362</v>
      </c>
      <c r="M1392" s="455"/>
      <c r="N1392" s="418" t="str">
        <f t="shared" si="42"/>
        <v>DUPLICATE</v>
      </c>
    </row>
    <row r="1393" spans="1:14" ht="71.25">
      <c r="A1393" s="538"/>
      <c r="B1393" s="411">
        <f t="shared" si="43"/>
        <v>60</v>
      </c>
      <c r="C1393" s="440" t="s">
        <v>3259</v>
      </c>
      <c r="D1393" s="449" t="s">
        <v>3260</v>
      </c>
      <c r="E1393" s="510" t="s">
        <v>595</v>
      </c>
      <c r="F1393" s="522" t="s">
        <v>596</v>
      </c>
      <c r="G1393" s="450"/>
      <c r="H1393" s="451"/>
      <c r="I1393" s="451"/>
      <c r="J1393" s="144"/>
      <c r="K1393" s="517"/>
      <c r="L1393" s="455">
        <v>38362</v>
      </c>
      <c r="M1393" s="455"/>
      <c r="N1393" s="418" t="str">
        <f t="shared" si="42"/>
        <v/>
      </c>
    </row>
    <row r="1394" spans="1:14" ht="15.75">
      <c r="A1394" s="538"/>
      <c r="B1394" s="411">
        <f t="shared" si="43"/>
        <v>60</v>
      </c>
      <c r="C1394" s="498" t="s">
        <v>3261</v>
      </c>
      <c r="D1394" s="449" t="s">
        <v>3262</v>
      </c>
      <c r="E1394" s="510" t="s">
        <v>595</v>
      </c>
      <c r="F1394" s="522" t="s">
        <v>596</v>
      </c>
      <c r="G1394" s="450"/>
      <c r="H1394" s="451"/>
      <c r="I1394" s="451"/>
      <c r="J1394" s="144"/>
      <c r="K1394" s="517"/>
      <c r="L1394" s="455">
        <v>39845</v>
      </c>
      <c r="M1394" s="455"/>
      <c r="N1394" s="418" t="str">
        <f t="shared" si="42"/>
        <v/>
      </c>
    </row>
    <row r="1395" spans="1:14" ht="15.75">
      <c r="A1395" s="538"/>
      <c r="B1395" s="411">
        <f t="shared" si="43"/>
        <v>60</v>
      </c>
      <c r="C1395" s="498" t="s">
        <v>3263</v>
      </c>
      <c r="D1395" s="449" t="s">
        <v>3264</v>
      </c>
      <c r="E1395" s="510" t="s">
        <v>595</v>
      </c>
      <c r="F1395" s="522" t="s">
        <v>596</v>
      </c>
      <c r="G1395" s="450"/>
      <c r="H1395" s="451"/>
      <c r="I1395" s="451"/>
      <c r="J1395" s="144"/>
      <c r="K1395" s="517"/>
      <c r="L1395" s="455">
        <v>39845</v>
      </c>
      <c r="M1395" s="455"/>
      <c r="N1395" s="418" t="str">
        <f t="shared" si="42"/>
        <v/>
      </c>
    </row>
    <row r="1396" spans="1:14" ht="15.75">
      <c r="A1396" s="538"/>
      <c r="B1396" s="411">
        <f t="shared" si="43"/>
        <v>60</v>
      </c>
      <c r="C1396" s="498" t="s">
        <v>3265</v>
      </c>
      <c r="D1396" s="449" t="s">
        <v>3266</v>
      </c>
      <c r="E1396" s="510" t="s">
        <v>595</v>
      </c>
      <c r="F1396" s="522" t="s">
        <v>596</v>
      </c>
      <c r="G1396" s="450"/>
      <c r="H1396" s="451"/>
      <c r="I1396" s="451"/>
      <c r="J1396" s="144"/>
      <c r="K1396" s="517"/>
      <c r="L1396" s="455">
        <v>39845</v>
      </c>
      <c r="M1396" s="455"/>
      <c r="N1396" s="418" t="str">
        <f t="shared" si="42"/>
        <v/>
      </c>
    </row>
    <row r="1397" spans="1:14" ht="15.75">
      <c r="A1397" s="538"/>
      <c r="B1397" s="411">
        <f t="shared" si="43"/>
        <v>60</v>
      </c>
      <c r="C1397" s="498" t="s">
        <v>3267</v>
      </c>
      <c r="D1397" s="449" t="s">
        <v>3268</v>
      </c>
      <c r="E1397" s="510" t="s">
        <v>595</v>
      </c>
      <c r="F1397" s="522" t="s">
        <v>596</v>
      </c>
      <c r="G1397" s="450"/>
      <c r="H1397" s="451"/>
      <c r="I1397" s="451"/>
      <c r="J1397" s="144"/>
      <c r="K1397" s="517"/>
      <c r="L1397" s="455">
        <v>39845</v>
      </c>
      <c r="M1397" s="455"/>
      <c r="N1397" s="418" t="str">
        <f t="shared" si="42"/>
        <v/>
      </c>
    </row>
    <row r="1398" spans="1:14" ht="15.75">
      <c r="A1398" s="538"/>
      <c r="B1398" s="411">
        <f t="shared" si="43"/>
        <v>60</v>
      </c>
      <c r="C1398" s="498" t="s">
        <v>3269</v>
      </c>
      <c r="D1398" s="449" t="s">
        <v>3270</v>
      </c>
      <c r="E1398" s="510" t="s">
        <v>595</v>
      </c>
      <c r="F1398" s="522" t="s">
        <v>596</v>
      </c>
      <c r="G1398" s="450"/>
      <c r="H1398" s="451"/>
      <c r="I1398" s="451"/>
      <c r="J1398" s="144"/>
      <c r="K1398" s="517"/>
      <c r="L1398" s="455">
        <v>39845</v>
      </c>
      <c r="M1398" s="455"/>
      <c r="N1398" s="418" t="str">
        <f t="shared" si="42"/>
        <v/>
      </c>
    </row>
    <row r="1399" spans="1:14" ht="15.75">
      <c r="A1399" s="538"/>
      <c r="B1399" s="411">
        <f t="shared" si="43"/>
        <v>60</v>
      </c>
      <c r="C1399" s="498" t="s">
        <v>3271</v>
      </c>
      <c r="D1399" s="449" t="s">
        <v>3272</v>
      </c>
      <c r="E1399" s="510" t="s">
        <v>595</v>
      </c>
      <c r="F1399" s="522" t="s">
        <v>596</v>
      </c>
      <c r="G1399" s="450"/>
      <c r="H1399" s="451"/>
      <c r="I1399" s="451"/>
      <c r="J1399" s="144"/>
      <c r="K1399" s="517"/>
      <c r="L1399" s="455">
        <v>39845</v>
      </c>
      <c r="M1399" s="455"/>
      <c r="N1399" s="418" t="str">
        <f t="shared" si="42"/>
        <v/>
      </c>
    </row>
    <row r="1400" spans="1:14" ht="15.75">
      <c r="A1400" s="538"/>
      <c r="B1400" s="411">
        <f t="shared" si="43"/>
        <v>60</v>
      </c>
      <c r="C1400" s="498" t="s">
        <v>3273</v>
      </c>
      <c r="D1400" s="449" t="s">
        <v>3274</v>
      </c>
      <c r="E1400" s="510" t="s">
        <v>595</v>
      </c>
      <c r="F1400" s="522" t="s">
        <v>596</v>
      </c>
      <c r="G1400" s="450"/>
      <c r="H1400" s="451"/>
      <c r="I1400" s="451"/>
      <c r="J1400" s="144"/>
      <c r="K1400" s="517"/>
      <c r="L1400" s="455">
        <v>39845</v>
      </c>
      <c r="M1400" s="455"/>
      <c r="N1400" s="418" t="str">
        <f t="shared" si="42"/>
        <v/>
      </c>
    </row>
    <row r="1401" spans="1:14" ht="15.75">
      <c r="A1401" s="538"/>
      <c r="B1401" s="411">
        <f t="shared" si="43"/>
        <v>60</v>
      </c>
      <c r="C1401" s="597" t="s">
        <v>13996</v>
      </c>
      <c r="D1401" s="449" t="s">
        <v>13997</v>
      </c>
      <c r="E1401" s="510" t="s">
        <v>595</v>
      </c>
      <c r="F1401" s="522" t="s">
        <v>596</v>
      </c>
      <c r="G1401" s="450"/>
      <c r="H1401" s="451"/>
      <c r="I1401" s="451"/>
      <c r="J1401" s="144"/>
      <c r="K1401" s="517"/>
      <c r="L1401" s="455">
        <v>43132</v>
      </c>
      <c r="M1401" s="455"/>
      <c r="N1401" s="418" t="str">
        <f t="shared" si="42"/>
        <v/>
      </c>
    </row>
    <row r="1402" spans="1:14" ht="15.75">
      <c r="A1402" s="538"/>
      <c r="B1402" s="411">
        <f t="shared" si="43"/>
        <v>60</v>
      </c>
      <c r="C1402" s="498" t="s">
        <v>3275</v>
      </c>
      <c r="D1402" s="449" t="s">
        <v>3276</v>
      </c>
      <c r="E1402" s="510" t="s">
        <v>595</v>
      </c>
      <c r="F1402" s="522" t="s">
        <v>596</v>
      </c>
      <c r="G1402" s="450"/>
      <c r="H1402" s="451"/>
      <c r="I1402" s="451"/>
      <c r="J1402" s="144"/>
      <c r="K1402" s="517"/>
      <c r="L1402" s="455">
        <v>39845</v>
      </c>
      <c r="M1402" s="455"/>
      <c r="N1402" s="418" t="str">
        <f t="shared" si="42"/>
        <v/>
      </c>
    </row>
    <row r="1403" spans="1:14" ht="15.75">
      <c r="A1403" s="538"/>
      <c r="B1403" s="411">
        <f t="shared" si="43"/>
        <v>60</v>
      </c>
      <c r="C1403" s="498" t="s">
        <v>3277</v>
      </c>
      <c r="D1403" s="449" t="s">
        <v>3278</v>
      </c>
      <c r="E1403" s="510" t="s">
        <v>595</v>
      </c>
      <c r="F1403" s="522" t="s">
        <v>596</v>
      </c>
      <c r="G1403" s="450"/>
      <c r="H1403" s="451"/>
      <c r="I1403" s="451"/>
      <c r="J1403" s="144"/>
      <c r="K1403" s="517"/>
      <c r="L1403" s="455">
        <v>39845</v>
      </c>
      <c r="M1403" s="455"/>
      <c r="N1403" s="418" t="str">
        <f t="shared" si="42"/>
        <v/>
      </c>
    </row>
    <row r="1404" spans="1:14" ht="15.75">
      <c r="A1404" s="538"/>
      <c r="B1404" s="411">
        <f t="shared" si="43"/>
        <v>60</v>
      </c>
      <c r="C1404" s="498" t="s">
        <v>3279</v>
      </c>
      <c r="D1404" s="449" t="s">
        <v>3280</v>
      </c>
      <c r="E1404" s="510" t="s">
        <v>595</v>
      </c>
      <c r="F1404" s="522" t="s">
        <v>596</v>
      </c>
      <c r="G1404" s="450"/>
      <c r="H1404" s="451"/>
      <c r="I1404" s="451"/>
      <c r="J1404" s="144"/>
      <c r="K1404" s="517"/>
      <c r="L1404" s="455">
        <v>39845</v>
      </c>
      <c r="M1404" s="455"/>
      <c r="N1404" s="418" t="str">
        <f t="shared" si="42"/>
        <v/>
      </c>
    </row>
    <row r="1405" spans="1:14" ht="15.75">
      <c r="A1405" s="538"/>
      <c r="B1405" s="411">
        <f t="shared" si="43"/>
        <v>60</v>
      </c>
      <c r="C1405" s="498" t="s">
        <v>3281</v>
      </c>
      <c r="D1405" s="449" t="s">
        <v>3282</v>
      </c>
      <c r="E1405" s="510" t="s">
        <v>595</v>
      </c>
      <c r="F1405" s="522" t="s">
        <v>596</v>
      </c>
      <c r="G1405" s="450"/>
      <c r="H1405" s="451"/>
      <c r="I1405" s="451"/>
      <c r="J1405" s="144"/>
      <c r="K1405" s="517"/>
      <c r="L1405" s="455">
        <v>39845</v>
      </c>
      <c r="M1405" s="455"/>
      <c r="N1405" s="418" t="str">
        <f t="shared" si="42"/>
        <v/>
      </c>
    </row>
    <row r="1406" spans="1:14" ht="15.75">
      <c r="A1406" s="538"/>
      <c r="B1406" s="411">
        <f t="shared" si="43"/>
        <v>60</v>
      </c>
      <c r="C1406" s="498" t="s">
        <v>3283</v>
      </c>
      <c r="D1406" s="449" t="s">
        <v>3284</v>
      </c>
      <c r="E1406" s="510" t="s">
        <v>595</v>
      </c>
      <c r="F1406" s="522" t="s">
        <v>596</v>
      </c>
      <c r="G1406" s="450"/>
      <c r="H1406" s="451"/>
      <c r="I1406" s="451"/>
      <c r="J1406" s="144"/>
      <c r="K1406" s="517"/>
      <c r="L1406" s="455">
        <v>39845</v>
      </c>
      <c r="M1406" s="455"/>
      <c r="N1406" s="418" t="str">
        <f t="shared" si="42"/>
        <v/>
      </c>
    </row>
    <row r="1407" spans="1:14" ht="15.75">
      <c r="A1407" s="538"/>
      <c r="B1407" s="411">
        <f t="shared" si="43"/>
        <v>60</v>
      </c>
      <c r="C1407" s="498" t="s">
        <v>3285</v>
      </c>
      <c r="D1407" s="449" t="s">
        <v>3286</v>
      </c>
      <c r="E1407" s="510" t="s">
        <v>595</v>
      </c>
      <c r="F1407" s="522" t="s">
        <v>596</v>
      </c>
      <c r="G1407" s="450"/>
      <c r="H1407" s="451"/>
      <c r="I1407" s="451"/>
      <c r="J1407" s="144"/>
      <c r="K1407" s="517"/>
      <c r="L1407" s="455">
        <v>39845</v>
      </c>
      <c r="M1407" s="455"/>
      <c r="N1407" s="418" t="str">
        <f t="shared" si="42"/>
        <v/>
      </c>
    </row>
    <row r="1408" spans="1:14" ht="15.75">
      <c r="A1408" s="538"/>
      <c r="B1408" s="411">
        <f t="shared" si="43"/>
        <v>60</v>
      </c>
      <c r="C1408" s="498" t="s">
        <v>3287</v>
      </c>
      <c r="D1408" s="449" t="s">
        <v>3288</v>
      </c>
      <c r="E1408" s="510" t="s">
        <v>595</v>
      </c>
      <c r="F1408" s="522" t="s">
        <v>596</v>
      </c>
      <c r="G1408" s="450"/>
      <c r="H1408" s="451"/>
      <c r="I1408" s="451"/>
      <c r="J1408" s="144"/>
      <c r="K1408" s="517"/>
      <c r="L1408" s="455">
        <v>39845</v>
      </c>
      <c r="M1408" s="455"/>
      <c r="N1408" s="418" t="str">
        <f t="shared" si="42"/>
        <v/>
      </c>
    </row>
    <row r="1409" spans="1:14" ht="15.75">
      <c r="A1409" s="538"/>
      <c r="B1409" s="411">
        <f t="shared" si="43"/>
        <v>60</v>
      </c>
      <c r="C1409" s="498" t="s">
        <v>3289</v>
      </c>
      <c r="D1409" s="449" t="s">
        <v>3290</v>
      </c>
      <c r="E1409" s="510" t="s">
        <v>595</v>
      </c>
      <c r="F1409" s="522" t="s">
        <v>596</v>
      </c>
      <c r="G1409" s="450"/>
      <c r="H1409" s="451"/>
      <c r="I1409" s="451"/>
      <c r="J1409" s="144"/>
      <c r="K1409" s="517"/>
      <c r="L1409" s="455">
        <v>39845</v>
      </c>
      <c r="M1409" s="455"/>
      <c r="N1409" s="418" t="str">
        <f t="shared" si="42"/>
        <v/>
      </c>
    </row>
    <row r="1410" spans="1:14" ht="42.75">
      <c r="A1410" s="538"/>
      <c r="B1410" s="411">
        <f t="shared" si="43"/>
        <v>60</v>
      </c>
      <c r="C1410" s="440" t="s">
        <v>3291</v>
      </c>
      <c r="D1410" s="449" t="s">
        <v>3292</v>
      </c>
      <c r="E1410" s="510" t="s">
        <v>595</v>
      </c>
      <c r="F1410" s="522" t="s">
        <v>596</v>
      </c>
      <c r="G1410" s="450"/>
      <c r="H1410" s="451"/>
      <c r="I1410" s="451"/>
      <c r="J1410" s="144"/>
      <c r="K1410" s="517"/>
      <c r="L1410" s="455">
        <v>39845</v>
      </c>
      <c r="M1410" s="455"/>
      <c r="N1410" s="418" t="str">
        <f t="shared" si="42"/>
        <v/>
      </c>
    </row>
    <row r="1411" spans="1:14" ht="15.75">
      <c r="A1411" s="410"/>
      <c r="B1411" s="411">
        <f t="shared" si="43"/>
        <v>60</v>
      </c>
      <c r="C1411" s="440" t="s">
        <v>3293</v>
      </c>
      <c r="D1411" s="449" t="s">
        <v>3294</v>
      </c>
      <c r="E1411" s="510" t="s">
        <v>595</v>
      </c>
      <c r="F1411" s="522" t="s">
        <v>596</v>
      </c>
      <c r="G1411" s="450"/>
      <c r="H1411" s="460"/>
      <c r="I1411" s="451"/>
      <c r="J1411" s="144"/>
      <c r="K1411" s="517"/>
      <c r="L1411" s="455">
        <v>40940</v>
      </c>
      <c r="M1411" s="455"/>
      <c r="N1411" s="418" t="str">
        <f t="shared" si="42"/>
        <v/>
      </c>
    </row>
    <row r="1412" spans="1:14" ht="47.25">
      <c r="A1412" s="536">
        <v>61</v>
      </c>
      <c r="B1412" s="411">
        <f t="shared" si="43"/>
        <v>61</v>
      </c>
      <c r="C1412" s="424" t="s">
        <v>3295</v>
      </c>
      <c r="D1412" s="646"/>
      <c r="E1412" s="421" t="s">
        <v>595</v>
      </c>
      <c r="F1412" s="421" t="s">
        <v>596</v>
      </c>
      <c r="G1412" s="414" t="s">
        <v>3296</v>
      </c>
      <c r="H1412" s="415"/>
      <c r="I1412" s="415"/>
      <c r="J1412" s="438" t="s">
        <v>3297</v>
      </c>
      <c r="K1412" s="474"/>
      <c r="L1412" s="417">
        <v>38362</v>
      </c>
      <c r="M1412" s="417">
        <v>42036</v>
      </c>
      <c r="N1412" s="418" t="str">
        <f t="shared" si="42"/>
        <v/>
      </c>
    </row>
    <row r="1413" spans="1:14" ht="15.75">
      <c r="A1413" s="538"/>
      <c r="B1413" s="411">
        <f t="shared" si="43"/>
        <v>61</v>
      </c>
      <c r="C1413" s="633" t="s">
        <v>3298</v>
      </c>
      <c r="D1413" s="577" t="s">
        <v>3299</v>
      </c>
      <c r="E1413" s="539" t="s">
        <v>595</v>
      </c>
      <c r="F1413" s="647" t="s">
        <v>596</v>
      </c>
      <c r="G1413" s="443"/>
      <c r="H1413" s="444"/>
      <c r="I1413" s="648"/>
      <c r="J1413" s="577"/>
      <c r="K1413" s="443"/>
      <c r="L1413" s="477">
        <v>38362</v>
      </c>
      <c r="M1413" s="490"/>
      <c r="N1413" s="418" t="str">
        <f t="shared" si="42"/>
        <v/>
      </c>
    </row>
    <row r="1414" spans="1:14" ht="15.75">
      <c r="A1414" s="538"/>
      <c r="B1414" s="411">
        <f t="shared" si="43"/>
        <v>61</v>
      </c>
      <c r="C1414" s="440" t="s">
        <v>3300</v>
      </c>
      <c r="D1414" s="144" t="s">
        <v>3301</v>
      </c>
      <c r="E1414" s="522" t="s">
        <v>595</v>
      </c>
      <c r="F1414" s="140" t="s">
        <v>596</v>
      </c>
      <c r="G1414" s="449"/>
      <c r="H1414" s="451"/>
      <c r="I1414" s="481"/>
      <c r="J1414" s="144"/>
      <c r="K1414" s="450"/>
      <c r="L1414" s="469">
        <v>38362</v>
      </c>
      <c r="M1414" s="511"/>
      <c r="N1414" s="418" t="str">
        <f t="shared" si="42"/>
        <v/>
      </c>
    </row>
    <row r="1415" spans="1:14" ht="15.75">
      <c r="A1415" s="410"/>
      <c r="B1415" s="411">
        <f t="shared" si="43"/>
        <v>61</v>
      </c>
      <c r="C1415" s="456" t="s">
        <v>3302</v>
      </c>
      <c r="D1415" s="542" t="s">
        <v>3303</v>
      </c>
      <c r="E1415" s="457" t="s">
        <v>595</v>
      </c>
      <c r="F1415" s="649" t="s">
        <v>596</v>
      </c>
      <c r="G1415" s="552"/>
      <c r="H1415" s="460"/>
      <c r="I1415" s="527"/>
      <c r="J1415" s="528"/>
      <c r="K1415" s="459"/>
      <c r="L1415" s="423">
        <v>39845</v>
      </c>
      <c r="M1415" s="650">
        <v>42036</v>
      </c>
      <c r="N1415" s="418" t="str">
        <f t="shared" si="42"/>
        <v/>
      </c>
    </row>
    <row r="1416" spans="1:14" ht="189">
      <c r="A1416" s="574">
        <v>62</v>
      </c>
      <c r="B1416" s="535">
        <f>IF(A1416&gt;0,A1416,B1415)</f>
        <v>62</v>
      </c>
      <c r="C1416" s="651" t="s">
        <v>3304</v>
      </c>
      <c r="D1416" s="449" t="s">
        <v>1702</v>
      </c>
      <c r="E1416" s="449" t="s">
        <v>595</v>
      </c>
      <c r="F1416" s="449" t="s">
        <v>600</v>
      </c>
      <c r="G1416" s="144" t="s">
        <v>3305</v>
      </c>
      <c r="H1416" s="444" t="s">
        <v>3306</v>
      </c>
      <c r="I1416" s="652" t="s">
        <v>26576</v>
      </c>
      <c r="J1416" s="442" t="s">
        <v>3307</v>
      </c>
      <c r="K1416" s="449" t="s">
        <v>26577</v>
      </c>
      <c r="L1416" s="469">
        <v>38362</v>
      </c>
      <c r="M1416" s="477">
        <v>43497</v>
      </c>
      <c r="N1416" s="418" t="str">
        <f t="shared" si="42"/>
        <v>DUPLICATE</v>
      </c>
    </row>
    <row r="1417" spans="1:14" ht="267.75">
      <c r="A1417" s="653">
        <v>63</v>
      </c>
      <c r="B1417" s="653">
        <f>IF(A1417&gt;0,A1417,B1416)</f>
        <v>63</v>
      </c>
      <c r="C1417" s="654" t="s">
        <v>34135</v>
      </c>
      <c r="D1417" s="655" t="s">
        <v>35321</v>
      </c>
      <c r="E1417" s="430" t="s">
        <v>595</v>
      </c>
      <c r="F1417" s="430" t="s">
        <v>596</v>
      </c>
      <c r="G1417" s="430" t="s">
        <v>34153</v>
      </c>
      <c r="H1417" s="432" t="s">
        <v>31151</v>
      </c>
      <c r="I1417" s="430" t="s">
        <v>31151</v>
      </c>
      <c r="J1417" s="430" t="s">
        <v>34154</v>
      </c>
      <c r="K1417" s="488">
        <v>1E-3</v>
      </c>
      <c r="L1417" s="434">
        <v>44228</v>
      </c>
      <c r="M1417" s="434"/>
      <c r="N1417" s="418"/>
    </row>
    <row r="1418" spans="1:14" ht="15.75">
      <c r="A1418" s="411">
        <v>64</v>
      </c>
      <c r="B1418" s="411">
        <f>IF(A1418&gt;0,A1418,B1417)</f>
        <v>64</v>
      </c>
      <c r="C1418" s="656" t="s">
        <v>26578</v>
      </c>
      <c r="D1418" s="457" t="s">
        <v>26579</v>
      </c>
      <c r="E1418" s="457" t="s">
        <v>595</v>
      </c>
      <c r="F1418" s="457" t="s">
        <v>596</v>
      </c>
      <c r="G1418" s="458" t="s">
        <v>26538</v>
      </c>
      <c r="H1418" s="460"/>
      <c r="I1418" s="657"/>
      <c r="J1418" s="458" t="s">
        <v>26580</v>
      </c>
      <c r="K1418" s="458"/>
      <c r="L1418" s="423">
        <v>43497</v>
      </c>
      <c r="M1418" s="423"/>
      <c r="N1418" s="418" t="str">
        <f t="shared" ref="N1418:N1481" si="44">IF(D1418="NA","",IF(COUNTIF($D$2:$D$5552,D1418)&gt;1,"DUPLICATE",""))</f>
        <v/>
      </c>
    </row>
    <row r="1419" spans="1:14" ht="173.25">
      <c r="A1419" s="536">
        <v>65</v>
      </c>
      <c r="B1419" s="411">
        <f t="shared" si="43"/>
        <v>65</v>
      </c>
      <c r="C1419" s="658" t="s">
        <v>3308</v>
      </c>
      <c r="D1419" s="646"/>
      <c r="E1419" s="421" t="s">
        <v>707</v>
      </c>
      <c r="F1419" s="421" t="s">
        <v>600</v>
      </c>
      <c r="G1419" s="559" t="s">
        <v>3309</v>
      </c>
      <c r="H1419" s="659" t="s">
        <v>3310</v>
      </c>
      <c r="I1419" s="659" t="s">
        <v>3311</v>
      </c>
      <c r="J1419" s="438" t="s">
        <v>3312</v>
      </c>
      <c r="K1419" s="474" t="s">
        <v>3313</v>
      </c>
      <c r="L1419" s="417">
        <v>38362</v>
      </c>
      <c r="M1419" s="417">
        <v>42036</v>
      </c>
      <c r="N1419" s="418" t="str">
        <f t="shared" si="44"/>
        <v/>
      </c>
    </row>
    <row r="1420" spans="1:14" ht="47.25">
      <c r="A1420" s="563"/>
      <c r="B1420" s="484">
        <f t="shared" si="43"/>
        <v>65</v>
      </c>
      <c r="C1420" s="660" t="s">
        <v>3308</v>
      </c>
      <c r="D1420" s="430" t="s">
        <v>3314</v>
      </c>
      <c r="E1420" s="547" t="s">
        <v>643</v>
      </c>
      <c r="F1420" s="547" t="s">
        <v>600</v>
      </c>
      <c r="G1420" s="494" t="s">
        <v>34155</v>
      </c>
      <c r="H1420" s="661"/>
      <c r="I1420" s="662"/>
      <c r="J1420" s="565"/>
      <c r="K1420" s="568" t="s">
        <v>34156</v>
      </c>
      <c r="L1420" s="569">
        <v>38362</v>
      </c>
      <c r="M1420" s="569">
        <v>44228</v>
      </c>
      <c r="N1420" s="418" t="str">
        <f t="shared" si="44"/>
        <v/>
      </c>
    </row>
    <row r="1421" spans="1:14" ht="47.25">
      <c r="A1421" s="563"/>
      <c r="B1421" s="484">
        <f t="shared" si="43"/>
        <v>65</v>
      </c>
      <c r="C1421" s="660" t="s">
        <v>3315</v>
      </c>
      <c r="D1421" s="430" t="s">
        <v>3316</v>
      </c>
      <c r="E1421" s="547" t="s">
        <v>643</v>
      </c>
      <c r="F1421" s="547" t="s">
        <v>600</v>
      </c>
      <c r="G1421" s="494" t="s">
        <v>34155</v>
      </c>
      <c r="H1421" s="495"/>
      <c r="I1421" s="513"/>
      <c r="J1421" s="525"/>
      <c r="K1421" s="544" t="s">
        <v>34156</v>
      </c>
      <c r="L1421" s="516">
        <v>39845</v>
      </c>
      <c r="M1421" s="515">
        <v>44228</v>
      </c>
      <c r="N1421" s="418" t="str">
        <f t="shared" si="44"/>
        <v/>
      </c>
    </row>
    <row r="1422" spans="1:14" ht="28.5">
      <c r="A1422" s="538"/>
      <c r="B1422" s="411">
        <f t="shared" si="43"/>
        <v>65</v>
      </c>
      <c r="C1422" s="663" t="s">
        <v>3317</v>
      </c>
      <c r="D1422" s="414" t="s">
        <v>26581</v>
      </c>
      <c r="E1422" s="421" t="s">
        <v>707</v>
      </c>
      <c r="F1422" s="421" t="s">
        <v>600</v>
      </c>
      <c r="G1422" s="144"/>
      <c r="H1422" s="499"/>
      <c r="I1422" s="499"/>
      <c r="J1422" s="480"/>
      <c r="K1422" s="467"/>
      <c r="L1422" s="469">
        <v>41852</v>
      </c>
      <c r="M1422" s="511">
        <v>41897</v>
      </c>
      <c r="N1422" s="418" t="str">
        <f t="shared" si="44"/>
        <v/>
      </c>
    </row>
    <row r="1423" spans="1:14" ht="28.5">
      <c r="A1423" s="538"/>
      <c r="B1423" s="411">
        <f t="shared" si="43"/>
        <v>65</v>
      </c>
      <c r="C1423" s="663" t="s">
        <v>26582</v>
      </c>
      <c r="D1423" s="414" t="s">
        <v>26583</v>
      </c>
      <c r="E1423" s="421" t="s">
        <v>707</v>
      </c>
      <c r="F1423" s="421" t="s">
        <v>600</v>
      </c>
      <c r="G1423" s="449"/>
      <c r="H1423" s="451"/>
      <c r="I1423" s="451"/>
      <c r="J1423" s="480"/>
      <c r="K1423" s="467"/>
      <c r="L1423" s="469">
        <v>41852</v>
      </c>
      <c r="M1423" s="511">
        <v>41897</v>
      </c>
      <c r="N1423" s="418" t="str">
        <f t="shared" si="44"/>
        <v/>
      </c>
    </row>
    <row r="1424" spans="1:14" ht="47.25">
      <c r="A1424" s="563"/>
      <c r="B1424" s="484">
        <f t="shared" si="43"/>
        <v>65</v>
      </c>
      <c r="C1424" s="660" t="s">
        <v>26584</v>
      </c>
      <c r="D1424" s="430" t="s">
        <v>26585</v>
      </c>
      <c r="E1424" s="547" t="s">
        <v>643</v>
      </c>
      <c r="F1424" s="547" t="s">
        <v>600</v>
      </c>
      <c r="G1424" s="494" t="s">
        <v>34155</v>
      </c>
      <c r="H1424" s="661"/>
      <c r="I1424" s="495"/>
      <c r="J1424" s="525"/>
      <c r="K1424" s="568" t="s">
        <v>34156</v>
      </c>
      <c r="L1424" s="516">
        <v>41852</v>
      </c>
      <c r="M1424" s="516">
        <v>44228</v>
      </c>
      <c r="N1424" s="418" t="str">
        <f t="shared" si="44"/>
        <v/>
      </c>
    </row>
    <row r="1425" spans="1:14" ht="47.25">
      <c r="A1425" s="563"/>
      <c r="B1425" s="484">
        <f t="shared" si="43"/>
        <v>65</v>
      </c>
      <c r="C1425" s="660" t="s">
        <v>26586</v>
      </c>
      <c r="D1425" s="430" t="s">
        <v>26587</v>
      </c>
      <c r="E1425" s="547" t="s">
        <v>643</v>
      </c>
      <c r="F1425" s="547" t="s">
        <v>600</v>
      </c>
      <c r="G1425" s="494" t="s">
        <v>34155</v>
      </c>
      <c r="H1425" s="495"/>
      <c r="I1425" s="513"/>
      <c r="J1425" s="525"/>
      <c r="K1425" s="568" t="s">
        <v>34156</v>
      </c>
      <c r="L1425" s="516">
        <v>41852</v>
      </c>
      <c r="M1425" s="516">
        <v>44228</v>
      </c>
      <c r="N1425" s="418" t="str">
        <f t="shared" si="44"/>
        <v/>
      </c>
    </row>
    <row r="1426" spans="1:14" ht="47.25">
      <c r="A1426" s="563"/>
      <c r="B1426" s="484">
        <f t="shared" si="43"/>
        <v>65</v>
      </c>
      <c r="C1426" s="660" t="s">
        <v>26588</v>
      </c>
      <c r="D1426" s="430" t="s">
        <v>26589</v>
      </c>
      <c r="E1426" s="547" t="s">
        <v>643</v>
      </c>
      <c r="F1426" s="547" t="s">
        <v>600</v>
      </c>
      <c r="G1426" s="494" t="s">
        <v>34155</v>
      </c>
      <c r="H1426" s="495"/>
      <c r="I1426" s="513"/>
      <c r="J1426" s="525"/>
      <c r="K1426" s="544" t="s">
        <v>34156</v>
      </c>
      <c r="L1426" s="516">
        <v>41852</v>
      </c>
      <c r="M1426" s="516">
        <v>44228</v>
      </c>
      <c r="N1426" s="418" t="str">
        <f t="shared" si="44"/>
        <v/>
      </c>
    </row>
    <row r="1427" spans="1:14" ht="28.5">
      <c r="A1427" s="538"/>
      <c r="B1427" s="411">
        <f t="shared" si="43"/>
        <v>65</v>
      </c>
      <c r="C1427" s="663" t="s">
        <v>26590</v>
      </c>
      <c r="D1427" s="414" t="s">
        <v>26591</v>
      </c>
      <c r="E1427" s="421" t="s">
        <v>707</v>
      </c>
      <c r="F1427" s="421" t="s">
        <v>600</v>
      </c>
      <c r="G1427" s="449"/>
      <c r="H1427" s="451"/>
      <c r="I1427" s="481"/>
      <c r="J1427" s="480"/>
      <c r="K1427" s="467"/>
      <c r="L1427" s="469">
        <v>41852</v>
      </c>
      <c r="M1427" s="511">
        <v>41897</v>
      </c>
      <c r="N1427" s="418" t="str">
        <f t="shared" si="44"/>
        <v/>
      </c>
    </row>
    <row r="1428" spans="1:14" ht="28.5">
      <c r="A1428" s="538"/>
      <c r="B1428" s="411">
        <f t="shared" si="43"/>
        <v>65</v>
      </c>
      <c r="C1428" s="663" t="s">
        <v>26592</v>
      </c>
      <c r="D1428" s="414" t="s">
        <v>3318</v>
      </c>
      <c r="E1428" s="421" t="s">
        <v>707</v>
      </c>
      <c r="F1428" s="421" t="s">
        <v>600</v>
      </c>
      <c r="G1428" s="144"/>
      <c r="H1428" s="451"/>
      <c r="I1428" s="481"/>
      <c r="J1428" s="480"/>
      <c r="K1428" s="467"/>
      <c r="L1428" s="469">
        <v>41852</v>
      </c>
      <c r="M1428" s="511">
        <v>41897</v>
      </c>
      <c r="N1428" s="418" t="str">
        <f t="shared" si="44"/>
        <v/>
      </c>
    </row>
    <row r="1429" spans="1:14" ht="28.5">
      <c r="A1429" s="538"/>
      <c r="B1429" s="411">
        <f t="shared" si="43"/>
        <v>65</v>
      </c>
      <c r="C1429" s="663" t="s">
        <v>26593</v>
      </c>
      <c r="D1429" s="414" t="s">
        <v>26594</v>
      </c>
      <c r="E1429" s="421" t="s">
        <v>707</v>
      </c>
      <c r="F1429" s="421" t="s">
        <v>600</v>
      </c>
      <c r="G1429" s="449"/>
      <c r="H1429" s="451"/>
      <c r="I1429" s="481"/>
      <c r="J1429" s="480"/>
      <c r="K1429" s="467"/>
      <c r="L1429" s="469">
        <v>41852</v>
      </c>
      <c r="M1429" s="511">
        <v>41897</v>
      </c>
      <c r="N1429" s="418" t="str">
        <f t="shared" si="44"/>
        <v/>
      </c>
    </row>
    <row r="1430" spans="1:14" ht="28.5">
      <c r="A1430" s="538"/>
      <c r="B1430" s="411">
        <f t="shared" si="43"/>
        <v>65</v>
      </c>
      <c r="C1430" s="663" t="s">
        <v>26595</v>
      </c>
      <c r="D1430" s="414" t="s">
        <v>26596</v>
      </c>
      <c r="E1430" s="421" t="s">
        <v>707</v>
      </c>
      <c r="F1430" s="421" t="s">
        <v>600</v>
      </c>
      <c r="G1430" s="449"/>
      <c r="H1430" s="451"/>
      <c r="I1430" s="481"/>
      <c r="J1430" s="480"/>
      <c r="K1430" s="467"/>
      <c r="L1430" s="469">
        <v>41852</v>
      </c>
      <c r="M1430" s="511">
        <v>41897</v>
      </c>
      <c r="N1430" s="418" t="str">
        <f t="shared" si="44"/>
        <v/>
      </c>
    </row>
    <row r="1431" spans="1:14" ht="28.5">
      <c r="A1431" s="538"/>
      <c r="B1431" s="411">
        <f t="shared" si="43"/>
        <v>65</v>
      </c>
      <c r="C1431" s="663" t="s">
        <v>26597</v>
      </c>
      <c r="D1431" s="414" t="s">
        <v>26598</v>
      </c>
      <c r="E1431" s="421" t="s">
        <v>707</v>
      </c>
      <c r="F1431" s="421" t="s">
        <v>600</v>
      </c>
      <c r="G1431" s="449"/>
      <c r="H1431" s="451"/>
      <c r="I1431" s="481"/>
      <c r="J1431" s="480"/>
      <c r="K1431" s="467"/>
      <c r="L1431" s="469">
        <v>41852</v>
      </c>
      <c r="M1431" s="511">
        <v>41897</v>
      </c>
      <c r="N1431" s="418" t="str">
        <f t="shared" si="44"/>
        <v/>
      </c>
    </row>
    <row r="1432" spans="1:14" ht="28.5">
      <c r="A1432" s="538"/>
      <c r="B1432" s="411">
        <f t="shared" si="43"/>
        <v>65</v>
      </c>
      <c r="C1432" s="663" t="s">
        <v>26599</v>
      </c>
      <c r="D1432" s="414" t="s">
        <v>26600</v>
      </c>
      <c r="E1432" s="421" t="s">
        <v>707</v>
      </c>
      <c r="F1432" s="421" t="s">
        <v>600</v>
      </c>
      <c r="G1432" s="449"/>
      <c r="H1432" s="451"/>
      <c r="I1432" s="481"/>
      <c r="J1432" s="480"/>
      <c r="K1432" s="467"/>
      <c r="L1432" s="469">
        <v>41852</v>
      </c>
      <c r="M1432" s="511">
        <v>41897</v>
      </c>
      <c r="N1432" s="418" t="str">
        <f t="shared" si="44"/>
        <v/>
      </c>
    </row>
    <row r="1433" spans="1:14" ht="28.5">
      <c r="A1433" s="536"/>
      <c r="B1433" s="411">
        <f t="shared" si="43"/>
        <v>65</v>
      </c>
      <c r="C1433" s="663" t="s">
        <v>26601</v>
      </c>
      <c r="D1433" s="414" t="s">
        <v>26602</v>
      </c>
      <c r="E1433" s="421" t="s">
        <v>707</v>
      </c>
      <c r="F1433" s="421" t="s">
        <v>600</v>
      </c>
      <c r="G1433" s="458"/>
      <c r="H1433" s="460"/>
      <c r="I1433" s="527"/>
      <c r="J1433" s="528"/>
      <c r="K1433" s="632"/>
      <c r="L1433" s="423">
        <v>41852</v>
      </c>
      <c r="M1433" s="423">
        <v>41897</v>
      </c>
      <c r="N1433" s="418" t="str">
        <f t="shared" si="44"/>
        <v/>
      </c>
    </row>
    <row r="1434" spans="1:14" ht="15.75">
      <c r="A1434" s="536">
        <v>66</v>
      </c>
      <c r="B1434" s="411">
        <f t="shared" ref="B1434:B1497" si="45">IF(A1434&gt;0,A1434,B1433)</f>
        <v>66</v>
      </c>
      <c r="C1434" s="658" t="s">
        <v>26603</v>
      </c>
      <c r="D1434" s="414" t="s">
        <v>26604</v>
      </c>
      <c r="E1434" s="421" t="s">
        <v>595</v>
      </c>
      <c r="F1434" s="421" t="s">
        <v>596</v>
      </c>
      <c r="G1434" s="458" t="s">
        <v>26538</v>
      </c>
      <c r="H1434" s="460"/>
      <c r="I1434" s="527"/>
      <c r="J1434" s="528" t="s">
        <v>26605</v>
      </c>
      <c r="K1434" s="632"/>
      <c r="L1434" s="417">
        <v>43497</v>
      </c>
      <c r="M1434" s="423"/>
      <c r="N1434" s="418" t="str">
        <f t="shared" si="44"/>
        <v/>
      </c>
    </row>
    <row r="1435" spans="1:14" ht="31.5">
      <c r="A1435" s="543">
        <v>67</v>
      </c>
      <c r="B1435" s="411">
        <f t="shared" si="45"/>
        <v>67</v>
      </c>
      <c r="C1435" s="664" t="s">
        <v>13998</v>
      </c>
      <c r="D1435" s="665" t="s">
        <v>13999</v>
      </c>
      <c r="E1435" s="431" t="s">
        <v>595</v>
      </c>
      <c r="F1435" s="431" t="s">
        <v>600</v>
      </c>
      <c r="G1435" s="431" t="s">
        <v>760</v>
      </c>
      <c r="H1435" s="666"/>
      <c r="I1435" s="666"/>
      <c r="J1435" s="665" t="s">
        <v>14000</v>
      </c>
      <c r="K1435" s="666"/>
      <c r="L1435" s="667">
        <v>43132</v>
      </c>
      <c r="M1435" s="434">
        <v>43862</v>
      </c>
      <c r="N1435" s="418" t="str">
        <f t="shared" si="44"/>
        <v/>
      </c>
    </row>
    <row r="1436" spans="1:14" ht="47.25">
      <c r="A1436" s="536">
        <v>68</v>
      </c>
      <c r="B1436" s="411">
        <f t="shared" si="45"/>
        <v>68</v>
      </c>
      <c r="C1436" s="424" t="s">
        <v>3319</v>
      </c>
      <c r="D1436" s="413" t="s">
        <v>529</v>
      </c>
      <c r="E1436" s="414" t="s">
        <v>707</v>
      </c>
      <c r="F1436" s="414" t="s">
        <v>676</v>
      </c>
      <c r="G1436" s="414" t="s">
        <v>3320</v>
      </c>
      <c r="H1436" s="415">
        <v>41872</v>
      </c>
      <c r="I1436" s="415" t="s">
        <v>711</v>
      </c>
      <c r="J1436" s="416" t="s">
        <v>3321</v>
      </c>
      <c r="K1436" s="414"/>
      <c r="L1436" s="417">
        <v>38362</v>
      </c>
      <c r="M1436" s="417">
        <v>43497</v>
      </c>
      <c r="N1436" s="418" t="str">
        <f t="shared" si="44"/>
        <v/>
      </c>
    </row>
    <row r="1437" spans="1:14" ht="31.5">
      <c r="A1437" s="536">
        <v>69</v>
      </c>
      <c r="B1437" s="411">
        <f t="shared" si="45"/>
        <v>69</v>
      </c>
      <c r="C1437" s="424" t="s">
        <v>14001</v>
      </c>
      <c r="D1437" s="413" t="s">
        <v>217</v>
      </c>
      <c r="E1437" s="414" t="s">
        <v>595</v>
      </c>
      <c r="F1437" s="414" t="s">
        <v>600</v>
      </c>
      <c r="G1437" s="414" t="s">
        <v>760</v>
      </c>
      <c r="H1437" s="415"/>
      <c r="I1437" s="415"/>
      <c r="J1437" s="416" t="s">
        <v>14002</v>
      </c>
      <c r="K1437" s="414"/>
      <c r="L1437" s="417">
        <v>43132</v>
      </c>
      <c r="M1437" s="417"/>
      <c r="N1437" s="418" t="str">
        <f t="shared" si="44"/>
        <v/>
      </c>
    </row>
    <row r="1438" spans="1:14" ht="31.5">
      <c r="A1438" s="536">
        <v>70</v>
      </c>
      <c r="B1438" s="411">
        <f t="shared" si="45"/>
        <v>70</v>
      </c>
      <c r="C1438" s="424" t="s">
        <v>26606</v>
      </c>
      <c r="D1438" s="414" t="s">
        <v>26607</v>
      </c>
      <c r="E1438" s="427" t="s">
        <v>595</v>
      </c>
      <c r="F1438" s="427" t="s">
        <v>596</v>
      </c>
      <c r="G1438" s="427" t="s">
        <v>1390</v>
      </c>
      <c r="H1438" s="415"/>
      <c r="I1438" s="415"/>
      <c r="J1438" s="416" t="s">
        <v>26608</v>
      </c>
      <c r="K1438" s="414"/>
      <c r="L1438" s="417">
        <v>43497</v>
      </c>
      <c r="M1438" s="417"/>
      <c r="N1438" s="418" t="str">
        <f t="shared" si="44"/>
        <v/>
      </c>
    </row>
    <row r="1439" spans="1:14" ht="31.5">
      <c r="A1439" s="536">
        <v>71</v>
      </c>
      <c r="B1439" s="411">
        <f t="shared" si="45"/>
        <v>71</v>
      </c>
      <c r="C1439" s="424" t="s">
        <v>26609</v>
      </c>
      <c r="D1439" s="414" t="s">
        <v>26610</v>
      </c>
      <c r="E1439" s="427" t="s">
        <v>595</v>
      </c>
      <c r="F1439" s="427" t="s">
        <v>596</v>
      </c>
      <c r="G1439" s="427" t="s">
        <v>1390</v>
      </c>
      <c r="H1439" s="415"/>
      <c r="I1439" s="415"/>
      <c r="J1439" s="416" t="s">
        <v>26608</v>
      </c>
      <c r="K1439" s="414"/>
      <c r="L1439" s="417">
        <v>43497</v>
      </c>
      <c r="M1439" s="417"/>
      <c r="N1439" s="418" t="str">
        <f t="shared" si="44"/>
        <v/>
      </c>
    </row>
    <row r="1440" spans="1:14" ht="31.5">
      <c r="A1440" s="536">
        <v>72</v>
      </c>
      <c r="B1440" s="411">
        <f t="shared" si="45"/>
        <v>72</v>
      </c>
      <c r="C1440" s="557" t="s">
        <v>14003</v>
      </c>
      <c r="D1440" s="554" t="s">
        <v>14004</v>
      </c>
      <c r="E1440" s="427" t="s">
        <v>595</v>
      </c>
      <c r="F1440" s="427" t="s">
        <v>596</v>
      </c>
      <c r="G1440" s="427" t="s">
        <v>1390</v>
      </c>
      <c r="H1440" s="558"/>
      <c r="I1440" s="558"/>
      <c r="J1440" s="554" t="s">
        <v>14005</v>
      </c>
      <c r="K1440" s="558"/>
      <c r="L1440" s="556">
        <v>43132</v>
      </c>
      <c r="M1440" s="555"/>
      <c r="N1440" s="418" t="str">
        <f t="shared" si="44"/>
        <v/>
      </c>
    </row>
    <row r="1441" spans="1:14" ht="31.5">
      <c r="A1441" s="536">
        <v>73</v>
      </c>
      <c r="B1441" s="411">
        <f t="shared" si="45"/>
        <v>73</v>
      </c>
      <c r="C1441" s="424" t="s">
        <v>3322</v>
      </c>
      <c r="D1441" s="413" t="s">
        <v>3323</v>
      </c>
      <c r="E1441" s="414" t="s">
        <v>595</v>
      </c>
      <c r="F1441" s="414" t="s">
        <v>596</v>
      </c>
      <c r="G1441" s="414" t="s">
        <v>1390</v>
      </c>
      <c r="H1441" s="415"/>
      <c r="I1441" s="415"/>
      <c r="J1441" s="414" t="s">
        <v>3324</v>
      </c>
      <c r="K1441" s="414"/>
      <c r="L1441" s="417">
        <v>42767</v>
      </c>
      <c r="M1441" s="417"/>
      <c r="N1441" s="418" t="str">
        <f t="shared" si="44"/>
        <v/>
      </c>
    </row>
    <row r="1442" spans="1:14" ht="126">
      <c r="A1442" s="543">
        <v>74</v>
      </c>
      <c r="B1442" s="484">
        <f t="shared" si="45"/>
        <v>74</v>
      </c>
      <c r="C1442" s="485" t="s">
        <v>3325</v>
      </c>
      <c r="D1442" s="430" t="s">
        <v>575</v>
      </c>
      <c r="E1442" s="547" t="s">
        <v>707</v>
      </c>
      <c r="F1442" s="430" t="s">
        <v>600</v>
      </c>
      <c r="G1442" s="430" t="s">
        <v>34157</v>
      </c>
      <c r="H1442" s="432"/>
      <c r="I1442" s="432"/>
      <c r="J1442" s="433"/>
      <c r="K1442" s="594" t="s">
        <v>34158</v>
      </c>
      <c r="L1442" s="434">
        <v>38362</v>
      </c>
      <c r="M1442" s="434">
        <v>44228</v>
      </c>
      <c r="N1442" s="418" t="str">
        <f t="shared" si="44"/>
        <v/>
      </c>
    </row>
    <row r="1443" spans="1:14" ht="31.5">
      <c r="A1443" s="536">
        <v>75</v>
      </c>
      <c r="B1443" s="411">
        <f t="shared" si="45"/>
        <v>75</v>
      </c>
      <c r="C1443" s="424" t="s">
        <v>14006</v>
      </c>
      <c r="D1443" s="414" t="s">
        <v>492</v>
      </c>
      <c r="E1443" s="414" t="s">
        <v>707</v>
      </c>
      <c r="F1443" s="414" t="s">
        <v>676</v>
      </c>
      <c r="G1443" s="414" t="s">
        <v>811</v>
      </c>
      <c r="H1443" s="415">
        <v>42237</v>
      </c>
      <c r="I1443" s="415" t="s">
        <v>711</v>
      </c>
      <c r="J1443" s="416" t="s">
        <v>14007</v>
      </c>
      <c r="K1443" s="474"/>
      <c r="L1443" s="417">
        <v>43132</v>
      </c>
      <c r="M1443" s="417">
        <v>43497</v>
      </c>
      <c r="N1443" s="418" t="str">
        <f t="shared" si="44"/>
        <v/>
      </c>
    </row>
    <row r="1444" spans="1:14" ht="15.75">
      <c r="A1444" s="536">
        <v>76</v>
      </c>
      <c r="B1444" s="411">
        <f t="shared" si="45"/>
        <v>76</v>
      </c>
      <c r="C1444" s="424" t="s">
        <v>3326</v>
      </c>
      <c r="D1444" s="421"/>
      <c r="E1444" s="414" t="s">
        <v>707</v>
      </c>
      <c r="F1444" s="414" t="s">
        <v>676</v>
      </c>
      <c r="G1444" s="414" t="s">
        <v>3327</v>
      </c>
      <c r="H1444" s="415"/>
      <c r="I1444" s="415"/>
      <c r="J1444" s="438" t="s">
        <v>3328</v>
      </c>
      <c r="K1444" s="474" t="s">
        <v>3329</v>
      </c>
      <c r="L1444" s="417">
        <v>38362</v>
      </c>
      <c r="M1444" s="417">
        <v>42036</v>
      </c>
      <c r="N1444" s="418" t="str">
        <f t="shared" si="44"/>
        <v/>
      </c>
    </row>
    <row r="1445" spans="1:14" ht="63">
      <c r="A1445" s="536"/>
      <c r="B1445" s="411">
        <f t="shared" si="45"/>
        <v>76</v>
      </c>
      <c r="C1445" s="668" t="s">
        <v>3330</v>
      </c>
      <c r="D1445" s="421"/>
      <c r="E1445" s="414" t="s">
        <v>707</v>
      </c>
      <c r="F1445" s="414" t="s">
        <v>708</v>
      </c>
      <c r="G1445" s="414" t="s">
        <v>3331</v>
      </c>
      <c r="H1445" s="415"/>
      <c r="I1445" s="460"/>
      <c r="J1445" s="414"/>
      <c r="K1445" s="474" t="s">
        <v>3332</v>
      </c>
      <c r="L1445" s="417"/>
      <c r="M1445" s="417">
        <v>42231</v>
      </c>
      <c r="N1445" s="418" t="str">
        <f t="shared" si="44"/>
        <v/>
      </c>
    </row>
    <row r="1446" spans="1:14" ht="15.75">
      <c r="A1446" s="538"/>
      <c r="B1446" s="411">
        <f t="shared" si="45"/>
        <v>76</v>
      </c>
      <c r="C1446" s="633" t="s">
        <v>14008</v>
      </c>
      <c r="D1446" s="539" t="s">
        <v>14009</v>
      </c>
      <c r="E1446" s="414" t="s">
        <v>707</v>
      </c>
      <c r="F1446" s="414" t="s">
        <v>708</v>
      </c>
      <c r="G1446" s="442"/>
      <c r="H1446" s="415"/>
      <c r="I1446" s="444"/>
      <c r="J1446" s="445"/>
      <c r="K1446" s="443"/>
      <c r="L1446" s="477">
        <v>43132</v>
      </c>
      <c r="M1446" s="417"/>
      <c r="N1446" s="418" t="str">
        <f t="shared" si="44"/>
        <v/>
      </c>
    </row>
    <row r="1447" spans="1:14" ht="28.5">
      <c r="A1447" s="538"/>
      <c r="B1447" s="411">
        <f t="shared" si="45"/>
        <v>76</v>
      </c>
      <c r="C1447" s="633" t="s">
        <v>3333</v>
      </c>
      <c r="D1447" s="539" t="s">
        <v>3334</v>
      </c>
      <c r="E1447" s="414" t="s">
        <v>707</v>
      </c>
      <c r="F1447" s="414" t="s">
        <v>708</v>
      </c>
      <c r="G1447" s="449"/>
      <c r="H1447" s="415"/>
      <c r="I1447" s="481"/>
      <c r="J1447" s="144"/>
      <c r="K1447" s="450"/>
      <c r="L1447" s="469">
        <v>38749</v>
      </c>
      <c r="M1447" s="417">
        <v>41730</v>
      </c>
      <c r="N1447" s="418" t="str">
        <f t="shared" si="44"/>
        <v/>
      </c>
    </row>
    <row r="1448" spans="1:14" ht="28.5">
      <c r="A1448" s="538"/>
      <c r="B1448" s="411">
        <f t="shared" si="45"/>
        <v>76</v>
      </c>
      <c r="C1448" s="440" t="s">
        <v>3335</v>
      </c>
      <c r="D1448" s="140" t="s">
        <v>3336</v>
      </c>
      <c r="E1448" s="414" t="s">
        <v>707</v>
      </c>
      <c r="F1448" s="414" t="s">
        <v>708</v>
      </c>
      <c r="G1448" s="449"/>
      <c r="H1448" s="415"/>
      <c r="I1448" s="481"/>
      <c r="J1448" s="144"/>
      <c r="K1448" s="450"/>
      <c r="L1448" s="469">
        <v>38749</v>
      </c>
      <c r="M1448" s="417">
        <v>41730</v>
      </c>
      <c r="N1448" s="418" t="str">
        <f t="shared" si="44"/>
        <v/>
      </c>
    </row>
    <row r="1449" spans="1:14" ht="28.5">
      <c r="A1449" s="538"/>
      <c r="B1449" s="411">
        <f t="shared" si="45"/>
        <v>76</v>
      </c>
      <c r="C1449" s="440" t="s">
        <v>3337</v>
      </c>
      <c r="D1449" s="140" t="s">
        <v>3338</v>
      </c>
      <c r="E1449" s="414" t="s">
        <v>707</v>
      </c>
      <c r="F1449" s="414" t="s">
        <v>708</v>
      </c>
      <c r="G1449" s="449"/>
      <c r="H1449" s="415"/>
      <c r="I1449" s="481"/>
      <c r="J1449" s="144"/>
      <c r="K1449" s="450"/>
      <c r="L1449" s="469">
        <v>38749</v>
      </c>
      <c r="M1449" s="417">
        <v>41730</v>
      </c>
      <c r="N1449" s="418" t="str">
        <f t="shared" si="44"/>
        <v/>
      </c>
    </row>
    <row r="1450" spans="1:14" ht="15.75">
      <c r="A1450" s="538"/>
      <c r="B1450" s="411">
        <f t="shared" si="45"/>
        <v>76</v>
      </c>
      <c r="C1450" s="440" t="s">
        <v>3339</v>
      </c>
      <c r="D1450" s="144" t="s">
        <v>3340</v>
      </c>
      <c r="E1450" s="414" t="s">
        <v>707</v>
      </c>
      <c r="F1450" s="414" t="s">
        <v>708</v>
      </c>
      <c r="G1450" s="449"/>
      <c r="H1450" s="415"/>
      <c r="I1450" s="481"/>
      <c r="J1450" s="144"/>
      <c r="K1450" s="450"/>
      <c r="L1450" s="469">
        <v>38749</v>
      </c>
      <c r="M1450" s="417">
        <v>41730</v>
      </c>
      <c r="N1450" s="418" t="str">
        <f t="shared" si="44"/>
        <v/>
      </c>
    </row>
    <row r="1451" spans="1:14" ht="15.75">
      <c r="A1451" s="538"/>
      <c r="B1451" s="411">
        <f t="shared" si="45"/>
        <v>76</v>
      </c>
      <c r="C1451" s="440" t="s">
        <v>3341</v>
      </c>
      <c r="D1451" s="144" t="s">
        <v>3342</v>
      </c>
      <c r="E1451" s="414" t="s">
        <v>707</v>
      </c>
      <c r="F1451" s="414" t="s">
        <v>708</v>
      </c>
      <c r="G1451" s="449"/>
      <c r="H1451" s="415"/>
      <c r="I1451" s="481"/>
      <c r="J1451" s="144"/>
      <c r="K1451" s="450"/>
      <c r="L1451" s="469">
        <v>39479</v>
      </c>
      <c r="M1451" s="417">
        <v>41730</v>
      </c>
      <c r="N1451" s="418" t="str">
        <f t="shared" si="44"/>
        <v/>
      </c>
    </row>
    <row r="1452" spans="1:14" ht="15.75">
      <c r="A1452" s="538"/>
      <c r="B1452" s="411">
        <f t="shared" si="45"/>
        <v>76</v>
      </c>
      <c r="C1452" s="440" t="s">
        <v>3343</v>
      </c>
      <c r="D1452" s="144" t="s">
        <v>3344</v>
      </c>
      <c r="E1452" s="414" t="s">
        <v>707</v>
      </c>
      <c r="F1452" s="414" t="s">
        <v>708</v>
      </c>
      <c r="G1452" s="449"/>
      <c r="H1452" s="415"/>
      <c r="I1452" s="481"/>
      <c r="J1452" s="144"/>
      <c r="K1452" s="450"/>
      <c r="L1452" s="469">
        <v>39479</v>
      </c>
      <c r="M1452" s="417">
        <v>41730</v>
      </c>
      <c r="N1452" s="418" t="str">
        <f t="shared" si="44"/>
        <v/>
      </c>
    </row>
    <row r="1453" spans="1:14" ht="15.75">
      <c r="A1453" s="538"/>
      <c r="B1453" s="411">
        <f t="shared" si="45"/>
        <v>76</v>
      </c>
      <c r="C1453" s="440" t="s">
        <v>3345</v>
      </c>
      <c r="D1453" s="144" t="s">
        <v>3346</v>
      </c>
      <c r="E1453" s="414" t="s">
        <v>707</v>
      </c>
      <c r="F1453" s="414" t="s">
        <v>708</v>
      </c>
      <c r="G1453" s="449"/>
      <c r="H1453" s="415"/>
      <c r="I1453" s="481"/>
      <c r="J1453" s="144"/>
      <c r="K1453" s="450"/>
      <c r="L1453" s="469">
        <v>40940</v>
      </c>
      <c r="M1453" s="417">
        <v>41730</v>
      </c>
      <c r="N1453" s="418" t="str">
        <f t="shared" si="44"/>
        <v/>
      </c>
    </row>
    <row r="1454" spans="1:14" ht="15.75">
      <c r="A1454" s="538"/>
      <c r="B1454" s="411">
        <f t="shared" si="45"/>
        <v>76</v>
      </c>
      <c r="C1454" s="440" t="s">
        <v>3347</v>
      </c>
      <c r="D1454" s="144" t="s">
        <v>3348</v>
      </c>
      <c r="E1454" s="414" t="s">
        <v>707</v>
      </c>
      <c r="F1454" s="414" t="s">
        <v>708</v>
      </c>
      <c r="G1454" s="449"/>
      <c r="H1454" s="415"/>
      <c r="I1454" s="481"/>
      <c r="J1454" s="144"/>
      <c r="K1454" s="450"/>
      <c r="L1454" s="469">
        <v>40940</v>
      </c>
      <c r="M1454" s="417">
        <v>41730</v>
      </c>
      <c r="N1454" s="418" t="str">
        <f t="shared" si="44"/>
        <v/>
      </c>
    </row>
    <row r="1455" spans="1:14" ht="28.5">
      <c r="A1455" s="538"/>
      <c r="B1455" s="411">
        <f t="shared" si="45"/>
        <v>76</v>
      </c>
      <c r="C1455" s="440" t="s">
        <v>3349</v>
      </c>
      <c r="D1455" s="144" t="s">
        <v>3350</v>
      </c>
      <c r="E1455" s="414" t="s">
        <v>707</v>
      </c>
      <c r="F1455" s="414" t="s">
        <v>708</v>
      </c>
      <c r="G1455" s="449"/>
      <c r="H1455" s="415"/>
      <c r="I1455" s="481"/>
      <c r="J1455" s="144"/>
      <c r="K1455" s="450"/>
      <c r="L1455" s="469">
        <v>40940</v>
      </c>
      <c r="M1455" s="417">
        <v>41730</v>
      </c>
      <c r="N1455" s="418" t="str">
        <f t="shared" si="44"/>
        <v/>
      </c>
    </row>
    <row r="1456" spans="1:14" ht="15.75">
      <c r="A1456" s="538"/>
      <c r="B1456" s="411">
        <f t="shared" si="45"/>
        <v>76</v>
      </c>
      <c r="C1456" s="440" t="s">
        <v>3351</v>
      </c>
      <c r="D1456" s="144" t="s">
        <v>3352</v>
      </c>
      <c r="E1456" s="414" t="s">
        <v>707</v>
      </c>
      <c r="F1456" s="414" t="s">
        <v>708</v>
      </c>
      <c r="G1456" s="449"/>
      <c r="H1456" s="415"/>
      <c r="I1456" s="481"/>
      <c r="J1456" s="144"/>
      <c r="K1456" s="450"/>
      <c r="L1456" s="469">
        <v>40940</v>
      </c>
      <c r="M1456" s="417">
        <v>41730</v>
      </c>
      <c r="N1456" s="418" t="str">
        <f t="shared" si="44"/>
        <v/>
      </c>
    </row>
    <row r="1457" spans="1:14" ht="15.75">
      <c r="A1457" s="538"/>
      <c r="B1457" s="411">
        <f t="shared" si="45"/>
        <v>76</v>
      </c>
      <c r="C1457" s="440" t="s">
        <v>3353</v>
      </c>
      <c r="D1457" s="144" t="s">
        <v>3354</v>
      </c>
      <c r="E1457" s="414" t="s">
        <v>707</v>
      </c>
      <c r="F1457" s="414" t="s">
        <v>708</v>
      </c>
      <c r="G1457" s="449"/>
      <c r="H1457" s="415"/>
      <c r="I1457" s="481"/>
      <c r="J1457" s="144"/>
      <c r="K1457" s="450"/>
      <c r="L1457" s="469">
        <v>40940</v>
      </c>
      <c r="M1457" s="417">
        <v>41730</v>
      </c>
      <c r="N1457" s="418" t="str">
        <f t="shared" si="44"/>
        <v/>
      </c>
    </row>
    <row r="1458" spans="1:14" ht="15.75">
      <c r="A1458" s="538"/>
      <c r="B1458" s="411">
        <f t="shared" si="45"/>
        <v>76</v>
      </c>
      <c r="C1458" s="440" t="s">
        <v>3355</v>
      </c>
      <c r="D1458" s="144" t="s">
        <v>3356</v>
      </c>
      <c r="E1458" s="414" t="s">
        <v>707</v>
      </c>
      <c r="F1458" s="414" t="s">
        <v>708</v>
      </c>
      <c r="G1458" s="449"/>
      <c r="H1458" s="415"/>
      <c r="I1458" s="481"/>
      <c r="J1458" s="144"/>
      <c r="K1458" s="450"/>
      <c r="L1458" s="469">
        <v>40940</v>
      </c>
      <c r="M1458" s="417">
        <v>41730</v>
      </c>
      <c r="N1458" s="418" t="str">
        <f t="shared" si="44"/>
        <v/>
      </c>
    </row>
    <row r="1459" spans="1:14" ht="15.75">
      <c r="A1459" s="538"/>
      <c r="B1459" s="411">
        <f t="shared" si="45"/>
        <v>76</v>
      </c>
      <c r="C1459" s="440" t="s">
        <v>3357</v>
      </c>
      <c r="D1459" s="144" t="s">
        <v>3358</v>
      </c>
      <c r="E1459" s="414" t="s">
        <v>707</v>
      </c>
      <c r="F1459" s="414" t="s">
        <v>708</v>
      </c>
      <c r="G1459" s="449"/>
      <c r="H1459" s="415"/>
      <c r="I1459" s="481"/>
      <c r="J1459" s="144"/>
      <c r="K1459" s="450"/>
      <c r="L1459" s="469">
        <v>40940</v>
      </c>
      <c r="M1459" s="417">
        <v>41730</v>
      </c>
      <c r="N1459" s="418" t="str">
        <f t="shared" si="44"/>
        <v/>
      </c>
    </row>
    <row r="1460" spans="1:14" ht="28.5">
      <c r="A1460" s="538"/>
      <c r="B1460" s="411">
        <f t="shared" si="45"/>
        <v>76</v>
      </c>
      <c r="C1460" s="440" t="s">
        <v>3359</v>
      </c>
      <c r="D1460" s="144" t="s">
        <v>3360</v>
      </c>
      <c r="E1460" s="414" t="s">
        <v>707</v>
      </c>
      <c r="F1460" s="414" t="s">
        <v>708</v>
      </c>
      <c r="G1460" s="449"/>
      <c r="H1460" s="415"/>
      <c r="I1460" s="481"/>
      <c r="J1460" s="144"/>
      <c r="K1460" s="450"/>
      <c r="L1460" s="469">
        <v>40940</v>
      </c>
      <c r="M1460" s="417">
        <v>41730</v>
      </c>
      <c r="N1460" s="418" t="str">
        <f t="shared" si="44"/>
        <v/>
      </c>
    </row>
    <row r="1461" spans="1:14" ht="15.75">
      <c r="A1461" s="538"/>
      <c r="B1461" s="411">
        <f t="shared" si="45"/>
        <v>76</v>
      </c>
      <c r="C1461" s="440" t="s">
        <v>3361</v>
      </c>
      <c r="D1461" s="144" t="s">
        <v>3362</v>
      </c>
      <c r="E1461" s="414" t="s">
        <v>707</v>
      </c>
      <c r="F1461" s="414" t="s">
        <v>708</v>
      </c>
      <c r="G1461" s="449"/>
      <c r="H1461" s="415"/>
      <c r="I1461" s="481"/>
      <c r="J1461" s="144"/>
      <c r="K1461" s="450"/>
      <c r="L1461" s="469">
        <v>38749</v>
      </c>
      <c r="M1461" s="417">
        <v>41730</v>
      </c>
      <c r="N1461" s="418" t="str">
        <f t="shared" si="44"/>
        <v/>
      </c>
    </row>
    <row r="1462" spans="1:14" ht="15.75">
      <c r="A1462" s="538"/>
      <c r="B1462" s="411">
        <f t="shared" si="45"/>
        <v>76</v>
      </c>
      <c r="C1462" s="440" t="s">
        <v>3363</v>
      </c>
      <c r="D1462" s="144" t="s">
        <v>3364</v>
      </c>
      <c r="E1462" s="414" t="s">
        <v>707</v>
      </c>
      <c r="F1462" s="414" t="s">
        <v>708</v>
      </c>
      <c r="G1462" s="449"/>
      <c r="H1462" s="415"/>
      <c r="I1462" s="481"/>
      <c r="J1462" s="144"/>
      <c r="K1462" s="450"/>
      <c r="L1462" s="469">
        <v>39479</v>
      </c>
      <c r="M1462" s="417">
        <v>41730</v>
      </c>
      <c r="N1462" s="418" t="str">
        <f t="shared" si="44"/>
        <v/>
      </c>
    </row>
    <row r="1463" spans="1:14" ht="15.75">
      <c r="A1463" s="538"/>
      <c r="B1463" s="411">
        <f t="shared" si="45"/>
        <v>76</v>
      </c>
      <c r="C1463" s="440" t="s">
        <v>3365</v>
      </c>
      <c r="D1463" s="144" t="s">
        <v>3366</v>
      </c>
      <c r="E1463" s="414" t="s">
        <v>707</v>
      </c>
      <c r="F1463" s="414" t="s">
        <v>708</v>
      </c>
      <c r="G1463" s="449"/>
      <c r="H1463" s="415"/>
      <c r="I1463" s="481"/>
      <c r="J1463" s="144"/>
      <c r="K1463" s="450"/>
      <c r="L1463" s="469">
        <v>39479</v>
      </c>
      <c r="M1463" s="417">
        <v>41730</v>
      </c>
      <c r="N1463" s="418" t="str">
        <f t="shared" si="44"/>
        <v/>
      </c>
    </row>
    <row r="1464" spans="1:14" ht="15.75">
      <c r="A1464" s="538"/>
      <c r="B1464" s="411">
        <f t="shared" si="45"/>
        <v>76</v>
      </c>
      <c r="C1464" s="440" t="s">
        <v>3367</v>
      </c>
      <c r="D1464" s="144" t="s">
        <v>3368</v>
      </c>
      <c r="E1464" s="414" t="s">
        <v>707</v>
      </c>
      <c r="F1464" s="414" t="s">
        <v>708</v>
      </c>
      <c r="G1464" s="449"/>
      <c r="H1464" s="415"/>
      <c r="I1464" s="481"/>
      <c r="J1464" s="144"/>
      <c r="K1464" s="450"/>
      <c r="L1464" s="469">
        <v>38749</v>
      </c>
      <c r="M1464" s="417">
        <v>41730</v>
      </c>
      <c r="N1464" s="418" t="str">
        <f t="shared" si="44"/>
        <v/>
      </c>
    </row>
    <row r="1465" spans="1:14" ht="15.75">
      <c r="A1465" s="538"/>
      <c r="B1465" s="411">
        <f t="shared" si="45"/>
        <v>76</v>
      </c>
      <c r="C1465" s="440" t="s">
        <v>3370</v>
      </c>
      <c r="D1465" s="144" t="s">
        <v>3371</v>
      </c>
      <c r="E1465" s="414" t="s">
        <v>707</v>
      </c>
      <c r="F1465" s="414" t="s">
        <v>708</v>
      </c>
      <c r="G1465" s="449"/>
      <c r="H1465" s="415"/>
      <c r="I1465" s="481"/>
      <c r="J1465" s="144"/>
      <c r="K1465" s="450"/>
      <c r="L1465" s="469">
        <v>39479</v>
      </c>
      <c r="M1465" s="417">
        <v>41730</v>
      </c>
      <c r="N1465" s="418" t="str">
        <f t="shared" si="44"/>
        <v/>
      </c>
    </row>
    <row r="1466" spans="1:14" ht="15.75">
      <c r="A1466" s="538"/>
      <c r="B1466" s="411">
        <f t="shared" si="45"/>
        <v>76</v>
      </c>
      <c r="C1466" s="440" t="s">
        <v>3372</v>
      </c>
      <c r="D1466" s="144" t="s">
        <v>3373</v>
      </c>
      <c r="E1466" s="414" t="s">
        <v>707</v>
      </c>
      <c r="F1466" s="414" t="s">
        <v>708</v>
      </c>
      <c r="G1466" s="449"/>
      <c r="H1466" s="415"/>
      <c r="I1466" s="481"/>
      <c r="J1466" s="144"/>
      <c r="K1466" s="450"/>
      <c r="L1466" s="469">
        <v>39479</v>
      </c>
      <c r="M1466" s="417">
        <v>41730</v>
      </c>
      <c r="N1466" s="418" t="str">
        <f t="shared" si="44"/>
        <v/>
      </c>
    </row>
    <row r="1467" spans="1:14" ht="15.75">
      <c r="A1467" s="538"/>
      <c r="B1467" s="411">
        <f t="shared" si="45"/>
        <v>76</v>
      </c>
      <c r="C1467" s="440" t="s">
        <v>3374</v>
      </c>
      <c r="D1467" s="144" t="s">
        <v>3375</v>
      </c>
      <c r="E1467" s="414" t="s">
        <v>707</v>
      </c>
      <c r="F1467" s="414" t="s">
        <v>708</v>
      </c>
      <c r="G1467" s="449"/>
      <c r="H1467" s="415"/>
      <c r="I1467" s="481"/>
      <c r="J1467" s="144"/>
      <c r="K1467" s="450"/>
      <c r="L1467" s="469">
        <v>38749</v>
      </c>
      <c r="M1467" s="417">
        <v>41730</v>
      </c>
      <c r="N1467" s="418" t="str">
        <f t="shared" si="44"/>
        <v/>
      </c>
    </row>
    <row r="1468" spans="1:14" ht="15.75">
      <c r="A1468" s="538"/>
      <c r="B1468" s="411">
        <f t="shared" si="45"/>
        <v>76</v>
      </c>
      <c r="C1468" s="440" t="s">
        <v>3376</v>
      </c>
      <c r="D1468" s="144" t="s">
        <v>3377</v>
      </c>
      <c r="E1468" s="414" t="s">
        <v>707</v>
      </c>
      <c r="F1468" s="414" t="s">
        <v>708</v>
      </c>
      <c r="G1468" s="449"/>
      <c r="H1468" s="415"/>
      <c r="I1468" s="481"/>
      <c r="J1468" s="144"/>
      <c r="K1468" s="450"/>
      <c r="L1468" s="469">
        <v>39479</v>
      </c>
      <c r="M1468" s="417">
        <v>41730</v>
      </c>
      <c r="N1468" s="418" t="str">
        <f t="shared" si="44"/>
        <v/>
      </c>
    </row>
    <row r="1469" spans="1:14" ht="15.75">
      <c r="A1469" s="538"/>
      <c r="B1469" s="411">
        <f t="shared" si="45"/>
        <v>76</v>
      </c>
      <c r="C1469" s="440" t="s">
        <v>3378</v>
      </c>
      <c r="D1469" s="144" t="s">
        <v>3379</v>
      </c>
      <c r="E1469" s="414" t="s">
        <v>707</v>
      </c>
      <c r="F1469" s="414" t="s">
        <v>708</v>
      </c>
      <c r="G1469" s="449"/>
      <c r="H1469" s="415"/>
      <c r="I1469" s="481"/>
      <c r="J1469" s="144"/>
      <c r="K1469" s="450"/>
      <c r="L1469" s="469">
        <v>39479</v>
      </c>
      <c r="M1469" s="417">
        <v>41730</v>
      </c>
      <c r="N1469" s="418" t="str">
        <f t="shared" si="44"/>
        <v/>
      </c>
    </row>
    <row r="1470" spans="1:14" ht="15.75">
      <c r="A1470" s="538"/>
      <c r="B1470" s="411">
        <f t="shared" si="45"/>
        <v>76</v>
      </c>
      <c r="C1470" s="440" t="s">
        <v>3380</v>
      </c>
      <c r="D1470" s="144" t="s">
        <v>3381</v>
      </c>
      <c r="E1470" s="414" t="s">
        <v>707</v>
      </c>
      <c r="F1470" s="414" t="s">
        <v>708</v>
      </c>
      <c r="G1470" s="449"/>
      <c r="H1470" s="415"/>
      <c r="I1470" s="481"/>
      <c r="J1470" s="144"/>
      <c r="K1470" s="450"/>
      <c r="L1470" s="469">
        <v>39479</v>
      </c>
      <c r="M1470" s="417">
        <v>41730</v>
      </c>
      <c r="N1470" s="418" t="str">
        <f t="shared" si="44"/>
        <v/>
      </c>
    </row>
    <row r="1471" spans="1:14" ht="15.75">
      <c r="A1471" s="538"/>
      <c r="B1471" s="411">
        <f t="shared" si="45"/>
        <v>76</v>
      </c>
      <c r="C1471" s="440" t="s">
        <v>3382</v>
      </c>
      <c r="D1471" s="144" t="s">
        <v>3383</v>
      </c>
      <c r="E1471" s="414" t="s">
        <v>707</v>
      </c>
      <c r="F1471" s="414" t="s">
        <v>708</v>
      </c>
      <c r="G1471" s="449"/>
      <c r="H1471" s="415"/>
      <c r="I1471" s="481"/>
      <c r="J1471" s="144"/>
      <c r="K1471" s="450"/>
      <c r="L1471" s="469">
        <v>39479</v>
      </c>
      <c r="M1471" s="417">
        <v>41730</v>
      </c>
      <c r="N1471" s="418" t="str">
        <f t="shared" si="44"/>
        <v/>
      </c>
    </row>
    <row r="1472" spans="1:14" ht="47.25">
      <c r="A1472" s="538"/>
      <c r="B1472" s="411">
        <f t="shared" si="45"/>
        <v>76</v>
      </c>
      <c r="C1472" s="440" t="s">
        <v>3384</v>
      </c>
      <c r="D1472" s="144" t="s">
        <v>220</v>
      </c>
      <c r="E1472" s="414" t="s">
        <v>707</v>
      </c>
      <c r="F1472" s="414" t="s">
        <v>708</v>
      </c>
      <c r="G1472" s="449" t="s">
        <v>3385</v>
      </c>
      <c r="H1472" s="415"/>
      <c r="I1472" s="481"/>
      <c r="J1472" s="144"/>
      <c r="K1472" s="449"/>
      <c r="L1472" s="469">
        <v>38749</v>
      </c>
      <c r="M1472" s="417">
        <v>41730</v>
      </c>
      <c r="N1472" s="418" t="str">
        <f t="shared" si="44"/>
        <v/>
      </c>
    </row>
    <row r="1473" spans="1:14" ht="15.75">
      <c r="A1473" s="538"/>
      <c r="B1473" s="411">
        <f t="shared" si="45"/>
        <v>76</v>
      </c>
      <c r="C1473" s="440" t="s">
        <v>3386</v>
      </c>
      <c r="D1473" s="144" t="s">
        <v>3387</v>
      </c>
      <c r="E1473" s="414" t="s">
        <v>707</v>
      </c>
      <c r="F1473" s="414" t="s">
        <v>708</v>
      </c>
      <c r="G1473" s="449"/>
      <c r="H1473" s="415"/>
      <c r="I1473" s="481"/>
      <c r="J1473" s="144"/>
      <c r="K1473" s="450"/>
      <c r="L1473" s="469">
        <v>39479</v>
      </c>
      <c r="M1473" s="417">
        <v>41730</v>
      </c>
      <c r="N1473" s="418" t="str">
        <f t="shared" si="44"/>
        <v/>
      </c>
    </row>
    <row r="1474" spans="1:14" ht="15.75">
      <c r="A1474" s="538"/>
      <c r="B1474" s="411">
        <f t="shared" si="45"/>
        <v>76</v>
      </c>
      <c r="C1474" s="440" t="s">
        <v>3388</v>
      </c>
      <c r="D1474" s="144" t="s">
        <v>3389</v>
      </c>
      <c r="E1474" s="414" t="s">
        <v>707</v>
      </c>
      <c r="F1474" s="414" t="s">
        <v>708</v>
      </c>
      <c r="G1474" s="449"/>
      <c r="H1474" s="415"/>
      <c r="I1474" s="481"/>
      <c r="J1474" s="144"/>
      <c r="K1474" s="450"/>
      <c r="L1474" s="469">
        <v>39479</v>
      </c>
      <c r="M1474" s="417">
        <v>41730</v>
      </c>
      <c r="N1474" s="418" t="str">
        <f t="shared" si="44"/>
        <v/>
      </c>
    </row>
    <row r="1475" spans="1:14" ht="15.75">
      <c r="A1475" s="538"/>
      <c r="B1475" s="411">
        <f t="shared" si="45"/>
        <v>76</v>
      </c>
      <c r="C1475" s="440" t="s">
        <v>3390</v>
      </c>
      <c r="D1475" s="144" t="s">
        <v>3391</v>
      </c>
      <c r="E1475" s="414" t="s">
        <v>707</v>
      </c>
      <c r="F1475" s="414" t="s">
        <v>708</v>
      </c>
      <c r="G1475" s="449"/>
      <c r="H1475" s="415"/>
      <c r="I1475" s="481"/>
      <c r="J1475" s="144"/>
      <c r="K1475" s="450"/>
      <c r="L1475" s="469">
        <v>39479</v>
      </c>
      <c r="M1475" s="417">
        <v>41730</v>
      </c>
      <c r="N1475" s="418" t="str">
        <f t="shared" si="44"/>
        <v/>
      </c>
    </row>
    <row r="1476" spans="1:14" ht="15.75">
      <c r="A1476" s="538"/>
      <c r="B1476" s="411">
        <f t="shared" si="45"/>
        <v>76</v>
      </c>
      <c r="C1476" s="440" t="s">
        <v>3392</v>
      </c>
      <c r="D1476" s="144" t="s">
        <v>3393</v>
      </c>
      <c r="E1476" s="414" t="s">
        <v>707</v>
      </c>
      <c r="F1476" s="414" t="s">
        <v>708</v>
      </c>
      <c r="G1476" s="449"/>
      <c r="H1476" s="415"/>
      <c r="I1476" s="481"/>
      <c r="J1476" s="144"/>
      <c r="K1476" s="450"/>
      <c r="L1476" s="469">
        <v>39479</v>
      </c>
      <c r="M1476" s="417">
        <v>41730</v>
      </c>
      <c r="N1476" s="418" t="str">
        <f t="shared" si="44"/>
        <v/>
      </c>
    </row>
    <row r="1477" spans="1:14" ht="15.75">
      <c r="A1477" s="538"/>
      <c r="B1477" s="411">
        <f t="shared" si="45"/>
        <v>76</v>
      </c>
      <c r="C1477" s="440" t="s">
        <v>3394</v>
      </c>
      <c r="D1477" s="144" t="s">
        <v>3395</v>
      </c>
      <c r="E1477" s="414" t="s">
        <v>707</v>
      </c>
      <c r="F1477" s="414" t="s">
        <v>708</v>
      </c>
      <c r="G1477" s="449"/>
      <c r="H1477" s="415"/>
      <c r="I1477" s="481"/>
      <c r="J1477" s="144"/>
      <c r="K1477" s="450"/>
      <c r="L1477" s="469">
        <v>40575</v>
      </c>
      <c r="M1477" s="417">
        <v>41730</v>
      </c>
      <c r="N1477" s="418" t="str">
        <f t="shared" si="44"/>
        <v/>
      </c>
    </row>
    <row r="1478" spans="1:14" ht="15.75">
      <c r="A1478" s="538"/>
      <c r="B1478" s="411">
        <f t="shared" si="45"/>
        <v>76</v>
      </c>
      <c r="C1478" s="440" t="s">
        <v>3396</v>
      </c>
      <c r="D1478" s="144" t="s">
        <v>3397</v>
      </c>
      <c r="E1478" s="414" t="s">
        <v>707</v>
      </c>
      <c r="F1478" s="414" t="s">
        <v>708</v>
      </c>
      <c r="G1478" s="449"/>
      <c r="H1478" s="415"/>
      <c r="I1478" s="481"/>
      <c r="J1478" s="144"/>
      <c r="K1478" s="450"/>
      <c r="L1478" s="469">
        <v>38749</v>
      </c>
      <c r="M1478" s="417">
        <v>41730</v>
      </c>
      <c r="N1478" s="418" t="str">
        <f t="shared" si="44"/>
        <v/>
      </c>
    </row>
    <row r="1479" spans="1:14" ht="15.75">
      <c r="A1479" s="538"/>
      <c r="B1479" s="411">
        <f t="shared" si="45"/>
        <v>76</v>
      </c>
      <c r="C1479" s="440" t="s">
        <v>3398</v>
      </c>
      <c r="D1479" s="144" t="s">
        <v>3399</v>
      </c>
      <c r="E1479" s="414" t="s">
        <v>707</v>
      </c>
      <c r="F1479" s="414" t="s">
        <v>708</v>
      </c>
      <c r="G1479" s="449"/>
      <c r="H1479" s="415"/>
      <c r="I1479" s="481"/>
      <c r="J1479" s="144"/>
      <c r="K1479" s="450"/>
      <c r="L1479" s="469">
        <v>39479</v>
      </c>
      <c r="M1479" s="417">
        <v>41730</v>
      </c>
      <c r="N1479" s="418" t="str">
        <f t="shared" si="44"/>
        <v/>
      </c>
    </row>
    <row r="1480" spans="1:14" ht="15.75">
      <c r="A1480" s="538"/>
      <c r="B1480" s="411">
        <f t="shared" si="45"/>
        <v>76</v>
      </c>
      <c r="C1480" s="440" t="s">
        <v>3400</v>
      </c>
      <c r="D1480" s="144" t="s">
        <v>3401</v>
      </c>
      <c r="E1480" s="414" t="s">
        <v>707</v>
      </c>
      <c r="F1480" s="414" t="s">
        <v>708</v>
      </c>
      <c r="G1480" s="449"/>
      <c r="H1480" s="415"/>
      <c r="I1480" s="481"/>
      <c r="J1480" s="144"/>
      <c r="K1480" s="450"/>
      <c r="L1480" s="469">
        <v>39479</v>
      </c>
      <c r="M1480" s="417">
        <v>41730</v>
      </c>
      <c r="N1480" s="418" t="str">
        <f t="shared" si="44"/>
        <v/>
      </c>
    </row>
    <row r="1481" spans="1:14" ht="15.75">
      <c r="A1481" s="538"/>
      <c r="B1481" s="411">
        <f t="shared" si="45"/>
        <v>76</v>
      </c>
      <c r="C1481" s="440" t="s">
        <v>3402</v>
      </c>
      <c r="D1481" s="144" t="s">
        <v>3403</v>
      </c>
      <c r="E1481" s="414" t="s">
        <v>707</v>
      </c>
      <c r="F1481" s="414" t="s">
        <v>708</v>
      </c>
      <c r="G1481" s="449"/>
      <c r="H1481" s="415"/>
      <c r="I1481" s="481"/>
      <c r="J1481" s="144"/>
      <c r="K1481" s="450"/>
      <c r="L1481" s="469">
        <v>39479</v>
      </c>
      <c r="M1481" s="417">
        <v>41730</v>
      </c>
      <c r="N1481" s="418" t="str">
        <f t="shared" si="44"/>
        <v/>
      </c>
    </row>
    <row r="1482" spans="1:14" ht="15.75">
      <c r="A1482" s="538"/>
      <c r="B1482" s="411">
        <f t="shared" si="45"/>
        <v>76</v>
      </c>
      <c r="C1482" s="440" t="s">
        <v>3404</v>
      </c>
      <c r="D1482" s="144" t="s">
        <v>3405</v>
      </c>
      <c r="E1482" s="414" t="s">
        <v>707</v>
      </c>
      <c r="F1482" s="414" t="s">
        <v>708</v>
      </c>
      <c r="G1482" s="449"/>
      <c r="H1482" s="415"/>
      <c r="I1482" s="481"/>
      <c r="J1482" s="144"/>
      <c r="K1482" s="450"/>
      <c r="L1482" s="469">
        <v>39479</v>
      </c>
      <c r="M1482" s="417">
        <v>41730</v>
      </c>
      <c r="N1482" s="418" t="str">
        <f t="shared" ref="N1482:N1545" si="46">IF(D1482="NA","",IF(COUNTIF($D$2:$D$5552,D1482)&gt;1,"DUPLICATE",""))</f>
        <v/>
      </c>
    </row>
    <row r="1483" spans="1:14" ht="15.75">
      <c r="A1483" s="538"/>
      <c r="B1483" s="411">
        <f t="shared" si="45"/>
        <v>76</v>
      </c>
      <c r="C1483" s="440" t="s">
        <v>3406</v>
      </c>
      <c r="D1483" s="144" t="s">
        <v>3407</v>
      </c>
      <c r="E1483" s="414" t="s">
        <v>707</v>
      </c>
      <c r="F1483" s="414" t="s">
        <v>708</v>
      </c>
      <c r="G1483" s="449"/>
      <c r="H1483" s="415"/>
      <c r="I1483" s="481"/>
      <c r="J1483" s="144"/>
      <c r="K1483" s="450"/>
      <c r="L1483" s="469">
        <v>39479</v>
      </c>
      <c r="M1483" s="417">
        <v>41730</v>
      </c>
      <c r="N1483" s="418" t="str">
        <f t="shared" si="46"/>
        <v/>
      </c>
    </row>
    <row r="1484" spans="1:14" ht="15.75">
      <c r="A1484" s="538"/>
      <c r="B1484" s="411">
        <f t="shared" si="45"/>
        <v>76</v>
      </c>
      <c r="C1484" s="440" t="s">
        <v>3408</v>
      </c>
      <c r="D1484" s="144" t="s">
        <v>3409</v>
      </c>
      <c r="E1484" s="414" t="s">
        <v>707</v>
      </c>
      <c r="F1484" s="414" t="s">
        <v>708</v>
      </c>
      <c r="G1484" s="449"/>
      <c r="H1484" s="415"/>
      <c r="I1484" s="481"/>
      <c r="J1484" s="144"/>
      <c r="K1484" s="450"/>
      <c r="L1484" s="469">
        <v>39479</v>
      </c>
      <c r="M1484" s="417">
        <v>41730</v>
      </c>
      <c r="N1484" s="418" t="str">
        <f t="shared" si="46"/>
        <v/>
      </c>
    </row>
    <row r="1485" spans="1:14" ht="15.75">
      <c r="A1485" s="538"/>
      <c r="B1485" s="411">
        <f t="shared" si="45"/>
        <v>76</v>
      </c>
      <c r="C1485" s="440" t="s">
        <v>3410</v>
      </c>
      <c r="D1485" s="144" t="s">
        <v>3411</v>
      </c>
      <c r="E1485" s="414" t="s">
        <v>707</v>
      </c>
      <c r="F1485" s="414" t="s">
        <v>708</v>
      </c>
      <c r="G1485" s="449"/>
      <c r="H1485" s="415"/>
      <c r="I1485" s="481"/>
      <c r="J1485" s="144"/>
      <c r="K1485" s="450"/>
      <c r="L1485" s="469">
        <v>39479</v>
      </c>
      <c r="M1485" s="417">
        <v>41730</v>
      </c>
      <c r="N1485" s="418" t="str">
        <f t="shared" si="46"/>
        <v/>
      </c>
    </row>
    <row r="1486" spans="1:14" ht="15.75">
      <c r="A1486" s="538"/>
      <c r="B1486" s="411">
        <f t="shared" si="45"/>
        <v>76</v>
      </c>
      <c r="C1486" s="440" t="s">
        <v>3412</v>
      </c>
      <c r="D1486" s="144" t="s">
        <v>3413</v>
      </c>
      <c r="E1486" s="414" t="s">
        <v>707</v>
      </c>
      <c r="F1486" s="414" t="s">
        <v>708</v>
      </c>
      <c r="G1486" s="449"/>
      <c r="H1486" s="415"/>
      <c r="I1486" s="481"/>
      <c r="J1486" s="144"/>
      <c r="K1486" s="450"/>
      <c r="L1486" s="469">
        <v>39479</v>
      </c>
      <c r="M1486" s="417">
        <v>41730</v>
      </c>
      <c r="N1486" s="418" t="str">
        <f t="shared" si="46"/>
        <v/>
      </c>
    </row>
    <row r="1487" spans="1:14" ht="15.75">
      <c r="A1487" s="538"/>
      <c r="B1487" s="411">
        <f t="shared" si="45"/>
        <v>76</v>
      </c>
      <c r="C1487" s="440" t="s">
        <v>3414</v>
      </c>
      <c r="D1487" s="144" t="s">
        <v>3415</v>
      </c>
      <c r="E1487" s="414" t="s">
        <v>707</v>
      </c>
      <c r="F1487" s="414" t="s">
        <v>708</v>
      </c>
      <c r="G1487" s="449"/>
      <c r="H1487" s="415"/>
      <c r="I1487" s="481"/>
      <c r="J1487" s="144"/>
      <c r="K1487" s="450"/>
      <c r="L1487" s="469">
        <v>39479</v>
      </c>
      <c r="M1487" s="417">
        <v>41730</v>
      </c>
      <c r="N1487" s="418" t="str">
        <f t="shared" si="46"/>
        <v/>
      </c>
    </row>
    <row r="1488" spans="1:14" ht="15.75">
      <c r="A1488" s="538"/>
      <c r="B1488" s="411">
        <f t="shared" si="45"/>
        <v>76</v>
      </c>
      <c r="C1488" s="440" t="s">
        <v>3416</v>
      </c>
      <c r="D1488" s="144" t="s">
        <v>3417</v>
      </c>
      <c r="E1488" s="414" t="s">
        <v>707</v>
      </c>
      <c r="F1488" s="414" t="s">
        <v>708</v>
      </c>
      <c r="G1488" s="449"/>
      <c r="H1488" s="415"/>
      <c r="I1488" s="481"/>
      <c r="J1488" s="144"/>
      <c r="K1488" s="450"/>
      <c r="L1488" s="469">
        <v>38749</v>
      </c>
      <c r="M1488" s="417">
        <v>41730</v>
      </c>
      <c r="N1488" s="418" t="str">
        <f t="shared" si="46"/>
        <v/>
      </c>
    </row>
    <row r="1489" spans="1:14" ht="15.75">
      <c r="A1489" s="538"/>
      <c r="B1489" s="411">
        <f t="shared" si="45"/>
        <v>76</v>
      </c>
      <c r="C1489" s="440" t="s">
        <v>3418</v>
      </c>
      <c r="D1489" s="144" t="s">
        <v>3419</v>
      </c>
      <c r="E1489" s="414" t="s">
        <v>707</v>
      </c>
      <c r="F1489" s="414" t="s">
        <v>708</v>
      </c>
      <c r="G1489" s="449"/>
      <c r="H1489" s="415"/>
      <c r="I1489" s="481"/>
      <c r="J1489" s="144"/>
      <c r="K1489" s="450"/>
      <c r="L1489" s="469">
        <v>39479</v>
      </c>
      <c r="M1489" s="417">
        <v>41730</v>
      </c>
      <c r="N1489" s="418" t="str">
        <f t="shared" si="46"/>
        <v/>
      </c>
    </row>
    <row r="1490" spans="1:14" ht="15.75">
      <c r="A1490" s="538"/>
      <c r="B1490" s="411">
        <f t="shared" si="45"/>
        <v>76</v>
      </c>
      <c r="C1490" s="440" t="s">
        <v>3420</v>
      </c>
      <c r="D1490" s="144" t="s">
        <v>3421</v>
      </c>
      <c r="E1490" s="414" t="s">
        <v>707</v>
      </c>
      <c r="F1490" s="414" t="s">
        <v>708</v>
      </c>
      <c r="G1490" s="449"/>
      <c r="H1490" s="415"/>
      <c r="I1490" s="481"/>
      <c r="J1490" s="144"/>
      <c r="K1490" s="450"/>
      <c r="L1490" s="469">
        <v>38749</v>
      </c>
      <c r="M1490" s="417">
        <v>41730</v>
      </c>
      <c r="N1490" s="418" t="str">
        <f t="shared" si="46"/>
        <v/>
      </c>
    </row>
    <row r="1491" spans="1:14" ht="28.5">
      <c r="A1491" s="538"/>
      <c r="B1491" s="411">
        <f t="shared" si="45"/>
        <v>76</v>
      </c>
      <c r="C1491" s="440" t="s">
        <v>14010</v>
      </c>
      <c r="D1491" s="144" t="s">
        <v>3369</v>
      </c>
      <c r="E1491" s="414" t="s">
        <v>707</v>
      </c>
      <c r="F1491" s="414" t="s">
        <v>708</v>
      </c>
      <c r="G1491" s="449"/>
      <c r="H1491" s="415"/>
      <c r="I1491" s="481"/>
      <c r="J1491" s="144"/>
      <c r="K1491" s="449"/>
      <c r="L1491" s="469">
        <v>39479</v>
      </c>
      <c r="M1491" s="417">
        <v>43132</v>
      </c>
      <c r="N1491" s="418" t="str">
        <f t="shared" si="46"/>
        <v/>
      </c>
    </row>
    <row r="1492" spans="1:14" ht="15.75">
      <c r="A1492" s="538"/>
      <c r="B1492" s="411">
        <f t="shared" si="45"/>
        <v>76</v>
      </c>
      <c r="C1492" s="440" t="s">
        <v>3422</v>
      </c>
      <c r="D1492" s="144" t="s">
        <v>3423</v>
      </c>
      <c r="E1492" s="414" t="s">
        <v>707</v>
      </c>
      <c r="F1492" s="414" t="s">
        <v>708</v>
      </c>
      <c r="G1492" s="449"/>
      <c r="H1492" s="415"/>
      <c r="I1492" s="481"/>
      <c r="J1492" s="144"/>
      <c r="K1492" s="450"/>
      <c r="L1492" s="469">
        <v>39479</v>
      </c>
      <c r="M1492" s="417">
        <v>41730</v>
      </c>
      <c r="N1492" s="418" t="str">
        <f t="shared" si="46"/>
        <v/>
      </c>
    </row>
    <row r="1493" spans="1:14" ht="15.75">
      <c r="A1493" s="538"/>
      <c r="B1493" s="411">
        <f t="shared" si="45"/>
        <v>76</v>
      </c>
      <c r="C1493" s="440" t="s">
        <v>3424</v>
      </c>
      <c r="D1493" s="144" t="s">
        <v>3425</v>
      </c>
      <c r="E1493" s="414" t="s">
        <v>707</v>
      </c>
      <c r="F1493" s="414" t="s">
        <v>708</v>
      </c>
      <c r="G1493" s="449"/>
      <c r="H1493" s="415"/>
      <c r="I1493" s="481"/>
      <c r="J1493" s="144"/>
      <c r="K1493" s="450"/>
      <c r="L1493" s="469">
        <v>41852</v>
      </c>
      <c r="M1493" s="417"/>
      <c r="N1493" s="418" t="str">
        <f t="shared" si="46"/>
        <v/>
      </c>
    </row>
    <row r="1494" spans="1:14" ht="15.75">
      <c r="A1494" s="538"/>
      <c r="B1494" s="411">
        <f t="shared" si="45"/>
        <v>76</v>
      </c>
      <c r="C1494" s="440" t="s">
        <v>3477</v>
      </c>
      <c r="D1494" s="522" t="s">
        <v>3478</v>
      </c>
      <c r="E1494" s="539" t="s">
        <v>707</v>
      </c>
      <c r="F1494" s="539" t="s">
        <v>708</v>
      </c>
      <c r="G1494" s="449"/>
      <c r="H1494" s="415"/>
      <c r="I1494" s="669"/>
      <c r="J1494" s="144"/>
      <c r="K1494" s="532"/>
      <c r="L1494" s="469">
        <v>38362</v>
      </c>
      <c r="M1494" s="477">
        <v>43132</v>
      </c>
      <c r="N1494" s="418" t="str">
        <f t="shared" si="46"/>
        <v/>
      </c>
    </row>
    <row r="1495" spans="1:14" ht="15.75">
      <c r="A1495" s="538"/>
      <c r="B1495" s="411">
        <f t="shared" si="45"/>
        <v>76</v>
      </c>
      <c r="C1495" s="440" t="s">
        <v>3426</v>
      </c>
      <c r="D1495" s="140" t="s">
        <v>3427</v>
      </c>
      <c r="E1495" s="414" t="s">
        <v>707</v>
      </c>
      <c r="F1495" s="414" t="s">
        <v>708</v>
      </c>
      <c r="G1495" s="449"/>
      <c r="H1495" s="415"/>
      <c r="I1495" s="481"/>
      <c r="J1495" s="144"/>
      <c r="K1495" s="450"/>
      <c r="L1495" s="469">
        <v>39479</v>
      </c>
      <c r="M1495" s="417">
        <v>41730</v>
      </c>
      <c r="N1495" s="418" t="str">
        <f t="shared" si="46"/>
        <v/>
      </c>
    </row>
    <row r="1496" spans="1:14" ht="15.75">
      <c r="A1496" s="538"/>
      <c r="B1496" s="411">
        <f t="shared" si="45"/>
        <v>76</v>
      </c>
      <c r="C1496" s="440" t="s">
        <v>3428</v>
      </c>
      <c r="D1496" s="140" t="s">
        <v>3429</v>
      </c>
      <c r="E1496" s="414" t="s">
        <v>707</v>
      </c>
      <c r="F1496" s="414" t="s">
        <v>708</v>
      </c>
      <c r="G1496" s="449"/>
      <c r="H1496" s="415"/>
      <c r="I1496" s="481"/>
      <c r="J1496" s="144"/>
      <c r="K1496" s="450"/>
      <c r="L1496" s="469">
        <v>41852</v>
      </c>
      <c r="M1496" s="417"/>
      <c r="N1496" s="418" t="str">
        <f t="shared" si="46"/>
        <v/>
      </c>
    </row>
    <row r="1497" spans="1:14" ht="15.75">
      <c r="A1497" s="538"/>
      <c r="B1497" s="411">
        <f t="shared" si="45"/>
        <v>76</v>
      </c>
      <c r="C1497" s="440" t="s">
        <v>3430</v>
      </c>
      <c r="D1497" s="140" t="s">
        <v>3431</v>
      </c>
      <c r="E1497" s="414" t="s">
        <v>707</v>
      </c>
      <c r="F1497" s="414" t="s">
        <v>708</v>
      </c>
      <c r="G1497" s="449"/>
      <c r="H1497" s="415"/>
      <c r="I1497" s="481"/>
      <c r="J1497" s="144"/>
      <c r="K1497" s="450"/>
      <c r="L1497" s="469">
        <v>39479</v>
      </c>
      <c r="M1497" s="417">
        <v>41730</v>
      </c>
      <c r="N1497" s="418" t="str">
        <f t="shared" si="46"/>
        <v/>
      </c>
    </row>
    <row r="1498" spans="1:14" ht="15.75">
      <c r="A1498" s="538"/>
      <c r="B1498" s="411">
        <f t="shared" ref="B1498:B1561" si="47">IF(A1498&gt;0,A1498,B1497)</f>
        <v>76</v>
      </c>
      <c r="C1498" s="440" t="s">
        <v>3432</v>
      </c>
      <c r="D1498" s="140" t="s">
        <v>3433</v>
      </c>
      <c r="E1498" s="414" t="s">
        <v>707</v>
      </c>
      <c r="F1498" s="414" t="s">
        <v>708</v>
      </c>
      <c r="G1498" s="449"/>
      <c r="H1498" s="415"/>
      <c r="I1498" s="481"/>
      <c r="J1498" s="144"/>
      <c r="K1498" s="450"/>
      <c r="L1498" s="469">
        <v>39479</v>
      </c>
      <c r="M1498" s="417">
        <v>41730</v>
      </c>
      <c r="N1498" s="418" t="str">
        <f t="shared" si="46"/>
        <v/>
      </c>
    </row>
    <row r="1499" spans="1:14" ht="42.75">
      <c r="A1499" s="538"/>
      <c r="B1499" s="411">
        <f t="shared" si="47"/>
        <v>76</v>
      </c>
      <c r="C1499" s="440" t="s">
        <v>14011</v>
      </c>
      <c r="D1499" s="140" t="s">
        <v>14012</v>
      </c>
      <c r="E1499" s="414" t="s">
        <v>707</v>
      </c>
      <c r="F1499" s="414" t="s">
        <v>708</v>
      </c>
      <c r="G1499" s="449"/>
      <c r="H1499" s="415"/>
      <c r="I1499" s="481"/>
      <c r="J1499" s="144"/>
      <c r="K1499" s="450"/>
      <c r="L1499" s="469">
        <v>43132</v>
      </c>
      <c r="M1499" s="417"/>
      <c r="N1499" s="418" t="str">
        <f t="shared" si="46"/>
        <v/>
      </c>
    </row>
    <row r="1500" spans="1:14" ht="28.5">
      <c r="A1500" s="538"/>
      <c r="B1500" s="411">
        <f t="shared" si="47"/>
        <v>76</v>
      </c>
      <c r="C1500" s="440" t="s">
        <v>3434</v>
      </c>
      <c r="D1500" s="140" t="s">
        <v>3435</v>
      </c>
      <c r="E1500" s="414" t="s">
        <v>707</v>
      </c>
      <c r="F1500" s="414" t="s">
        <v>708</v>
      </c>
      <c r="G1500" s="449"/>
      <c r="H1500" s="415"/>
      <c r="I1500" s="481"/>
      <c r="J1500" s="144"/>
      <c r="K1500" s="450"/>
      <c r="L1500" s="469">
        <v>39479</v>
      </c>
      <c r="M1500" s="417">
        <v>41730</v>
      </c>
      <c r="N1500" s="418" t="str">
        <f t="shared" si="46"/>
        <v/>
      </c>
    </row>
    <row r="1501" spans="1:14" ht="28.5">
      <c r="A1501" s="538"/>
      <c r="B1501" s="411">
        <f t="shared" si="47"/>
        <v>76</v>
      </c>
      <c r="C1501" s="440" t="s">
        <v>3436</v>
      </c>
      <c r="D1501" s="140" t="s">
        <v>3437</v>
      </c>
      <c r="E1501" s="414" t="s">
        <v>707</v>
      </c>
      <c r="F1501" s="414" t="s">
        <v>708</v>
      </c>
      <c r="G1501" s="449"/>
      <c r="H1501" s="415"/>
      <c r="I1501" s="481"/>
      <c r="J1501" s="144"/>
      <c r="K1501" s="450"/>
      <c r="L1501" s="469">
        <v>39479</v>
      </c>
      <c r="M1501" s="417">
        <v>41730</v>
      </c>
      <c r="N1501" s="418" t="str">
        <f t="shared" si="46"/>
        <v/>
      </c>
    </row>
    <row r="1502" spans="1:14" ht="31.5">
      <c r="A1502" s="563"/>
      <c r="B1502" s="484">
        <f t="shared" si="47"/>
        <v>76</v>
      </c>
      <c r="C1502" s="492" t="s">
        <v>3438</v>
      </c>
      <c r="D1502" s="599" t="s">
        <v>3439</v>
      </c>
      <c r="E1502" s="430" t="s">
        <v>707</v>
      </c>
      <c r="F1502" s="430" t="s">
        <v>708</v>
      </c>
      <c r="G1502" s="494" t="s">
        <v>760</v>
      </c>
      <c r="H1502" s="432"/>
      <c r="I1502" s="513"/>
      <c r="J1502" s="514"/>
      <c r="K1502" s="518"/>
      <c r="L1502" s="516">
        <v>39479</v>
      </c>
      <c r="M1502" s="434">
        <v>44228</v>
      </c>
      <c r="N1502" s="418" t="str">
        <f t="shared" si="46"/>
        <v/>
      </c>
    </row>
    <row r="1503" spans="1:14" ht="15.75">
      <c r="A1503" s="538"/>
      <c r="B1503" s="411">
        <f t="shared" si="47"/>
        <v>76</v>
      </c>
      <c r="C1503" s="440" t="s">
        <v>3440</v>
      </c>
      <c r="D1503" s="140" t="s">
        <v>3441</v>
      </c>
      <c r="E1503" s="414" t="s">
        <v>707</v>
      </c>
      <c r="F1503" s="414" t="s">
        <v>708</v>
      </c>
      <c r="G1503" s="449"/>
      <c r="H1503" s="415"/>
      <c r="I1503" s="481"/>
      <c r="J1503" s="144"/>
      <c r="K1503" s="450"/>
      <c r="L1503" s="469">
        <v>38749</v>
      </c>
      <c r="M1503" s="417">
        <v>41730</v>
      </c>
      <c r="N1503" s="418" t="str">
        <f t="shared" si="46"/>
        <v/>
      </c>
    </row>
    <row r="1504" spans="1:14" ht="15.75">
      <c r="A1504" s="538"/>
      <c r="B1504" s="411">
        <f t="shared" si="47"/>
        <v>76</v>
      </c>
      <c r="C1504" s="456" t="s">
        <v>3442</v>
      </c>
      <c r="D1504" s="140" t="s">
        <v>3443</v>
      </c>
      <c r="E1504" s="414" t="s">
        <v>707</v>
      </c>
      <c r="F1504" s="414" t="s">
        <v>708</v>
      </c>
      <c r="G1504" s="458"/>
      <c r="H1504" s="415"/>
      <c r="I1504" s="481"/>
      <c r="J1504" s="144"/>
      <c r="K1504" s="459"/>
      <c r="L1504" s="423">
        <v>39479</v>
      </c>
      <c r="M1504" s="417">
        <v>41730</v>
      </c>
      <c r="N1504" s="418" t="str">
        <f t="shared" si="46"/>
        <v/>
      </c>
    </row>
    <row r="1505" spans="1:14" ht="47.25">
      <c r="A1505" s="536"/>
      <c r="B1505" s="411">
        <f t="shared" si="47"/>
        <v>76</v>
      </c>
      <c r="C1505" s="668" t="s">
        <v>3444</v>
      </c>
      <c r="D1505" s="421"/>
      <c r="E1505" s="414" t="s">
        <v>707</v>
      </c>
      <c r="F1505" s="414" t="s">
        <v>676</v>
      </c>
      <c r="G1505" s="414" t="s">
        <v>3445</v>
      </c>
      <c r="H1505" s="415"/>
      <c r="I1505" s="415"/>
      <c r="J1505" s="438"/>
      <c r="K1505" s="474" t="s">
        <v>3446</v>
      </c>
      <c r="L1505" s="417">
        <v>38749</v>
      </c>
      <c r="M1505" s="417">
        <v>42401</v>
      </c>
      <c r="N1505" s="418" t="str">
        <f t="shared" si="46"/>
        <v/>
      </c>
    </row>
    <row r="1506" spans="1:14" ht="28.5">
      <c r="A1506" s="538"/>
      <c r="B1506" s="411">
        <f t="shared" si="47"/>
        <v>76</v>
      </c>
      <c r="C1506" s="633" t="s">
        <v>3447</v>
      </c>
      <c r="D1506" s="539" t="s">
        <v>3448</v>
      </c>
      <c r="E1506" s="414" t="s">
        <v>707</v>
      </c>
      <c r="F1506" s="414" t="s">
        <v>676</v>
      </c>
      <c r="G1506" s="532"/>
      <c r="H1506" s="415"/>
      <c r="I1506" s="444"/>
      <c r="J1506" s="445"/>
      <c r="K1506" s="443"/>
      <c r="L1506" s="477">
        <v>39479</v>
      </c>
      <c r="M1506" s="477">
        <v>41730</v>
      </c>
      <c r="N1506" s="418" t="str">
        <f t="shared" si="46"/>
        <v/>
      </c>
    </row>
    <row r="1507" spans="1:14" ht="15.75">
      <c r="A1507" s="538"/>
      <c r="B1507" s="411">
        <f t="shared" si="47"/>
        <v>76</v>
      </c>
      <c r="C1507" s="440" t="s">
        <v>3449</v>
      </c>
      <c r="D1507" s="522" t="s">
        <v>3450</v>
      </c>
      <c r="E1507" s="414" t="s">
        <v>707</v>
      </c>
      <c r="F1507" s="414" t="s">
        <v>676</v>
      </c>
      <c r="G1507" s="532"/>
      <c r="H1507" s="415"/>
      <c r="I1507" s="451"/>
      <c r="J1507" s="452"/>
      <c r="K1507" s="450"/>
      <c r="L1507" s="469">
        <v>42036</v>
      </c>
      <c r="M1507" s="455"/>
      <c r="N1507" s="418" t="str">
        <f t="shared" si="46"/>
        <v/>
      </c>
    </row>
    <row r="1508" spans="1:14" ht="28.5">
      <c r="A1508" s="538"/>
      <c r="B1508" s="411">
        <f t="shared" si="47"/>
        <v>76</v>
      </c>
      <c r="C1508" s="440" t="s">
        <v>3451</v>
      </c>
      <c r="D1508" s="522" t="s">
        <v>3452</v>
      </c>
      <c r="E1508" s="414" t="s">
        <v>707</v>
      </c>
      <c r="F1508" s="414" t="s">
        <v>676</v>
      </c>
      <c r="G1508" s="532"/>
      <c r="H1508" s="415"/>
      <c r="I1508" s="451"/>
      <c r="J1508" s="452"/>
      <c r="K1508" s="450"/>
      <c r="L1508" s="468">
        <v>42401</v>
      </c>
      <c r="M1508" s="455"/>
      <c r="N1508" s="418" t="str">
        <f t="shared" si="46"/>
        <v/>
      </c>
    </row>
    <row r="1509" spans="1:14" ht="15.75">
      <c r="A1509" s="538"/>
      <c r="B1509" s="411">
        <f t="shared" si="47"/>
        <v>76</v>
      </c>
      <c r="C1509" s="440" t="s">
        <v>3453</v>
      </c>
      <c r="D1509" s="522" t="s">
        <v>3454</v>
      </c>
      <c r="E1509" s="414" t="s">
        <v>707</v>
      </c>
      <c r="F1509" s="414" t="s">
        <v>676</v>
      </c>
      <c r="G1509" s="144"/>
      <c r="H1509" s="415"/>
      <c r="I1509" s="451"/>
      <c r="J1509" s="452"/>
      <c r="K1509" s="450"/>
      <c r="L1509" s="468">
        <v>40940</v>
      </c>
      <c r="M1509" s="469">
        <v>41730</v>
      </c>
      <c r="N1509" s="418" t="str">
        <f t="shared" si="46"/>
        <v/>
      </c>
    </row>
    <row r="1510" spans="1:14" ht="15.75">
      <c r="A1510" s="538"/>
      <c r="B1510" s="411">
        <f t="shared" si="47"/>
        <v>76</v>
      </c>
      <c r="C1510" s="440" t="s">
        <v>3455</v>
      </c>
      <c r="D1510" s="522" t="s">
        <v>3456</v>
      </c>
      <c r="E1510" s="414" t="s">
        <v>707</v>
      </c>
      <c r="F1510" s="414" t="s">
        <v>676</v>
      </c>
      <c r="G1510" s="144"/>
      <c r="H1510" s="415"/>
      <c r="I1510" s="451"/>
      <c r="J1510" s="452"/>
      <c r="K1510" s="450"/>
      <c r="L1510" s="468">
        <v>40940</v>
      </c>
      <c r="M1510" s="469">
        <v>41730</v>
      </c>
      <c r="N1510" s="418" t="str">
        <f t="shared" si="46"/>
        <v/>
      </c>
    </row>
    <row r="1511" spans="1:14" ht="15.75">
      <c r="A1511" s="538"/>
      <c r="B1511" s="411">
        <f t="shared" si="47"/>
        <v>76</v>
      </c>
      <c r="C1511" s="440" t="s">
        <v>3457</v>
      </c>
      <c r="D1511" s="522" t="s">
        <v>3458</v>
      </c>
      <c r="E1511" s="414" t="s">
        <v>707</v>
      </c>
      <c r="F1511" s="414" t="s">
        <v>676</v>
      </c>
      <c r="G1511" s="144"/>
      <c r="H1511" s="415"/>
      <c r="I1511" s="451"/>
      <c r="J1511" s="452"/>
      <c r="K1511" s="450"/>
      <c r="L1511" s="468">
        <v>40940</v>
      </c>
      <c r="M1511" s="469">
        <v>41730</v>
      </c>
      <c r="N1511" s="418" t="str">
        <f t="shared" si="46"/>
        <v/>
      </c>
    </row>
    <row r="1512" spans="1:14" ht="31.5">
      <c r="A1512" s="538"/>
      <c r="B1512" s="411">
        <f t="shared" si="47"/>
        <v>76</v>
      </c>
      <c r="C1512" s="440" t="s">
        <v>113</v>
      </c>
      <c r="D1512" s="522" t="s">
        <v>115</v>
      </c>
      <c r="E1512" s="414" t="s">
        <v>707</v>
      </c>
      <c r="F1512" s="414" t="s">
        <v>676</v>
      </c>
      <c r="G1512" s="144" t="s">
        <v>760</v>
      </c>
      <c r="H1512" s="415"/>
      <c r="I1512" s="451"/>
      <c r="J1512" s="452"/>
      <c r="K1512" s="450"/>
      <c r="L1512" s="468">
        <v>38749</v>
      </c>
      <c r="M1512" s="469">
        <v>41730</v>
      </c>
      <c r="N1512" s="418" t="str">
        <f t="shared" si="46"/>
        <v>DUPLICATE</v>
      </c>
    </row>
    <row r="1513" spans="1:14" ht="15.75">
      <c r="A1513" s="538"/>
      <c r="B1513" s="411">
        <f t="shared" si="47"/>
        <v>76</v>
      </c>
      <c r="C1513" s="440" t="s">
        <v>3459</v>
      </c>
      <c r="D1513" s="522" t="s">
        <v>3460</v>
      </c>
      <c r="E1513" s="414" t="s">
        <v>707</v>
      </c>
      <c r="F1513" s="414" t="s">
        <v>676</v>
      </c>
      <c r="G1513" s="480"/>
      <c r="H1513" s="415"/>
      <c r="I1513" s="451"/>
      <c r="J1513" s="452"/>
      <c r="K1513" s="450"/>
      <c r="L1513" s="469">
        <v>38749</v>
      </c>
      <c r="M1513" s="469">
        <v>41730</v>
      </c>
      <c r="N1513" s="418" t="str">
        <f t="shared" si="46"/>
        <v/>
      </c>
    </row>
    <row r="1514" spans="1:14" ht="15.75">
      <c r="A1514" s="538"/>
      <c r="B1514" s="411">
        <f t="shared" si="47"/>
        <v>76</v>
      </c>
      <c r="C1514" s="440" t="s">
        <v>3461</v>
      </c>
      <c r="D1514" s="522" t="s">
        <v>3462</v>
      </c>
      <c r="E1514" s="414" t="s">
        <v>707</v>
      </c>
      <c r="F1514" s="414" t="s">
        <v>676</v>
      </c>
      <c r="G1514" s="480"/>
      <c r="H1514" s="415"/>
      <c r="I1514" s="451"/>
      <c r="J1514" s="452"/>
      <c r="K1514" s="450"/>
      <c r="L1514" s="469">
        <v>38749</v>
      </c>
      <c r="M1514" s="469">
        <v>41730</v>
      </c>
      <c r="N1514" s="418" t="str">
        <f t="shared" si="46"/>
        <v/>
      </c>
    </row>
    <row r="1515" spans="1:14" ht="15.75">
      <c r="A1515" s="538"/>
      <c r="B1515" s="411">
        <f t="shared" si="47"/>
        <v>76</v>
      </c>
      <c r="C1515" s="440" t="s">
        <v>3463</v>
      </c>
      <c r="D1515" s="522" t="s">
        <v>3464</v>
      </c>
      <c r="E1515" s="414" t="s">
        <v>707</v>
      </c>
      <c r="F1515" s="414" t="s">
        <v>676</v>
      </c>
      <c r="G1515" s="480"/>
      <c r="H1515" s="415"/>
      <c r="I1515" s="451"/>
      <c r="J1515" s="452"/>
      <c r="K1515" s="450"/>
      <c r="L1515" s="469">
        <v>40940</v>
      </c>
      <c r="M1515" s="469">
        <v>41730</v>
      </c>
      <c r="N1515" s="418" t="str">
        <f t="shared" si="46"/>
        <v/>
      </c>
    </row>
    <row r="1516" spans="1:14" ht="15.75">
      <c r="A1516" s="538"/>
      <c r="B1516" s="411">
        <f t="shared" si="47"/>
        <v>76</v>
      </c>
      <c r="C1516" s="440" t="s">
        <v>3465</v>
      </c>
      <c r="D1516" s="522" t="s">
        <v>3466</v>
      </c>
      <c r="E1516" s="414" t="s">
        <v>707</v>
      </c>
      <c r="F1516" s="414" t="s">
        <v>676</v>
      </c>
      <c r="G1516" s="480"/>
      <c r="H1516" s="415"/>
      <c r="I1516" s="451"/>
      <c r="J1516" s="452"/>
      <c r="K1516" s="450"/>
      <c r="L1516" s="469">
        <v>38749</v>
      </c>
      <c r="M1516" s="469">
        <v>41730</v>
      </c>
      <c r="N1516" s="418" t="str">
        <f t="shared" si="46"/>
        <v/>
      </c>
    </row>
    <row r="1517" spans="1:14" ht="15.75">
      <c r="A1517" s="538"/>
      <c r="B1517" s="411">
        <f t="shared" si="47"/>
        <v>76</v>
      </c>
      <c r="C1517" s="440" t="s">
        <v>14013</v>
      </c>
      <c r="D1517" s="522" t="s">
        <v>3467</v>
      </c>
      <c r="E1517" s="414" t="s">
        <v>707</v>
      </c>
      <c r="F1517" s="414" t="s">
        <v>676</v>
      </c>
      <c r="G1517" s="480"/>
      <c r="H1517" s="415"/>
      <c r="I1517" s="451"/>
      <c r="J1517" s="452"/>
      <c r="K1517" s="450"/>
      <c r="L1517" s="469">
        <v>40210</v>
      </c>
      <c r="M1517" s="469">
        <v>41730</v>
      </c>
      <c r="N1517" s="418" t="str">
        <f t="shared" si="46"/>
        <v/>
      </c>
    </row>
    <row r="1518" spans="1:14" ht="15.75">
      <c r="A1518" s="538"/>
      <c r="B1518" s="411">
        <f t="shared" si="47"/>
        <v>76</v>
      </c>
      <c r="C1518" s="440" t="s">
        <v>3468</v>
      </c>
      <c r="D1518" s="522" t="s">
        <v>3469</v>
      </c>
      <c r="E1518" s="414" t="s">
        <v>707</v>
      </c>
      <c r="F1518" s="414" t="s">
        <v>676</v>
      </c>
      <c r="G1518" s="480"/>
      <c r="H1518" s="415"/>
      <c r="I1518" s="451"/>
      <c r="J1518" s="452"/>
      <c r="K1518" s="450"/>
      <c r="L1518" s="469">
        <v>40940</v>
      </c>
      <c r="M1518" s="469">
        <v>41730</v>
      </c>
      <c r="N1518" s="418" t="str">
        <f t="shared" si="46"/>
        <v/>
      </c>
    </row>
    <row r="1519" spans="1:14" ht="28.5">
      <c r="A1519" s="538"/>
      <c r="B1519" s="411">
        <f t="shared" si="47"/>
        <v>76</v>
      </c>
      <c r="C1519" s="440" t="s">
        <v>3470</v>
      </c>
      <c r="D1519" s="522" t="s">
        <v>3471</v>
      </c>
      <c r="E1519" s="414" t="s">
        <v>707</v>
      </c>
      <c r="F1519" s="414" t="s">
        <v>676</v>
      </c>
      <c r="G1519" s="480"/>
      <c r="H1519" s="415"/>
      <c r="I1519" s="451"/>
      <c r="J1519" s="452"/>
      <c r="K1519" s="450"/>
      <c r="L1519" s="469">
        <v>40940</v>
      </c>
      <c r="M1519" s="469">
        <v>41730</v>
      </c>
      <c r="N1519" s="418" t="str">
        <f t="shared" si="46"/>
        <v/>
      </c>
    </row>
    <row r="1520" spans="1:14" ht="15.75">
      <c r="A1520" s="538"/>
      <c r="B1520" s="411">
        <f t="shared" si="47"/>
        <v>76</v>
      </c>
      <c r="C1520" s="440" t="s">
        <v>14014</v>
      </c>
      <c r="D1520" s="522" t="s">
        <v>14015</v>
      </c>
      <c r="E1520" s="414" t="s">
        <v>707</v>
      </c>
      <c r="F1520" s="414" t="s">
        <v>676</v>
      </c>
      <c r="G1520" s="532"/>
      <c r="H1520" s="415"/>
      <c r="I1520" s="451"/>
      <c r="J1520" s="452"/>
      <c r="K1520" s="450"/>
      <c r="L1520" s="468">
        <v>43132</v>
      </c>
      <c r="M1520" s="455"/>
      <c r="N1520" s="418" t="str">
        <f t="shared" si="46"/>
        <v/>
      </c>
    </row>
    <row r="1521" spans="1:14" ht="31.5">
      <c r="A1521" s="538"/>
      <c r="B1521" s="411">
        <f t="shared" si="47"/>
        <v>76</v>
      </c>
      <c r="C1521" s="670" t="s">
        <v>3472</v>
      </c>
      <c r="D1521" s="522"/>
      <c r="E1521" s="414" t="s">
        <v>707</v>
      </c>
      <c r="F1521" s="414" t="s">
        <v>676</v>
      </c>
      <c r="G1521" s="144" t="s">
        <v>3473</v>
      </c>
      <c r="H1521" s="415"/>
      <c r="I1521" s="451"/>
      <c r="J1521" s="452"/>
      <c r="K1521" s="450"/>
      <c r="L1521" s="469">
        <v>42401</v>
      </c>
      <c r="M1521" s="455"/>
      <c r="N1521" s="418" t="str">
        <f t="shared" si="46"/>
        <v/>
      </c>
    </row>
    <row r="1522" spans="1:14" ht="28.5">
      <c r="A1522" s="538"/>
      <c r="B1522" s="411">
        <f t="shared" si="47"/>
        <v>76</v>
      </c>
      <c r="C1522" s="440" t="s">
        <v>113</v>
      </c>
      <c r="D1522" s="522" t="s">
        <v>115</v>
      </c>
      <c r="E1522" s="414" t="s">
        <v>707</v>
      </c>
      <c r="F1522" s="414" t="s">
        <v>676</v>
      </c>
      <c r="G1522" s="532"/>
      <c r="H1522" s="415"/>
      <c r="I1522" s="451"/>
      <c r="J1522" s="452"/>
      <c r="K1522" s="450"/>
      <c r="L1522" s="468">
        <v>38749</v>
      </c>
      <c r="M1522" s="455"/>
      <c r="N1522" s="418" t="str">
        <f t="shared" si="46"/>
        <v>DUPLICATE</v>
      </c>
    </row>
    <row r="1523" spans="1:14" ht="42.75">
      <c r="A1523" s="538"/>
      <c r="B1523" s="411">
        <f t="shared" si="47"/>
        <v>76</v>
      </c>
      <c r="C1523" s="440" t="s">
        <v>3474</v>
      </c>
      <c r="D1523" s="522" t="s">
        <v>3475</v>
      </c>
      <c r="E1523" s="414" t="s">
        <v>707</v>
      </c>
      <c r="F1523" s="414" t="s">
        <v>676</v>
      </c>
      <c r="G1523" s="532"/>
      <c r="H1523" s="415"/>
      <c r="I1523" s="451"/>
      <c r="J1523" s="452"/>
      <c r="K1523" s="450"/>
      <c r="L1523" s="468">
        <v>42401</v>
      </c>
      <c r="M1523" s="455"/>
      <c r="N1523" s="418" t="str">
        <f t="shared" si="46"/>
        <v/>
      </c>
    </row>
    <row r="1524" spans="1:14" ht="15.75">
      <c r="A1524" s="536"/>
      <c r="B1524" s="411">
        <f t="shared" si="47"/>
        <v>76</v>
      </c>
      <c r="C1524" s="668" t="s">
        <v>3476</v>
      </c>
      <c r="D1524" s="421"/>
      <c r="E1524" s="414" t="s">
        <v>595</v>
      </c>
      <c r="F1524" s="414" t="s">
        <v>596</v>
      </c>
      <c r="G1524" s="442"/>
      <c r="H1524" s="415"/>
      <c r="I1524" s="415"/>
      <c r="J1524" s="438"/>
      <c r="K1524" s="474"/>
      <c r="L1524" s="417">
        <v>41306</v>
      </c>
      <c r="M1524" s="417"/>
      <c r="N1524" s="418" t="str">
        <f t="shared" si="46"/>
        <v/>
      </c>
    </row>
    <row r="1525" spans="1:14" ht="31.5">
      <c r="A1525" s="538"/>
      <c r="B1525" s="411">
        <f t="shared" si="47"/>
        <v>76</v>
      </c>
      <c r="C1525" s="671" t="s">
        <v>14016</v>
      </c>
      <c r="D1525" s="554" t="s">
        <v>14017</v>
      </c>
      <c r="E1525" s="427" t="s">
        <v>595</v>
      </c>
      <c r="F1525" s="427" t="s">
        <v>596</v>
      </c>
      <c r="G1525" s="427" t="s">
        <v>1390</v>
      </c>
      <c r="H1525" s="555"/>
      <c r="I1525" s="555"/>
      <c r="J1525" s="554" t="s">
        <v>14018</v>
      </c>
      <c r="K1525" s="555"/>
      <c r="L1525" s="556">
        <v>43132</v>
      </c>
      <c r="M1525" s="555"/>
      <c r="N1525" s="418" t="str">
        <f t="shared" si="46"/>
        <v/>
      </c>
    </row>
    <row r="1526" spans="1:14" ht="15.75">
      <c r="A1526" s="538"/>
      <c r="B1526" s="411">
        <f t="shared" si="47"/>
        <v>76</v>
      </c>
      <c r="C1526" s="440" t="s">
        <v>3479</v>
      </c>
      <c r="D1526" s="140" t="s">
        <v>3480</v>
      </c>
      <c r="E1526" s="449" t="s">
        <v>595</v>
      </c>
      <c r="F1526" s="144" t="s">
        <v>596</v>
      </c>
      <c r="G1526" s="449"/>
      <c r="H1526" s="415"/>
      <c r="I1526" s="481"/>
      <c r="J1526" s="144"/>
      <c r="K1526" s="450"/>
      <c r="L1526" s="534">
        <v>38362</v>
      </c>
      <c r="M1526" s="469"/>
      <c r="N1526" s="418" t="str">
        <f t="shared" si="46"/>
        <v/>
      </c>
    </row>
    <row r="1527" spans="1:14" ht="31.5">
      <c r="A1527" s="538"/>
      <c r="B1527" s="411">
        <f t="shared" si="47"/>
        <v>76</v>
      </c>
      <c r="C1527" s="671" t="s">
        <v>14019</v>
      </c>
      <c r="D1527" s="554" t="s">
        <v>14020</v>
      </c>
      <c r="E1527" s="427" t="s">
        <v>595</v>
      </c>
      <c r="F1527" s="427" t="s">
        <v>596</v>
      </c>
      <c r="G1527" s="427" t="s">
        <v>1390</v>
      </c>
      <c r="H1527" s="558"/>
      <c r="I1527" s="558"/>
      <c r="J1527" s="554" t="s">
        <v>14021</v>
      </c>
      <c r="K1527" s="558"/>
      <c r="L1527" s="556">
        <v>43132</v>
      </c>
      <c r="M1527" s="555"/>
      <c r="N1527" s="418" t="str">
        <f t="shared" si="46"/>
        <v/>
      </c>
    </row>
    <row r="1528" spans="1:14" ht="31.5">
      <c r="A1528" s="536">
        <v>77</v>
      </c>
      <c r="B1528" s="411">
        <f t="shared" si="47"/>
        <v>77</v>
      </c>
      <c r="C1528" s="557" t="s">
        <v>26611</v>
      </c>
      <c r="D1528" s="554" t="s">
        <v>14023</v>
      </c>
      <c r="E1528" s="427" t="s">
        <v>595</v>
      </c>
      <c r="F1528" s="414" t="s">
        <v>600</v>
      </c>
      <c r="G1528" s="427" t="s">
        <v>760</v>
      </c>
      <c r="H1528" s="558"/>
      <c r="I1528" s="558"/>
      <c r="J1528" s="554" t="s">
        <v>14024</v>
      </c>
      <c r="K1528" s="558"/>
      <c r="L1528" s="556">
        <v>43132</v>
      </c>
      <c r="M1528" s="417">
        <v>43497</v>
      </c>
      <c r="N1528" s="418" t="str">
        <f t="shared" si="46"/>
        <v/>
      </c>
    </row>
    <row r="1529" spans="1:14" ht="63">
      <c r="A1529" s="536">
        <v>78</v>
      </c>
      <c r="B1529" s="411">
        <f t="shared" si="47"/>
        <v>78</v>
      </c>
      <c r="C1529" s="424" t="s">
        <v>1769</v>
      </c>
      <c r="D1529" s="414" t="s">
        <v>1770</v>
      </c>
      <c r="E1529" s="672" t="s">
        <v>595</v>
      </c>
      <c r="F1529" s="414" t="s">
        <v>600</v>
      </c>
      <c r="G1529" s="427" t="s">
        <v>26612</v>
      </c>
      <c r="H1529" s="558"/>
      <c r="I1529" s="673"/>
      <c r="J1529" s="674"/>
      <c r="K1529" s="675"/>
      <c r="L1529" s="417">
        <v>43497</v>
      </c>
      <c r="M1529" s="417"/>
      <c r="N1529" s="418" t="str">
        <f t="shared" si="46"/>
        <v>DUPLICATE</v>
      </c>
    </row>
    <row r="1530" spans="1:14" ht="31.5">
      <c r="A1530" s="410">
        <v>79</v>
      </c>
      <c r="B1530" s="411">
        <f t="shared" si="47"/>
        <v>79</v>
      </c>
      <c r="C1530" s="412" t="s">
        <v>3481</v>
      </c>
      <c r="D1530" s="457"/>
      <c r="E1530" s="528" t="s">
        <v>707</v>
      </c>
      <c r="F1530" s="458" t="s">
        <v>600</v>
      </c>
      <c r="G1530" s="414" t="s">
        <v>3482</v>
      </c>
      <c r="H1530" s="415"/>
      <c r="I1530" s="460"/>
      <c r="J1530" s="461" t="s">
        <v>3483</v>
      </c>
      <c r="K1530" s="676"/>
      <c r="L1530" s="423">
        <v>40848</v>
      </c>
      <c r="M1530" s="423">
        <v>42036</v>
      </c>
      <c r="N1530" s="418" t="str">
        <f t="shared" si="46"/>
        <v/>
      </c>
    </row>
    <row r="1531" spans="1:14" ht="78.75">
      <c r="A1531" s="538"/>
      <c r="B1531" s="411">
        <f t="shared" si="47"/>
        <v>79</v>
      </c>
      <c r="C1531" s="440" t="s">
        <v>3484</v>
      </c>
      <c r="D1531" s="522" t="s">
        <v>1771</v>
      </c>
      <c r="E1531" s="672" t="s">
        <v>707</v>
      </c>
      <c r="F1531" s="458" t="s">
        <v>600</v>
      </c>
      <c r="G1531" s="144" t="s">
        <v>3485</v>
      </c>
      <c r="H1531" s="415"/>
      <c r="I1531" s="451"/>
      <c r="J1531" s="452"/>
      <c r="K1531" s="480"/>
      <c r="L1531" s="469">
        <v>40848</v>
      </c>
      <c r="M1531" s="469">
        <v>41897</v>
      </c>
      <c r="N1531" s="418" t="str">
        <f t="shared" si="46"/>
        <v>DUPLICATE</v>
      </c>
    </row>
    <row r="1532" spans="1:14" ht="47.25">
      <c r="A1532" s="538"/>
      <c r="B1532" s="411">
        <f t="shared" si="47"/>
        <v>79</v>
      </c>
      <c r="C1532" s="440" t="s">
        <v>3486</v>
      </c>
      <c r="D1532" s="522" t="s">
        <v>1775</v>
      </c>
      <c r="E1532" s="672" t="s">
        <v>707</v>
      </c>
      <c r="F1532" s="458" t="s">
        <v>600</v>
      </c>
      <c r="G1532" s="144" t="s">
        <v>3487</v>
      </c>
      <c r="H1532" s="415"/>
      <c r="I1532" s="451"/>
      <c r="J1532" s="452"/>
      <c r="K1532" s="479"/>
      <c r="L1532" s="469">
        <v>40848</v>
      </c>
      <c r="M1532" s="469">
        <v>41897</v>
      </c>
      <c r="N1532" s="418" t="str">
        <f t="shared" si="46"/>
        <v>DUPLICATE</v>
      </c>
    </row>
    <row r="1533" spans="1:14" ht="47.25">
      <c r="A1533" s="538"/>
      <c r="B1533" s="411">
        <f t="shared" si="47"/>
        <v>79</v>
      </c>
      <c r="C1533" s="440" t="s">
        <v>3488</v>
      </c>
      <c r="D1533" s="522" t="s">
        <v>1773</v>
      </c>
      <c r="E1533" s="672" t="s">
        <v>707</v>
      </c>
      <c r="F1533" s="458" t="s">
        <v>600</v>
      </c>
      <c r="G1533" s="144" t="s">
        <v>3487</v>
      </c>
      <c r="H1533" s="415"/>
      <c r="I1533" s="451"/>
      <c r="J1533" s="452"/>
      <c r="K1533" s="479"/>
      <c r="L1533" s="469">
        <v>40848</v>
      </c>
      <c r="M1533" s="469">
        <v>41897</v>
      </c>
      <c r="N1533" s="418" t="str">
        <f t="shared" si="46"/>
        <v>DUPLICATE</v>
      </c>
    </row>
    <row r="1534" spans="1:14" ht="31.5">
      <c r="A1534" s="410"/>
      <c r="B1534" s="411">
        <f t="shared" si="47"/>
        <v>79</v>
      </c>
      <c r="C1534" s="456" t="s">
        <v>3489</v>
      </c>
      <c r="D1534" s="457" t="s">
        <v>484</v>
      </c>
      <c r="E1534" s="528" t="s">
        <v>595</v>
      </c>
      <c r="F1534" s="458" t="s">
        <v>600</v>
      </c>
      <c r="G1534" s="528" t="s">
        <v>700</v>
      </c>
      <c r="H1534" s="415"/>
      <c r="I1534" s="460"/>
      <c r="J1534" s="461"/>
      <c r="K1534" s="676"/>
      <c r="L1534" s="423">
        <v>40848</v>
      </c>
      <c r="M1534" s="423">
        <v>42036</v>
      </c>
      <c r="N1534" s="418" t="str">
        <f t="shared" si="46"/>
        <v>DUPLICATE</v>
      </c>
    </row>
    <row r="1535" spans="1:14" ht="78.75">
      <c r="A1535" s="410">
        <v>80</v>
      </c>
      <c r="B1535" s="411">
        <f t="shared" si="47"/>
        <v>80</v>
      </c>
      <c r="C1535" s="412" t="s">
        <v>3490</v>
      </c>
      <c r="D1535" s="413" t="s">
        <v>3491</v>
      </c>
      <c r="E1535" s="414" t="s">
        <v>595</v>
      </c>
      <c r="F1535" s="414" t="s">
        <v>596</v>
      </c>
      <c r="G1535" s="414" t="s">
        <v>3492</v>
      </c>
      <c r="H1535" s="415"/>
      <c r="I1535" s="415"/>
      <c r="J1535" s="414" t="s">
        <v>3493</v>
      </c>
      <c r="K1535" s="414"/>
      <c r="L1535" s="417">
        <v>42767</v>
      </c>
      <c r="M1535" s="417"/>
      <c r="N1535" s="418" t="str">
        <f t="shared" si="46"/>
        <v/>
      </c>
    </row>
    <row r="1536" spans="1:14" ht="78.75">
      <c r="A1536" s="536">
        <v>81</v>
      </c>
      <c r="B1536" s="411">
        <f t="shared" si="47"/>
        <v>81</v>
      </c>
      <c r="C1536" s="677" t="s">
        <v>3494</v>
      </c>
      <c r="D1536" s="472" t="s">
        <v>3495</v>
      </c>
      <c r="E1536" s="414" t="s">
        <v>595</v>
      </c>
      <c r="F1536" s="414" t="s">
        <v>596</v>
      </c>
      <c r="G1536" s="414" t="s">
        <v>3492</v>
      </c>
      <c r="H1536" s="415"/>
      <c r="I1536" s="415"/>
      <c r="J1536" s="437" t="s">
        <v>3496</v>
      </c>
      <c r="K1536" s="414"/>
      <c r="L1536" s="417">
        <v>42767</v>
      </c>
      <c r="M1536" s="417"/>
      <c r="N1536" s="418" t="str">
        <f t="shared" si="46"/>
        <v/>
      </c>
    </row>
    <row r="1537" spans="1:14" ht="31.5">
      <c r="A1537" s="678">
        <v>82</v>
      </c>
      <c r="B1537" s="411">
        <f t="shared" si="47"/>
        <v>82</v>
      </c>
      <c r="C1537" s="677" t="s">
        <v>3497</v>
      </c>
      <c r="D1537" s="472" t="s">
        <v>3498</v>
      </c>
      <c r="E1537" s="414" t="s">
        <v>595</v>
      </c>
      <c r="F1537" s="414" t="s">
        <v>596</v>
      </c>
      <c r="G1537" s="414" t="s">
        <v>1390</v>
      </c>
      <c r="H1537" s="415"/>
      <c r="I1537" s="415"/>
      <c r="J1537" s="437" t="s">
        <v>3499</v>
      </c>
      <c r="K1537" s="414"/>
      <c r="L1537" s="417">
        <v>42767</v>
      </c>
      <c r="M1537" s="417"/>
      <c r="N1537" s="418" t="str">
        <f t="shared" si="46"/>
        <v/>
      </c>
    </row>
    <row r="1538" spans="1:14" ht="47.25">
      <c r="A1538" s="536">
        <v>83</v>
      </c>
      <c r="B1538" s="411">
        <f t="shared" si="47"/>
        <v>83</v>
      </c>
      <c r="C1538" s="550" t="s">
        <v>3500</v>
      </c>
      <c r="D1538" s="421" t="s">
        <v>3501</v>
      </c>
      <c r="E1538" s="414" t="s">
        <v>595</v>
      </c>
      <c r="F1538" s="414" t="s">
        <v>596</v>
      </c>
      <c r="G1538" s="414" t="s">
        <v>614</v>
      </c>
      <c r="H1538" s="415"/>
      <c r="I1538" s="415"/>
      <c r="J1538" s="437"/>
      <c r="K1538" s="414"/>
      <c r="L1538" s="417">
        <v>42767</v>
      </c>
      <c r="M1538" s="417"/>
      <c r="N1538" s="418" t="str">
        <f t="shared" si="46"/>
        <v/>
      </c>
    </row>
    <row r="1539" spans="1:14" ht="31.5">
      <c r="A1539" s="410">
        <v>84</v>
      </c>
      <c r="B1539" s="411">
        <f t="shared" si="47"/>
        <v>84</v>
      </c>
      <c r="C1539" s="550" t="s">
        <v>26613</v>
      </c>
      <c r="D1539" s="421" t="s">
        <v>26614</v>
      </c>
      <c r="E1539" s="528" t="s">
        <v>595</v>
      </c>
      <c r="F1539" s="458" t="s">
        <v>596</v>
      </c>
      <c r="G1539" s="414" t="s">
        <v>1390</v>
      </c>
      <c r="H1539" s="415"/>
      <c r="I1539" s="415"/>
      <c r="J1539" s="437" t="s">
        <v>26615</v>
      </c>
      <c r="K1539" s="472"/>
      <c r="L1539" s="417">
        <v>43497</v>
      </c>
      <c r="M1539" s="417"/>
      <c r="N1539" s="418" t="str">
        <f t="shared" si="46"/>
        <v/>
      </c>
    </row>
    <row r="1540" spans="1:14" ht="94.5">
      <c r="A1540" s="410">
        <v>85</v>
      </c>
      <c r="B1540" s="411">
        <f t="shared" si="47"/>
        <v>85</v>
      </c>
      <c r="C1540" s="424" t="s">
        <v>3502</v>
      </c>
      <c r="D1540" s="414" t="s">
        <v>3503</v>
      </c>
      <c r="E1540" s="528" t="s">
        <v>643</v>
      </c>
      <c r="F1540" s="458" t="s">
        <v>600</v>
      </c>
      <c r="G1540" s="528" t="s">
        <v>3504</v>
      </c>
      <c r="H1540" s="415"/>
      <c r="I1540" s="415"/>
      <c r="J1540" s="414" t="s">
        <v>3505</v>
      </c>
      <c r="K1540" s="472" t="s">
        <v>3506</v>
      </c>
      <c r="L1540" s="423">
        <v>39479</v>
      </c>
      <c r="M1540" s="417"/>
      <c r="N1540" s="418" t="str">
        <f t="shared" si="46"/>
        <v/>
      </c>
    </row>
    <row r="1541" spans="1:14" ht="47.25">
      <c r="A1541" s="410">
        <v>86</v>
      </c>
      <c r="B1541" s="411">
        <f t="shared" si="47"/>
        <v>86</v>
      </c>
      <c r="C1541" s="424" t="s">
        <v>26616</v>
      </c>
      <c r="D1541" s="140"/>
      <c r="E1541" s="414" t="s">
        <v>595</v>
      </c>
      <c r="F1541" s="414" t="s">
        <v>600</v>
      </c>
      <c r="G1541" s="414" t="s">
        <v>26617</v>
      </c>
      <c r="H1541" s="415"/>
      <c r="I1541" s="415"/>
      <c r="J1541" s="414" t="s">
        <v>3508</v>
      </c>
      <c r="K1541" s="414"/>
      <c r="L1541" s="417">
        <v>43497</v>
      </c>
      <c r="M1541" s="417"/>
      <c r="N1541" s="418" t="str">
        <f t="shared" si="46"/>
        <v/>
      </c>
    </row>
    <row r="1542" spans="1:14" ht="42.75">
      <c r="A1542" s="410"/>
      <c r="B1542" s="411">
        <f t="shared" si="47"/>
        <v>86</v>
      </c>
      <c r="C1542" s="545" t="s">
        <v>26618</v>
      </c>
      <c r="D1542" s="413" t="s">
        <v>3507</v>
      </c>
      <c r="E1542" s="414" t="s">
        <v>595</v>
      </c>
      <c r="F1542" s="414" t="s">
        <v>600</v>
      </c>
      <c r="G1542" s="414"/>
      <c r="H1542" s="415"/>
      <c r="I1542" s="460"/>
      <c r="J1542" s="528"/>
      <c r="K1542" s="414"/>
      <c r="L1542" s="417">
        <v>42767</v>
      </c>
      <c r="M1542" s="417">
        <v>43497</v>
      </c>
      <c r="N1542" s="418" t="str">
        <f t="shared" si="46"/>
        <v/>
      </c>
    </row>
    <row r="1543" spans="1:14" ht="42.75">
      <c r="A1543" s="410"/>
      <c r="B1543" s="411">
        <f t="shared" si="47"/>
        <v>86</v>
      </c>
      <c r="C1543" s="545" t="s">
        <v>26618</v>
      </c>
      <c r="D1543" s="413" t="s">
        <v>26619</v>
      </c>
      <c r="E1543" s="414" t="s">
        <v>595</v>
      </c>
      <c r="F1543" s="414" t="s">
        <v>600</v>
      </c>
      <c r="G1543" s="414"/>
      <c r="H1543" s="415"/>
      <c r="I1543" s="460"/>
      <c r="J1543" s="528"/>
      <c r="K1543" s="414"/>
      <c r="L1543" s="417">
        <v>43497</v>
      </c>
      <c r="M1543" s="417"/>
      <c r="N1543" s="418" t="str">
        <f t="shared" si="46"/>
        <v/>
      </c>
    </row>
    <row r="1544" spans="1:14" ht="42.75">
      <c r="A1544" s="410"/>
      <c r="B1544" s="411">
        <f t="shared" si="47"/>
        <v>86</v>
      </c>
      <c r="C1544" s="545" t="s">
        <v>26618</v>
      </c>
      <c r="D1544" s="413" t="s">
        <v>13811</v>
      </c>
      <c r="E1544" s="414" t="s">
        <v>595</v>
      </c>
      <c r="F1544" s="414" t="s">
        <v>600</v>
      </c>
      <c r="G1544" s="414"/>
      <c r="H1544" s="415"/>
      <c r="I1544" s="460"/>
      <c r="J1544" s="528"/>
      <c r="K1544" s="414"/>
      <c r="L1544" s="417">
        <v>43497</v>
      </c>
      <c r="M1544" s="417"/>
      <c r="N1544" s="418" t="str">
        <f t="shared" si="46"/>
        <v/>
      </c>
    </row>
    <row r="1545" spans="1:14" ht="94.5">
      <c r="A1545" s="483">
        <v>87</v>
      </c>
      <c r="B1545" s="411">
        <f t="shared" si="47"/>
        <v>87</v>
      </c>
      <c r="C1545" s="485" t="s">
        <v>28508</v>
      </c>
      <c r="D1545" s="679" t="s">
        <v>14107</v>
      </c>
      <c r="E1545" s="430" t="s">
        <v>595</v>
      </c>
      <c r="F1545" s="430" t="s">
        <v>600</v>
      </c>
      <c r="G1545" s="430" t="s">
        <v>760</v>
      </c>
      <c r="H1545" s="432"/>
      <c r="I1545" s="505"/>
      <c r="J1545" s="680" t="s">
        <v>28509</v>
      </c>
      <c r="K1545" s="430"/>
      <c r="L1545" s="434">
        <v>43862</v>
      </c>
      <c r="M1545" s="434"/>
      <c r="N1545" s="418" t="str">
        <f t="shared" si="46"/>
        <v/>
      </c>
    </row>
    <row r="1546" spans="1:14" ht="15.75">
      <c r="A1546" s="536">
        <v>88</v>
      </c>
      <c r="B1546" s="411">
        <f t="shared" si="47"/>
        <v>88</v>
      </c>
      <c r="C1546" s="424" t="s">
        <v>3509</v>
      </c>
      <c r="D1546" s="681" t="s">
        <v>3510</v>
      </c>
      <c r="E1546" s="416" t="s">
        <v>595</v>
      </c>
      <c r="F1546" s="414" t="s">
        <v>596</v>
      </c>
      <c r="G1546" s="414" t="s">
        <v>597</v>
      </c>
      <c r="H1546" s="415"/>
      <c r="I1546" s="460"/>
      <c r="J1546" s="528" t="s">
        <v>3511</v>
      </c>
      <c r="K1546" s="474"/>
      <c r="L1546" s="439">
        <v>38749</v>
      </c>
      <c r="M1546" s="417">
        <v>39476</v>
      </c>
      <c r="N1546" s="418" t="str">
        <f t="shared" ref="N1546:N1609" si="48">IF(D1546="NA","",IF(COUNTIF($D$2:$D$5552,D1546)&gt;1,"DUPLICATE",""))</f>
        <v/>
      </c>
    </row>
    <row r="1547" spans="1:14" ht="47.25">
      <c r="A1547" s="536">
        <v>89</v>
      </c>
      <c r="B1547" s="411">
        <f t="shared" si="47"/>
        <v>89</v>
      </c>
      <c r="C1547" s="550" t="s">
        <v>3512</v>
      </c>
      <c r="D1547" s="421" t="s">
        <v>3513</v>
      </c>
      <c r="E1547" s="414" t="s">
        <v>595</v>
      </c>
      <c r="F1547" s="414" t="s">
        <v>596</v>
      </c>
      <c r="G1547" s="414" t="s">
        <v>614</v>
      </c>
      <c r="H1547" s="415"/>
      <c r="I1547" s="415"/>
      <c r="J1547" s="437"/>
      <c r="K1547" s="414"/>
      <c r="L1547" s="417">
        <v>42767</v>
      </c>
      <c r="M1547" s="417"/>
      <c r="N1547" s="418" t="str">
        <f t="shared" si="48"/>
        <v/>
      </c>
    </row>
    <row r="1548" spans="1:14" ht="31.5">
      <c r="A1548" s="536">
        <v>90</v>
      </c>
      <c r="B1548" s="411">
        <f t="shared" si="47"/>
        <v>90</v>
      </c>
      <c r="C1548" s="677" t="s">
        <v>3514</v>
      </c>
      <c r="D1548" s="144" t="s">
        <v>3515</v>
      </c>
      <c r="E1548" s="414" t="s">
        <v>595</v>
      </c>
      <c r="F1548" s="414" t="s">
        <v>596</v>
      </c>
      <c r="G1548" s="414" t="s">
        <v>1390</v>
      </c>
      <c r="H1548" s="415"/>
      <c r="I1548" s="415"/>
      <c r="J1548" s="414" t="s">
        <v>3516</v>
      </c>
      <c r="K1548" s="414"/>
      <c r="L1548" s="417">
        <v>42767</v>
      </c>
      <c r="M1548" s="417"/>
      <c r="N1548" s="418" t="str">
        <f t="shared" si="48"/>
        <v/>
      </c>
    </row>
    <row r="1549" spans="1:14" ht="31.5">
      <c r="A1549" s="536">
        <v>91</v>
      </c>
      <c r="B1549" s="411">
        <f t="shared" si="47"/>
        <v>91</v>
      </c>
      <c r="C1549" s="677" t="s">
        <v>26620</v>
      </c>
      <c r="D1549" s="414" t="s">
        <v>18194</v>
      </c>
      <c r="E1549" s="416" t="s">
        <v>595</v>
      </c>
      <c r="F1549" s="414" t="s">
        <v>596</v>
      </c>
      <c r="G1549" s="414" t="s">
        <v>1390</v>
      </c>
      <c r="H1549" s="415"/>
      <c r="I1549" s="415"/>
      <c r="J1549" s="438" t="s">
        <v>26621</v>
      </c>
      <c r="K1549" s="414"/>
      <c r="L1549" s="417">
        <v>43497</v>
      </c>
      <c r="M1549" s="417"/>
      <c r="N1549" s="418" t="str">
        <f t="shared" si="48"/>
        <v/>
      </c>
    </row>
    <row r="1550" spans="1:14" ht="78.75">
      <c r="A1550" s="536">
        <v>92</v>
      </c>
      <c r="B1550" s="411">
        <f t="shared" si="47"/>
        <v>92</v>
      </c>
      <c r="C1550" s="424" t="s">
        <v>3517</v>
      </c>
      <c r="D1550" s="421" t="s">
        <v>3518</v>
      </c>
      <c r="E1550" s="416" t="s">
        <v>595</v>
      </c>
      <c r="F1550" s="414" t="s">
        <v>596</v>
      </c>
      <c r="G1550" s="474" t="s">
        <v>3519</v>
      </c>
      <c r="H1550" s="415"/>
      <c r="I1550" s="415"/>
      <c r="J1550" s="438" t="s">
        <v>3520</v>
      </c>
      <c r="K1550" s="474" t="s">
        <v>671</v>
      </c>
      <c r="L1550" s="417">
        <v>39845</v>
      </c>
      <c r="M1550" s="417">
        <v>39889</v>
      </c>
      <c r="N1550" s="418" t="str">
        <f t="shared" si="48"/>
        <v/>
      </c>
    </row>
    <row r="1551" spans="1:14" ht="15.75">
      <c r="A1551" s="536">
        <v>93</v>
      </c>
      <c r="B1551" s="411">
        <f t="shared" si="47"/>
        <v>93</v>
      </c>
      <c r="C1551" s="424" t="s">
        <v>3521</v>
      </c>
      <c r="D1551" s="414"/>
      <c r="E1551" s="414" t="s">
        <v>707</v>
      </c>
      <c r="F1551" s="414" t="s">
        <v>676</v>
      </c>
      <c r="G1551" s="414" t="s">
        <v>3522</v>
      </c>
      <c r="H1551" s="415"/>
      <c r="I1551" s="415"/>
      <c r="J1551" s="438"/>
      <c r="K1551" s="642" t="s">
        <v>2408</v>
      </c>
      <c r="L1551" s="417">
        <v>38362</v>
      </c>
      <c r="M1551" s="439">
        <v>42036</v>
      </c>
      <c r="N1551" s="418" t="str">
        <f t="shared" si="48"/>
        <v/>
      </c>
    </row>
    <row r="1552" spans="1:14" ht="94.5">
      <c r="A1552" s="563"/>
      <c r="B1552" s="411">
        <f t="shared" si="47"/>
        <v>93</v>
      </c>
      <c r="C1552" s="682" t="s">
        <v>3523</v>
      </c>
      <c r="D1552" s="683" t="s">
        <v>449</v>
      </c>
      <c r="E1552" s="684" t="s">
        <v>643</v>
      </c>
      <c r="F1552" s="684" t="s">
        <v>600</v>
      </c>
      <c r="G1552" s="565" t="s">
        <v>28510</v>
      </c>
      <c r="H1552" s="531"/>
      <c r="I1552" s="531"/>
      <c r="J1552" s="565" t="s">
        <v>3524</v>
      </c>
      <c r="K1552" s="566" t="s">
        <v>3525</v>
      </c>
      <c r="L1552" s="569">
        <v>39479</v>
      </c>
      <c r="M1552" s="502"/>
      <c r="N1552" s="418" t="str">
        <f t="shared" si="48"/>
        <v/>
      </c>
    </row>
    <row r="1553" spans="1:14" ht="78.75">
      <c r="A1553" s="538"/>
      <c r="B1553" s="411">
        <f t="shared" si="47"/>
        <v>93</v>
      </c>
      <c r="C1553" s="440" t="s">
        <v>3526</v>
      </c>
      <c r="D1553" s="522" t="s">
        <v>3527</v>
      </c>
      <c r="E1553" s="522" t="s">
        <v>595</v>
      </c>
      <c r="F1553" s="522" t="s">
        <v>596</v>
      </c>
      <c r="G1553" s="449" t="s">
        <v>3519</v>
      </c>
      <c r="H1553" s="451"/>
      <c r="I1553" s="451"/>
      <c r="J1553" s="452" t="s">
        <v>3528</v>
      </c>
      <c r="K1553" s="449" t="s">
        <v>671</v>
      </c>
      <c r="L1553" s="469">
        <v>39845</v>
      </c>
      <c r="M1553" s="469">
        <v>39889</v>
      </c>
      <c r="N1553" s="418" t="str">
        <f t="shared" si="48"/>
        <v/>
      </c>
    </row>
    <row r="1554" spans="1:14" ht="31.5">
      <c r="A1554" s="538"/>
      <c r="B1554" s="411">
        <f t="shared" si="47"/>
        <v>93</v>
      </c>
      <c r="C1554" s="440" t="s">
        <v>3529</v>
      </c>
      <c r="D1554" s="449" t="s">
        <v>331</v>
      </c>
      <c r="E1554" s="449" t="s">
        <v>595</v>
      </c>
      <c r="F1554" s="449" t="s">
        <v>600</v>
      </c>
      <c r="G1554" s="449" t="s">
        <v>3530</v>
      </c>
      <c r="H1554" s="499"/>
      <c r="I1554" s="685"/>
      <c r="J1554" s="481" t="s">
        <v>3531</v>
      </c>
      <c r="K1554" s="522"/>
      <c r="L1554" s="469">
        <v>41306</v>
      </c>
      <c r="M1554" s="469">
        <v>42036</v>
      </c>
      <c r="N1554" s="418" t="str">
        <f t="shared" si="48"/>
        <v/>
      </c>
    </row>
    <row r="1555" spans="1:14" ht="15.75">
      <c r="A1555" s="538"/>
      <c r="B1555" s="411">
        <f t="shared" si="47"/>
        <v>93</v>
      </c>
      <c r="C1555" s="440" t="s">
        <v>3532</v>
      </c>
      <c r="D1555" s="449" t="s">
        <v>445</v>
      </c>
      <c r="E1555" s="449" t="s">
        <v>595</v>
      </c>
      <c r="F1555" s="449" t="s">
        <v>596</v>
      </c>
      <c r="G1555" s="450"/>
      <c r="H1555" s="451"/>
      <c r="I1555" s="451"/>
      <c r="J1555" s="452" t="s">
        <v>3533</v>
      </c>
      <c r="K1555" s="517"/>
      <c r="L1555" s="455">
        <v>38362</v>
      </c>
      <c r="M1555" s="455"/>
      <c r="N1555" s="418" t="str">
        <f t="shared" si="48"/>
        <v/>
      </c>
    </row>
    <row r="1556" spans="1:14" ht="31.5">
      <c r="A1556" s="483"/>
      <c r="B1556" s="411">
        <f t="shared" si="47"/>
        <v>93</v>
      </c>
      <c r="C1556" s="492" t="s">
        <v>3534</v>
      </c>
      <c r="D1556" s="494" t="s">
        <v>3535</v>
      </c>
      <c r="E1556" s="494" t="s">
        <v>595</v>
      </c>
      <c r="F1556" s="494" t="s">
        <v>35322</v>
      </c>
      <c r="G1556" s="518" t="s">
        <v>3530</v>
      </c>
      <c r="H1556" s="495"/>
      <c r="I1556" s="495"/>
      <c r="J1556" s="686" t="s">
        <v>3537</v>
      </c>
      <c r="K1556" s="494"/>
      <c r="L1556" s="516">
        <v>38362</v>
      </c>
      <c r="M1556" s="516">
        <v>43862</v>
      </c>
      <c r="N1556" s="418" t="str">
        <f t="shared" si="48"/>
        <v/>
      </c>
    </row>
    <row r="1557" spans="1:14" ht="31.5">
      <c r="A1557" s="538">
        <v>94</v>
      </c>
      <c r="B1557" s="411">
        <f t="shared" si="47"/>
        <v>94</v>
      </c>
      <c r="C1557" s="687" t="s">
        <v>26622</v>
      </c>
      <c r="D1557" s="421" t="s">
        <v>17478</v>
      </c>
      <c r="E1557" s="421" t="s">
        <v>595</v>
      </c>
      <c r="F1557" s="421" t="s">
        <v>596</v>
      </c>
      <c r="G1557" s="414" t="s">
        <v>26538</v>
      </c>
      <c r="H1557" s="415"/>
      <c r="I1557" s="415"/>
      <c r="J1557" s="413" t="s">
        <v>26623</v>
      </c>
      <c r="K1557" s="414"/>
      <c r="L1557" s="417">
        <v>43497</v>
      </c>
      <c r="M1557" s="417"/>
      <c r="N1557" s="418" t="str">
        <f t="shared" si="48"/>
        <v/>
      </c>
    </row>
    <row r="1558" spans="1:14" ht="31.5">
      <c r="A1558" s="574">
        <v>95</v>
      </c>
      <c r="B1558" s="411">
        <f t="shared" si="47"/>
        <v>95</v>
      </c>
      <c r="C1558" s="651" t="s">
        <v>26624</v>
      </c>
      <c r="D1558" s="449" t="s">
        <v>7314</v>
      </c>
      <c r="E1558" s="449" t="s">
        <v>595</v>
      </c>
      <c r="F1558" s="449" t="s">
        <v>596</v>
      </c>
      <c r="G1558" s="449" t="s">
        <v>1390</v>
      </c>
      <c r="H1558" s="451"/>
      <c r="I1558" s="451"/>
      <c r="J1558" s="688"/>
      <c r="K1558" s="449"/>
      <c r="L1558" s="469">
        <v>43497</v>
      </c>
      <c r="M1558" s="469"/>
      <c r="N1558" s="418" t="str">
        <f t="shared" si="48"/>
        <v/>
      </c>
    </row>
    <row r="1559" spans="1:14" ht="31.5">
      <c r="A1559" s="653">
        <v>96</v>
      </c>
      <c r="B1559" s="411">
        <f t="shared" si="47"/>
        <v>96</v>
      </c>
      <c r="C1559" s="654" t="s">
        <v>14109</v>
      </c>
      <c r="D1559" s="430" t="s">
        <v>14111</v>
      </c>
      <c r="E1559" s="430" t="s">
        <v>595</v>
      </c>
      <c r="F1559" s="430" t="s">
        <v>600</v>
      </c>
      <c r="G1559" s="430" t="s">
        <v>3530</v>
      </c>
      <c r="H1559" s="432"/>
      <c r="I1559" s="432"/>
      <c r="J1559" s="679" t="s">
        <v>28511</v>
      </c>
      <c r="K1559" s="430"/>
      <c r="L1559" s="434">
        <v>43862</v>
      </c>
      <c r="M1559" s="434"/>
      <c r="N1559" s="418" t="str">
        <f t="shared" si="48"/>
        <v/>
      </c>
    </row>
    <row r="1560" spans="1:14" ht="15.75">
      <c r="A1560" s="689">
        <v>97</v>
      </c>
      <c r="B1560" s="411">
        <f t="shared" si="47"/>
        <v>97</v>
      </c>
      <c r="C1560" s="656" t="s">
        <v>26625</v>
      </c>
      <c r="D1560" s="457" t="s">
        <v>437</v>
      </c>
      <c r="E1560" s="457" t="s">
        <v>595</v>
      </c>
      <c r="F1560" s="457" t="s">
        <v>596</v>
      </c>
      <c r="G1560" s="458" t="s">
        <v>26538</v>
      </c>
      <c r="H1560" s="460"/>
      <c r="I1560" s="460"/>
      <c r="J1560" s="609" t="s">
        <v>26626</v>
      </c>
      <c r="K1560" s="458"/>
      <c r="L1560" s="423">
        <v>43497</v>
      </c>
      <c r="M1560" s="423"/>
      <c r="N1560" s="418" t="str">
        <f t="shared" si="48"/>
        <v/>
      </c>
    </row>
    <row r="1561" spans="1:14" ht="31.5">
      <c r="A1561" s="538">
        <v>98</v>
      </c>
      <c r="B1561" s="411">
        <f t="shared" si="47"/>
        <v>98</v>
      </c>
      <c r="C1561" s="690" t="s">
        <v>3538</v>
      </c>
      <c r="D1561" s="458" t="s">
        <v>147</v>
      </c>
      <c r="E1561" s="458" t="s">
        <v>595</v>
      </c>
      <c r="F1561" s="458" t="s">
        <v>600</v>
      </c>
      <c r="G1561" s="449" t="s">
        <v>3530</v>
      </c>
      <c r="H1561" s="451"/>
      <c r="I1561" s="460"/>
      <c r="J1561" s="691" t="s">
        <v>3539</v>
      </c>
      <c r="K1561" s="458"/>
      <c r="L1561" s="469">
        <v>42036</v>
      </c>
      <c r="M1561" s="455">
        <v>42036</v>
      </c>
      <c r="N1561" s="418" t="str">
        <f t="shared" si="48"/>
        <v/>
      </c>
    </row>
    <row r="1562" spans="1:14" ht="141.75">
      <c r="A1562" s="536">
        <v>99</v>
      </c>
      <c r="B1562" s="411">
        <f t="shared" ref="B1562:B1625" si="49">IF(A1562&gt;0,A1562,B1561)</f>
        <v>99</v>
      </c>
      <c r="C1562" s="424" t="s">
        <v>1803</v>
      </c>
      <c r="D1562" s="414" t="s">
        <v>1804</v>
      </c>
      <c r="E1562" s="414" t="s">
        <v>707</v>
      </c>
      <c r="F1562" s="414" t="s">
        <v>676</v>
      </c>
      <c r="G1562" s="414" t="s">
        <v>3546</v>
      </c>
      <c r="H1562" s="415"/>
      <c r="I1562" s="415"/>
      <c r="J1562" s="416" t="s">
        <v>3547</v>
      </c>
      <c r="K1562" s="414" t="s">
        <v>3548</v>
      </c>
      <c r="L1562" s="417">
        <v>38362</v>
      </c>
      <c r="M1562" s="417">
        <v>42036</v>
      </c>
      <c r="N1562" s="418" t="str">
        <f t="shared" si="48"/>
        <v>DUPLICATE</v>
      </c>
    </row>
    <row r="1563" spans="1:14" ht="236.25">
      <c r="A1563" s="410">
        <v>100</v>
      </c>
      <c r="B1563" s="411">
        <f t="shared" si="49"/>
        <v>100</v>
      </c>
      <c r="C1563" s="424" t="s">
        <v>3549</v>
      </c>
      <c r="D1563" s="414" t="s">
        <v>3550</v>
      </c>
      <c r="E1563" s="458" t="s">
        <v>707</v>
      </c>
      <c r="F1563" s="458" t="s">
        <v>676</v>
      </c>
      <c r="G1563" s="144" t="s">
        <v>35323</v>
      </c>
      <c r="H1563" s="415"/>
      <c r="I1563" s="415"/>
      <c r="J1563" s="414" t="s">
        <v>3551</v>
      </c>
      <c r="K1563" s="458" t="s">
        <v>35324</v>
      </c>
      <c r="L1563" s="423">
        <v>39479</v>
      </c>
      <c r="M1563" s="423">
        <v>42401</v>
      </c>
      <c r="N1563" s="418" t="str">
        <f t="shared" si="48"/>
        <v/>
      </c>
    </row>
    <row r="1564" spans="1:14" ht="63">
      <c r="A1564" s="410">
        <v>101</v>
      </c>
      <c r="B1564" s="411">
        <f t="shared" si="49"/>
        <v>101</v>
      </c>
      <c r="C1564" s="424" t="s">
        <v>3552</v>
      </c>
      <c r="D1564" s="609" t="s">
        <v>3553</v>
      </c>
      <c r="E1564" s="452" t="s">
        <v>643</v>
      </c>
      <c r="F1564" s="458" t="s">
        <v>600</v>
      </c>
      <c r="G1564" s="414" t="s">
        <v>3504</v>
      </c>
      <c r="H1564" s="415"/>
      <c r="I1564" s="415"/>
      <c r="J1564" s="438" t="s">
        <v>3554</v>
      </c>
      <c r="K1564" s="458" t="s">
        <v>3506</v>
      </c>
      <c r="L1564" s="423">
        <v>39479</v>
      </c>
      <c r="M1564" s="423"/>
      <c r="N1564" s="418" t="str">
        <f t="shared" si="48"/>
        <v/>
      </c>
    </row>
    <row r="1565" spans="1:14" ht="31.5">
      <c r="A1565" s="536">
        <v>102</v>
      </c>
      <c r="B1565" s="411">
        <f t="shared" si="49"/>
        <v>102</v>
      </c>
      <c r="C1565" s="692" t="s">
        <v>3555</v>
      </c>
      <c r="D1565" s="609" t="s">
        <v>3556</v>
      </c>
      <c r="E1565" s="414" t="s">
        <v>595</v>
      </c>
      <c r="F1565" s="458" t="s">
        <v>596</v>
      </c>
      <c r="G1565" s="458" t="s">
        <v>3557</v>
      </c>
      <c r="H1565" s="415"/>
      <c r="I1565" s="460"/>
      <c r="J1565" s="528" t="s">
        <v>3558</v>
      </c>
      <c r="K1565" s="458"/>
      <c r="L1565" s="423">
        <v>38362</v>
      </c>
      <c r="M1565" s="423"/>
      <c r="N1565" s="418" t="str">
        <f t="shared" si="48"/>
        <v/>
      </c>
    </row>
    <row r="1566" spans="1:14" ht="31.5">
      <c r="A1566" s="536">
        <v>103</v>
      </c>
      <c r="B1566" s="411">
        <f t="shared" si="49"/>
        <v>103</v>
      </c>
      <c r="C1566" s="692" t="s">
        <v>3559</v>
      </c>
      <c r="D1566" s="609" t="s">
        <v>3560</v>
      </c>
      <c r="E1566" s="414" t="s">
        <v>595</v>
      </c>
      <c r="F1566" s="458" t="s">
        <v>596</v>
      </c>
      <c r="G1566" s="414" t="s">
        <v>1390</v>
      </c>
      <c r="H1566" s="415"/>
      <c r="I1566" s="415"/>
      <c r="J1566" s="414" t="s">
        <v>3561</v>
      </c>
      <c r="K1566" s="458"/>
      <c r="L1566" s="417">
        <v>42767</v>
      </c>
      <c r="M1566" s="423"/>
      <c r="N1566" s="418" t="str">
        <f t="shared" si="48"/>
        <v/>
      </c>
    </row>
    <row r="1567" spans="1:14" ht="31.5">
      <c r="A1567" s="536">
        <v>104</v>
      </c>
      <c r="B1567" s="411">
        <f t="shared" si="49"/>
        <v>104</v>
      </c>
      <c r="C1567" s="412" t="s">
        <v>3562</v>
      </c>
      <c r="D1567" s="609" t="s">
        <v>3563</v>
      </c>
      <c r="E1567" s="414" t="s">
        <v>595</v>
      </c>
      <c r="F1567" s="458" t="s">
        <v>596</v>
      </c>
      <c r="G1567" s="414" t="s">
        <v>1390</v>
      </c>
      <c r="H1567" s="415"/>
      <c r="I1567" s="415"/>
      <c r="J1567" s="414" t="s">
        <v>3564</v>
      </c>
      <c r="K1567" s="458"/>
      <c r="L1567" s="417">
        <v>42767</v>
      </c>
      <c r="M1567" s="423"/>
      <c r="N1567" s="418" t="str">
        <f t="shared" si="48"/>
        <v/>
      </c>
    </row>
    <row r="1568" spans="1:14" ht="63">
      <c r="A1568" s="536">
        <v>105</v>
      </c>
      <c r="B1568" s="411">
        <f t="shared" si="49"/>
        <v>105</v>
      </c>
      <c r="C1568" s="692" t="s">
        <v>438</v>
      </c>
      <c r="D1568" s="693" t="s">
        <v>3565</v>
      </c>
      <c r="E1568" s="457" t="s">
        <v>595</v>
      </c>
      <c r="F1568" s="457" t="s">
        <v>596</v>
      </c>
      <c r="G1568" s="458" t="s">
        <v>597</v>
      </c>
      <c r="H1568" s="415"/>
      <c r="I1568" s="460"/>
      <c r="J1568" s="528" t="s">
        <v>3566</v>
      </c>
      <c r="K1568" s="458"/>
      <c r="L1568" s="423">
        <v>38362</v>
      </c>
      <c r="M1568" s="423"/>
      <c r="N1568" s="418" t="str">
        <f t="shared" si="48"/>
        <v/>
      </c>
    </row>
    <row r="1569" spans="1:14" ht="31.5">
      <c r="A1569" s="572">
        <v>106</v>
      </c>
      <c r="B1569" s="411">
        <f t="shared" si="49"/>
        <v>106</v>
      </c>
      <c r="C1569" s="424" t="s">
        <v>3567</v>
      </c>
      <c r="D1569" s="414"/>
      <c r="E1569" s="421" t="s">
        <v>643</v>
      </c>
      <c r="F1569" s="421" t="s">
        <v>600</v>
      </c>
      <c r="G1569" s="559" t="s">
        <v>2213</v>
      </c>
      <c r="H1569" s="415"/>
      <c r="I1569" s="415"/>
      <c r="J1569" s="416" t="s">
        <v>3568</v>
      </c>
      <c r="K1569" s="474"/>
      <c r="L1569" s="417">
        <v>38362</v>
      </c>
      <c r="M1569" s="417">
        <v>42401</v>
      </c>
      <c r="N1569" s="418" t="str">
        <f t="shared" si="48"/>
        <v/>
      </c>
    </row>
    <row r="1570" spans="1:14" ht="15.75">
      <c r="A1570" s="613"/>
      <c r="B1570" s="411">
        <f t="shared" si="49"/>
        <v>106</v>
      </c>
      <c r="C1570" s="633" t="s">
        <v>3569</v>
      </c>
      <c r="D1570" s="442" t="s">
        <v>3570</v>
      </c>
      <c r="E1570" s="522" t="s">
        <v>643</v>
      </c>
      <c r="F1570" s="522" t="s">
        <v>600</v>
      </c>
      <c r="G1570" s="443"/>
      <c r="H1570" s="415"/>
      <c r="I1570" s="444"/>
      <c r="J1570" s="577" t="s">
        <v>3568</v>
      </c>
      <c r="K1570" s="694"/>
      <c r="L1570" s="448">
        <v>38362</v>
      </c>
      <c r="M1570" s="448"/>
      <c r="N1570" s="418" t="str">
        <f t="shared" si="48"/>
        <v/>
      </c>
    </row>
    <row r="1571" spans="1:14" ht="15.75">
      <c r="A1571" s="613"/>
      <c r="B1571" s="411">
        <f t="shared" si="49"/>
        <v>106</v>
      </c>
      <c r="C1571" s="498" t="s">
        <v>3571</v>
      </c>
      <c r="D1571" s="449" t="s">
        <v>3572</v>
      </c>
      <c r="E1571" s="452" t="s">
        <v>643</v>
      </c>
      <c r="F1571" s="144" t="s">
        <v>600</v>
      </c>
      <c r="G1571" s="450"/>
      <c r="H1571" s="415"/>
      <c r="I1571" s="451"/>
      <c r="J1571" s="144"/>
      <c r="K1571" s="517"/>
      <c r="L1571" s="455">
        <v>39845</v>
      </c>
      <c r="M1571" s="455">
        <v>40575</v>
      </c>
      <c r="N1571" s="418" t="str">
        <f t="shared" si="48"/>
        <v/>
      </c>
    </row>
    <row r="1572" spans="1:14" ht="28.5">
      <c r="A1572" s="613"/>
      <c r="B1572" s="411">
        <f t="shared" si="49"/>
        <v>106</v>
      </c>
      <c r="C1572" s="498" t="s">
        <v>3573</v>
      </c>
      <c r="D1572" s="449" t="s">
        <v>3574</v>
      </c>
      <c r="E1572" s="452" t="s">
        <v>643</v>
      </c>
      <c r="F1572" s="144" t="s">
        <v>600</v>
      </c>
      <c r="G1572" s="450"/>
      <c r="H1572" s="415"/>
      <c r="I1572" s="451"/>
      <c r="J1572" s="144"/>
      <c r="K1572" s="517"/>
      <c r="L1572" s="455">
        <v>39845</v>
      </c>
      <c r="M1572" s="455">
        <v>40575</v>
      </c>
      <c r="N1572" s="418" t="str">
        <f t="shared" si="48"/>
        <v/>
      </c>
    </row>
    <row r="1573" spans="1:14" ht="15.75">
      <c r="A1573" s="613"/>
      <c r="B1573" s="411">
        <f t="shared" si="49"/>
        <v>106</v>
      </c>
      <c r="C1573" s="498" t="s">
        <v>3575</v>
      </c>
      <c r="D1573" s="449" t="s">
        <v>3576</v>
      </c>
      <c r="E1573" s="452" t="s">
        <v>643</v>
      </c>
      <c r="F1573" s="144" t="s">
        <v>600</v>
      </c>
      <c r="G1573" s="450"/>
      <c r="H1573" s="415"/>
      <c r="I1573" s="451"/>
      <c r="J1573" s="144"/>
      <c r="K1573" s="517"/>
      <c r="L1573" s="455">
        <v>40940</v>
      </c>
      <c r="M1573" s="455"/>
      <c r="N1573" s="418" t="str">
        <f t="shared" si="48"/>
        <v/>
      </c>
    </row>
    <row r="1574" spans="1:14" ht="15.75">
      <c r="A1574" s="613"/>
      <c r="B1574" s="411">
        <f t="shared" si="49"/>
        <v>106</v>
      </c>
      <c r="C1574" s="440" t="s">
        <v>3577</v>
      </c>
      <c r="D1574" s="449" t="s">
        <v>3578</v>
      </c>
      <c r="E1574" s="522" t="s">
        <v>643</v>
      </c>
      <c r="F1574" s="522" t="s">
        <v>600</v>
      </c>
      <c r="G1574" s="450"/>
      <c r="H1574" s="415"/>
      <c r="I1574" s="451"/>
      <c r="J1574" s="452" t="s">
        <v>3568</v>
      </c>
      <c r="K1574" s="517"/>
      <c r="L1574" s="455">
        <v>38362</v>
      </c>
      <c r="M1574" s="455"/>
      <c r="N1574" s="418" t="str">
        <f t="shared" si="48"/>
        <v/>
      </c>
    </row>
    <row r="1575" spans="1:14" ht="28.5">
      <c r="A1575" s="613"/>
      <c r="B1575" s="411">
        <f t="shared" si="49"/>
        <v>106</v>
      </c>
      <c r="C1575" s="498" t="s">
        <v>3579</v>
      </c>
      <c r="D1575" s="449" t="s">
        <v>3580</v>
      </c>
      <c r="E1575" s="452" t="s">
        <v>643</v>
      </c>
      <c r="F1575" s="144" t="s">
        <v>600</v>
      </c>
      <c r="G1575" s="450"/>
      <c r="H1575" s="415"/>
      <c r="I1575" s="451"/>
      <c r="J1575" s="452"/>
      <c r="K1575" s="517"/>
      <c r="L1575" s="469">
        <v>39845</v>
      </c>
      <c r="M1575" s="455">
        <v>40575</v>
      </c>
      <c r="N1575" s="418" t="str">
        <f t="shared" si="48"/>
        <v/>
      </c>
    </row>
    <row r="1576" spans="1:14" ht="28.5">
      <c r="A1576" s="613"/>
      <c r="B1576" s="411">
        <f t="shared" si="49"/>
        <v>106</v>
      </c>
      <c r="C1576" s="498" t="s">
        <v>3581</v>
      </c>
      <c r="D1576" s="449" t="s">
        <v>3582</v>
      </c>
      <c r="E1576" s="452" t="s">
        <v>643</v>
      </c>
      <c r="F1576" s="144" t="s">
        <v>600</v>
      </c>
      <c r="G1576" s="450"/>
      <c r="H1576" s="415"/>
      <c r="I1576" s="451"/>
      <c r="J1576" s="452"/>
      <c r="K1576" s="517"/>
      <c r="L1576" s="469">
        <v>39845</v>
      </c>
      <c r="M1576" s="455">
        <v>40575</v>
      </c>
      <c r="N1576" s="418" t="str">
        <f t="shared" si="48"/>
        <v/>
      </c>
    </row>
    <row r="1577" spans="1:14" ht="15.75">
      <c r="A1577" s="613"/>
      <c r="B1577" s="411">
        <f t="shared" si="49"/>
        <v>106</v>
      </c>
      <c r="C1577" s="498" t="s">
        <v>3583</v>
      </c>
      <c r="D1577" s="449" t="s">
        <v>3584</v>
      </c>
      <c r="E1577" s="452" t="s">
        <v>643</v>
      </c>
      <c r="F1577" s="144" t="s">
        <v>600</v>
      </c>
      <c r="G1577" s="450"/>
      <c r="H1577" s="415"/>
      <c r="I1577" s="451"/>
      <c r="J1577" s="452"/>
      <c r="K1577" s="517"/>
      <c r="L1577" s="469">
        <v>39845</v>
      </c>
      <c r="M1577" s="455">
        <v>40575</v>
      </c>
      <c r="N1577" s="418" t="str">
        <f t="shared" si="48"/>
        <v/>
      </c>
    </row>
    <row r="1578" spans="1:14" ht="15.75">
      <c r="A1578" s="613"/>
      <c r="B1578" s="411">
        <f t="shared" si="49"/>
        <v>106</v>
      </c>
      <c r="C1578" s="498" t="s">
        <v>3585</v>
      </c>
      <c r="D1578" s="449" t="s">
        <v>3586</v>
      </c>
      <c r="E1578" s="452" t="s">
        <v>643</v>
      </c>
      <c r="F1578" s="144" t="s">
        <v>600</v>
      </c>
      <c r="G1578" s="450"/>
      <c r="H1578" s="415"/>
      <c r="I1578" s="451"/>
      <c r="J1578" s="452"/>
      <c r="K1578" s="517"/>
      <c r="L1578" s="469">
        <v>39845</v>
      </c>
      <c r="M1578" s="455">
        <v>40575</v>
      </c>
      <c r="N1578" s="418" t="str">
        <f t="shared" si="48"/>
        <v/>
      </c>
    </row>
    <row r="1579" spans="1:14" ht="15.75">
      <c r="A1579" s="613"/>
      <c r="B1579" s="411">
        <f t="shared" si="49"/>
        <v>106</v>
      </c>
      <c r="C1579" s="498" t="s">
        <v>3587</v>
      </c>
      <c r="D1579" s="449" t="s">
        <v>3588</v>
      </c>
      <c r="E1579" s="452" t="s">
        <v>643</v>
      </c>
      <c r="F1579" s="144" t="s">
        <v>600</v>
      </c>
      <c r="G1579" s="450"/>
      <c r="H1579" s="415"/>
      <c r="I1579" s="451"/>
      <c r="J1579" s="452"/>
      <c r="K1579" s="517"/>
      <c r="L1579" s="469">
        <v>39845</v>
      </c>
      <c r="M1579" s="455">
        <v>40575</v>
      </c>
      <c r="N1579" s="418" t="str">
        <f t="shared" si="48"/>
        <v/>
      </c>
    </row>
    <row r="1580" spans="1:14" ht="15.75">
      <c r="A1580" s="613"/>
      <c r="B1580" s="411">
        <f t="shared" si="49"/>
        <v>106</v>
      </c>
      <c r="C1580" s="498" t="s">
        <v>3589</v>
      </c>
      <c r="D1580" s="449" t="s">
        <v>3590</v>
      </c>
      <c r="E1580" s="452" t="s">
        <v>643</v>
      </c>
      <c r="F1580" s="144" t="s">
        <v>600</v>
      </c>
      <c r="G1580" s="450"/>
      <c r="H1580" s="415"/>
      <c r="I1580" s="451"/>
      <c r="J1580" s="452"/>
      <c r="K1580" s="517"/>
      <c r="L1580" s="469">
        <v>39845</v>
      </c>
      <c r="M1580" s="455">
        <v>40575</v>
      </c>
      <c r="N1580" s="418" t="str">
        <f t="shared" si="48"/>
        <v/>
      </c>
    </row>
    <row r="1581" spans="1:14" ht="15.75">
      <c r="A1581" s="613"/>
      <c r="B1581" s="411">
        <f t="shared" si="49"/>
        <v>106</v>
      </c>
      <c r="C1581" s="498" t="s">
        <v>3591</v>
      </c>
      <c r="D1581" s="449" t="s">
        <v>3592</v>
      </c>
      <c r="E1581" s="452" t="s">
        <v>643</v>
      </c>
      <c r="F1581" s="144" t="s">
        <v>600</v>
      </c>
      <c r="G1581" s="450"/>
      <c r="H1581" s="415"/>
      <c r="I1581" s="451"/>
      <c r="J1581" s="452"/>
      <c r="K1581" s="517"/>
      <c r="L1581" s="469">
        <v>39845</v>
      </c>
      <c r="M1581" s="455">
        <v>42401</v>
      </c>
      <c r="N1581" s="418" t="str">
        <f t="shared" si="48"/>
        <v/>
      </c>
    </row>
    <row r="1582" spans="1:14" ht="15.75">
      <c r="A1582" s="613"/>
      <c r="B1582" s="411">
        <f t="shared" si="49"/>
        <v>106</v>
      </c>
      <c r="C1582" s="498" t="s">
        <v>3593</v>
      </c>
      <c r="D1582" s="449" t="s">
        <v>3594</v>
      </c>
      <c r="E1582" s="452" t="s">
        <v>643</v>
      </c>
      <c r="F1582" s="144" t="s">
        <v>600</v>
      </c>
      <c r="G1582" s="450"/>
      <c r="H1582" s="415"/>
      <c r="I1582" s="451"/>
      <c r="J1582" s="452"/>
      <c r="K1582" s="517"/>
      <c r="L1582" s="469">
        <v>39845</v>
      </c>
      <c r="M1582" s="455">
        <v>42401</v>
      </c>
      <c r="N1582" s="418" t="str">
        <f t="shared" si="48"/>
        <v/>
      </c>
    </row>
    <row r="1583" spans="1:14" ht="15.75">
      <c r="A1583" s="613"/>
      <c r="B1583" s="411">
        <f t="shared" si="49"/>
        <v>106</v>
      </c>
      <c r="C1583" s="498" t="s">
        <v>3595</v>
      </c>
      <c r="D1583" s="449" t="s">
        <v>3596</v>
      </c>
      <c r="E1583" s="452" t="s">
        <v>643</v>
      </c>
      <c r="F1583" s="144" t="s">
        <v>600</v>
      </c>
      <c r="G1583" s="450"/>
      <c r="H1583" s="415"/>
      <c r="I1583" s="451"/>
      <c r="J1583" s="452"/>
      <c r="K1583" s="517"/>
      <c r="L1583" s="469"/>
      <c r="M1583" s="455">
        <v>42401</v>
      </c>
      <c r="N1583" s="418" t="str">
        <f t="shared" si="48"/>
        <v/>
      </c>
    </row>
    <row r="1584" spans="1:14" ht="15.75">
      <c r="A1584" s="613"/>
      <c r="B1584" s="411">
        <f t="shared" si="49"/>
        <v>106</v>
      </c>
      <c r="C1584" s="498" t="s">
        <v>3597</v>
      </c>
      <c r="D1584" s="449" t="s">
        <v>3598</v>
      </c>
      <c r="E1584" s="452" t="s">
        <v>643</v>
      </c>
      <c r="F1584" s="144" t="s">
        <v>600</v>
      </c>
      <c r="G1584" s="450"/>
      <c r="H1584" s="415"/>
      <c r="I1584" s="451"/>
      <c r="J1584" s="452"/>
      <c r="K1584" s="517"/>
      <c r="L1584" s="469"/>
      <c r="M1584" s="455">
        <v>42401</v>
      </c>
      <c r="N1584" s="418" t="str">
        <f t="shared" si="48"/>
        <v/>
      </c>
    </row>
    <row r="1585" spans="1:14" ht="15.75">
      <c r="A1585" s="613"/>
      <c r="B1585" s="411">
        <f t="shared" si="49"/>
        <v>106</v>
      </c>
      <c r="C1585" s="498" t="s">
        <v>3599</v>
      </c>
      <c r="D1585" s="449" t="s">
        <v>3600</v>
      </c>
      <c r="E1585" s="452" t="s">
        <v>643</v>
      </c>
      <c r="F1585" s="144" t="s">
        <v>600</v>
      </c>
      <c r="G1585" s="450"/>
      <c r="H1585" s="415"/>
      <c r="I1585" s="451"/>
      <c r="J1585" s="452"/>
      <c r="K1585" s="517"/>
      <c r="L1585" s="469">
        <v>39845</v>
      </c>
      <c r="M1585" s="455">
        <v>42401</v>
      </c>
      <c r="N1585" s="418" t="str">
        <f t="shared" si="48"/>
        <v/>
      </c>
    </row>
    <row r="1586" spans="1:14" ht="15.75">
      <c r="A1586" s="613"/>
      <c r="B1586" s="411">
        <f t="shared" si="49"/>
        <v>106</v>
      </c>
      <c r="C1586" s="498" t="s">
        <v>3601</v>
      </c>
      <c r="D1586" s="449" t="s">
        <v>3602</v>
      </c>
      <c r="E1586" s="452" t="s">
        <v>643</v>
      </c>
      <c r="F1586" s="144" t="s">
        <v>600</v>
      </c>
      <c r="G1586" s="450"/>
      <c r="H1586" s="415"/>
      <c r="I1586" s="451"/>
      <c r="J1586" s="452"/>
      <c r="K1586" s="517"/>
      <c r="L1586" s="469"/>
      <c r="M1586" s="455">
        <v>42401</v>
      </c>
      <c r="N1586" s="418" t="str">
        <f t="shared" si="48"/>
        <v/>
      </c>
    </row>
    <row r="1587" spans="1:14" ht="15.75">
      <c r="A1587" s="613"/>
      <c r="B1587" s="411">
        <f t="shared" si="49"/>
        <v>106</v>
      </c>
      <c r="C1587" s="498" t="s">
        <v>3603</v>
      </c>
      <c r="D1587" s="449" t="s">
        <v>3604</v>
      </c>
      <c r="E1587" s="452" t="s">
        <v>643</v>
      </c>
      <c r="F1587" s="144" t="s">
        <v>600</v>
      </c>
      <c r="G1587" s="450"/>
      <c r="H1587" s="415"/>
      <c r="I1587" s="451"/>
      <c r="J1587" s="452"/>
      <c r="K1587" s="517"/>
      <c r="L1587" s="469">
        <v>39845</v>
      </c>
      <c r="M1587" s="455">
        <v>42401</v>
      </c>
      <c r="N1587" s="418" t="str">
        <f t="shared" si="48"/>
        <v/>
      </c>
    </row>
    <row r="1588" spans="1:14" ht="28.5">
      <c r="A1588" s="613"/>
      <c r="B1588" s="411">
        <f t="shared" si="49"/>
        <v>106</v>
      </c>
      <c r="C1588" s="498" t="s">
        <v>3605</v>
      </c>
      <c r="D1588" s="449" t="s">
        <v>3606</v>
      </c>
      <c r="E1588" s="452" t="s">
        <v>643</v>
      </c>
      <c r="F1588" s="144" t="s">
        <v>600</v>
      </c>
      <c r="G1588" s="450"/>
      <c r="H1588" s="415"/>
      <c r="I1588" s="451"/>
      <c r="J1588" s="452"/>
      <c r="K1588" s="517"/>
      <c r="L1588" s="469">
        <v>39845</v>
      </c>
      <c r="M1588" s="455">
        <v>40575</v>
      </c>
      <c r="N1588" s="418" t="str">
        <f t="shared" si="48"/>
        <v/>
      </c>
    </row>
    <row r="1589" spans="1:14" ht="15.75">
      <c r="A1589" s="613"/>
      <c r="B1589" s="411">
        <f t="shared" si="49"/>
        <v>106</v>
      </c>
      <c r="C1589" s="498" t="s">
        <v>3607</v>
      </c>
      <c r="D1589" s="449" t="s">
        <v>3608</v>
      </c>
      <c r="E1589" s="452" t="s">
        <v>643</v>
      </c>
      <c r="F1589" s="144" t="s">
        <v>600</v>
      </c>
      <c r="G1589" s="450"/>
      <c r="H1589" s="415"/>
      <c r="I1589" s="451"/>
      <c r="J1589" s="452"/>
      <c r="K1589" s="517"/>
      <c r="L1589" s="469">
        <v>39845</v>
      </c>
      <c r="M1589" s="455">
        <v>40575</v>
      </c>
      <c r="N1589" s="418" t="str">
        <f t="shared" si="48"/>
        <v>DUPLICATE</v>
      </c>
    </row>
    <row r="1590" spans="1:14" ht="15.75">
      <c r="A1590" s="613"/>
      <c r="B1590" s="411">
        <f t="shared" si="49"/>
        <v>106</v>
      </c>
      <c r="C1590" s="498" t="s">
        <v>3609</v>
      </c>
      <c r="D1590" s="449" t="s">
        <v>3608</v>
      </c>
      <c r="E1590" s="452" t="s">
        <v>643</v>
      </c>
      <c r="F1590" s="144" t="s">
        <v>600</v>
      </c>
      <c r="G1590" s="450"/>
      <c r="H1590" s="415"/>
      <c r="I1590" s="451"/>
      <c r="J1590" s="452"/>
      <c r="K1590" s="517"/>
      <c r="L1590" s="469">
        <v>39845</v>
      </c>
      <c r="M1590" s="455">
        <v>40575</v>
      </c>
      <c r="N1590" s="418" t="str">
        <f t="shared" si="48"/>
        <v>DUPLICATE</v>
      </c>
    </row>
    <row r="1591" spans="1:14" ht="15.75">
      <c r="A1591" s="613"/>
      <c r="B1591" s="411">
        <f t="shared" si="49"/>
        <v>106</v>
      </c>
      <c r="C1591" s="498" t="s">
        <v>3610</v>
      </c>
      <c r="D1591" s="449" t="s">
        <v>3608</v>
      </c>
      <c r="E1591" s="452" t="s">
        <v>643</v>
      </c>
      <c r="F1591" s="144" t="s">
        <v>600</v>
      </c>
      <c r="G1591" s="450"/>
      <c r="H1591" s="415"/>
      <c r="I1591" s="451"/>
      <c r="J1591" s="452"/>
      <c r="K1591" s="517"/>
      <c r="L1591" s="469">
        <v>39845</v>
      </c>
      <c r="M1591" s="455">
        <v>40575</v>
      </c>
      <c r="N1591" s="418" t="str">
        <f t="shared" si="48"/>
        <v>DUPLICATE</v>
      </c>
    </row>
    <row r="1592" spans="1:14" ht="15.75">
      <c r="A1592" s="613"/>
      <c r="B1592" s="411">
        <f t="shared" si="49"/>
        <v>106</v>
      </c>
      <c r="C1592" s="498" t="s">
        <v>3611</v>
      </c>
      <c r="D1592" s="449" t="s">
        <v>3612</v>
      </c>
      <c r="E1592" s="452" t="s">
        <v>643</v>
      </c>
      <c r="F1592" s="144" t="s">
        <v>600</v>
      </c>
      <c r="G1592" s="450"/>
      <c r="H1592" s="415"/>
      <c r="I1592" s="451"/>
      <c r="J1592" s="452"/>
      <c r="K1592" s="517"/>
      <c r="L1592" s="469">
        <v>39845</v>
      </c>
      <c r="M1592" s="455">
        <v>40575</v>
      </c>
      <c r="N1592" s="418" t="str">
        <f t="shared" si="48"/>
        <v/>
      </c>
    </row>
    <row r="1593" spans="1:14" ht="15.75">
      <c r="A1593" s="613"/>
      <c r="B1593" s="411">
        <f t="shared" si="49"/>
        <v>106</v>
      </c>
      <c r="C1593" s="498" t="s">
        <v>3613</v>
      </c>
      <c r="D1593" s="449" t="s">
        <v>3608</v>
      </c>
      <c r="E1593" s="452" t="s">
        <v>643</v>
      </c>
      <c r="F1593" s="144" t="s">
        <v>600</v>
      </c>
      <c r="G1593" s="450"/>
      <c r="H1593" s="415"/>
      <c r="I1593" s="451"/>
      <c r="J1593" s="452"/>
      <c r="K1593" s="517"/>
      <c r="L1593" s="469">
        <v>39845</v>
      </c>
      <c r="M1593" s="455">
        <v>40575</v>
      </c>
      <c r="N1593" s="418" t="str">
        <f t="shared" si="48"/>
        <v>DUPLICATE</v>
      </c>
    </row>
    <row r="1594" spans="1:14" ht="15.75">
      <c r="A1594" s="613"/>
      <c r="B1594" s="411">
        <f t="shared" si="49"/>
        <v>106</v>
      </c>
      <c r="C1594" s="498" t="s">
        <v>3614</v>
      </c>
      <c r="D1594" s="449" t="s">
        <v>3615</v>
      </c>
      <c r="E1594" s="452" t="s">
        <v>643</v>
      </c>
      <c r="F1594" s="144" t="s">
        <v>600</v>
      </c>
      <c r="G1594" s="450"/>
      <c r="H1594" s="415"/>
      <c r="I1594" s="451"/>
      <c r="J1594" s="452"/>
      <c r="K1594" s="517"/>
      <c r="L1594" s="469">
        <v>39845</v>
      </c>
      <c r="M1594" s="455">
        <v>40575</v>
      </c>
      <c r="N1594" s="418" t="str">
        <f t="shared" si="48"/>
        <v/>
      </c>
    </row>
    <row r="1595" spans="1:14" ht="15.75">
      <c r="A1595" s="613"/>
      <c r="B1595" s="411">
        <f t="shared" si="49"/>
        <v>106</v>
      </c>
      <c r="C1595" s="498" t="s">
        <v>3616</v>
      </c>
      <c r="D1595" s="449" t="s">
        <v>3617</v>
      </c>
      <c r="E1595" s="452" t="s">
        <v>643</v>
      </c>
      <c r="F1595" s="144" t="s">
        <v>600</v>
      </c>
      <c r="G1595" s="450"/>
      <c r="H1595" s="415"/>
      <c r="I1595" s="451"/>
      <c r="J1595" s="452"/>
      <c r="K1595" s="517"/>
      <c r="L1595" s="469">
        <v>39845</v>
      </c>
      <c r="M1595" s="455">
        <v>40575</v>
      </c>
      <c r="N1595" s="418" t="str">
        <f t="shared" si="48"/>
        <v/>
      </c>
    </row>
    <row r="1596" spans="1:14" ht="15.75">
      <c r="A1596" s="613"/>
      <c r="B1596" s="411">
        <f t="shared" si="49"/>
        <v>106</v>
      </c>
      <c r="C1596" s="498" t="s">
        <v>3618</v>
      </c>
      <c r="D1596" s="449" t="s">
        <v>3619</v>
      </c>
      <c r="E1596" s="452" t="s">
        <v>643</v>
      </c>
      <c r="F1596" s="144" t="s">
        <v>600</v>
      </c>
      <c r="G1596" s="450"/>
      <c r="H1596" s="415"/>
      <c r="I1596" s="451"/>
      <c r="J1596" s="452"/>
      <c r="K1596" s="517"/>
      <c r="L1596" s="469">
        <v>39845</v>
      </c>
      <c r="M1596" s="455">
        <v>40575</v>
      </c>
      <c r="N1596" s="418" t="str">
        <f t="shared" si="48"/>
        <v/>
      </c>
    </row>
    <row r="1597" spans="1:14" ht="15.75">
      <c r="A1597" s="613"/>
      <c r="B1597" s="411">
        <f t="shared" si="49"/>
        <v>106</v>
      </c>
      <c r="C1597" s="498" t="s">
        <v>3620</v>
      </c>
      <c r="D1597" s="449" t="s">
        <v>3621</v>
      </c>
      <c r="E1597" s="452" t="s">
        <v>643</v>
      </c>
      <c r="F1597" s="144" t="s">
        <v>600</v>
      </c>
      <c r="G1597" s="450"/>
      <c r="H1597" s="415"/>
      <c r="I1597" s="451"/>
      <c r="J1597" s="452"/>
      <c r="K1597" s="517"/>
      <c r="L1597" s="469"/>
      <c r="M1597" s="455">
        <v>42401</v>
      </c>
      <c r="N1597" s="418" t="str">
        <f t="shared" si="48"/>
        <v/>
      </c>
    </row>
    <row r="1598" spans="1:14" ht="15.75">
      <c r="A1598" s="613"/>
      <c r="B1598" s="411">
        <f t="shared" si="49"/>
        <v>106</v>
      </c>
      <c r="C1598" s="498" t="s">
        <v>3622</v>
      </c>
      <c r="D1598" s="449" t="s">
        <v>3623</v>
      </c>
      <c r="E1598" s="452" t="s">
        <v>643</v>
      </c>
      <c r="F1598" s="144" t="s">
        <v>600</v>
      </c>
      <c r="G1598" s="450"/>
      <c r="H1598" s="415"/>
      <c r="I1598" s="451"/>
      <c r="J1598" s="452"/>
      <c r="K1598" s="517"/>
      <c r="L1598" s="469"/>
      <c r="M1598" s="455">
        <v>42401</v>
      </c>
      <c r="N1598" s="418" t="str">
        <f t="shared" si="48"/>
        <v/>
      </c>
    </row>
    <row r="1599" spans="1:14" ht="15.75">
      <c r="A1599" s="613"/>
      <c r="B1599" s="411">
        <f t="shared" si="49"/>
        <v>106</v>
      </c>
      <c r="C1599" s="498" t="s">
        <v>3624</v>
      </c>
      <c r="D1599" s="449" t="s">
        <v>3625</v>
      </c>
      <c r="E1599" s="452" t="s">
        <v>643</v>
      </c>
      <c r="F1599" s="144" t="s">
        <v>600</v>
      </c>
      <c r="G1599" s="450"/>
      <c r="H1599" s="415"/>
      <c r="I1599" s="451"/>
      <c r="J1599" s="452"/>
      <c r="K1599" s="517"/>
      <c r="L1599" s="469"/>
      <c r="M1599" s="455">
        <v>42401</v>
      </c>
      <c r="N1599" s="418" t="str">
        <f t="shared" si="48"/>
        <v/>
      </c>
    </row>
    <row r="1600" spans="1:14" ht="15.75">
      <c r="A1600" s="613"/>
      <c r="B1600" s="411">
        <f t="shared" si="49"/>
        <v>106</v>
      </c>
      <c r="C1600" s="498" t="s">
        <v>3626</v>
      </c>
      <c r="D1600" s="449" t="s">
        <v>3627</v>
      </c>
      <c r="E1600" s="452" t="s">
        <v>643</v>
      </c>
      <c r="F1600" s="144" t="s">
        <v>600</v>
      </c>
      <c r="G1600" s="450"/>
      <c r="H1600" s="415"/>
      <c r="I1600" s="451"/>
      <c r="J1600" s="452"/>
      <c r="K1600" s="517"/>
      <c r="L1600" s="469"/>
      <c r="M1600" s="455">
        <v>42401</v>
      </c>
      <c r="N1600" s="418" t="str">
        <f t="shared" si="48"/>
        <v/>
      </c>
    </row>
    <row r="1601" spans="1:14" ht="15.75">
      <c r="A1601" s="613"/>
      <c r="B1601" s="411">
        <f t="shared" si="49"/>
        <v>106</v>
      </c>
      <c r="C1601" s="498" t="s">
        <v>3628</v>
      </c>
      <c r="D1601" s="449" t="s">
        <v>3629</v>
      </c>
      <c r="E1601" s="452" t="s">
        <v>643</v>
      </c>
      <c r="F1601" s="144" t="s">
        <v>600</v>
      </c>
      <c r="G1601" s="450"/>
      <c r="H1601" s="415"/>
      <c r="I1601" s="451"/>
      <c r="J1601" s="452"/>
      <c r="K1601" s="517"/>
      <c r="L1601" s="469"/>
      <c r="M1601" s="455">
        <v>42401</v>
      </c>
      <c r="N1601" s="418" t="str">
        <f t="shared" si="48"/>
        <v/>
      </c>
    </row>
    <row r="1602" spans="1:14" ht="15.75">
      <c r="A1602" s="613"/>
      <c r="B1602" s="411">
        <f t="shared" si="49"/>
        <v>106</v>
      </c>
      <c r="C1602" s="498" t="s">
        <v>3630</v>
      </c>
      <c r="D1602" s="449" t="s">
        <v>3631</v>
      </c>
      <c r="E1602" s="452" t="s">
        <v>643</v>
      </c>
      <c r="F1602" s="144" t="s">
        <v>600</v>
      </c>
      <c r="G1602" s="450"/>
      <c r="H1602" s="415"/>
      <c r="I1602" s="451"/>
      <c r="J1602" s="452"/>
      <c r="K1602" s="517"/>
      <c r="L1602" s="469"/>
      <c r="M1602" s="455">
        <v>42401</v>
      </c>
      <c r="N1602" s="418" t="str">
        <f t="shared" si="48"/>
        <v/>
      </c>
    </row>
    <row r="1603" spans="1:14" ht="15.75">
      <c r="A1603" s="613"/>
      <c r="B1603" s="411">
        <f t="shared" si="49"/>
        <v>106</v>
      </c>
      <c r="C1603" s="498" t="s">
        <v>3632</v>
      </c>
      <c r="D1603" s="449" t="s">
        <v>3633</v>
      </c>
      <c r="E1603" s="452" t="s">
        <v>643</v>
      </c>
      <c r="F1603" s="144" t="s">
        <v>600</v>
      </c>
      <c r="G1603" s="450"/>
      <c r="H1603" s="415"/>
      <c r="I1603" s="451"/>
      <c r="J1603" s="452"/>
      <c r="K1603" s="517"/>
      <c r="L1603" s="469"/>
      <c r="M1603" s="455">
        <v>42401</v>
      </c>
      <c r="N1603" s="418" t="str">
        <f t="shared" si="48"/>
        <v/>
      </c>
    </row>
    <row r="1604" spans="1:14" ht="15.75">
      <c r="A1604" s="613"/>
      <c r="B1604" s="411">
        <f t="shared" si="49"/>
        <v>106</v>
      </c>
      <c r="C1604" s="498" t="s">
        <v>3634</v>
      </c>
      <c r="D1604" s="449" t="s">
        <v>3635</v>
      </c>
      <c r="E1604" s="452" t="s">
        <v>643</v>
      </c>
      <c r="F1604" s="144" t="s">
        <v>600</v>
      </c>
      <c r="G1604" s="450"/>
      <c r="H1604" s="415"/>
      <c r="I1604" s="451"/>
      <c r="J1604" s="452"/>
      <c r="K1604" s="517"/>
      <c r="L1604" s="469"/>
      <c r="M1604" s="455">
        <v>42401</v>
      </c>
      <c r="N1604" s="418" t="str">
        <f t="shared" si="48"/>
        <v/>
      </c>
    </row>
    <row r="1605" spans="1:14" ht="15.75">
      <c r="A1605" s="613"/>
      <c r="B1605" s="411">
        <f t="shared" si="49"/>
        <v>106</v>
      </c>
      <c r="C1605" s="498" t="s">
        <v>3636</v>
      </c>
      <c r="D1605" s="449" t="s">
        <v>3637</v>
      </c>
      <c r="E1605" s="452" t="s">
        <v>643</v>
      </c>
      <c r="F1605" s="144" t="s">
        <v>600</v>
      </c>
      <c r="G1605" s="450"/>
      <c r="H1605" s="415"/>
      <c r="I1605" s="451"/>
      <c r="J1605" s="452"/>
      <c r="K1605" s="517"/>
      <c r="L1605" s="469">
        <v>39845</v>
      </c>
      <c r="M1605" s="455">
        <v>42401</v>
      </c>
      <c r="N1605" s="418" t="str">
        <f t="shared" si="48"/>
        <v/>
      </c>
    </row>
    <row r="1606" spans="1:14" ht="15.75">
      <c r="A1606" s="613"/>
      <c r="B1606" s="411">
        <f t="shared" si="49"/>
        <v>106</v>
      </c>
      <c r="C1606" s="498" t="s">
        <v>3638</v>
      </c>
      <c r="D1606" s="449" t="s">
        <v>3639</v>
      </c>
      <c r="E1606" s="452" t="s">
        <v>643</v>
      </c>
      <c r="F1606" s="144" t="s">
        <v>600</v>
      </c>
      <c r="G1606" s="450"/>
      <c r="H1606" s="415"/>
      <c r="I1606" s="451"/>
      <c r="J1606" s="452"/>
      <c r="K1606" s="517"/>
      <c r="L1606" s="469">
        <v>39845</v>
      </c>
      <c r="M1606" s="455">
        <v>40575</v>
      </c>
      <c r="N1606" s="418" t="str">
        <f t="shared" si="48"/>
        <v/>
      </c>
    </row>
    <row r="1607" spans="1:14" ht="15.75">
      <c r="A1607" s="613"/>
      <c r="B1607" s="411">
        <f t="shared" si="49"/>
        <v>106</v>
      </c>
      <c r="C1607" s="498" t="s">
        <v>3640</v>
      </c>
      <c r="D1607" s="449" t="s">
        <v>3641</v>
      </c>
      <c r="E1607" s="452" t="s">
        <v>643</v>
      </c>
      <c r="F1607" s="144" t="s">
        <v>600</v>
      </c>
      <c r="G1607" s="450"/>
      <c r="H1607" s="415"/>
      <c r="I1607" s="451"/>
      <c r="J1607" s="452"/>
      <c r="K1607" s="517"/>
      <c r="L1607" s="469">
        <v>39845</v>
      </c>
      <c r="M1607" s="455">
        <v>40575</v>
      </c>
      <c r="N1607" s="418" t="str">
        <f t="shared" si="48"/>
        <v/>
      </c>
    </row>
    <row r="1608" spans="1:14" ht="15.75">
      <c r="A1608" s="613"/>
      <c r="B1608" s="411">
        <f t="shared" si="49"/>
        <v>106</v>
      </c>
      <c r="C1608" s="498" t="s">
        <v>3642</v>
      </c>
      <c r="D1608" s="449" t="s">
        <v>3643</v>
      </c>
      <c r="E1608" s="452" t="s">
        <v>643</v>
      </c>
      <c r="F1608" s="144" t="s">
        <v>600</v>
      </c>
      <c r="G1608" s="450"/>
      <c r="H1608" s="415"/>
      <c r="I1608" s="451"/>
      <c r="J1608" s="452"/>
      <c r="K1608" s="517"/>
      <c r="L1608" s="469"/>
      <c r="M1608" s="455">
        <v>42401</v>
      </c>
      <c r="N1608" s="418" t="str">
        <f t="shared" si="48"/>
        <v/>
      </c>
    </row>
    <row r="1609" spans="1:14" ht="15.75">
      <c r="A1609" s="613"/>
      <c r="B1609" s="411">
        <f t="shared" si="49"/>
        <v>106</v>
      </c>
      <c r="C1609" s="498" t="s">
        <v>3644</v>
      </c>
      <c r="D1609" s="449" t="s">
        <v>3645</v>
      </c>
      <c r="E1609" s="452" t="s">
        <v>643</v>
      </c>
      <c r="F1609" s="144" t="s">
        <v>600</v>
      </c>
      <c r="G1609" s="450"/>
      <c r="H1609" s="415"/>
      <c r="I1609" s="451"/>
      <c r="J1609" s="452"/>
      <c r="K1609" s="517"/>
      <c r="L1609" s="469"/>
      <c r="M1609" s="455">
        <v>42401</v>
      </c>
      <c r="N1609" s="418" t="str">
        <f t="shared" si="48"/>
        <v/>
      </c>
    </row>
    <row r="1610" spans="1:14" ht="15.75">
      <c r="A1610" s="613"/>
      <c r="B1610" s="411">
        <f t="shared" si="49"/>
        <v>106</v>
      </c>
      <c r="C1610" s="498" t="s">
        <v>3646</v>
      </c>
      <c r="D1610" s="449" t="s">
        <v>3647</v>
      </c>
      <c r="E1610" s="452" t="s">
        <v>643</v>
      </c>
      <c r="F1610" s="144" t="s">
        <v>600</v>
      </c>
      <c r="G1610" s="450"/>
      <c r="H1610" s="415"/>
      <c r="I1610" s="451"/>
      <c r="J1610" s="452"/>
      <c r="K1610" s="517"/>
      <c r="L1610" s="469"/>
      <c r="M1610" s="455">
        <v>42401</v>
      </c>
      <c r="N1610" s="418" t="str">
        <f t="shared" ref="N1610:N1673" si="50">IF(D1610="NA","",IF(COUNTIF($D$2:$D$5552,D1610)&gt;1,"DUPLICATE",""))</f>
        <v/>
      </c>
    </row>
    <row r="1611" spans="1:14" ht="15.75">
      <c r="A1611" s="613"/>
      <c r="B1611" s="411">
        <f t="shared" si="49"/>
        <v>106</v>
      </c>
      <c r="C1611" s="498" t="s">
        <v>3648</v>
      </c>
      <c r="D1611" s="449" t="s">
        <v>3649</v>
      </c>
      <c r="E1611" s="452" t="s">
        <v>643</v>
      </c>
      <c r="F1611" s="144" t="s">
        <v>600</v>
      </c>
      <c r="G1611" s="450"/>
      <c r="H1611" s="415"/>
      <c r="I1611" s="451"/>
      <c r="J1611" s="452"/>
      <c r="K1611" s="517"/>
      <c r="L1611" s="469"/>
      <c r="M1611" s="455">
        <v>42401</v>
      </c>
      <c r="N1611" s="418" t="str">
        <f t="shared" si="50"/>
        <v/>
      </c>
    </row>
    <row r="1612" spans="1:14" ht="15.75">
      <c r="A1612" s="613"/>
      <c r="B1612" s="411">
        <f t="shared" si="49"/>
        <v>106</v>
      </c>
      <c r="C1612" s="498" t="s">
        <v>3650</v>
      </c>
      <c r="D1612" s="449" t="s">
        <v>3651</v>
      </c>
      <c r="E1612" s="452" t="s">
        <v>643</v>
      </c>
      <c r="F1612" s="144" t="s">
        <v>600</v>
      </c>
      <c r="G1612" s="450"/>
      <c r="H1612" s="415"/>
      <c r="I1612" s="451"/>
      <c r="J1612" s="452"/>
      <c r="K1612" s="517"/>
      <c r="L1612" s="469"/>
      <c r="M1612" s="455">
        <v>42401</v>
      </c>
      <c r="N1612" s="418" t="str">
        <f t="shared" si="50"/>
        <v/>
      </c>
    </row>
    <row r="1613" spans="1:14" ht="15.75">
      <c r="A1613" s="613"/>
      <c r="B1613" s="411">
        <f t="shared" si="49"/>
        <v>106</v>
      </c>
      <c r="C1613" s="498" t="s">
        <v>3652</v>
      </c>
      <c r="D1613" s="449" t="s">
        <v>3653</v>
      </c>
      <c r="E1613" s="452" t="s">
        <v>643</v>
      </c>
      <c r="F1613" s="144" t="s">
        <v>600</v>
      </c>
      <c r="G1613" s="450"/>
      <c r="H1613" s="415"/>
      <c r="I1613" s="451"/>
      <c r="J1613" s="452"/>
      <c r="K1613" s="517"/>
      <c r="L1613" s="469">
        <v>39845</v>
      </c>
      <c r="M1613" s="455">
        <v>42401</v>
      </c>
      <c r="N1613" s="418" t="str">
        <f t="shared" si="50"/>
        <v/>
      </c>
    </row>
    <row r="1614" spans="1:14" ht="15.75">
      <c r="A1614" s="613"/>
      <c r="B1614" s="411">
        <f t="shared" si="49"/>
        <v>106</v>
      </c>
      <c r="C1614" s="498" t="s">
        <v>3654</v>
      </c>
      <c r="D1614" s="449" t="s">
        <v>3655</v>
      </c>
      <c r="E1614" s="452" t="s">
        <v>643</v>
      </c>
      <c r="F1614" s="144" t="s">
        <v>600</v>
      </c>
      <c r="G1614" s="450"/>
      <c r="H1614" s="415"/>
      <c r="I1614" s="451"/>
      <c r="J1614" s="452"/>
      <c r="K1614" s="517"/>
      <c r="L1614" s="469">
        <v>39845</v>
      </c>
      <c r="M1614" s="455">
        <v>40575</v>
      </c>
      <c r="N1614" s="418" t="str">
        <f t="shared" si="50"/>
        <v/>
      </c>
    </row>
    <row r="1615" spans="1:14" ht="15.75">
      <c r="A1615" s="613"/>
      <c r="B1615" s="411">
        <f t="shared" si="49"/>
        <v>106</v>
      </c>
      <c r="C1615" s="498" t="s">
        <v>3656</v>
      </c>
      <c r="D1615" s="449" t="s">
        <v>3657</v>
      </c>
      <c r="E1615" s="452" t="s">
        <v>643</v>
      </c>
      <c r="F1615" s="144" t="s">
        <v>600</v>
      </c>
      <c r="G1615" s="450"/>
      <c r="H1615" s="415"/>
      <c r="I1615" s="451"/>
      <c r="J1615" s="452"/>
      <c r="K1615" s="517"/>
      <c r="L1615" s="469"/>
      <c r="M1615" s="455">
        <v>42401</v>
      </c>
      <c r="N1615" s="418" t="str">
        <f t="shared" si="50"/>
        <v/>
      </c>
    </row>
    <row r="1616" spans="1:14" ht="15.75">
      <c r="A1616" s="613"/>
      <c r="B1616" s="411">
        <f t="shared" si="49"/>
        <v>106</v>
      </c>
      <c r="C1616" s="498" t="s">
        <v>3658</v>
      </c>
      <c r="D1616" s="449" t="s">
        <v>3659</v>
      </c>
      <c r="E1616" s="452" t="s">
        <v>643</v>
      </c>
      <c r="F1616" s="144" t="s">
        <v>600</v>
      </c>
      <c r="G1616" s="450"/>
      <c r="H1616" s="415"/>
      <c r="I1616" s="451"/>
      <c r="J1616" s="452"/>
      <c r="K1616" s="517"/>
      <c r="L1616" s="469"/>
      <c r="M1616" s="455">
        <v>42401</v>
      </c>
      <c r="N1616" s="418" t="str">
        <f t="shared" si="50"/>
        <v/>
      </c>
    </row>
    <row r="1617" spans="1:14" ht="15.75">
      <c r="A1617" s="613"/>
      <c r="B1617" s="411">
        <f t="shared" si="49"/>
        <v>106</v>
      </c>
      <c r="C1617" s="498" t="s">
        <v>3660</v>
      </c>
      <c r="D1617" s="449" t="s">
        <v>3661</v>
      </c>
      <c r="E1617" s="452" t="s">
        <v>643</v>
      </c>
      <c r="F1617" s="144" t="s">
        <v>600</v>
      </c>
      <c r="G1617" s="450"/>
      <c r="H1617" s="415"/>
      <c r="I1617" s="451"/>
      <c r="J1617" s="452"/>
      <c r="K1617" s="517"/>
      <c r="L1617" s="469"/>
      <c r="M1617" s="455">
        <v>42401</v>
      </c>
      <c r="N1617" s="418" t="str">
        <f t="shared" si="50"/>
        <v/>
      </c>
    </row>
    <row r="1618" spans="1:14" ht="15.75">
      <c r="A1618" s="613"/>
      <c r="B1618" s="411">
        <f t="shared" si="49"/>
        <v>106</v>
      </c>
      <c r="C1618" s="498" t="s">
        <v>3662</v>
      </c>
      <c r="D1618" s="449" t="s">
        <v>3663</v>
      </c>
      <c r="E1618" s="452" t="s">
        <v>643</v>
      </c>
      <c r="F1618" s="144" t="s">
        <v>600</v>
      </c>
      <c r="G1618" s="450"/>
      <c r="H1618" s="415"/>
      <c r="I1618" s="451"/>
      <c r="J1618" s="452"/>
      <c r="K1618" s="517"/>
      <c r="L1618" s="469"/>
      <c r="M1618" s="455">
        <v>42401</v>
      </c>
      <c r="N1618" s="418" t="str">
        <f t="shared" si="50"/>
        <v/>
      </c>
    </row>
    <row r="1619" spans="1:14" ht="15.75">
      <c r="A1619" s="613"/>
      <c r="B1619" s="411">
        <f t="shared" si="49"/>
        <v>106</v>
      </c>
      <c r="C1619" s="498" t="s">
        <v>3664</v>
      </c>
      <c r="D1619" s="449" t="s">
        <v>3665</v>
      </c>
      <c r="E1619" s="636" t="s">
        <v>643</v>
      </c>
      <c r="F1619" s="639" t="s">
        <v>600</v>
      </c>
      <c r="G1619" s="450"/>
      <c r="H1619" s="415"/>
      <c r="I1619" s="451"/>
      <c r="J1619" s="452"/>
      <c r="K1619" s="517"/>
      <c r="L1619" s="469">
        <v>39845</v>
      </c>
      <c r="M1619" s="455">
        <v>42401</v>
      </c>
      <c r="N1619" s="418" t="str">
        <f t="shared" si="50"/>
        <v/>
      </c>
    </row>
    <row r="1620" spans="1:14" ht="15.75">
      <c r="A1620" s="613"/>
      <c r="B1620" s="411">
        <f t="shared" si="49"/>
        <v>106</v>
      </c>
      <c r="C1620" s="498" t="s">
        <v>3666</v>
      </c>
      <c r="D1620" s="449" t="s">
        <v>3667</v>
      </c>
      <c r="E1620" s="636" t="s">
        <v>643</v>
      </c>
      <c r="F1620" s="639" t="s">
        <v>600</v>
      </c>
      <c r="G1620" s="450"/>
      <c r="H1620" s="415"/>
      <c r="I1620" s="451"/>
      <c r="J1620" s="452"/>
      <c r="K1620" s="517"/>
      <c r="L1620" s="469"/>
      <c r="M1620" s="455">
        <v>42401</v>
      </c>
      <c r="N1620" s="418" t="str">
        <f t="shared" si="50"/>
        <v/>
      </c>
    </row>
    <row r="1621" spans="1:14" ht="15.75">
      <c r="A1621" s="613"/>
      <c r="B1621" s="411">
        <f t="shared" si="49"/>
        <v>106</v>
      </c>
      <c r="C1621" s="498" t="s">
        <v>3668</v>
      </c>
      <c r="D1621" s="449" t="s">
        <v>3669</v>
      </c>
      <c r="E1621" s="636" t="s">
        <v>643</v>
      </c>
      <c r="F1621" s="639" t="s">
        <v>600</v>
      </c>
      <c r="G1621" s="450"/>
      <c r="H1621" s="415"/>
      <c r="I1621" s="451"/>
      <c r="J1621" s="452"/>
      <c r="K1621" s="517"/>
      <c r="L1621" s="469"/>
      <c r="M1621" s="455">
        <v>42401</v>
      </c>
      <c r="N1621" s="418" t="str">
        <f t="shared" si="50"/>
        <v/>
      </c>
    </row>
    <row r="1622" spans="1:14" ht="15.75">
      <c r="A1622" s="613"/>
      <c r="B1622" s="411">
        <f t="shared" si="49"/>
        <v>106</v>
      </c>
      <c r="C1622" s="498" t="s">
        <v>3670</v>
      </c>
      <c r="D1622" s="449" t="s">
        <v>3671</v>
      </c>
      <c r="E1622" s="636" t="s">
        <v>643</v>
      </c>
      <c r="F1622" s="639" t="s">
        <v>600</v>
      </c>
      <c r="G1622" s="450"/>
      <c r="H1622" s="415"/>
      <c r="I1622" s="451"/>
      <c r="J1622" s="452"/>
      <c r="K1622" s="517"/>
      <c r="L1622" s="469"/>
      <c r="M1622" s="455">
        <v>42401</v>
      </c>
      <c r="N1622" s="418" t="str">
        <f t="shared" si="50"/>
        <v/>
      </c>
    </row>
    <row r="1623" spans="1:14" ht="15.75">
      <c r="A1623" s="613"/>
      <c r="B1623" s="411">
        <f t="shared" si="49"/>
        <v>106</v>
      </c>
      <c r="C1623" s="498" t="s">
        <v>3672</v>
      </c>
      <c r="D1623" s="449" t="s">
        <v>3673</v>
      </c>
      <c r="E1623" s="636" t="s">
        <v>643</v>
      </c>
      <c r="F1623" s="639" t="s">
        <v>600</v>
      </c>
      <c r="G1623" s="450"/>
      <c r="H1623" s="415"/>
      <c r="I1623" s="451"/>
      <c r="J1623" s="452"/>
      <c r="K1623" s="517"/>
      <c r="L1623" s="469"/>
      <c r="M1623" s="455">
        <v>42401</v>
      </c>
      <c r="N1623" s="418" t="str">
        <f t="shared" si="50"/>
        <v/>
      </c>
    </row>
    <row r="1624" spans="1:14" ht="15.75">
      <c r="A1624" s="613"/>
      <c r="B1624" s="411">
        <f t="shared" si="49"/>
        <v>106</v>
      </c>
      <c r="C1624" s="498" t="s">
        <v>3674</v>
      </c>
      <c r="D1624" s="449" t="s">
        <v>3675</v>
      </c>
      <c r="E1624" s="636" t="s">
        <v>643</v>
      </c>
      <c r="F1624" s="639" t="s">
        <v>600</v>
      </c>
      <c r="G1624" s="450"/>
      <c r="H1624" s="415"/>
      <c r="I1624" s="451"/>
      <c r="J1624" s="452"/>
      <c r="K1624" s="517"/>
      <c r="L1624" s="469"/>
      <c r="M1624" s="455">
        <v>42401</v>
      </c>
      <c r="N1624" s="418" t="str">
        <f t="shared" si="50"/>
        <v/>
      </c>
    </row>
    <row r="1625" spans="1:14" ht="15.75">
      <c r="A1625" s="613"/>
      <c r="B1625" s="411">
        <f t="shared" si="49"/>
        <v>106</v>
      </c>
      <c r="C1625" s="440" t="s">
        <v>3676</v>
      </c>
      <c r="D1625" s="449" t="s">
        <v>3677</v>
      </c>
      <c r="E1625" s="452" t="s">
        <v>643</v>
      </c>
      <c r="F1625" s="144" t="s">
        <v>600</v>
      </c>
      <c r="G1625" s="450"/>
      <c r="H1625" s="415"/>
      <c r="I1625" s="451"/>
      <c r="J1625" s="452"/>
      <c r="K1625" s="517"/>
      <c r="L1625" s="469">
        <v>39845</v>
      </c>
      <c r="M1625" s="455">
        <v>42401</v>
      </c>
      <c r="N1625" s="418" t="str">
        <f t="shared" si="50"/>
        <v/>
      </c>
    </row>
    <row r="1626" spans="1:14" ht="15.75">
      <c r="A1626" s="613"/>
      <c r="B1626" s="411">
        <f t="shared" ref="B1626:B1689" si="51">IF(A1626&gt;0,A1626,B1625)</f>
        <v>106</v>
      </c>
      <c r="C1626" s="498" t="s">
        <v>3678</v>
      </c>
      <c r="D1626" s="449" t="s">
        <v>3679</v>
      </c>
      <c r="E1626" s="452" t="s">
        <v>643</v>
      </c>
      <c r="F1626" s="144" t="s">
        <v>600</v>
      </c>
      <c r="G1626" s="450"/>
      <c r="H1626" s="415"/>
      <c r="I1626" s="451"/>
      <c r="J1626" s="452"/>
      <c r="K1626" s="517"/>
      <c r="L1626" s="469">
        <v>39845</v>
      </c>
      <c r="M1626" s="455">
        <v>40575</v>
      </c>
      <c r="N1626" s="418" t="str">
        <f t="shared" si="50"/>
        <v/>
      </c>
    </row>
    <row r="1627" spans="1:14" ht="15.75">
      <c r="A1627" s="613"/>
      <c r="B1627" s="411">
        <f t="shared" si="51"/>
        <v>106</v>
      </c>
      <c r="C1627" s="498" t="s">
        <v>3680</v>
      </c>
      <c r="D1627" s="449" t="s">
        <v>3681</v>
      </c>
      <c r="E1627" s="452" t="s">
        <v>643</v>
      </c>
      <c r="F1627" s="144" t="s">
        <v>600</v>
      </c>
      <c r="G1627" s="450"/>
      <c r="H1627" s="415"/>
      <c r="I1627" s="451"/>
      <c r="J1627" s="452"/>
      <c r="K1627" s="517"/>
      <c r="L1627" s="469">
        <v>39845</v>
      </c>
      <c r="M1627" s="455">
        <v>40575</v>
      </c>
      <c r="N1627" s="418" t="str">
        <f t="shared" si="50"/>
        <v/>
      </c>
    </row>
    <row r="1628" spans="1:14" ht="15.75">
      <c r="A1628" s="613"/>
      <c r="B1628" s="411">
        <f t="shared" si="51"/>
        <v>106</v>
      </c>
      <c r="C1628" s="440" t="s">
        <v>3682</v>
      </c>
      <c r="D1628" s="449" t="s">
        <v>3683</v>
      </c>
      <c r="E1628" s="522" t="s">
        <v>643</v>
      </c>
      <c r="F1628" s="522" t="s">
        <v>600</v>
      </c>
      <c r="G1628" s="450"/>
      <c r="H1628" s="415"/>
      <c r="I1628" s="451"/>
      <c r="J1628" s="452" t="s">
        <v>3568</v>
      </c>
      <c r="K1628" s="637"/>
      <c r="L1628" s="469">
        <v>38362</v>
      </c>
      <c r="M1628" s="469"/>
      <c r="N1628" s="418" t="str">
        <f t="shared" si="50"/>
        <v/>
      </c>
    </row>
    <row r="1629" spans="1:14" ht="15.75">
      <c r="A1629" s="613"/>
      <c r="B1629" s="411">
        <f t="shared" si="51"/>
        <v>106</v>
      </c>
      <c r="C1629" s="440" t="s">
        <v>3684</v>
      </c>
      <c r="D1629" s="449" t="s">
        <v>3685</v>
      </c>
      <c r="E1629" s="522" t="s">
        <v>643</v>
      </c>
      <c r="F1629" s="522" t="s">
        <v>600</v>
      </c>
      <c r="G1629" s="450"/>
      <c r="H1629" s="415"/>
      <c r="I1629" s="451"/>
      <c r="J1629" s="144"/>
      <c r="K1629" s="637"/>
      <c r="L1629" s="469">
        <v>39845</v>
      </c>
      <c r="M1629" s="469"/>
      <c r="N1629" s="418" t="str">
        <f t="shared" si="50"/>
        <v/>
      </c>
    </row>
    <row r="1630" spans="1:14" ht="15.75">
      <c r="A1630" s="410"/>
      <c r="B1630" s="411">
        <f t="shared" si="51"/>
        <v>106</v>
      </c>
      <c r="C1630" s="498" t="s">
        <v>3686</v>
      </c>
      <c r="D1630" s="449" t="s">
        <v>3687</v>
      </c>
      <c r="E1630" s="452" t="s">
        <v>643</v>
      </c>
      <c r="F1630" s="144" t="s">
        <v>600</v>
      </c>
      <c r="G1630" s="459"/>
      <c r="H1630" s="415"/>
      <c r="I1630" s="460"/>
      <c r="J1630" s="528" t="s">
        <v>3568</v>
      </c>
      <c r="K1630" s="552"/>
      <c r="L1630" s="423">
        <v>38362</v>
      </c>
      <c r="M1630" s="455">
        <v>40575</v>
      </c>
      <c r="N1630" s="418" t="str">
        <f t="shared" si="50"/>
        <v/>
      </c>
    </row>
    <row r="1631" spans="1:14" ht="31.5">
      <c r="A1631" s="572">
        <v>107</v>
      </c>
      <c r="B1631" s="411">
        <f t="shared" si="51"/>
        <v>107</v>
      </c>
      <c r="C1631" s="424" t="s">
        <v>3688</v>
      </c>
      <c r="D1631" s="414"/>
      <c r="E1631" s="539" t="s">
        <v>707</v>
      </c>
      <c r="F1631" s="539" t="s">
        <v>600</v>
      </c>
      <c r="G1631" s="559" t="s">
        <v>3689</v>
      </c>
      <c r="H1631" s="415"/>
      <c r="I1631" s="415"/>
      <c r="J1631" s="438" t="s">
        <v>3568</v>
      </c>
      <c r="K1631" s="459"/>
      <c r="L1631" s="417">
        <v>38362</v>
      </c>
      <c r="M1631" s="417">
        <v>41306</v>
      </c>
      <c r="N1631" s="418" t="str">
        <f t="shared" si="50"/>
        <v/>
      </c>
    </row>
    <row r="1632" spans="1:14" ht="15.75">
      <c r="A1632" s="695"/>
      <c r="B1632" s="411">
        <f t="shared" si="51"/>
        <v>107</v>
      </c>
      <c r="C1632" s="633" t="s">
        <v>3690</v>
      </c>
      <c r="D1632" s="445" t="s">
        <v>3691</v>
      </c>
      <c r="E1632" s="610" t="s">
        <v>707</v>
      </c>
      <c r="F1632" s="539" t="s">
        <v>600</v>
      </c>
      <c r="G1632" s="696"/>
      <c r="H1632" s="415"/>
      <c r="I1632" s="451"/>
      <c r="J1632" s="452" t="s">
        <v>3568</v>
      </c>
      <c r="K1632" s="694"/>
      <c r="L1632" s="448">
        <v>38362</v>
      </c>
      <c r="M1632" s="448"/>
      <c r="N1632" s="418" t="str">
        <f t="shared" si="50"/>
        <v/>
      </c>
    </row>
    <row r="1633" spans="1:14" ht="15.75">
      <c r="A1633" s="695"/>
      <c r="B1633" s="411">
        <f t="shared" si="51"/>
        <v>107</v>
      </c>
      <c r="C1633" s="440" t="s">
        <v>3692</v>
      </c>
      <c r="D1633" s="452" t="s">
        <v>3693</v>
      </c>
      <c r="E1633" s="510" t="s">
        <v>707</v>
      </c>
      <c r="F1633" s="522" t="s">
        <v>600</v>
      </c>
      <c r="G1633" s="532"/>
      <c r="H1633" s="415"/>
      <c r="I1633" s="451"/>
      <c r="J1633" s="452" t="s">
        <v>3568</v>
      </c>
      <c r="K1633" s="517"/>
      <c r="L1633" s="455">
        <v>38362</v>
      </c>
      <c r="M1633" s="455"/>
      <c r="N1633" s="418" t="str">
        <f t="shared" si="50"/>
        <v/>
      </c>
    </row>
    <row r="1634" spans="1:14" ht="15.75">
      <c r="A1634" s="695"/>
      <c r="B1634" s="411">
        <f t="shared" si="51"/>
        <v>107</v>
      </c>
      <c r="C1634" s="440" t="s">
        <v>3694</v>
      </c>
      <c r="D1634" s="452" t="s">
        <v>3695</v>
      </c>
      <c r="E1634" s="510" t="s">
        <v>707</v>
      </c>
      <c r="F1634" s="522" t="s">
        <v>600</v>
      </c>
      <c r="G1634" s="532"/>
      <c r="H1634" s="415"/>
      <c r="I1634" s="451"/>
      <c r="J1634" s="452" t="s">
        <v>3568</v>
      </c>
      <c r="K1634" s="517"/>
      <c r="L1634" s="455">
        <v>38362</v>
      </c>
      <c r="M1634" s="455"/>
      <c r="N1634" s="418" t="str">
        <f t="shared" si="50"/>
        <v/>
      </c>
    </row>
    <row r="1635" spans="1:14" ht="15.75">
      <c r="A1635" s="695"/>
      <c r="B1635" s="411">
        <f t="shared" si="51"/>
        <v>107</v>
      </c>
      <c r="C1635" s="440" t="s">
        <v>3696</v>
      </c>
      <c r="D1635" s="452" t="s">
        <v>3697</v>
      </c>
      <c r="E1635" s="510" t="s">
        <v>707</v>
      </c>
      <c r="F1635" s="522" t="s">
        <v>600</v>
      </c>
      <c r="G1635" s="532"/>
      <c r="H1635" s="415"/>
      <c r="I1635" s="451"/>
      <c r="J1635" s="452" t="s">
        <v>3568</v>
      </c>
      <c r="K1635" s="517"/>
      <c r="L1635" s="455">
        <v>38362</v>
      </c>
      <c r="M1635" s="455"/>
      <c r="N1635" s="418" t="str">
        <f t="shared" si="50"/>
        <v/>
      </c>
    </row>
    <row r="1636" spans="1:14" ht="15.75">
      <c r="A1636" s="695"/>
      <c r="B1636" s="411">
        <f t="shared" si="51"/>
        <v>107</v>
      </c>
      <c r="C1636" s="440" t="s">
        <v>3698</v>
      </c>
      <c r="D1636" s="452" t="s">
        <v>3699</v>
      </c>
      <c r="E1636" s="510" t="s">
        <v>707</v>
      </c>
      <c r="F1636" s="522" t="s">
        <v>600</v>
      </c>
      <c r="G1636" s="532"/>
      <c r="H1636" s="415"/>
      <c r="I1636" s="451"/>
      <c r="J1636" s="452" t="s">
        <v>3568</v>
      </c>
      <c r="K1636" s="517"/>
      <c r="L1636" s="455">
        <v>38362</v>
      </c>
      <c r="M1636" s="455"/>
      <c r="N1636" s="418" t="str">
        <f t="shared" si="50"/>
        <v/>
      </c>
    </row>
    <row r="1637" spans="1:14" ht="15.75">
      <c r="A1637" s="695"/>
      <c r="B1637" s="411">
        <f t="shared" si="51"/>
        <v>107</v>
      </c>
      <c r="C1637" s="498" t="s">
        <v>3700</v>
      </c>
      <c r="D1637" s="449" t="s">
        <v>3701</v>
      </c>
      <c r="E1637" s="510" t="s">
        <v>707</v>
      </c>
      <c r="F1637" s="522" t="s">
        <v>600</v>
      </c>
      <c r="G1637" s="532"/>
      <c r="H1637" s="415"/>
      <c r="I1637" s="451"/>
      <c r="J1637" s="452"/>
      <c r="K1637" s="517"/>
      <c r="L1637" s="455">
        <v>40940</v>
      </c>
      <c r="M1637" s="455"/>
      <c r="N1637" s="418" t="str">
        <f t="shared" si="50"/>
        <v/>
      </c>
    </row>
    <row r="1638" spans="1:14" ht="15.75">
      <c r="A1638" s="695"/>
      <c r="B1638" s="411">
        <f t="shared" si="51"/>
        <v>107</v>
      </c>
      <c r="C1638" s="498" t="s">
        <v>3702</v>
      </c>
      <c r="D1638" s="449" t="s">
        <v>3703</v>
      </c>
      <c r="E1638" s="510" t="s">
        <v>707</v>
      </c>
      <c r="F1638" s="522" t="s">
        <v>600</v>
      </c>
      <c r="G1638" s="532"/>
      <c r="H1638" s="415"/>
      <c r="I1638" s="451"/>
      <c r="J1638" s="452"/>
      <c r="K1638" s="517"/>
      <c r="L1638" s="455">
        <v>40940</v>
      </c>
      <c r="M1638" s="455"/>
      <c r="N1638" s="418" t="str">
        <f t="shared" si="50"/>
        <v/>
      </c>
    </row>
    <row r="1639" spans="1:14" ht="15.75">
      <c r="A1639" s="695"/>
      <c r="B1639" s="411">
        <f t="shared" si="51"/>
        <v>107</v>
      </c>
      <c r="C1639" s="498" t="s">
        <v>3704</v>
      </c>
      <c r="D1639" s="449" t="s">
        <v>3705</v>
      </c>
      <c r="E1639" s="510" t="s">
        <v>707</v>
      </c>
      <c r="F1639" s="522" t="s">
        <v>600</v>
      </c>
      <c r="G1639" s="532"/>
      <c r="H1639" s="415"/>
      <c r="I1639" s="451"/>
      <c r="J1639" s="452"/>
      <c r="K1639" s="517"/>
      <c r="L1639" s="455">
        <v>40940</v>
      </c>
      <c r="M1639" s="455"/>
      <c r="N1639" s="418" t="str">
        <f t="shared" si="50"/>
        <v/>
      </c>
    </row>
    <row r="1640" spans="1:14" ht="15.75">
      <c r="A1640" s="695"/>
      <c r="B1640" s="411">
        <f t="shared" si="51"/>
        <v>107</v>
      </c>
      <c r="C1640" s="498" t="s">
        <v>3706</v>
      </c>
      <c r="D1640" s="449" t="s">
        <v>3707</v>
      </c>
      <c r="E1640" s="510" t="s">
        <v>707</v>
      </c>
      <c r="F1640" s="522" t="s">
        <v>600</v>
      </c>
      <c r="G1640" s="532"/>
      <c r="H1640" s="415"/>
      <c r="I1640" s="451"/>
      <c r="J1640" s="452"/>
      <c r="K1640" s="517"/>
      <c r="L1640" s="455">
        <v>40940</v>
      </c>
      <c r="M1640" s="455"/>
      <c r="N1640" s="418" t="str">
        <f t="shared" si="50"/>
        <v/>
      </c>
    </row>
    <row r="1641" spans="1:14" ht="15.75">
      <c r="A1641" s="695"/>
      <c r="B1641" s="411">
        <f t="shared" si="51"/>
        <v>107</v>
      </c>
      <c r="C1641" s="498" t="s">
        <v>3708</v>
      </c>
      <c r="D1641" s="449" t="s">
        <v>3709</v>
      </c>
      <c r="E1641" s="510" t="s">
        <v>707</v>
      </c>
      <c r="F1641" s="522" t="s">
        <v>600</v>
      </c>
      <c r="G1641" s="532"/>
      <c r="H1641" s="415"/>
      <c r="I1641" s="451"/>
      <c r="J1641" s="452"/>
      <c r="K1641" s="517"/>
      <c r="L1641" s="455">
        <v>40940</v>
      </c>
      <c r="M1641" s="455"/>
      <c r="N1641" s="418" t="str">
        <f t="shared" si="50"/>
        <v/>
      </c>
    </row>
    <row r="1642" spans="1:14" ht="15.75">
      <c r="A1642" s="695"/>
      <c r="B1642" s="411">
        <f t="shared" si="51"/>
        <v>107</v>
      </c>
      <c r="C1642" s="498" t="s">
        <v>3710</v>
      </c>
      <c r="D1642" s="449" t="s">
        <v>3711</v>
      </c>
      <c r="E1642" s="510" t="s">
        <v>707</v>
      </c>
      <c r="F1642" s="522" t="s">
        <v>600</v>
      </c>
      <c r="G1642" s="532"/>
      <c r="H1642" s="415"/>
      <c r="I1642" s="451"/>
      <c r="J1642" s="452"/>
      <c r="K1642" s="517"/>
      <c r="L1642" s="455">
        <v>40940</v>
      </c>
      <c r="M1642" s="455"/>
      <c r="N1642" s="418" t="str">
        <f t="shared" si="50"/>
        <v/>
      </c>
    </row>
    <row r="1643" spans="1:14" ht="15.75">
      <c r="A1643" s="695"/>
      <c r="B1643" s="411">
        <f t="shared" si="51"/>
        <v>107</v>
      </c>
      <c r="C1643" s="498" t="s">
        <v>3712</v>
      </c>
      <c r="D1643" s="449" t="s">
        <v>3713</v>
      </c>
      <c r="E1643" s="510" t="s">
        <v>707</v>
      </c>
      <c r="F1643" s="522" t="s">
        <v>600</v>
      </c>
      <c r="G1643" s="532"/>
      <c r="H1643" s="415"/>
      <c r="I1643" s="451"/>
      <c r="J1643" s="452"/>
      <c r="K1643" s="517"/>
      <c r="L1643" s="455">
        <v>40940</v>
      </c>
      <c r="M1643" s="455"/>
      <c r="N1643" s="418" t="str">
        <f t="shared" si="50"/>
        <v/>
      </c>
    </row>
    <row r="1644" spans="1:14" ht="15.75">
      <c r="A1644" s="695"/>
      <c r="B1644" s="411">
        <f t="shared" si="51"/>
        <v>107</v>
      </c>
      <c r="C1644" s="498" t="s">
        <v>3714</v>
      </c>
      <c r="D1644" s="449" t="s">
        <v>3715</v>
      </c>
      <c r="E1644" s="510" t="s">
        <v>707</v>
      </c>
      <c r="F1644" s="522" t="s">
        <v>600</v>
      </c>
      <c r="G1644" s="532"/>
      <c r="H1644" s="415"/>
      <c r="I1644" s="451"/>
      <c r="J1644" s="452"/>
      <c r="K1644" s="517"/>
      <c r="L1644" s="455">
        <v>40940</v>
      </c>
      <c r="M1644" s="455"/>
      <c r="N1644" s="418" t="str">
        <f t="shared" si="50"/>
        <v/>
      </c>
    </row>
    <row r="1645" spans="1:14" ht="15.75">
      <c r="A1645" s="695"/>
      <c r="B1645" s="411">
        <f t="shared" si="51"/>
        <v>107</v>
      </c>
      <c r="C1645" s="498" t="s">
        <v>3716</v>
      </c>
      <c r="D1645" s="449" t="s">
        <v>3717</v>
      </c>
      <c r="E1645" s="510" t="s">
        <v>707</v>
      </c>
      <c r="F1645" s="522" t="s">
        <v>600</v>
      </c>
      <c r="G1645" s="532"/>
      <c r="H1645" s="415"/>
      <c r="I1645" s="451"/>
      <c r="J1645" s="452"/>
      <c r="K1645" s="517"/>
      <c r="L1645" s="455">
        <v>40940</v>
      </c>
      <c r="M1645" s="455"/>
      <c r="N1645" s="418" t="str">
        <f t="shared" si="50"/>
        <v/>
      </c>
    </row>
    <row r="1646" spans="1:14" ht="15.75">
      <c r="A1646" s="695"/>
      <c r="B1646" s="411">
        <f t="shared" si="51"/>
        <v>107</v>
      </c>
      <c r="C1646" s="498" t="s">
        <v>3718</v>
      </c>
      <c r="D1646" s="449" t="s">
        <v>3719</v>
      </c>
      <c r="E1646" s="510" t="s">
        <v>707</v>
      </c>
      <c r="F1646" s="522" t="s">
        <v>600</v>
      </c>
      <c r="G1646" s="532"/>
      <c r="H1646" s="415"/>
      <c r="I1646" s="451"/>
      <c r="J1646" s="452"/>
      <c r="K1646" s="517"/>
      <c r="L1646" s="455">
        <v>40940</v>
      </c>
      <c r="M1646" s="455"/>
      <c r="N1646" s="418" t="str">
        <f t="shared" si="50"/>
        <v/>
      </c>
    </row>
    <row r="1647" spans="1:14" ht="15.75">
      <c r="A1647" s="695"/>
      <c r="B1647" s="411">
        <f t="shared" si="51"/>
        <v>107</v>
      </c>
      <c r="C1647" s="498" t="s">
        <v>3720</v>
      </c>
      <c r="D1647" s="449" t="s">
        <v>3721</v>
      </c>
      <c r="E1647" s="510" t="s">
        <v>707</v>
      </c>
      <c r="F1647" s="522" t="s">
        <v>600</v>
      </c>
      <c r="G1647" s="532"/>
      <c r="H1647" s="415"/>
      <c r="I1647" s="451"/>
      <c r="J1647" s="452"/>
      <c r="K1647" s="517"/>
      <c r="L1647" s="455">
        <v>40940</v>
      </c>
      <c r="M1647" s="455"/>
      <c r="N1647" s="418" t="str">
        <f t="shared" si="50"/>
        <v/>
      </c>
    </row>
    <row r="1648" spans="1:14" ht="15.75">
      <c r="A1648" s="695"/>
      <c r="B1648" s="411">
        <f t="shared" si="51"/>
        <v>107</v>
      </c>
      <c r="C1648" s="498" t="s">
        <v>3722</v>
      </c>
      <c r="D1648" s="449" t="s">
        <v>3723</v>
      </c>
      <c r="E1648" s="510" t="s">
        <v>707</v>
      </c>
      <c r="F1648" s="522" t="s">
        <v>600</v>
      </c>
      <c r="G1648" s="532"/>
      <c r="H1648" s="415"/>
      <c r="I1648" s="451"/>
      <c r="J1648" s="452"/>
      <c r="K1648" s="517"/>
      <c r="L1648" s="455">
        <v>40940</v>
      </c>
      <c r="M1648" s="455"/>
      <c r="N1648" s="418" t="str">
        <f t="shared" si="50"/>
        <v/>
      </c>
    </row>
    <row r="1649" spans="1:14" ht="15.75">
      <c r="A1649" s="695"/>
      <c r="B1649" s="411">
        <f t="shared" si="51"/>
        <v>107</v>
      </c>
      <c r="C1649" s="498" t="s">
        <v>3724</v>
      </c>
      <c r="D1649" s="449" t="s">
        <v>3725</v>
      </c>
      <c r="E1649" s="510" t="s">
        <v>707</v>
      </c>
      <c r="F1649" s="522" t="s">
        <v>600</v>
      </c>
      <c r="G1649" s="532"/>
      <c r="H1649" s="415"/>
      <c r="I1649" s="451"/>
      <c r="J1649" s="452"/>
      <c r="K1649" s="517"/>
      <c r="L1649" s="455">
        <v>40940</v>
      </c>
      <c r="M1649" s="455"/>
      <c r="N1649" s="418" t="str">
        <f t="shared" si="50"/>
        <v/>
      </c>
    </row>
    <row r="1650" spans="1:14" ht="15.75">
      <c r="A1650" s="695"/>
      <c r="B1650" s="411">
        <f t="shared" si="51"/>
        <v>107</v>
      </c>
      <c r="C1650" s="498" t="s">
        <v>3726</v>
      </c>
      <c r="D1650" s="449" t="s">
        <v>3727</v>
      </c>
      <c r="E1650" s="510" t="s">
        <v>707</v>
      </c>
      <c r="F1650" s="522" t="s">
        <v>600</v>
      </c>
      <c r="G1650" s="532"/>
      <c r="H1650" s="415"/>
      <c r="I1650" s="451"/>
      <c r="J1650" s="452"/>
      <c r="K1650" s="517"/>
      <c r="L1650" s="455">
        <v>40940</v>
      </c>
      <c r="M1650" s="455"/>
      <c r="N1650" s="418" t="str">
        <f t="shared" si="50"/>
        <v/>
      </c>
    </row>
    <row r="1651" spans="1:14" ht="15.75">
      <c r="A1651" s="695"/>
      <c r="B1651" s="411">
        <f t="shared" si="51"/>
        <v>107</v>
      </c>
      <c r="C1651" s="498" t="s">
        <v>3708</v>
      </c>
      <c r="D1651" s="449" t="s">
        <v>3728</v>
      </c>
      <c r="E1651" s="510" t="s">
        <v>707</v>
      </c>
      <c r="F1651" s="522" t="s">
        <v>600</v>
      </c>
      <c r="G1651" s="532"/>
      <c r="H1651" s="415"/>
      <c r="I1651" s="451"/>
      <c r="J1651" s="452"/>
      <c r="K1651" s="517"/>
      <c r="L1651" s="455">
        <v>40940</v>
      </c>
      <c r="M1651" s="455"/>
      <c r="N1651" s="418" t="str">
        <f t="shared" si="50"/>
        <v/>
      </c>
    </row>
    <row r="1652" spans="1:14" ht="15.75">
      <c r="A1652" s="695"/>
      <c r="B1652" s="411">
        <f t="shared" si="51"/>
        <v>107</v>
      </c>
      <c r="C1652" s="498" t="s">
        <v>3704</v>
      </c>
      <c r="D1652" s="449" t="s">
        <v>3729</v>
      </c>
      <c r="E1652" s="510" t="s">
        <v>707</v>
      </c>
      <c r="F1652" s="522" t="s">
        <v>600</v>
      </c>
      <c r="G1652" s="532"/>
      <c r="H1652" s="415"/>
      <c r="I1652" s="451"/>
      <c r="J1652" s="452"/>
      <c r="K1652" s="517"/>
      <c r="L1652" s="455">
        <v>40940</v>
      </c>
      <c r="M1652" s="455"/>
      <c r="N1652" s="418" t="str">
        <f t="shared" si="50"/>
        <v/>
      </c>
    </row>
    <row r="1653" spans="1:14" ht="15.75">
      <c r="A1653" s="695"/>
      <c r="B1653" s="411">
        <f t="shared" si="51"/>
        <v>107</v>
      </c>
      <c r="C1653" s="498" t="s">
        <v>3730</v>
      </c>
      <c r="D1653" s="449" t="s">
        <v>3731</v>
      </c>
      <c r="E1653" s="510" t="s">
        <v>707</v>
      </c>
      <c r="F1653" s="522" t="s">
        <v>600</v>
      </c>
      <c r="G1653" s="532"/>
      <c r="H1653" s="415"/>
      <c r="I1653" s="451"/>
      <c r="J1653" s="452"/>
      <c r="K1653" s="517"/>
      <c r="L1653" s="455">
        <v>40940</v>
      </c>
      <c r="M1653" s="455"/>
      <c r="N1653" s="418" t="str">
        <f t="shared" si="50"/>
        <v/>
      </c>
    </row>
    <row r="1654" spans="1:14" ht="15.75">
      <c r="A1654" s="695"/>
      <c r="B1654" s="411">
        <f t="shared" si="51"/>
        <v>107</v>
      </c>
      <c r="C1654" s="498" t="s">
        <v>3732</v>
      </c>
      <c r="D1654" s="449" t="s">
        <v>3733</v>
      </c>
      <c r="E1654" s="510" t="s">
        <v>707</v>
      </c>
      <c r="F1654" s="522" t="s">
        <v>600</v>
      </c>
      <c r="G1654" s="532"/>
      <c r="H1654" s="415"/>
      <c r="I1654" s="451"/>
      <c r="J1654" s="452"/>
      <c r="K1654" s="517"/>
      <c r="L1654" s="455">
        <v>40940</v>
      </c>
      <c r="M1654" s="455"/>
      <c r="N1654" s="418" t="str">
        <f t="shared" si="50"/>
        <v/>
      </c>
    </row>
    <row r="1655" spans="1:14" ht="15.75">
      <c r="A1655" s="695"/>
      <c r="B1655" s="411">
        <f t="shared" si="51"/>
        <v>107</v>
      </c>
      <c r="C1655" s="498" t="s">
        <v>3706</v>
      </c>
      <c r="D1655" s="449" t="s">
        <v>3734</v>
      </c>
      <c r="E1655" s="510" t="s">
        <v>707</v>
      </c>
      <c r="F1655" s="522" t="s">
        <v>600</v>
      </c>
      <c r="G1655" s="532"/>
      <c r="H1655" s="415"/>
      <c r="I1655" s="451"/>
      <c r="J1655" s="452"/>
      <c r="K1655" s="517"/>
      <c r="L1655" s="455">
        <v>40940</v>
      </c>
      <c r="M1655" s="455"/>
      <c r="N1655" s="418" t="str">
        <f t="shared" si="50"/>
        <v/>
      </c>
    </row>
    <row r="1656" spans="1:14" ht="15.75">
      <c r="A1656" s="695"/>
      <c r="B1656" s="411">
        <f t="shared" si="51"/>
        <v>107</v>
      </c>
      <c r="C1656" s="498" t="s">
        <v>3735</v>
      </c>
      <c r="D1656" s="449" t="s">
        <v>3736</v>
      </c>
      <c r="E1656" s="510" t="s">
        <v>707</v>
      </c>
      <c r="F1656" s="522" t="s">
        <v>600</v>
      </c>
      <c r="G1656" s="532"/>
      <c r="H1656" s="415"/>
      <c r="I1656" s="451"/>
      <c r="J1656" s="452"/>
      <c r="K1656" s="517"/>
      <c r="L1656" s="455">
        <v>40940</v>
      </c>
      <c r="M1656" s="455"/>
      <c r="N1656" s="418" t="str">
        <f t="shared" si="50"/>
        <v/>
      </c>
    </row>
    <row r="1657" spans="1:14" ht="15.75">
      <c r="A1657" s="695"/>
      <c r="B1657" s="411">
        <f t="shared" si="51"/>
        <v>107</v>
      </c>
      <c r="C1657" s="498" t="s">
        <v>3737</v>
      </c>
      <c r="D1657" s="449" t="s">
        <v>3738</v>
      </c>
      <c r="E1657" s="510" t="s">
        <v>707</v>
      </c>
      <c r="F1657" s="522" t="s">
        <v>600</v>
      </c>
      <c r="G1657" s="532"/>
      <c r="H1657" s="415"/>
      <c r="I1657" s="451"/>
      <c r="J1657" s="452"/>
      <c r="K1657" s="517"/>
      <c r="L1657" s="455">
        <v>40940</v>
      </c>
      <c r="M1657" s="455"/>
      <c r="N1657" s="418" t="str">
        <f t="shared" si="50"/>
        <v/>
      </c>
    </row>
    <row r="1658" spans="1:14" ht="15.75">
      <c r="A1658" s="695"/>
      <c r="B1658" s="411">
        <f t="shared" si="51"/>
        <v>107</v>
      </c>
      <c r="C1658" s="498" t="s">
        <v>3739</v>
      </c>
      <c r="D1658" s="449" t="s">
        <v>3740</v>
      </c>
      <c r="E1658" s="510" t="s">
        <v>707</v>
      </c>
      <c r="F1658" s="522" t="s">
        <v>600</v>
      </c>
      <c r="G1658" s="532"/>
      <c r="H1658" s="415"/>
      <c r="I1658" s="451"/>
      <c r="J1658" s="452"/>
      <c r="K1658" s="517"/>
      <c r="L1658" s="455">
        <v>40940</v>
      </c>
      <c r="M1658" s="455"/>
      <c r="N1658" s="418" t="str">
        <f t="shared" si="50"/>
        <v/>
      </c>
    </row>
    <row r="1659" spans="1:14" ht="15.75">
      <c r="A1659" s="695"/>
      <c r="B1659" s="411">
        <f t="shared" si="51"/>
        <v>107</v>
      </c>
      <c r="C1659" s="498" t="s">
        <v>3741</v>
      </c>
      <c r="D1659" s="449" t="s">
        <v>3742</v>
      </c>
      <c r="E1659" s="510" t="s">
        <v>707</v>
      </c>
      <c r="F1659" s="522" t="s">
        <v>600</v>
      </c>
      <c r="G1659" s="532"/>
      <c r="H1659" s="415"/>
      <c r="I1659" s="451"/>
      <c r="J1659" s="452"/>
      <c r="K1659" s="517"/>
      <c r="L1659" s="455">
        <v>40940</v>
      </c>
      <c r="M1659" s="455"/>
      <c r="N1659" s="418" t="str">
        <f t="shared" si="50"/>
        <v/>
      </c>
    </row>
    <row r="1660" spans="1:14" ht="15.75">
      <c r="A1660" s="695"/>
      <c r="B1660" s="411">
        <f t="shared" si="51"/>
        <v>107</v>
      </c>
      <c r="C1660" s="498" t="s">
        <v>3743</v>
      </c>
      <c r="D1660" s="449" t="s">
        <v>3744</v>
      </c>
      <c r="E1660" s="510" t="s">
        <v>707</v>
      </c>
      <c r="F1660" s="522" t="s">
        <v>600</v>
      </c>
      <c r="G1660" s="532"/>
      <c r="H1660" s="415"/>
      <c r="I1660" s="451"/>
      <c r="J1660" s="452"/>
      <c r="K1660" s="517"/>
      <c r="L1660" s="455">
        <v>40940</v>
      </c>
      <c r="M1660" s="455"/>
      <c r="N1660" s="418" t="str">
        <f t="shared" si="50"/>
        <v/>
      </c>
    </row>
    <row r="1661" spans="1:14" ht="15.75">
      <c r="A1661" s="695"/>
      <c r="B1661" s="411">
        <f t="shared" si="51"/>
        <v>107</v>
      </c>
      <c r="C1661" s="498" t="s">
        <v>3745</v>
      </c>
      <c r="D1661" s="449" t="s">
        <v>3746</v>
      </c>
      <c r="E1661" s="510" t="s">
        <v>707</v>
      </c>
      <c r="F1661" s="522" t="s">
        <v>600</v>
      </c>
      <c r="G1661" s="532"/>
      <c r="H1661" s="415"/>
      <c r="I1661" s="451"/>
      <c r="J1661" s="452"/>
      <c r="K1661" s="517"/>
      <c r="L1661" s="455">
        <v>40940</v>
      </c>
      <c r="M1661" s="455"/>
      <c r="N1661" s="418" t="str">
        <f t="shared" si="50"/>
        <v/>
      </c>
    </row>
    <row r="1662" spans="1:14" ht="15.75">
      <c r="A1662" s="695"/>
      <c r="B1662" s="411">
        <f t="shared" si="51"/>
        <v>107</v>
      </c>
      <c r="C1662" s="498" t="s">
        <v>3747</v>
      </c>
      <c r="D1662" s="449" t="s">
        <v>3748</v>
      </c>
      <c r="E1662" s="510" t="s">
        <v>707</v>
      </c>
      <c r="F1662" s="522" t="s">
        <v>600</v>
      </c>
      <c r="G1662" s="532"/>
      <c r="H1662" s="415"/>
      <c r="I1662" s="451"/>
      <c r="J1662" s="452"/>
      <c r="K1662" s="517"/>
      <c r="L1662" s="455">
        <v>40940</v>
      </c>
      <c r="M1662" s="455"/>
      <c r="N1662" s="418" t="str">
        <f t="shared" si="50"/>
        <v/>
      </c>
    </row>
    <row r="1663" spans="1:14" ht="15.75">
      <c r="A1663" s="695"/>
      <c r="B1663" s="411">
        <f t="shared" si="51"/>
        <v>107</v>
      </c>
      <c r="C1663" s="498" t="s">
        <v>3749</v>
      </c>
      <c r="D1663" s="449" t="s">
        <v>3750</v>
      </c>
      <c r="E1663" s="510" t="s">
        <v>707</v>
      </c>
      <c r="F1663" s="522" t="s">
        <v>600</v>
      </c>
      <c r="G1663" s="532"/>
      <c r="H1663" s="415"/>
      <c r="I1663" s="451"/>
      <c r="J1663" s="452"/>
      <c r="K1663" s="517"/>
      <c r="L1663" s="455">
        <v>40940</v>
      </c>
      <c r="M1663" s="455"/>
      <c r="N1663" s="418" t="str">
        <f t="shared" si="50"/>
        <v/>
      </c>
    </row>
    <row r="1664" spans="1:14" ht="15.75">
      <c r="A1664" s="695"/>
      <c r="B1664" s="411">
        <f t="shared" si="51"/>
        <v>107</v>
      </c>
      <c r="C1664" s="498" t="s">
        <v>3722</v>
      </c>
      <c r="D1664" s="449" t="s">
        <v>3751</v>
      </c>
      <c r="E1664" s="510" t="s">
        <v>707</v>
      </c>
      <c r="F1664" s="522" t="s">
        <v>600</v>
      </c>
      <c r="G1664" s="532"/>
      <c r="H1664" s="415"/>
      <c r="I1664" s="451"/>
      <c r="J1664" s="452"/>
      <c r="K1664" s="517"/>
      <c r="L1664" s="455">
        <v>40940</v>
      </c>
      <c r="M1664" s="455"/>
      <c r="N1664" s="418" t="str">
        <f t="shared" si="50"/>
        <v/>
      </c>
    </row>
    <row r="1665" spans="1:14" ht="15.75">
      <c r="A1665" s="695"/>
      <c r="B1665" s="411">
        <f t="shared" si="51"/>
        <v>107</v>
      </c>
      <c r="C1665" s="498" t="s">
        <v>3726</v>
      </c>
      <c r="D1665" s="449" t="s">
        <v>3752</v>
      </c>
      <c r="E1665" s="510" t="s">
        <v>707</v>
      </c>
      <c r="F1665" s="522" t="s">
        <v>600</v>
      </c>
      <c r="G1665" s="532"/>
      <c r="H1665" s="415"/>
      <c r="I1665" s="451"/>
      <c r="J1665" s="452"/>
      <c r="K1665" s="517"/>
      <c r="L1665" s="455">
        <v>40940</v>
      </c>
      <c r="M1665" s="455"/>
      <c r="N1665" s="418" t="str">
        <f t="shared" si="50"/>
        <v/>
      </c>
    </row>
    <row r="1666" spans="1:14" ht="15.75">
      <c r="A1666" s="695"/>
      <c r="B1666" s="411">
        <f t="shared" si="51"/>
        <v>107</v>
      </c>
      <c r="C1666" s="498" t="s">
        <v>3753</v>
      </c>
      <c r="D1666" s="449" t="s">
        <v>3754</v>
      </c>
      <c r="E1666" s="510" t="s">
        <v>707</v>
      </c>
      <c r="F1666" s="522" t="s">
        <v>600</v>
      </c>
      <c r="G1666" s="532"/>
      <c r="H1666" s="415"/>
      <c r="I1666" s="451"/>
      <c r="J1666" s="452"/>
      <c r="K1666" s="517"/>
      <c r="L1666" s="455">
        <v>40940</v>
      </c>
      <c r="M1666" s="455"/>
      <c r="N1666" s="418" t="str">
        <f t="shared" si="50"/>
        <v/>
      </c>
    </row>
    <row r="1667" spans="1:14" ht="15.75">
      <c r="A1667" s="695"/>
      <c r="B1667" s="411">
        <f t="shared" si="51"/>
        <v>107</v>
      </c>
      <c r="C1667" s="498" t="s">
        <v>3755</v>
      </c>
      <c r="D1667" s="449" t="s">
        <v>3756</v>
      </c>
      <c r="E1667" s="510" t="s">
        <v>707</v>
      </c>
      <c r="F1667" s="522" t="s">
        <v>600</v>
      </c>
      <c r="G1667" s="532"/>
      <c r="H1667" s="415"/>
      <c r="I1667" s="451"/>
      <c r="J1667" s="452"/>
      <c r="K1667" s="517"/>
      <c r="L1667" s="455">
        <v>40940</v>
      </c>
      <c r="M1667" s="455"/>
      <c r="N1667" s="418" t="str">
        <f t="shared" si="50"/>
        <v/>
      </c>
    </row>
    <row r="1668" spans="1:14" ht="15.75">
      <c r="A1668" s="695"/>
      <c r="B1668" s="411">
        <f t="shared" si="51"/>
        <v>107</v>
      </c>
      <c r="C1668" s="498" t="s">
        <v>3757</v>
      </c>
      <c r="D1668" s="449" t="s">
        <v>3758</v>
      </c>
      <c r="E1668" s="510" t="s">
        <v>707</v>
      </c>
      <c r="F1668" s="522" t="s">
        <v>600</v>
      </c>
      <c r="G1668" s="532"/>
      <c r="H1668" s="415"/>
      <c r="I1668" s="451"/>
      <c r="J1668" s="452"/>
      <c r="K1668" s="517"/>
      <c r="L1668" s="455">
        <v>40940</v>
      </c>
      <c r="M1668" s="455"/>
      <c r="N1668" s="418" t="str">
        <f t="shared" si="50"/>
        <v/>
      </c>
    </row>
    <row r="1669" spans="1:14" ht="15.75">
      <c r="A1669" s="695"/>
      <c r="B1669" s="411">
        <f t="shared" si="51"/>
        <v>107</v>
      </c>
      <c r="C1669" s="498" t="s">
        <v>3759</v>
      </c>
      <c r="D1669" s="449" t="s">
        <v>3760</v>
      </c>
      <c r="E1669" s="510" t="s">
        <v>707</v>
      </c>
      <c r="F1669" s="522" t="s">
        <v>600</v>
      </c>
      <c r="G1669" s="532"/>
      <c r="H1669" s="415"/>
      <c r="I1669" s="451"/>
      <c r="J1669" s="452"/>
      <c r="K1669" s="517"/>
      <c r="L1669" s="455">
        <v>40940</v>
      </c>
      <c r="M1669" s="455"/>
      <c r="N1669" s="418" t="str">
        <f t="shared" si="50"/>
        <v/>
      </c>
    </row>
    <row r="1670" spans="1:14" ht="15.75">
      <c r="A1670" s="695"/>
      <c r="B1670" s="411">
        <f t="shared" si="51"/>
        <v>107</v>
      </c>
      <c r="C1670" s="498" t="s">
        <v>3761</v>
      </c>
      <c r="D1670" s="449" t="s">
        <v>3762</v>
      </c>
      <c r="E1670" s="510" t="s">
        <v>643</v>
      </c>
      <c r="F1670" s="522" t="s">
        <v>600</v>
      </c>
      <c r="G1670" s="532"/>
      <c r="H1670" s="415"/>
      <c r="I1670" s="451"/>
      <c r="J1670" s="452"/>
      <c r="K1670" s="517"/>
      <c r="L1670" s="455">
        <v>40940</v>
      </c>
      <c r="M1670" s="455">
        <v>41306</v>
      </c>
      <c r="N1670" s="418" t="str">
        <f t="shared" si="50"/>
        <v>DUPLICATE</v>
      </c>
    </row>
    <row r="1671" spans="1:14" ht="15.75">
      <c r="A1671" s="695"/>
      <c r="B1671" s="411">
        <f t="shared" si="51"/>
        <v>107</v>
      </c>
      <c r="C1671" s="498" t="s">
        <v>3763</v>
      </c>
      <c r="D1671" s="449" t="s">
        <v>3764</v>
      </c>
      <c r="E1671" s="510" t="s">
        <v>707</v>
      </c>
      <c r="F1671" s="522" t="s">
        <v>600</v>
      </c>
      <c r="G1671" s="532"/>
      <c r="H1671" s="415"/>
      <c r="I1671" s="451"/>
      <c r="J1671" s="452"/>
      <c r="K1671" s="517"/>
      <c r="L1671" s="455">
        <v>40940</v>
      </c>
      <c r="M1671" s="455"/>
      <c r="N1671" s="418" t="str">
        <f t="shared" si="50"/>
        <v/>
      </c>
    </row>
    <row r="1672" spans="1:14" ht="15.75">
      <c r="A1672" s="695"/>
      <c r="B1672" s="411">
        <f t="shared" si="51"/>
        <v>107</v>
      </c>
      <c r="C1672" s="498" t="s">
        <v>3765</v>
      </c>
      <c r="D1672" s="449" t="s">
        <v>3766</v>
      </c>
      <c r="E1672" s="510" t="s">
        <v>707</v>
      </c>
      <c r="F1672" s="522" t="s">
        <v>600</v>
      </c>
      <c r="G1672" s="532"/>
      <c r="H1672" s="415"/>
      <c r="I1672" s="451"/>
      <c r="J1672" s="452"/>
      <c r="K1672" s="517"/>
      <c r="L1672" s="455">
        <v>40940</v>
      </c>
      <c r="M1672" s="455"/>
      <c r="N1672" s="418" t="str">
        <f t="shared" si="50"/>
        <v/>
      </c>
    </row>
    <row r="1673" spans="1:14" ht="15.75">
      <c r="A1673" s="695"/>
      <c r="B1673" s="411">
        <f t="shared" si="51"/>
        <v>107</v>
      </c>
      <c r="C1673" s="498" t="s">
        <v>3761</v>
      </c>
      <c r="D1673" s="449" t="s">
        <v>3767</v>
      </c>
      <c r="E1673" s="510" t="s">
        <v>707</v>
      </c>
      <c r="F1673" s="522" t="s">
        <v>600</v>
      </c>
      <c r="G1673" s="532"/>
      <c r="H1673" s="415"/>
      <c r="I1673" s="451"/>
      <c r="J1673" s="452"/>
      <c r="K1673" s="517"/>
      <c r="L1673" s="455">
        <v>40940</v>
      </c>
      <c r="M1673" s="455"/>
      <c r="N1673" s="418" t="str">
        <f t="shared" si="50"/>
        <v/>
      </c>
    </row>
    <row r="1674" spans="1:14" ht="15.75">
      <c r="A1674" s="695"/>
      <c r="B1674" s="411">
        <f t="shared" si="51"/>
        <v>107</v>
      </c>
      <c r="C1674" s="498" t="s">
        <v>3768</v>
      </c>
      <c r="D1674" s="449" t="s">
        <v>3769</v>
      </c>
      <c r="E1674" s="510" t="s">
        <v>707</v>
      </c>
      <c r="F1674" s="522" t="s">
        <v>600</v>
      </c>
      <c r="G1674" s="532"/>
      <c r="H1674" s="415"/>
      <c r="I1674" s="451"/>
      <c r="J1674" s="452"/>
      <c r="K1674" s="517"/>
      <c r="L1674" s="455">
        <v>40940</v>
      </c>
      <c r="M1674" s="455"/>
      <c r="N1674" s="418" t="str">
        <f t="shared" ref="N1674:N1737" si="52">IF(D1674="NA","",IF(COUNTIF($D$2:$D$5552,D1674)&gt;1,"DUPLICATE",""))</f>
        <v/>
      </c>
    </row>
    <row r="1675" spans="1:14" ht="15.75">
      <c r="A1675" s="695"/>
      <c r="B1675" s="411">
        <f t="shared" si="51"/>
        <v>107</v>
      </c>
      <c r="C1675" s="498" t="s">
        <v>3770</v>
      </c>
      <c r="D1675" s="449" t="s">
        <v>3771</v>
      </c>
      <c r="E1675" s="510" t="s">
        <v>707</v>
      </c>
      <c r="F1675" s="522" t="s">
        <v>600</v>
      </c>
      <c r="G1675" s="532"/>
      <c r="H1675" s="415"/>
      <c r="I1675" s="451"/>
      <c r="J1675" s="452"/>
      <c r="K1675" s="517"/>
      <c r="L1675" s="455">
        <v>40940</v>
      </c>
      <c r="M1675" s="455"/>
      <c r="N1675" s="418" t="str">
        <f t="shared" si="52"/>
        <v/>
      </c>
    </row>
    <row r="1676" spans="1:14" ht="15.75">
      <c r="A1676" s="695"/>
      <c r="B1676" s="411">
        <f t="shared" si="51"/>
        <v>107</v>
      </c>
      <c r="C1676" s="498" t="s">
        <v>3772</v>
      </c>
      <c r="D1676" s="449" t="s">
        <v>3773</v>
      </c>
      <c r="E1676" s="510" t="s">
        <v>707</v>
      </c>
      <c r="F1676" s="522" t="s">
        <v>600</v>
      </c>
      <c r="G1676" s="532"/>
      <c r="H1676" s="415"/>
      <c r="I1676" s="451"/>
      <c r="J1676" s="452"/>
      <c r="K1676" s="517"/>
      <c r="L1676" s="455">
        <v>40940</v>
      </c>
      <c r="M1676" s="455"/>
      <c r="N1676" s="418" t="str">
        <f t="shared" si="52"/>
        <v/>
      </c>
    </row>
    <row r="1677" spans="1:14" ht="15.75">
      <c r="A1677" s="695"/>
      <c r="B1677" s="411">
        <f t="shared" si="51"/>
        <v>107</v>
      </c>
      <c r="C1677" s="498" t="s">
        <v>3774</v>
      </c>
      <c r="D1677" s="449" t="s">
        <v>3775</v>
      </c>
      <c r="E1677" s="510" t="s">
        <v>707</v>
      </c>
      <c r="F1677" s="522" t="s">
        <v>600</v>
      </c>
      <c r="G1677" s="532"/>
      <c r="H1677" s="415"/>
      <c r="I1677" s="451"/>
      <c r="J1677" s="452"/>
      <c r="K1677" s="517"/>
      <c r="L1677" s="455">
        <v>40940</v>
      </c>
      <c r="M1677" s="455"/>
      <c r="N1677" s="418" t="str">
        <f t="shared" si="52"/>
        <v/>
      </c>
    </row>
    <row r="1678" spans="1:14" ht="15.75">
      <c r="A1678" s="695"/>
      <c r="B1678" s="411">
        <f t="shared" si="51"/>
        <v>107</v>
      </c>
      <c r="C1678" s="498" t="s">
        <v>3730</v>
      </c>
      <c r="D1678" s="449" t="s">
        <v>3776</v>
      </c>
      <c r="E1678" s="510" t="s">
        <v>707</v>
      </c>
      <c r="F1678" s="522" t="s">
        <v>600</v>
      </c>
      <c r="G1678" s="532"/>
      <c r="H1678" s="415"/>
      <c r="I1678" s="451"/>
      <c r="J1678" s="452"/>
      <c r="K1678" s="517"/>
      <c r="L1678" s="455">
        <v>40940</v>
      </c>
      <c r="M1678" s="455"/>
      <c r="N1678" s="418" t="str">
        <f t="shared" si="52"/>
        <v/>
      </c>
    </row>
    <row r="1679" spans="1:14" ht="15.75">
      <c r="A1679" s="695"/>
      <c r="B1679" s="411">
        <f t="shared" si="51"/>
        <v>107</v>
      </c>
      <c r="C1679" s="498" t="s">
        <v>3777</v>
      </c>
      <c r="D1679" s="449" t="s">
        <v>3778</v>
      </c>
      <c r="E1679" s="510" t="s">
        <v>707</v>
      </c>
      <c r="F1679" s="522" t="s">
        <v>600</v>
      </c>
      <c r="G1679" s="532"/>
      <c r="H1679" s="415"/>
      <c r="I1679" s="451"/>
      <c r="J1679" s="452"/>
      <c r="K1679" s="517"/>
      <c r="L1679" s="455">
        <v>40940</v>
      </c>
      <c r="M1679" s="455"/>
      <c r="N1679" s="418" t="str">
        <f t="shared" si="52"/>
        <v/>
      </c>
    </row>
    <row r="1680" spans="1:14" ht="15.75">
      <c r="A1680" s="695"/>
      <c r="B1680" s="411">
        <f t="shared" si="51"/>
        <v>107</v>
      </c>
      <c r="C1680" s="498" t="s">
        <v>3779</v>
      </c>
      <c r="D1680" s="449" t="s">
        <v>3780</v>
      </c>
      <c r="E1680" s="510" t="s">
        <v>707</v>
      </c>
      <c r="F1680" s="522" t="s">
        <v>600</v>
      </c>
      <c r="G1680" s="532"/>
      <c r="H1680" s="415"/>
      <c r="I1680" s="451"/>
      <c r="J1680" s="452"/>
      <c r="K1680" s="517"/>
      <c r="L1680" s="455">
        <v>40940</v>
      </c>
      <c r="M1680" s="455"/>
      <c r="N1680" s="418" t="str">
        <f t="shared" si="52"/>
        <v/>
      </c>
    </row>
    <row r="1681" spans="1:14" ht="15.75">
      <c r="A1681" s="695"/>
      <c r="B1681" s="411">
        <f t="shared" si="51"/>
        <v>107</v>
      </c>
      <c r="C1681" s="498" t="s">
        <v>3781</v>
      </c>
      <c r="D1681" s="449" t="s">
        <v>3782</v>
      </c>
      <c r="E1681" s="510" t="s">
        <v>707</v>
      </c>
      <c r="F1681" s="522" t="s">
        <v>600</v>
      </c>
      <c r="G1681" s="532"/>
      <c r="H1681" s="415"/>
      <c r="I1681" s="451"/>
      <c r="J1681" s="452"/>
      <c r="K1681" s="517"/>
      <c r="L1681" s="455">
        <v>40940</v>
      </c>
      <c r="M1681" s="455"/>
      <c r="N1681" s="418" t="str">
        <f t="shared" si="52"/>
        <v/>
      </c>
    </row>
    <row r="1682" spans="1:14" ht="15.75">
      <c r="A1682" s="695"/>
      <c r="B1682" s="411">
        <f t="shared" si="51"/>
        <v>107</v>
      </c>
      <c r="C1682" s="498" t="s">
        <v>3783</v>
      </c>
      <c r="D1682" s="449" t="s">
        <v>3784</v>
      </c>
      <c r="E1682" s="510" t="s">
        <v>707</v>
      </c>
      <c r="F1682" s="522" t="s">
        <v>600</v>
      </c>
      <c r="G1682" s="532"/>
      <c r="H1682" s="415"/>
      <c r="I1682" s="451"/>
      <c r="J1682" s="452"/>
      <c r="K1682" s="517"/>
      <c r="L1682" s="455">
        <v>40940</v>
      </c>
      <c r="M1682" s="455"/>
      <c r="N1682" s="418" t="str">
        <f t="shared" si="52"/>
        <v/>
      </c>
    </row>
    <row r="1683" spans="1:14" ht="15.75">
      <c r="A1683" s="695"/>
      <c r="B1683" s="411">
        <f t="shared" si="51"/>
        <v>107</v>
      </c>
      <c r="C1683" s="498" t="s">
        <v>3785</v>
      </c>
      <c r="D1683" s="449" t="s">
        <v>3786</v>
      </c>
      <c r="E1683" s="510" t="s">
        <v>707</v>
      </c>
      <c r="F1683" s="522" t="s">
        <v>600</v>
      </c>
      <c r="G1683" s="532"/>
      <c r="H1683" s="415"/>
      <c r="I1683" s="451"/>
      <c r="J1683" s="452"/>
      <c r="K1683" s="517"/>
      <c r="L1683" s="455">
        <v>40940</v>
      </c>
      <c r="M1683" s="455"/>
      <c r="N1683" s="418" t="str">
        <f t="shared" si="52"/>
        <v/>
      </c>
    </row>
    <row r="1684" spans="1:14" ht="15.75">
      <c r="A1684" s="695"/>
      <c r="B1684" s="411">
        <f t="shared" si="51"/>
        <v>107</v>
      </c>
      <c r="C1684" s="498" t="s">
        <v>3787</v>
      </c>
      <c r="D1684" s="449" t="s">
        <v>3788</v>
      </c>
      <c r="E1684" s="452" t="s">
        <v>643</v>
      </c>
      <c r="F1684" s="449" t="s">
        <v>600</v>
      </c>
      <c r="G1684" s="532"/>
      <c r="H1684" s="415"/>
      <c r="I1684" s="451"/>
      <c r="J1684" s="452"/>
      <c r="K1684" s="517"/>
      <c r="L1684" s="455">
        <v>40940</v>
      </c>
      <c r="M1684" s="455"/>
      <c r="N1684" s="418" t="str">
        <f t="shared" si="52"/>
        <v/>
      </c>
    </row>
    <row r="1685" spans="1:14" ht="15.75">
      <c r="A1685" s="695"/>
      <c r="B1685" s="411">
        <f t="shared" si="51"/>
        <v>107</v>
      </c>
      <c r="C1685" s="498" t="s">
        <v>3789</v>
      </c>
      <c r="D1685" s="449" t="s">
        <v>3790</v>
      </c>
      <c r="E1685" s="452" t="s">
        <v>643</v>
      </c>
      <c r="F1685" s="449" t="s">
        <v>600</v>
      </c>
      <c r="G1685" s="532"/>
      <c r="H1685" s="415"/>
      <c r="I1685" s="451"/>
      <c r="J1685" s="452"/>
      <c r="K1685" s="517"/>
      <c r="L1685" s="455">
        <v>40940</v>
      </c>
      <c r="M1685" s="455"/>
      <c r="N1685" s="418" t="str">
        <f t="shared" si="52"/>
        <v/>
      </c>
    </row>
    <row r="1686" spans="1:14" ht="15.75">
      <c r="A1686" s="695"/>
      <c r="B1686" s="411">
        <f t="shared" si="51"/>
        <v>107</v>
      </c>
      <c r="C1686" s="498" t="s">
        <v>3791</v>
      </c>
      <c r="D1686" s="449" t="s">
        <v>3792</v>
      </c>
      <c r="E1686" s="452" t="s">
        <v>643</v>
      </c>
      <c r="F1686" s="449" t="s">
        <v>600</v>
      </c>
      <c r="G1686" s="532"/>
      <c r="H1686" s="415"/>
      <c r="I1686" s="451"/>
      <c r="J1686" s="452"/>
      <c r="K1686" s="517"/>
      <c r="L1686" s="455">
        <v>40940</v>
      </c>
      <c r="M1686" s="455"/>
      <c r="N1686" s="418" t="str">
        <f t="shared" si="52"/>
        <v/>
      </c>
    </row>
    <row r="1687" spans="1:14" ht="15.75">
      <c r="A1687" s="695"/>
      <c r="B1687" s="411">
        <f t="shared" si="51"/>
        <v>107</v>
      </c>
      <c r="C1687" s="498" t="s">
        <v>3735</v>
      </c>
      <c r="D1687" s="449" t="s">
        <v>3793</v>
      </c>
      <c r="E1687" s="452" t="s">
        <v>643</v>
      </c>
      <c r="F1687" s="449" t="s">
        <v>600</v>
      </c>
      <c r="G1687" s="532"/>
      <c r="H1687" s="415"/>
      <c r="I1687" s="451"/>
      <c r="J1687" s="452"/>
      <c r="K1687" s="517"/>
      <c r="L1687" s="455">
        <v>40940</v>
      </c>
      <c r="M1687" s="455"/>
      <c r="N1687" s="418" t="str">
        <f t="shared" si="52"/>
        <v/>
      </c>
    </row>
    <row r="1688" spans="1:14" ht="15.75">
      <c r="A1688" s="695"/>
      <c r="B1688" s="411">
        <f t="shared" si="51"/>
        <v>107</v>
      </c>
      <c r="C1688" s="440" t="s">
        <v>3794</v>
      </c>
      <c r="D1688" s="452" t="s">
        <v>3795</v>
      </c>
      <c r="E1688" s="510" t="s">
        <v>707</v>
      </c>
      <c r="F1688" s="522" t="s">
        <v>600</v>
      </c>
      <c r="G1688" s="532"/>
      <c r="H1688" s="415"/>
      <c r="I1688" s="451"/>
      <c r="J1688" s="452" t="s">
        <v>3568</v>
      </c>
      <c r="K1688" s="517"/>
      <c r="L1688" s="455">
        <v>38362</v>
      </c>
      <c r="M1688" s="455"/>
      <c r="N1688" s="418" t="str">
        <f t="shared" si="52"/>
        <v/>
      </c>
    </row>
    <row r="1689" spans="1:14" ht="15.75">
      <c r="A1689" s="695"/>
      <c r="B1689" s="411">
        <f t="shared" si="51"/>
        <v>107</v>
      </c>
      <c r="C1689" s="440" t="s">
        <v>3796</v>
      </c>
      <c r="D1689" s="452" t="s">
        <v>3797</v>
      </c>
      <c r="E1689" s="510" t="s">
        <v>707</v>
      </c>
      <c r="F1689" s="522" t="s">
        <v>600</v>
      </c>
      <c r="G1689" s="532"/>
      <c r="H1689" s="415"/>
      <c r="I1689" s="451"/>
      <c r="J1689" s="452" t="s">
        <v>3568</v>
      </c>
      <c r="K1689" s="517"/>
      <c r="L1689" s="455">
        <v>38362</v>
      </c>
      <c r="M1689" s="455"/>
      <c r="N1689" s="418" t="str">
        <f t="shared" si="52"/>
        <v/>
      </c>
    </row>
    <row r="1690" spans="1:14" ht="15.75">
      <c r="A1690" s="695"/>
      <c r="B1690" s="411">
        <f t="shared" ref="B1690:B1753" si="53">IF(A1690&gt;0,A1690,B1689)</f>
        <v>107</v>
      </c>
      <c r="C1690" s="440" t="s">
        <v>3798</v>
      </c>
      <c r="D1690" s="452" t="s">
        <v>3799</v>
      </c>
      <c r="E1690" s="510" t="s">
        <v>707</v>
      </c>
      <c r="F1690" s="522" t="s">
        <v>600</v>
      </c>
      <c r="G1690" s="532"/>
      <c r="H1690" s="415"/>
      <c r="I1690" s="451"/>
      <c r="J1690" s="452" t="s">
        <v>3568</v>
      </c>
      <c r="K1690" s="517"/>
      <c r="L1690" s="455">
        <v>38362</v>
      </c>
      <c r="M1690" s="455"/>
      <c r="N1690" s="418" t="str">
        <f t="shared" si="52"/>
        <v/>
      </c>
    </row>
    <row r="1691" spans="1:14" ht="15.75">
      <c r="A1691" s="695"/>
      <c r="B1691" s="411">
        <f t="shared" si="53"/>
        <v>107</v>
      </c>
      <c r="C1691" s="440" t="s">
        <v>3800</v>
      </c>
      <c r="D1691" s="452" t="s">
        <v>3801</v>
      </c>
      <c r="E1691" s="510" t="s">
        <v>707</v>
      </c>
      <c r="F1691" s="522" t="s">
        <v>600</v>
      </c>
      <c r="G1691" s="532"/>
      <c r="H1691" s="415"/>
      <c r="I1691" s="451"/>
      <c r="J1691" s="452" t="s">
        <v>3568</v>
      </c>
      <c r="K1691" s="517"/>
      <c r="L1691" s="455">
        <v>38362</v>
      </c>
      <c r="M1691" s="455"/>
      <c r="N1691" s="418" t="str">
        <f t="shared" si="52"/>
        <v/>
      </c>
    </row>
    <row r="1692" spans="1:14" ht="15.75">
      <c r="A1692" s="695"/>
      <c r="B1692" s="411">
        <f t="shared" si="53"/>
        <v>107</v>
      </c>
      <c r="C1692" s="440" t="s">
        <v>3802</v>
      </c>
      <c r="D1692" s="452" t="s">
        <v>3803</v>
      </c>
      <c r="E1692" s="510" t="s">
        <v>707</v>
      </c>
      <c r="F1692" s="522" t="s">
        <v>600</v>
      </c>
      <c r="G1692" s="532"/>
      <c r="H1692" s="415"/>
      <c r="I1692" s="451"/>
      <c r="J1692" s="452" t="s">
        <v>3568</v>
      </c>
      <c r="K1692" s="517"/>
      <c r="L1692" s="455">
        <v>38362</v>
      </c>
      <c r="M1692" s="455"/>
      <c r="N1692" s="418" t="str">
        <f t="shared" si="52"/>
        <v/>
      </c>
    </row>
    <row r="1693" spans="1:14" ht="15.75">
      <c r="A1693" s="695"/>
      <c r="B1693" s="411">
        <f t="shared" si="53"/>
        <v>107</v>
      </c>
      <c r="C1693" s="440" t="s">
        <v>3804</v>
      </c>
      <c r="D1693" s="452" t="s">
        <v>3805</v>
      </c>
      <c r="E1693" s="510" t="s">
        <v>707</v>
      </c>
      <c r="F1693" s="522" t="s">
        <v>600</v>
      </c>
      <c r="G1693" s="532"/>
      <c r="H1693" s="415"/>
      <c r="I1693" s="451"/>
      <c r="J1693" s="452" t="s">
        <v>3568</v>
      </c>
      <c r="K1693" s="517"/>
      <c r="L1693" s="455">
        <v>38362</v>
      </c>
      <c r="M1693" s="455"/>
      <c r="N1693" s="418" t="str">
        <f t="shared" si="52"/>
        <v/>
      </c>
    </row>
    <row r="1694" spans="1:14" ht="15.75">
      <c r="A1694" s="695"/>
      <c r="B1694" s="411">
        <f t="shared" si="53"/>
        <v>107</v>
      </c>
      <c r="C1694" s="440" t="s">
        <v>3806</v>
      </c>
      <c r="D1694" s="452" t="s">
        <v>3807</v>
      </c>
      <c r="E1694" s="510" t="s">
        <v>707</v>
      </c>
      <c r="F1694" s="522" t="s">
        <v>600</v>
      </c>
      <c r="G1694" s="532"/>
      <c r="H1694" s="415"/>
      <c r="I1694" s="451"/>
      <c r="J1694" s="452" t="s">
        <v>3568</v>
      </c>
      <c r="K1694" s="517"/>
      <c r="L1694" s="455">
        <v>38362</v>
      </c>
      <c r="M1694" s="455"/>
      <c r="N1694" s="418" t="str">
        <f t="shared" si="52"/>
        <v/>
      </c>
    </row>
    <row r="1695" spans="1:14" ht="15.75">
      <c r="A1695" s="695"/>
      <c r="B1695" s="411">
        <f t="shared" si="53"/>
        <v>107</v>
      </c>
      <c r="C1695" s="440" t="s">
        <v>3808</v>
      </c>
      <c r="D1695" s="452" t="s">
        <v>3809</v>
      </c>
      <c r="E1695" s="510" t="s">
        <v>707</v>
      </c>
      <c r="F1695" s="522" t="s">
        <v>600</v>
      </c>
      <c r="G1695" s="532"/>
      <c r="H1695" s="415"/>
      <c r="I1695" s="451"/>
      <c r="J1695" s="452" t="s">
        <v>3568</v>
      </c>
      <c r="K1695" s="517"/>
      <c r="L1695" s="455">
        <v>38362</v>
      </c>
      <c r="M1695" s="455"/>
      <c r="N1695" s="418" t="str">
        <f t="shared" si="52"/>
        <v/>
      </c>
    </row>
    <row r="1696" spans="1:14" ht="15.75">
      <c r="A1696" s="695"/>
      <c r="B1696" s="411">
        <f t="shared" si="53"/>
        <v>107</v>
      </c>
      <c r="C1696" s="440" t="s">
        <v>3810</v>
      </c>
      <c r="D1696" s="452" t="s">
        <v>3811</v>
      </c>
      <c r="E1696" s="510" t="s">
        <v>707</v>
      </c>
      <c r="F1696" s="522" t="s">
        <v>600</v>
      </c>
      <c r="G1696" s="532"/>
      <c r="H1696" s="415"/>
      <c r="I1696" s="451"/>
      <c r="J1696" s="452" t="s">
        <v>3568</v>
      </c>
      <c r="K1696" s="517"/>
      <c r="L1696" s="455">
        <v>38362</v>
      </c>
      <c r="M1696" s="455"/>
      <c r="N1696" s="418" t="str">
        <f t="shared" si="52"/>
        <v/>
      </c>
    </row>
    <row r="1697" spans="1:14" ht="15.75">
      <c r="A1697" s="695"/>
      <c r="B1697" s="411">
        <f t="shared" si="53"/>
        <v>107</v>
      </c>
      <c r="C1697" s="440" t="s">
        <v>3812</v>
      </c>
      <c r="D1697" s="452" t="s">
        <v>3813</v>
      </c>
      <c r="E1697" s="510" t="s">
        <v>707</v>
      </c>
      <c r="F1697" s="522" t="s">
        <v>600</v>
      </c>
      <c r="G1697" s="532"/>
      <c r="H1697" s="415"/>
      <c r="I1697" s="451"/>
      <c r="J1697" s="452" t="s">
        <v>3568</v>
      </c>
      <c r="K1697" s="517"/>
      <c r="L1697" s="455">
        <v>38362</v>
      </c>
      <c r="M1697" s="455"/>
      <c r="N1697" s="418" t="str">
        <f t="shared" si="52"/>
        <v/>
      </c>
    </row>
    <row r="1698" spans="1:14" ht="15.75">
      <c r="A1698" s="695"/>
      <c r="B1698" s="411">
        <f t="shared" si="53"/>
        <v>107</v>
      </c>
      <c r="C1698" s="440" t="s">
        <v>3814</v>
      </c>
      <c r="D1698" s="452" t="s">
        <v>3815</v>
      </c>
      <c r="E1698" s="510" t="s">
        <v>707</v>
      </c>
      <c r="F1698" s="522" t="s">
        <v>600</v>
      </c>
      <c r="G1698" s="532"/>
      <c r="H1698" s="415"/>
      <c r="I1698" s="451"/>
      <c r="J1698" s="452" t="s">
        <v>3568</v>
      </c>
      <c r="K1698" s="517"/>
      <c r="L1698" s="455">
        <v>38362</v>
      </c>
      <c r="M1698" s="455"/>
      <c r="N1698" s="418" t="str">
        <f t="shared" si="52"/>
        <v/>
      </c>
    </row>
    <row r="1699" spans="1:14" ht="15.75">
      <c r="A1699" s="695"/>
      <c r="B1699" s="411">
        <f t="shared" si="53"/>
        <v>107</v>
      </c>
      <c r="C1699" s="440" t="s">
        <v>3816</v>
      </c>
      <c r="D1699" s="452" t="s">
        <v>3817</v>
      </c>
      <c r="E1699" s="510" t="s">
        <v>707</v>
      </c>
      <c r="F1699" s="522" t="s">
        <v>600</v>
      </c>
      <c r="G1699" s="532"/>
      <c r="H1699" s="415"/>
      <c r="I1699" s="451"/>
      <c r="J1699" s="452" t="s">
        <v>3568</v>
      </c>
      <c r="K1699" s="517"/>
      <c r="L1699" s="455">
        <v>38362</v>
      </c>
      <c r="M1699" s="455"/>
      <c r="N1699" s="418" t="str">
        <f t="shared" si="52"/>
        <v/>
      </c>
    </row>
    <row r="1700" spans="1:14" ht="15.75">
      <c r="A1700" s="695"/>
      <c r="B1700" s="411">
        <f t="shared" si="53"/>
        <v>107</v>
      </c>
      <c r="C1700" s="440" t="s">
        <v>3818</v>
      </c>
      <c r="D1700" s="452" t="s">
        <v>3819</v>
      </c>
      <c r="E1700" s="510" t="s">
        <v>707</v>
      </c>
      <c r="F1700" s="522" t="s">
        <v>600</v>
      </c>
      <c r="G1700" s="532"/>
      <c r="H1700" s="415"/>
      <c r="I1700" s="451"/>
      <c r="J1700" s="452" t="s">
        <v>3568</v>
      </c>
      <c r="K1700" s="517"/>
      <c r="L1700" s="455">
        <v>38362</v>
      </c>
      <c r="M1700" s="455"/>
      <c r="N1700" s="418" t="str">
        <f t="shared" si="52"/>
        <v/>
      </c>
    </row>
    <row r="1701" spans="1:14" ht="15.75">
      <c r="A1701" s="695"/>
      <c r="B1701" s="411">
        <f t="shared" si="53"/>
        <v>107</v>
      </c>
      <c r="C1701" s="440" t="s">
        <v>3820</v>
      </c>
      <c r="D1701" s="452" t="s">
        <v>3821</v>
      </c>
      <c r="E1701" s="510" t="s">
        <v>707</v>
      </c>
      <c r="F1701" s="522" t="s">
        <v>600</v>
      </c>
      <c r="G1701" s="532"/>
      <c r="H1701" s="415"/>
      <c r="I1701" s="451"/>
      <c r="J1701" s="452" t="s">
        <v>3568</v>
      </c>
      <c r="K1701" s="517"/>
      <c r="L1701" s="455">
        <v>38362</v>
      </c>
      <c r="M1701" s="455"/>
      <c r="N1701" s="418" t="str">
        <f t="shared" si="52"/>
        <v/>
      </c>
    </row>
    <row r="1702" spans="1:14" ht="15.75">
      <c r="A1702" s="695"/>
      <c r="B1702" s="411">
        <f t="shared" si="53"/>
        <v>107</v>
      </c>
      <c r="C1702" s="440" t="s">
        <v>3822</v>
      </c>
      <c r="D1702" s="452" t="s">
        <v>3823</v>
      </c>
      <c r="E1702" s="510" t="s">
        <v>707</v>
      </c>
      <c r="F1702" s="522" t="s">
        <v>600</v>
      </c>
      <c r="G1702" s="532"/>
      <c r="H1702" s="415"/>
      <c r="I1702" s="451"/>
      <c r="J1702" s="452" t="s">
        <v>3568</v>
      </c>
      <c r="K1702" s="517"/>
      <c r="L1702" s="455">
        <v>38362</v>
      </c>
      <c r="M1702" s="455"/>
      <c r="N1702" s="418" t="str">
        <f t="shared" si="52"/>
        <v/>
      </c>
    </row>
    <row r="1703" spans="1:14" ht="15.75">
      <c r="A1703" s="695"/>
      <c r="B1703" s="411">
        <f t="shared" si="53"/>
        <v>107</v>
      </c>
      <c r="C1703" s="440" t="s">
        <v>3824</v>
      </c>
      <c r="D1703" s="452" t="s">
        <v>3825</v>
      </c>
      <c r="E1703" s="510" t="s">
        <v>707</v>
      </c>
      <c r="F1703" s="522" t="s">
        <v>600</v>
      </c>
      <c r="G1703" s="532"/>
      <c r="H1703" s="415"/>
      <c r="I1703" s="451"/>
      <c r="J1703" s="452" t="s">
        <v>3568</v>
      </c>
      <c r="K1703" s="517"/>
      <c r="L1703" s="455">
        <v>38362</v>
      </c>
      <c r="M1703" s="455"/>
      <c r="N1703" s="418" t="str">
        <f t="shared" si="52"/>
        <v/>
      </c>
    </row>
    <row r="1704" spans="1:14" ht="15.75">
      <c r="A1704" s="695"/>
      <c r="B1704" s="411">
        <f t="shared" si="53"/>
        <v>107</v>
      </c>
      <c r="C1704" s="440" t="s">
        <v>3826</v>
      </c>
      <c r="D1704" s="452" t="s">
        <v>3827</v>
      </c>
      <c r="E1704" s="510" t="s">
        <v>707</v>
      </c>
      <c r="F1704" s="522" t="s">
        <v>600</v>
      </c>
      <c r="G1704" s="532"/>
      <c r="H1704" s="415"/>
      <c r="I1704" s="451"/>
      <c r="J1704" s="452" t="s">
        <v>3568</v>
      </c>
      <c r="K1704" s="517"/>
      <c r="L1704" s="455">
        <v>38362</v>
      </c>
      <c r="M1704" s="455"/>
      <c r="N1704" s="418" t="str">
        <f t="shared" si="52"/>
        <v/>
      </c>
    </row>
    <row r="1705" spans="1:14" ht="15.75">
      <c r="A1705" s="695"/>
      <c r="B1705" s="411">
        <f t="shared" si="53"/>
        <v>107</v>
      </c>
      <c r="C1705" s="440" t="s">
        <v>3828</v>
      </c>
      <c r="D1705" s="452" t="s">
        <v>3829</v>
      </c>
      <c r="E1705" s="510" t="s">
        <v>707</v>
      </c>
      <c r="F1705" s="522" t="s">
        <v>600</v>
      </c>
      <c r="G1705" s="532"/>
      <c r="H1705" s="415"/>
      <c r="I1705" s="451"/>
      <c r="J1705" s="452" t="s">
        <v>3568</v>
      </c>
      <c r="K1705" s="517"/>
      <c r="L1705" s="455">
        <v>38362</v>
      </c>
      <c r="M1705" s="455"/>
      <c r="N1705" s="418" t="str">
        <f t="shared" si="52"/>
        <v/>
      </c>
    </row>
    <row r="1706" spans="1:14" ht="15.75">
      <c r="A1706" s="695"/>
      <c r="B1706" s="411">
        <f t="shared" si="53"/>
        <v>107</v>
      </c>
      <c r="C1706" s="440" t="s">
        <v>3830</v>
      </c>
      <c r="D1706" s="452" t="s">
        <v>3831</v>
      </c>
      <c r="E1706" s="510" t="s">
        <v>707</v>
      </c>
      <c r="F1706" s="522" t="s">
        <v>600</v>
      </c>
      <c r="G1706" s="532"/>
      <c r="H1706" s="415"/>
      <c r="I1706" s="451"/>
      <c r="J1706" s="452" t="s">
        <v>3568</v>
      </c>
      <c r="K1706" s="517"/>
      <c r="L1706" s="455">
        <v>38362</v>
      </c>
      <c r="M1706" s="455"/>
      <c r="N1706" s="418" t="str">
        <f t="shared" si="52"/>
        <v/>
      </c>
    </row>
    <row r="1707" spans="1:14" ht="15.75">
      <c r="A1707" s="695"/>
      <c r="B1707" s="411">
        <f t="shared" si="53"/>
        <v>107</v>
      </c>
      <c r="C1707" s="440" t="s">
        <v>3832</v>
      </c>
      <c r="D1707" s="452" t="s">
        <v>3833</v>
      </c>
      <c r="E1707" s="510" t="s">
        <v>707</v>
      </c>
      <c r="F1707" s="522" t="s">
        <v>600</v>
      </c>
      <c r="G1707" s="532"/>
      <c r="H1707" s="415"/>
      <c r="I1707" s="451"/>
      <c r="J1707" s="452" t="s">
        <v>3568</v>
      </c>
      <c r="K1707" s="517"/>
      <c r="L1707" s="455">
        <v>38362</v>
      </c>
      <c r="M1707" s="455"/>
      <c r="N1707" s="418" t="str">
        <f t="shared" si="52"/>
        <v/>
      </c>
    </row>
    <row r="1708" spans="1:14" ht="15.75">
      <c r="A1708" s="695"/>
      <c r="B1708" s="411">
        <f t="shared" si="53"/>
        <v>107</v>
      </c>
      <c r="C1708" s="440" t="s">
        <v>3834</v>
      </c>
      <c r="D1708" s="452" t="s">
        <v>3835</v>
      </c>
      <c r="E1708" s="510" t="s">
        <v>707</v>
      </c>
      <c r="F1708" s="522" t="s">
        <v>600</v>
      </c>
      <c r="G1708" s="532"/>
      <c r="H1708" s="415"/>
      <c r="I1708" s="451"/>
      <c r="J1708" s="452" t="s">
        <v>3568</v>
      </c>
      <c r="K1708" s="517"/>
      <c r="L1708" s="455">
        <v>38362</v>
      </c>
      <c r="M1708" s="455"/>
      <c r="N1708" s="418" t="str">
        <f t="shared" si="52"/>
        <v/>
      </c>
    </row>
    <row r="1709" spans="1:14" ht="15.75">
      <c r="A1709" s="695"/>
      <c r="B1709" s="411">
        <f t="shared" si="53"/>
        <v>107</v>
      </c>
      <c r="C1709" s="440" t="s">
        <v>3836</v>
      </c>
      <c r="D1709" s="452" t="s">
        <v>3837</v>
      </c>
      <c r="E1709" s="510" t="s">
        <v>707</v>
      </c>
      <c r="F1709" s="522" t="s">
        <v>600</v>
      </c>
      <c r="G1709" s="532"/>
      <c r="H1709" s="415"/>
      <c r="I1709" s="451"/>
      <c r="J1709" s="452" t="s">
        <v>3568</v>
      </c>
      <c r="K1709" s="517"/>
      <c r="L1709" s="455">
        <v>38362</v>
      </c>
      <c r="M1709" s="455"/>
      <c r="N1709" s="418" t="str">
        <f t="shared" si="52"/>
        <v/>
      </c>
    </row>
    <row r="1710" spans="1:14" ht="15.75">
      <c r="A1710" s="695"/>
      <c r="B1710" s="411">
        <f t="shared" si="53"/>
        <v>107</v>
      </c>
      <c r="C1710" s="440" t="s">
        <v>3838</v>
      </c>
      <c r="D1710" s="452" t="s">
        <v>3839</v>
      </c>
      <c r="E1710" s="510" t="s">
        <v>707</v>
      </c>
      <c r="F1710" s="522" t="s">
        <v>600</v>
      </c>
      <c r="G1710" s="532"/>
      <c r="H1710" s="415"/>
      <c r="I1710" s="451"/>
      <c r="J1710" s="452" t="s">
        <v>3568</v>
      </c>
      <c r="K1710" s="517"/>
      <c r="L1710" s="455">
        <v>38362</v>
      </c>
      <c r="M1710" s="455"/>
      <c r="N1710" s="418" t="str">
        <f t="shared" si="52"/>
        <v/>
      </c>
    </row>
    <row r="1711" spans="1:14" ht="15.75">
      <c r="A1711" s="695"/>
      <c r="B1711" s="411">
        <f t="shared" si="53"/>
        <v>107</v>
      </c>
      <c r="C1711" s="440" t="s">
        <v>3840</v>
      </c>
      <c r="D1711" s="452" t="s">
        <v>3841</v>
      </c>
      <c r="E1711" s="510" t="s">
        <v>707</v>
      </c>
      <c r="F1711" s="522" t="s">
        <v>600</v>
      </c>
      <c r="G1711" s="532"/>
      <c r="H1711" s="415"/>
      <c r="I1711" s="451"/>
      <c r="J1711" s="452" t="s">
        <v>3568</v>
      </c>
      <c r="K1711" s="517"/>
      <c r="L1711" s="455">
        <v>38362</v>
      </c>
      <c r="M1711" s="455"/>
      <c r="N1711" s="418" t="str">
        <f t="shared" si="52"/>
        <v/>
      </c>
    </row>
    <row r="1712" spans="1:14" ht="15.75">
      <c r="A1712" s="695"/>
      <c r="B1712" s="411">
        <f t="shared" si="53"/>
        <v>107</v>
      </c>
      <c r="C1712" s="440" t="s">
        <v>3720</v>
      </c>
      <c r="D1712" s="452" t="s">
        <v>3842</v>
      </c>
      <c r="E1712" s="510" t="s">
        <v>707</v>
      </c>
      <c r="F1712" s="522" t="s">
        <v>600</v>
      </c>
      <c r="G1712" s="532"/>
      <c r="H1712" s="415"/>
      <c r="I1712" s="451"/>
      <c r="J1712" s="452" t="s">
        <v>3568</v>
      </c>
      <c r="K1712" s="517"/>
      <c r="L1712" s="455">
        <v>38362</v>
      </c>
      <c r="M1712" s="455"/>
      <c r="N1712" s="418" t="str">
        <f t="shared" si="52"/>
        <v/>
      </c>
    </row>
    <row r="1713" spans="1:14" ht="15.75">
      <c r="A1713" s="695"/>
      <c r="B1713" s="411">
        <f t="shared" si="53"/>
        <v>107</v>
      </c>
      <c r="C1713" s="440" t="s">
        <v>3843</v>
      </c>
      <c r="D1713" s="452" t="s">
        <v>3844</v>
      </c>
      <c r="E1713" s="510" t="s">
        <v>707</v>
      </c>
      <c r="F1713" s="522" t="s">
        <v>600</v>
      </c>
      <c r="G1713" s="532"/>
      <c r="H1713" s="415"/>
      <c r="I1713" s="451"/>
      <c r="J1713" s="452"/>
      <c r="K1713" s="517"/>
      <c r="L1713" s="455">
        <v>39845</v>
      </c>
      <c r="M1713" s="455"/>
      <c r="N1713" s="418" t="str">
        <f t="shared" si="52"/>
        <v/>
      </c>
    </row>
    <row r="1714" spans="1:14" ht="15.75">
      <c r="A1714" s="695"/>
      <c r="B1714" s="411">
        <f t="shared" si="53"/>
        <v>107</v>
      </c>
      <c r="C1714" s="440" t="s">
        <v>3845</v>
      </c>
      <c r="D1714" s="452" t="s">
        <v>3846</v>
      </c>
      <c r="E1714" s="510" t="s">
        <v>707</v>
      </c>
      <c r="F1714" s="522" t="s">
        <v>600</v>
      </c>
      <c r="G1714" s="532"/>
      <c r="H1714" s="415"/>
      <c r="I1714" s="451"/>
      <c r="J1714" s="452"/>
      <c r="K1714" s="517"/>
      <c r="L1714" s="455">
        <v>39845</v>
      </c>
      <c r="M1714" s="455"/>
      <c r="N1714" s="418" t="str">
        <f t="shared" si="52"/>
        <v/>
      </c>
    </row>
    <row r="1715" spans="1:14" ht="15.75">
      <c r="A1715" s="695"/>
      <c r="B1715" s="411">
        <f t="shared" si="53"/>
        <v>107</v>
      </c>
      <c r="C1715" s="440" t="s">
        <v>3847</v>
      </c>
      <c r="D1715" s="452" t="s">
        <v>3848</v>
      </c>
      <c r="E1715" s="510" t="s">
        <v>707</v>
      </c>
      <c r="F1715" s="522" t="s">
        <v>600</v>
      </c>
      <c r="G1715" s="532"/>
      <c r="H1715" s="415"/>
      <c r="I1715" s="451"/>
      <c r="J1715" s="452"/>
      <c r="K1715" s="517"/>
      <c r="L1715" s="455">
        <v>39845</v>
      </c>
      <c r="M1715" s="455"/>
      <c r="N1715" s="418" t="str">
        <f t="shared" si="52"/>
        <v/>
      </c>
    </row>
    <row r="1716" spans="1:14" ht="15.75">
      <c r="A1716" s="695"/>
      <c r="B1716" s="411">
        <f t="shared" si="53"/>
        <v>107</v>
      </c>
      <c r="C1716" s="440" t="s">
        <v>3849</v>
      </c>
      <c r="D1716" s="452" t="s">
        <v>3850</v>
      </c>
      <c r="E1716" s="510" t="s">
        <v>707</v>
      </c>
      <c r="F1716" s="522" t="s">
        <v>600</v>
      </c>
      <c r="G1716" s="532"/>
      <c r="H1716" s="415"/>
      <c r="I1716" s="451"/>
      <c r="J1716" s="452"/>
      <c r="K1716" s="517"/>
      <c r="L1716" s="455">
        <v>39845</v>
      </c>
      <c r="M1716" s="455"/>
      <c r="N1716" s="418" t="str">
        <f t="shared" si="52"/>
        <v/>
      </c>
    </row>
    <row r="1717" spans="1:14" ht="15.75">
      <c r="A1717" s="695"/>
      <c r="B1717" s="411">
        <f t="shared" si="53"/>
        <v>107</v>
      </c>
      <c r="C1717" s="440" t="s">
        <v>3851</v>
      </c>
      <c r="D1717" s="452" t="s">
        <v>3852</v>
      </c>
      <c r="E1717" s="510" t="s">
        <v>707</v>
      </c>
      <c r="F1717" s="522" t="s">
        <v>600</v>
      </c>
      <c r="G1717" s="532"/>
      <c r="H1717" s="415"/>
      <c r="I1717" s="451"/>
      <c r="J1717" s="452"/>
      <c r="K1717" s="517"/>
      <c r="L1717" s="455">
        <v>39845</v>
      </c>
      <c r="M1717" s="455"/>
      <c r="N1717" s="418" t="str">
        <f t="shared" si="52"/>
        <v/>
      </c>
    </row>
    <row r="1718" spans="1:14" ht="15.75">
      <c r="A1718" s="695"/>
      <c r="B1718" s="411">
        <f t="shared" si="53"/>
        <v>107</v>
      </c>
      <c r="C1718" s="440" t="s">
        <v>3853</v>
      </c>
      <c r="D1718" s="452" t="s">
        <v>3854</v>
      </c>
      <c r="E1718" s="510" t="s">
        <v>707</v>
      </c>
      <c r="F1718" s="522" t="s">
        <v>600</v>
      </c>
      <c r="G1718" s="532"/>
      <c r="H1718" s="415"/>
      <c r="I1718" s="451"/>
      <c r="J1718" s="452"/>
      <c r="K1718" s="517"/>
      <c r="L1718" s="455">
        <v>39845</v>
      </c>
      <c r="M1718" s="455"/>
      <c r="N1718" s="418" t="str">
        <f t="shared" si="52"/>
        <v/>
      </c>
    </row>
    <row r="1719" spans="1:14" ht="15.75">
      <c r="A1719" s="695"/>
      <c r="B1719" s="411">
        <f t="shared" si="53"/>
        <v>107</v>
      </c>
      <c r="C1719" s="440" t="s">
        <v>3855</v>
      </c>
      <c r="D1719" s="452" t="s">
        <v>3856</v>
      </c>
      <c r="E1719" s="510" t="s">
        <v>707</v>
      </c>
      <c r="F1719" s="522" t="s">
        <v>600</v>
      </c>
      <c r="G1719" s="532"/>
      <c r="H1719" s="415"/>
      <c r="I1719" s="451"/>
      <c r="J1719" s="452"/>
      <c r="K1719" s="517"/>
      <c r="L1719" s="455">
        <v>39845</v>
      </c>
      <c r="M1719" s="455"/>
      <c r="N1719" s="418" t="str">
        <f t="shared" si="52"/>
        <v/>
      </c>
    </row>
    <row r="1720" spans="1:14" ht="15.75">
      <c r="A1720" s="695"/>
      <c r="B1720" s="411">
        <f t="shared" si="53"/>
        <v>107</v>
      </c>
      <c r="C1720" s="440" t="s">
        <v>3857</v>
      </c>
      <c r="D1720" s="452" t="s">
        <v>3858</v>
      </c>
      <c r="E1720" s="510" t="s">
        <v>707</v>
      </c>
      <c r="F1720" s="522" t="s">
        <v>600</v>
      </c>
      <c r="G1720" s="532"/>
      <c r="H1720" s="415"/>
      <c r="I1720" s="451"/>
      <c r="J1720" s="452"/>
      <c r="K1720" s="517"/>
      <c r="L1720" s="455">
        <v>39845</v>
      </c>
      <c r="M1720" s="455"/>
      <c r="N1720" s="418" t="str">
        <f t="shared" si="52"/>
        <v/>
      </c>
    </row>
    <row r="1721" spans="1:14" ht="15.75">
      <c r="A1721" s="695"/>
      <c r="B1721" s="411">
        <f t="shared" si="53"/>
        <v>107</v>
      </c>
      <c r="C1721" s="440" t="s">
        <v>3724</v>
      </c>
      <c r="D1721" s="452" t="s">
        <v>3859</v>
      </c>
      <c r="E1721" s="510" t="s">
        <v>707</v>
      </c>
      <c r="F1721" s="522" t="s">
        <v>600</v>
      </c>
      <c r="G1721" s="532"/>
      <c r="H1721" s="415"/>
      <c r="I1721" s="451"/>
      <c r="J1721" s="452"/>
      <c r="K1721" s="517"/>
      <c r="L1721" s="455">
        <v>39845</v>
      </c>
      <c r="M1721" s="455"/>
      <c r="N1721" s="418" t="str">
        <f t="shared" si="52"/>
        <v/>
      </c>
    </row>
    <row r="1722" spans="1:14" ht="15.75">
      <c r="A1722" s="695"/>
      <c r="B1722" s="411">
        <f t="shared" si="53"/>
        <v>107</v>
      </c>
      <c r="C1722" s="440" t="s">
        <v>3860</v>
      </c>
      <c r="D1722" s="452" t="s">
        <v>3861</v>
      </c>
      <c r="E1722" s="510" t="s">
        <v>707</v>
      </c>
      <c r="F1722" s="522" t="s">
        <v>600</v>
      </c>
      <c r="G1722" s="532"/>
      <c r="H1722" s="415"/>
      <c r="I1722" s="451"/>
      <c r="J1722" s="452"/>
      <c r="K1722" s="517"/>
      <c r="L1722" s="455">
        <v>39845</v>
      </c>
      <c r="M1722" s="455"/>
      <c r="N1722" s="418" t="str">
        <f t="shared" si="52"/>
        <v/>
      </c>
    </row>
    <row r="1723" spans="1:14" ht="15.75">
      <c r="A1723" s="695"/>
      <c r="B1723" s="411">
        <f t="shared" si="53"/>
        <v>107</v>
      </c>
      <c r="C1723" s="440" t="s">
        <v>3862</v>
      </c>
      <c r="D1723" s="452" t="s">
        <v>3863</v>
      </c>
      <c r="E1723" s="510" t="s">
        <v>707</v>
      </c>
      <c r="F1723" s="522" t="s">
        <v>600</v>
      </c>
      <c r="G1723" s="532"/>
      <c r="H1723" s="415"/>
      <c r="I1723" s="451"/>
      <c r="J1723" s="452"/>
      <c r="K1723" s="517"/>
      <c r="L1723" s="455">
        <v>39845</v>
      </c>
      <c r="M1723" s="455"/>
      <c r="N1723" s="418" t="str">
        <f t="shared" si="52"/>
        <v/>
      </c>
    </row>
    <row r="1724" spans="1:14" ht="15.75">
      <c r="A1724" s="695"/>
      <c r="B1724" s="411">
        <f t="shared" si="53"/>
        <v>107</v>
      </c>
      <c r="C1724" s="440" t="s">
        <v>3864</v>
      </c>
      <c r="D1724" s="452" t="s">
        <v>3865</v>
      </c>
      <c r="E1724" s="510" t="s">
        <v>707</v>
      </c>
      <c r="F1724" s="522" t="s">
        <v>600</v>
      </c>
      <c r="G1724" s="532"/>
      <c r="H1724" s="415"/>
      <c r="I1724" s="451"/>
      <c r="J1724" s="452"/>
      <c r="K1724" s="517"/>
      <c r="L1724" s="455">
        <v>39845</v>
      </c>
      <c r="M1724" s="455"/>
      <c r="N1724" s="418" t="str">
        <f t="shared" si="52"/>
        <v/>
      </c>
    </row>
    <row r="1725" spans="1:14" ht="15.75">
      <c r="A1725" s="695"/>
      <c r="B1725" s="411">
        <f t="shared" si="53"/>
        <v>107</v>
      </c>
      <c r="C1725" s="440" t="s">
        <v>3866</v>
      </c>
      <c r="D1725" s="452" t="s">
        <v>3867</v>
      </c>
      <c r="E1725" s="510" t="s">
        <v>707</v>
      </c>
      <c r="F1725" s="522" t="s">
        <v>600</v>
      </c>
      <c r="G1725" s="532"/>
      <c r="H1725" s="415"/>
      <c r="I1725" s="451"/>
      <c r="J1725" s="452"/>
      <c r="K1725" s="517"/>
      <c r="L1725" s="455">
        <v>39845</v>
      </c>
      <c r="M1725" s="455"/>
      <c r="N1725" s="418" t="str">
        <f t="shared" si="52"/>
        <v/>
      </c>
    </row>
    <row r="1726" spans="1:14" ht="15.75">
      <c r="A1726" s="695"/>
      <c r="B1726" s="411">
        <f t="shared" si="53"/>
        <v>107</v>
      </c>
      <c r="C1726" s="440" t="s">
        <v>3868</v>
      </c>
      <c r="D1726" s="452" t="s">
        <v>3869</v>
      </c>
      <c r="E1726" s="510" t="s">
        <v>707</v>
      </c>
      <c r="F1726" s="522" t="s">
        <v>600</v>
      </c>
      <c r="G1726" s="532"/>
      <c r="H1726" s="415"/>
      <c r="I1726" s="451"/>
      <c r="J1726" s="452"/>
      <c r="K1726" s="517"/>
      <c r="L1726" s="455">
        <v>39845</v>
      </c>
      <c r="M1726" s="455"/>
      <c r="N1726" s="418" t="str">
        <f t="shared" si="52"/>
        <v/>
      </c>
    </row>
    <row r="1727" spans="1:14" ht="15.75">
      <c r="A1727" s="695"/>
      <c r="B1727" s="411">
        <f t="shared" si="53"/>
        <v>107</v>
      </c>
      <c r="C1727" s="440" t="s">
        <v>3870</v>
      </c>
      <c r="D1727" s="452" t="s">
        <v>3871</v>
      </c>
      <c r="E1727" s="510" t="s">
        <v>707</v>
      </c>
      <c r="F1727" s="522" t="s">
        <v>600</v>
      </c>
      <c r="G1727" s="532"/>
      <c r="H1727" s="415"/>
      <c r="I1727" s="451"/>
      <c r="J1727" s="452"/>
      <c r="K1727" s="517"/>
      <c r="L1727" s="455">
        <v>39845</v>
      </c>
      <c r="M1727" s="455"/>
      <c r="N1727" s="418" t="str">
        <f t="shared" si="52"/>
        <v/>
      </c>
    </row>
    <row r="1728" spans="1:14" ht="15.75">
      <c r="A1728" s="695"/>
      <c r="B1728" s="411">
        <f t="shared" si="53"/>
        <v>107</v>
      </c>
      <c r="C1728" s="440" t="s">
        <v>3718</v>
      </c>
      <c r="D1728" s="452" t="s">
        <v>3872</v>
      </c>
      <c r="E1728" s="510" t="s">
        <v>707</v>
      </c>
      <c r="F1728" s="522" t="s">
        <v>600</v>
      </c>
      <c r="G1728" s="532"/>
      <c r="H1728" s="415"/>
      <c r="I1728" s="451"/>
      <c r="J1728" s="452"/>
      <c r="K1728" s="517"/>
      <c r="L1728" s="455">
        <v>39845</v>
      </c>
      <c r="M1728" s="455"/>
      <c r="N1728" s="418" t="str">
        <f t="shared" si="52"/>
        <v/>
      </c>
    </row>
    <row r="1729" spans="1:14" ht="15.75">
      <c r="A1729" s="536">
        <v>108</v>
      </c>
      <c r="B1729" s="411">
        <f t="shared" si="53"/>
        <v>108</v>
      </c>
      <c r="C1729" s="424" t="s">
        <v>26627</v>
      </c>
      <c r="D1729" s="414"/>
      <c r="E1729" s="421" t="s">
        <v>707</v>
      </c>
      <c r="F1729" s="421" t="s">
        <v>708</v>
      </c>
      <c r="G1729" s="697" t="s">
        <v>3873</v>
      </c>
      <c r="H1729" s="415"/>
      <c r="I1729" s="415"/>
      <c r="J1729" s="438" t="s">
        <v>3874</v>
      </c>
      <c r="K1729" s="474"/>
      <c r="L1729" s="417">
        <v>38362</v>
      </c>
      <c r="M1729" s="417">
        <v>43497</v>
      </c>
      <c r="N1729" s="418" t="str">
        <f t="shared" si="52"/>
        <v/>
      </c>
    </row>
    <row r="1730" spans="1:14" ht="15.75">
      <c r="A1730" s="695"/>
      <c r="B1730" s="411">
        <f t="shared" si="53"/>
        <v>108</v>
      </c>
      <c r="C1730" s="498" t="s">
        <v>3875</v>
      </c>
      <c r="D1730" s="449" t="s">
        <v>3876</v>
      </c>
      <c r="E1730" s="144" t="s">
        <v>707</v>
      </c>
      <c r="F1730" s="421" t="s">
        <v>708</v>
      </c>
      <c r="G1730" s="637"/>
      <c r="H1730" s="415"/>
      <c r="I1730" s="451"/>
      <c r="J1730" s="144"/>
      <c r="K1730" s="637"/>
      <c r="L1730" s="469">
        <v>38362</v>
      </c>
      <c r="M1730" s="469"/>
      <c r="N1730" s="418" t="str">
        <f t="shared" si="52"/>
        <v/>
      </c>
    </row>
    <row r="1731" spans="1:14" ht="15.75">
      <c r="A1731" s="695"/>
      <c r="B1731" s="411">
        <f t="shared" si="53"/>
        <v>108</v>
      </c>
      <c r="C1731" s="498" t="s">
        <v>3877</v>
      </c>
      <c r="D1731" s="449" t="s">
        <v>3878</v>
      </c>
      <c r="E1731" s="144" t="s">
        <v>707</v>
      </c>
      <c r="F1731" s="421" t="s">
        <v>708</v>
      </c>
      <c r="G1731" s="637"/>
      <c r="H1731" s="415"/>
      <c r="I1731" s="451"/>
      <c r="J1731" s="144"/>
      <c r="K1731" s="637"/>
      <c r="L1731" s="469">
        <v>38362</v>
      </c>
      <c r="M1731" s="469"/>
      <c r="N1731" s="418" t="str">
        <f t="shared" si="52"/>
        <v/>
      </c>
    </row>
    <row r="1732" spans="1:14" ht="15.75">
      <c r="A1732" s="695"/>
      <c r="B1732" s="411">
        <f t="shared" si="53"/>
        <v>108</v>
      </c>
      <c r="C1732" s="498" t="s">
        <v>3879</v>
      </c>
      <c r="D1732" s="449" t="s">
        <v>3880</v>
      </c>
      <c r="E1732" s="144" t="s">
        <v>707</v>
      </c>
      <c r="F1732" s="421" t="s">
        <v>708</v>
      </c>
      <c r="G1732" s="637"/>
      <c r="H1732" s="415"/>
      <c r="I1732" s="451"/>
      <c r="J1732" s="144"/>
      <c r="K1732" s="637"/>
      <c r="L1732" s="469">
        <v>38362</v>
      </c>
      <c r="M1732" s="469"/>
      <c r="N1732" s="418" t="str">
        <f t="shared" si="52"/>
        <v/>
      </c>
    </row>
    <row r="1733" spans="1:14" ht="15.75">
      <c r="A1733" s="695"/>
      <c r="B1733" s="411">
        <f t="shared" si="53"/>
        <v>108</v>
      </c>
      <c r="C1733" s="498" t="s">
        <v>3881</v>
      </c>
      <c r="D1733" s="449" t="s">
        <v>3882</v>
      </c>
      <c r="E1733" s="144" t="s">
        <v>707</v>
      </c>
      <c r="F1733" s="421" t="s">
        <v>708</v>
      </c>
      <c r="G1733" s="637"/>
      <c r="H1733" s="415"/>
      <c r="I1733" s="451"/>
      <c r="J1733" s="144"/>
      <c r="K1733" s="637"/>
      <c r="L1733" s="469">
        <v>38362</v>
      </c>
      <c r="M1733" s="469"/>
      <c r="N1733" s="418" t="str">
        <f t="shared" si="52"/>
        <v/>
      </c>
    </row>
    <row r="1734" spans="1:14" ht="15.75">
      <c r="A1734" s="695"/>
      <c r="B1734" s="411">
        <f t="shared" si="53"/>
        <v>108</v>
      </c>
      <c r="C1734" s="498" t="s">
        <v>3883</v>
      </c>
      <c r="D1734" s="449" t="s">
        <v>3884</v>
      </c>
      <c r="E1734" s="144" t="s">
        <v>707</v>
      </c>
      <c r="F1734" s="421" t="s">
        <v>708</v>
      </c>
      <c r="G1734" s="637"/>
      <c r="H1734" s="415"/>
      <c r="I1734" s="451"/>
      <c r="J1734" s="144"/>
      <c r="K1734" s="637"/>
      <c r="L1734" s="469">
        <v>38362</v>
      </c>
      <c r="M1734" s="469"/>
      <c r="N1734" s="418" t="str">
        <f t="shared" si="52"/>
        <v/>
      </c>
    </row>
    <row r="1735" spans="1:14" ht="15.75">
      <c r="A1735" s="695"/>
      <c r="B1735" s="411">
        <f t="shared" si="53"/>
        <v>108</v>
      </c>
      <c r="C1735" s="498" t="s">
        <v>3885</v>
      </c>
      <c r="D1735" s="449" t="s">
        <v>3886</v>
      </c>
      <c r="E1735" s="144" t="s">
        <v>707</v>
      </c>
      <c r="F1735" s="421" t="s">
        <v>708</v>
      </c>
      <c r="G1735" s="637"/>
      <c r="H1735" s="415"/>
      <c r="I1735" s="451"/>
      <c r="J1735" s="144"/>
      <c r="K1735" s="637"/>
      <c r="L1735" s="469">
        <v>38362</v>
      </c>
      <c r="M1735" s="469"/>
      <c r="N1735" s="418" t="str">
        <f t="shared" si="52"/>
        <v/>
      </c>
    </row>
    <row r="1736" spans="1:14" ht="15.75">
      <c r="A1736" s="695"/>
      <c r="B1736" s="411">
        <f t="shared" si="53"/>
        <v>108</v>
      </c>
      <c r="C1736" s="498" t="s">
        <v>3887</v>
      </c>
      <c r="D1736" s="449" t="s">
        <v>3888</v>
      </c>
      <c r="E1736" s="144" t="s">
        <v>707</v>
      </c>
      <c r="F1736" s="421" t="s">
        <v>708</v>
      </c>
      <c r="G1736" s="637"/>
      <c r="H1736" s="415"/>
      <c r="I1736" s="451"/>
      <c r="J1736" s="144"/>
      <c r="K1736" s="637"/>
      <c r="L1736" s="469">
        <v>38362</v>
      </c>
      <c r="M1736" s="469"/>
      <c r="N1736" s="418" t="str">
        <f t="shared" si="52"/>
        <v/>
      </c>
    </row>
    <row r="1737" spans="1:14" ht="15.75">
      <c r="A1737" s="695"/>
      <c r="B1737" s="411">
        <f t="shared" si="53"/>
        <v>108</v>
      </c>
      <c r="C1737" s="498" t="s">
        <v>3889</v>
      </c>
      <c r="D1737" s="449" t="s">
        <v>3890</v>
      </c>
      <c r="E1737" s="144" t="s">
        <v>707</v>
      </c>
      <c r="F1737" s="421" t="s">
        <v>708</v>
      </c>
      <c r="G1737" s="637"/>
      <c r="H1737" s="415"/>
      <c r="I1737" s="451"/>
      <c r="J1737" s="144"/>
      <c r="K1737" s="637"/>
      <c r="L1737" s="469">
        <v>38362</v>
      </c>
      <c r="M1737" s="469"/>
      <c r="N1737" s="418" t="str">
        <f t="shared" si="52"/>
        <v/>
      </c>
    </row>
    <row r="1738" spans="1:14" ht="15.75">
      <c r="A1738" s="695"/>
      <c r="B1738" s="411">
        <f t="shared" si="53"/>
        <v>108</v>
      </c>
      <c r="C1738" s="498" t="s">
        <v>3891</v>
      </c>
      <c r="D1738" s="449" t="s">
        <v>3892</v>
      </c>
      <c r="E1738" s="144" t="s">
        <v>707</v>
      </c>
      <c r="F1738" s="421" t="s">
        <v>708</v>
      </c>
      <c r="G1738" s="637"/>
      <c r="H1738" s="415"/>
      <c r="I1738" s="451"/>
      <c r="J1738" s="144"/>
      <c r="K1738" s="637"/>
      <c r="L1738" s="469">
        <v>38362</v>
      </c>
      <c r="M1738" s="469"/>
      <c r="N1738" s="418" t="str">
        <f t="shared" ref="N1738:N1801" si="54">IF(D1738="NA","",IF(COUNTIF($D$2:$D$5552,D1738)&gt;1,"DUPLICATE",""))</f>
        <v/>
      </c>
    </row>
    <row r="1739" spans="1:14" ht="15.75">
      <c r="A1739" s="695"/>
      <c r="B1739" s="411">
        <f t="shared" si="53"/>
        <v>108</v>
      </c>
      <c r="C1739" s="498" t="s">
        <v>3893</v>
      </c>
      <c r="D1739" s="449" t="s">
        <v>3894</v>
      </c>
      <c r="E1739" s="144" t="s">
        <v>707</v>
      </c>
      <c r="F1739" s="421" t="s">
        <v>708</v>
      </c>
      <c r="G1739" s="637"/>
      <c r="H1739" s="415"/>
      <c r="I1739" s="451"/>
      <c r="J1739" s="144"/>
      <c r="K1739" s="637"/>
      <c r="L1739" s="469">
        <v>38362</v>
      </c>
      <c r="M1739" s="469"/>
      <c r="N1739" s="418" t="str">
        <f t="shared" si="54"/>
        <v/>
      </c>
    </row>
    <row r="1740" spans="1:14" ht="15.75">
      <c r="A1740" s="695"/>
      <c r="B1740" s="411">
        <f t="shared" si="53"/>
        <v>108</v>
      </c>
      <c r="C1740" s="498" t="s">
        <v>3895</v>
      </c>
      <c r="D1740" s="449" t="s">
        <v>3896</v>
      </c>
      <c r="E1740" s="144" t="s">
        <v>707</v>
      </c>
      <c r="F1740" s="421" t="s">
        <v>708</v>
      </c>
      <c r="G1740" s="637"/>
      <c r="H1740" s="415"/>
      <c r="I1740" s="451"/>
      <c r="J1740" s="144"/>
      <c r="K1740" s="637"/>
      <c r="L1740" s="469">
        <v>38362</v>
      </c>
      <c r="M1740" s="469"/>
      <c r="N1740" s="418" t="str">
        <f t="shared" si="54"/>
        <v/>
      </c>
    </row>
    <row r="1741" spans="1:14" ht="15.75">
      <c r="A1741" s="695"/>
      <c r="B1741" s="411">
        <f t="shared" si="53"/>
        <v>108</v>
      </c>
      <c r="C1741" s="498" t="s">
        <v>3897</v>
      </c>
      <c r="D1741" s="449" t="s">
        <v>3898</v>
      </c>
      <c r="E1741" s="144" t="s">
        <v>707</v>
      </c>
      <c r="F1741" s="421" t="s">
        <v>708</v>
      </c>
      <c r="G1741" s="637"/>
      <c r="H1741" s="415"/>
      <c r="I1741" s="451"/>
      <c r="J1741" s="144"/>
      <c r="K1741" s="637"/>
      <c r="L1741" s="469">
        <v>38362</v>
      </c>
      <c r="M1741" s="469"/>
      <c r="N1741" s="418" t="str">
        <f t="shared" si="54"/>
        <v/>
      </c>
    </row>
    <row r="1742" spans="1:14" ht="15.75">
      <c r="A1742" s="695"/>
      <c r="B1742" s="411">
        <f t="shared" si="53"/>
        <v>108</v>
      </c>
      <c r="C1742" s="498" t="s">
        <v>3899</v>
      </c>
      <c r="D1742" s="449" t="s">
        <v>3900</v>
      </c>
      <c r="E1742" s="144" t="s">
        <v>707</v>
      </c>
      <c r="F1742" s="421" t="s">
        <v>708</v>
      </c>
      <c r="G1742" s="637"/>
      <c r="H1742" s="415"/>
      <c r="I1742" s="451"/>
      <c r="J1742" s="144"/>
      <c r="K1742" s="637"/>
      <c r="L1742" s="469">
        <v>38362</v>
      </c>
      <c r="M1742" s="469"/>
      <c r="N1742" s="418" t="str">
        <f t="shared" si="54"/>
        <v/>
      </c>
    </row>
    <row r="1743" spans="1:14" ht="15.75">
      <c r="A1743" s="695"/>
      <c r="B1743" s="411">
        <f t="shared" si="53"/>
        <v>108</v>
      </c>
      <c r="C1743" s="498" t="s">
        <v>3901</v>
      </c>
      <c r="D1743" s="449" t="s">
        <v>3902</v>
      </c>
      <c r="E1743" s="144" t="s">
        <v>707</v>
      </c>
      <c r="F1743" s="421" t="s">
        <v>708</v>
      </c>
      <c r="G1743" s="637"/>
      <c r="H1743" s="415"/>
      <c r="I1743" s="451"/>
      <c r="J1743" s="144"/>
      <c r="K1743" s="637"/>
      <c r="L1743" s="469"/>
      <c r="M1743" s="469"/>
      <c r="N1743" s="418" t="str">
        <f t="shared" si="54"/>
        <v/>
      </c>
    </row>
    <row r="1744" spans="1:14" ht="15.75">
      <c r="A1744" s="695"/>
      <c r="B1744" s="411">
        <f t="shared" si="53"/>
        <v>108</v>
      </c>
      <c r="C1744" s="498" t="s">
        <v>3903</v>
      </c>
      <c r="D1744" s="449" t="s">
        <v>3904</v>
      </c>
      <c r="E1744" s="144" t="s">
        <v>707</v>
      </c>
      <c r="F1744" s="421" t="s">
        <v>708</v>
      </c>
      <c r="G1744" s="637"/>
      <c r="H1744" s="415"/>
      <c r="I1744" s="451"/>
      <c r="J1744" s="144"/>
      <c r="K1744" s="637"/>
      <c r="L1744" s="469"/>
      <c r="M1744" s="469"/>
      <c r="N1744" s="418" t="str">
        <f t="shared" si="54"/>
        <v/>
      </c>
    </row>
    <row r="1745" spans="1:14" ht="15.75">
      <c r="A1745" s="695"/>
      <c r="B1745" s="411">
        <f t="shared" si="53"/>
        <v>108</v>
      </c>
      <c r="C1745" s="498" t="s">
        <v>3905</v>
      </c>
      <c r="D1745" s="449" t="s">
        <v>3906</v>
      </c>
      <c r="E1745" s="144" t="s">
        <v>707</v>
      </c>
      <c r="F1745" s="421" t="s">
        <v>708</v>
      </c>
      <c r="G1745" s="637"/>
      <c r="H1745" s="415"/>
      <c r="I1745" s="451"/>
      <c r="J1745" s="144"/>
      <c r="K1745" s="637"/>
      <c r="L1745" s="469"/>
      <c r="M1745" s="469"/>
      <c r="N1745" s="418" t="str">
        <f t="shared" si="54"/>
        <v/>
      </c>
    </row>
    <row r="1746" spans="1:14" ht="15.75">
      <c r="A1746" s="695"/>
      <c r="B1746" s="411">
        <f t="shared" si="53"/>
        <v>108</v>
      </c>
      <c r="C1746" s="498" t="s">
        <v>3907</v>
      </c>
      <c r="D1746" s="449" t="s">
        <v>3908</v>
      </c>
      <c r="E1746" s="144" t="s">
        <v>707</v>
      </c>
      <c r="F1746" s="421" t="s">
        <v>708</v>
      </c>
      <c r="G1746" s="637"/>
      <c r="H1746" s="415"/>
      <c r="I1746" s="451"/>
      <c r="J1746" s="144"/>
      <c r="K1746" s="637"/>
      <c r="L1746" s="469">
        <v>38362</v>
      </c>
      <c r="M1746" s="469"/>
      <c r="N1746" s="418" t="str">
        <f t="shared" si="54"/>
        <v/>
      </c>
    </row>
    <row r="1747" spans="1:14" ht="15.75">
      <c r="A1747" s="695"/>
      <c r="B1747" s="411">
        <f t="shared" si="53"/>
        <v>108</v>
      </c>
      <c r="C1747" s="498" t="s">
        <v>3909</v>
      </c>
      <c r="D1747" s="449" t="s">
        <v>3910</v>
      </c>
      <c r="E1747" s="144" t="s">
        <v>707</v>
      </c>
      <c r="F1747" s="421" t="s">
        <v>708</v>
      </c>
      <c r="G1747" s="637"/>
      <c r="H1747" s="415"/>
      <c r="I1747" s="451"/>
      <c r="J1747" s="144"/>
      <c r="K1747" s="637"/>
      <c r="L1747" s="469">
        <v>38362</v>
      </c>
      <c r="M1747" s="469"/>
      <c r="N1747" s="418" t="str">
        <f t="shared" si="54"/>
        <v/>
      </c>
    </row>
    <row r="1748" spans="1:14" ht="15.75">
      <c r="A1748" s="695"/>
      <c r="B1748" s="411">
        <f t="shared" si="53"/>
        <v>108</v>
      </c>
      <c r="C1748" s="498" t="s">
        <v>3911</v>
      </c>
      <c r="D1748" s="449" t="s">
        <v>3912</v>
      </c>
      <c r="E1748" s="144" t="s">
        <v>707</v>
      </c>
      <c r="F1748" s="421" t="s">
        <v>708</v>
      </c>
      <c r="G1748" s="637"/>
      <c r="H1748" s="415"/>
      <c r="I1748" s="451"/>
      <c r="J1748" s="144"/>
      <c r="K1748" s="637"/>
      <c r="L1748" s="469">
        <v>38362</v>
      </c>
      <c r="M1748" s="469"/>
      <c r="N1748" s="418" t="str">
        <f t="shared" si="54"/>
        <v/>
      </c>
    </row>
    <row r="1749" spans="1:14" ht="15.75">
      <c r="A1749" s="695"/>
      <c r="B1749" s="411">
        <f t="shared" si="53"/>
        <v>108</v>
      </c>
      <c r="C1749" s="498" t="s">
        <v>3913</v>
      </c>
      <c r="D1749" s="449" t="s">
        <v>3914</v>
      </c>
      <c r="E1749" s="144" t="s">
        <v>707</v>
      </c>
      <c r="F1749" s="421" t="s">
        <v>708</v>
      </c>
      <c r="G1749" s="637"/>
      <c r="H1749" s="415"/>
      <c r="I1749" s="451"/>
      <c r="J1749" s="144"/>
      <c r="K1749" s="637"/>
      <c r="L1749" s="469">
        <v>38362</v>
      </c>
      <c r="M1749" s="469"/>
      <c r="N1749" s="418" t="str">
        <f t="shared" si="54"/>
        <v/>
      </c>
    </row>
    <row r="1750" spans="1:14" ht="15.75">
      <c r="A1750" s="695"/>
      <c r="B1750" s="411">
        <f t="shared" si="53"/>
        <v>108</v>
      </c>
      <c r="C1750" s="498" t="s">
        <v>3915</v>
      </c>
      <c r="D1750" s="449" t="s">
        <v>3916</v>
      </c>
      <c r="E1750" s="144" t="s">
        <v>707</v>
      </c>
      <c r="F1750" s="421" t="s">
        <v>708</v>
      </c>
      <c r="G1750" s="637"/>
      <c r="H1750" s="415"/>
      <c r="I1750" s="451"/>
      <c r="J1750" s="144"/>
      <c r="K1750" s="637"/>
      <c r="L1750" s="469">
        <v>38362</v>
      </c>
      <c r="M1750" s="469"/>
      <c r="N1750" s="418" t="str">
        <f t="shared" si="54"/>
        <v/>
      </c>
    </row>
    <row r="1751" spans="1:14" ht="15.75">
      <c r="A1751" s="695"/>
      <c r="B1751" s="411">
        <f t="shared" si="53"/>
        <v>108</v>
      </c>
      <c r="C1751" s="498" t="s">
        <v>3917</v>
      </c>
      <c r="D1751" s="449" t="s">
        <v>3918</v>
      </c>
      <c r="E1751" s="144" t="s">
        <v>707</v>
      </c>
      <c r="F1751" s="421" t="s">
        <v>708</v>
      </c>
      <c r="G1751" s="637"/>
      <c r="H1751" s="415"/>
      <c r="I1751" s="451"/>
      <c r="J1751" s="144"/>
      <c r="K1751" s="637"/>
      <c r="L1751" s="469">
        <v>38362</v>
      </c>
      <c r="M1751" s="469"/>
      <c r="N1751" s="418" t="str">
        <f t="shared" si="54"/>
        <v/>
      </c>
    </row>
    <row r="1752" spans="1:14" ht="31.5">
      <c r="A1752" s="678">
        <v>109</v>
      </c>
      <c r="B1752" s="411">
        <f t="shared" si="53"/>
        <v>109</v>
      </c>
      <c r="C1752" s="677" t="s">
        <v>3919</v>
      </c>
      <c r="D1752" s="576" t="s">
        <v>3920</v>
      </c>
      <c r="E1752" s="414" t="s">
        <v>595</v>
      </c>
      <c r="F1752" s="414" t="s">
        <v>596</v>
      </c>
      <c r="G1752" s="414" t="s">
        <v>1390</v>
      </c>
      <c r="H1752" s="415"/>
      <c r="I1752" s="415"/>
      <c r="J1752" s="437" t="s">
        <v>3921</v>
      </c>
      <c r="K1752" s="414"/>
      <c r="L1752" s="417">
        <v>42767</v>
      </c>
      <c r="M1752" s="417"/>
      <c r="N1752" s="418" t="str">
        <f t="shared" si="54"/>
        <v/>
      </c>
    </row>
    <row r="1753" spans="1:14" ht="31.5">
      <c r="A1753" s="678">
        <v>110</v>
      </c>
      <c r="B1753" s="411">
        <f t="shared" si="53"/>
        <v>110</v>
      </c>
      <c r="C1753" s="698" t="s">
        <v>26628</v>
      </c>
      <c r="D1753" s="576" t="s">
        <v>7269</v>
      </c>
      <c r="E1753" s="414" t="s">
        <v>595</v>
      </c>
      <c r="F1753" s="414" t="s">
        <v>596</v>
      </c>
      <c r="G1753" s="414" t="s">
        <v>1390</v>
      </c>
      <c r="H1753" s="415"/>
      <c r="I1753" s="415"/>
      <c r="J1753" s="144" t="s">
        <v>26629</v>
      </c>
      <c r="K1753" s="414"/>
      <c r="L1753" s="417">
        <v>43497</v>
      </c>
      <c r="M1753" s="417"/>
      <c r="N1753" s="418" t="str">
        <f t="shared" si="54"/>
        <v/>
      </c>
    </row>
    <row r="1754" spans="1:14" ht="31.5">
      <c r="A1754" s="678">
        <v>111</v>
      </c>
      <c r="B1754" s="411">
        <f t="shared" ref="B1754:B1817" si="55">IF(A1754&gt;0,A1754,B1753)</f>
        <v>111</v>
      </c>
      <c r="C1754" s="698" t="s">
        <v>26630</v>
      </c>
      <c r="D1754" s="576" t="s">
        <v>26631</v>
      </c>
      <c r="E1754" s="414" t="s">
        <v>595</v>
      </c>
      <c r="F1754" s="414" t="s">
        <v>596</v>
      </c>
      <c r="G1754" s="414" t="s">
        <v>1390</v>
      </c>
      <c r="H1754" s="415"/>
      <c r="I1754" s="415"/>
      <c r="J1754" s="414" t="s">
        <v>26632</v>
      </c>
      <c r="K1754" s="414"/>
      <c r="L1754" s="417">
        <v>43497</v>
      </c>
      <c r="M1754" s="417"/>
      <c r="N1754" s="418" t="str">
        <f t="shared" si="54"/>
        <v/>
      </c>
    </row>
    <row r="1755" spans="1:14" ht="47.25">
      <c r="A1755" s="572">
        <v>112</v>
      </c>
      <c r="B1755" s="411">
        <f t="shared" si="55"/>
        <v>112</v>
      </c>
      <c r="C1755" s="473" t="s">
        <v>3922</v>
      </c>
      <c r="D1755" s="414" t="s">
        <v>3923</v>
      </c>
      <c r="E1755" s="414" t="s">
        <v>595</v>
      </c>
      <c r="F1755" s="414" t="s">
        <v>596</v>
      </c>
      <c r="G1755" s="414" t="s">
        <v>614</v>
      </c>
      <c r="H1755" s="415"/>
      <c r="I1755" s="415"/>
      <c r="J1755" s="414" t="s">
        <v>3924</v>
      </c>
      <c r="K1755" s="414"/>
      <c r="L1755" s="417">
        <v>42767</v>
      </c>
      <c r="M1755" s="417"/>
      <c r="N1755" s="418" t="str">
        <f t="shared" si="54"/>
        <v/>
      </c>
    </row>
    <row r="1756" spans="1:14" ht="15.75">
      <c r="A1756" s="699">
        <v>113</v>
      </c>
      <c r="B1756" s="411">
        <f t="shared" si="55"/>
        <v>113</v>
      </c>
      <c r="C1756" s="700" t="s">
        <v>70</v>
      </c>
      <c r="D1756" s="701" t="s">
        <v>573</v>
      </c>
      <c r="E1756" s="702" t="s">
        <v>595</v>
      </c>
      <c r="F1756" s="702" t="s">
        <v>600</v>
      </c>
      <c r="G1756" s="702" t="s">
        <v>760</v>
      </c>
      <c r="H1756" s="703"/>
      <c r="I1756" s="703"/>
      <c r="J1756" s="704" t="s">
        <v>3925</v>
      </c>
      <c r="K1756" s="702"/>
      <c r="L1756" s="705">
        <v>42767</v>
      </c>
      <c r="M1756" s="705">
        <v>43862</v>
      </c>
      <c r="N1756" s="418" t="str">
        <f t="shared" si="54"/>
        <v/>
      </c>
    </row>
    <row r="1757" spans="1:14" ht="47.25">
      <c r="A1757" s="536">
        <v>114</v>
      </c>
      <c r="B1757" s="411">
        <f t="shared" si="55"/>
        <v>114</v>
      </c>
      <c r="C1757" s="550" t="s">
        <v>3926</v>
      </c>
      <c r="D1757" s="421" t="s">
        <v>3927</v>
      </c>
      <c r="E1757" s="414" t="s">
        <v>595</v>
      </c>
      <c r="F1757" s="414" t="s">
        <v>596</v>
      </c>
      <c r="G1757" s="414" t="s">
        <v>614</v>
      </c>
      <c r="H1757" s="415"/>
      <c r="I1757" s="415"/>
      <c r="J1757" s="437" t="s">
        <v>3928</v>
      </c>
      <c r="K1757" s="414"/>
      <c r="L1757" s="417">
        <v>42767</v>
      </c>
      <c r="M1757" s="417"/>
      <c r="N1757" s="418" t="str">
        <f t="shared" si="54"/>
        <v/>
      </c>
    </row>
    <row r="1758" spans="1:14" ht="31.5">
      <c r="A1758" s="536">
        <v>115</v>
      </c>
      <c r="B1758" s="411">
        <f t="shared" si="55"/>
        <v>115</v>
      </c>
      <c r="C1758" s="550" t="s">
        <v>26633</v>
      </c>
      <c r="D1758" s="421" t="s">
        <v>26634</v>
      </c>
      <c r="E1758" s="414" t="s">
        <v>595</v>
      </c>
      <c r="F1758" s="414" t="s">
        <v>596</v>
      </c>
      <c r="G1758" s="414" t="s">
        <v>1390</v>
      </c>
      <c r="H1758" s="415"/>
      <c r="I1758" s="415"/>
      <c r="J1758" s="706" t="s">
        <v>26635</v>
      </c>
      <c r="K1758" s="414"/>
      <c r="L1758" s="417">
        <v>43497</v>
      </c>
      <c r="M1758" s="417"/>
      <c r="N1758" s="418" t="str">
        <f t="shared" si="54"/>
        <v/>
      </c>
    </row>
    <row r="1759" spans="1:14" ht="110.25">
      <c r="A1759" s="536">
        <v>116</v>
      </c>
      <c r="B1759" s="411">
        <f t="shared" si="55"/>
        <v>116</v>
      </c>
      <c r="C1759" s="424" t="s">
        <v>3929</v>
      </c>
      <c r="D1759" s="414"/>
      <c r="E1759" s="414" t="s">
        <v>707</v>
      </c>
      <c r="F1759" s="414" t="s">
        <v>600</v>
      </c>
      <c r="G1759" s="414" t="s">
        <v>26636</v>
      </c>
      <c r="H1759" s="415" t="s">
        <v>710</v>
      </c>
      <c r="I1759" s="415" t="s">
        <v>711</v>
      </c>
      <c r="J1759" s="416" t="s">
        <v>3930</v>
      </c>
      <c r="K1759" s="422" t="s">
        <v>3931</v>
      </c>
      <c r="L1759" s="417">
        <v>38362</v>
      </c>
      <c r="M1759" s="417">
        <v>43497</v>
      </c>
      <c r="N1759" s="418" t="str">
        <f t="shared" si="54"/>
        <v/>
      </c>
    </row>
    <row r="1760" spans="1:14" ht="15.75">
      <c r="A1760" s="574"/>
      <c r="B1760" s="411">
        <f t="shared" si="55"/>
        <v>116</v>
      </c>
      <c r="C1760" s="575" t="s">
        <v>3932</v>
      </c>
      <c r="D1760" s="442" t="s">
        <v>3933</v>
      </c>
      <c r="E1760" s="144" t="s">
        <v>707</v>
      </c>
      <c r="F1760" s="442" t="s">
        <v>600</v>
      </c>
      <c r="G1760" s="443"/>
      <c r="H1760" s="415"/>
      <c r="I1760" s="444"/>
      <c r="J1760" s="577"/>
      <c r="K1760" s="694"/>
      <c r="L1760" s="448">
        <v>38362</v>
      </c>
      <c r="M1760" s="448"/>
      <c r="N1760" s="418" t="str">
        <f t="shared" si="54"/>
        <v/>
      </c>
    </row>
    <row r="1761" spans="1:14" ht="15.75">
      <c r="A1761" s="538"/>
      <c r="B1761" s="411">
        <f t="shared" si="55"/>
        <v>116</v>
      </c>
      <c r="C1761" s="498" t="s">
        <v>3934</v>
      </c>
      <c r="D1761" s="449" t="s">
        <v>3935</v>
      </c>
      <c r="E1761" s="144" t="s">
        <v>707</v>
      </c>
      <c r="F1761" s="449" t="s">
        <v>600</v>
      </c>
      <c r="G1761" s="450"/>
      <c r="H1761" s="415"/>
      <c r="I1761" s="451"/>
      <c r="J1761" s="144"/>
      <c r="K1761" s="517"/>
      <c r="L1761" s="455">
        <v>38362</v>
      </c>
      <c r="M1761" s="455"/>
      <c r="N1761" s="418" t="str">
        <f t="shared" si="54"/>
        <v/>
      </c>
    </row>
    <row r="1762" spans="1:14" ht="15.75">
      <c r="A1762" s="383"/>
      <c r="B1762" s="411">
        <f t="shared" si="55"/>
        <v>116</v>
      </c>
      <c r="C1762" s="498" t="s">
        <v>3936</v>
      </c>
      <c r="D1762" s="449" t="s">
        <v>3937</v>
      </c>
      <c r="E1762" s="452" t="s">
        <v>707</v>
      </c>
      <c r="F1762" s="449" t="s">
        <v>600</v>
      </c>
      <c r="G1762" s="450"/>
      <c r="H1762" s="415"/>
      <c r="I1762" s="451"/>
      <c r="J1762" s="144"/>
      <c r="K1762" s="517"/>
      <c r="L1762" s="455">
        <v>38362</v>
      </c>
      <c r="M1762" s="455"/>
      <c r="N1762" s="418" t="str">
        <f t="shared" si="54"/>
        <v/>
      </c>
    </row>
    <row r="1763" spans="1:14" ht="15.75">
      <c r="A1763" s="538"/>
      <c r="B1763" s="411">
        <f t="shared" si="55"/>
        <v>116</v>
      </c>
      <c r="C1763" s="498" t="s">
        <v>3938</v>
      </c>
      <c r="D1763" s="449" t="s">
        <v>3939</v>
      </c>
      <c r="E1763" s="144" t="s">
        <v>707</v>
      </c>
      <c r="F1763" s="449" t="s">
        <v>600</v>
      </c>
      <c r="G1763" s="450"/>
      <c r="H1763" s="415"/>
      <c r="I1763" s="451"/>
      <c r="J1763" s="144"/>
      <c r="K1763" s="517"/>
      <c r="L1763" s="455">
        <v>38362</v>
      </c>
      <c r="M1763" s="455"/>
      <c r="N1763" s="418" t="str">
        <f t="shared" si="54"/>
        <v/>
      </c>
    </row>
    <row r="1764" spans="1:14" ht="15.75">
      <c r="A1764" s="538"/>
      <c r="B1764" s="411">
        <f t="shared" si="55"/>
        <v>116</v>
      </c>
      <c r="C1764" s="498" t="s">
        <v>3940</v>
      </c>
      <c r="D1764" s="449" t="s">
        <v>3941</v>
      </c>
      <c r="E1764" s="144" t="s">
        <v>707</v>
      </c>
      <c r="F1764" s="449" t="s">
        <v>600</v>
      </c>
      <c r="G1764" s="450"/>
      <c r="H1764" s="415"/>
      <c r="I1764" s="451"/>
      <c r="J1764" s="144"/>
      <c r="K1764" s="517"/>
      <c r="L1764" s="455">
        <v>38362</v>
      </c>
      <c r="M1764" s="455"/>
      <c r="N1764" s="418" t="str">
        <f t="shared" si="54"/>
        <v/>
      </c>
    </row>
    <row r="1765" spans="1:14" ht="15.75">
      <c r="A1765" s="383"/>
      <c r="B1765" s="411">
        <f t="shared" si="55"/>
        <v>116</v>
      </c>
      <c r="C1765" s="498" t="s">
        <v>3942</v>
      </c>
      <c r="D1765" s="449" t="s">
        <v>3943</v>
      </c>
      <c r="E1765" s="452" t="s">
        <v>707</v>
      </c>
      <c r="F1765" s="449" t="s">
        <v>600</v>
      </c>
      <c r="G1765" s="450"/>
      <c r="H1765" s="415"/>
      <c r="I1765" s="451"/>
      <c r="J1765" s="144"/>
      <c r="K1765" s="517"/>
      <c r="L1765" s="455">
        <v>38362</v>
      </c>
      <c r="M1765" s="455"/>
      <c r="N1765" s="418" t="str">
        <f t="shared" si="54"/>
        <v/>
      </c>
    </row>
    <row r="1766" spans="1:14" ht="15.75">
      <c r="A1766" s="538"/>
      <c r="B1766" s="411">
        <f t="shared" si="55"/>
        <v>116</v>
      </c>
      <c r="C1766" s="498" t="s">
        <v>3944</v>
      </c>
      <c r="D1766" s="449" t="s">
        <v>3945</v>
      </c>
      <c r="E1766" s="144" t="s">
        <v>707</v>
      </c>
      <c r="F1766" s="449" t="s">
        <v>600</v>
      </c>
      <c r="G1766" s="450"/>
      <c r="H1766" s="415"/>
      <c r="I1766" s="451"/>
      <c r="J1766" s="144"/>
      <c r="K1766" s="517"/>
      <c r="L1766" s="455">
        <v>38362</v>
      </c>
      <c r="M1766" s="455"/>
      <c r="N1766" s="418" t="str">
        <f t="shared" si="54"/>
        <v/>
      </c>
    </row>
    <row r="1767" spans="1:14" ht="15.75">
      <c r="A1767" s="538"/>
      <c r="B1767" s="411">
        <f t="shared" si="55"/>
        <v>116</v>
      </c>
      <c r="C1767" s="498" t="s">
        <v>3946</v>
      </c>
      <c r="D1767" s="449" t="s">
        <v>3947</v>
      </c>
      <c r="E1767" s="144" t="s">
        <v>707</v>
      </c>
      <c r="F1767" s="449" t="s">
        <v>600</v>
      </c>
      <c r="G1767" s="450"/>
      <c r="H1767" s="415"/>
      <c r="I1767" s="451"/>
      <c r="J1767" s="144"/>
      <c r="K1767" s="517"/>
      <c r="L1767" s="455">
        <v>38362</v>
      </c>
      <c r="M1767" s="455"/>
      <c r="N1767" s="418" t="str">
        <f t="shared" si="54"/>
        <v/>
      </c>
    </row>
    <row r="1768" spans="1:14" ht="15.75">
      <c r="A1768" s="538"/>
      <c r="B1768" s="411">
        <f t="shared" si="55"/>
        <v>116</v>
      </c>
      <c r="C1768" s="498" t="s">
        <v>3948</v>
      </c>
      <c r="D1768" s="449" t="s">
        <v>3949</v>
      </c>
      <c r="E1768" s="144" t="s">
        <v>707</v>
      </c>
      <c r="F1768" s="449" t="s">
        <v>600</v>
      </c>
      <c r="G1768" s="450"/>
      <c r="H1768" s="415"/>
      <c r="I1768" s="451"/>
      <c r="J1768" s="144"/>
      <c r="K1768" s="517"/>
      <c r="L1768" s="455">
        <v>38362</v>
      </c>
      <c r="M1768" s="455"/>
      <c r="N1768" s="418" t="str">
        <f t="shared" si="54"/>
        <v/>
      </c>
    </row>
    <row r="1769" spans="1:14" ht="15.75">
      <c r="A1769" s="538"/>
      <c r="B1769" s="411">
        <f t="shared" si="55"/>
        <v>116</v>
      </c>
      <c r="C1769" s="498" t="s">
        <v>3950</v>
      </c>
      <c r="D1769" s="449" t="s">
        <v>3951</v>
      </c>
      <c r="E1769" s="144" t="s">
        <v>707</v>
      </c>
      <c r="F1769" s="449" t="s">
        <v>600</v>
      </c>
      <c r="G1769" s="450"/>
      <c r="H1769" s="415"/>
      <c r="I1769" s="451"/>
      <c r="J1769" s="144"/>
      <c r="K1769" s="517"/>
      <c r="L1769" s="455">
        <v>38362</v>
      </c>
      <c r="M1769" s="455"/>
      <c r="N1769" s="418" t="str">
        <f t="shared" si="54"/>
        <v/>
      </c>
    </row>
    <row r="1770" spans="1:14" ht="28.5">
      <c r="A1770" s="538"/>
      <c r="B1770" s="411">
        <f t="shared" si="55"/>
        <v>116</v>
      </c>
      <c r="C1770" s="498" t="s">
        <v>3952</v>
      </c>
      <c r="D1770" s="449" t="s">
        <v>3953</v>
      </c>
      <c r="E1770" s="144" t="s">
        <v>707</v>
      </c>
      <c r="F1770" s="449" t="s">
        <v>600</v>
      </c>
      <c r="G1770" s="450"/>
      <c r="H1770" s="415"/>
      <c r="I1770" s="451"/>
      <c r="J1770" s="144"/>
      <c r="K1770" s="517"/>
      <c r="L1770" s="455">
        <v>38362</v>
      </c>
      <c r="M1770" s="455"/>
      <c r="N1770" s="418" t="str">
        <f t="shared" si="54"/>
        <v/>
      </c>
    </row>
    <row r="1771" spans="1:14" ht="15.75">
      <c r="A1771" s="538"/>
      <c r="B1771" s="411">
        <f t="shared" si="55"/>
        <v>116</v>
      </c>
      <c r="C1771" s="498" t="s">
        <v>3954</v>
      </c>
      <c r="D1771" s="449" t="s">
        <v>3955</v>
      </c>
      <c r="E1771" s="144" t="s">
        <v>707</v>
      </c>
      <c r="F1771" s="449" t="s">
        <v>600</v>
      </c>
      <c r="G1771" s="450"/>
      <c r="H1771" s="415"/>
      <c r="I1771" s="451"/>
      <c r="J1771" s="144"/>
      <c r="K1771" s="517"/>
      <c r="L1771" s="455">
        <v>38362</v>
      </c>
      <c r="M1771" s="455"/>
      <c r="N1771" s="418" t="str">
        <f t="shared" si="54"/>
        <v/>
      </c>
    </row>
    <row r="1772" spans="1:14" ht="15.75">
      <c r="A1772" s="538"/>
      <c r="B1772" s="411">
        <f t="shared" si="55"/>
        <v>116</v>
      </c>
      <c r="C1772" s="498" t="s">
        <v>3956</v>
      </c>
      <c r="D1772" s="449" t="s">
        <v>3957</v>
      </c>
      <c r="E1772" s="144" t="s">
        <v>707</v>
      </c>
      <c r="F1772" s="449" t="s">
        <v>600</v>
      </c>
      <c r="G1772" s="450"/>
      <c r="H1772" s="415"/>
      <c r="I1772" s="451"/>
      <c r="J1772" s="144"/>
      <c r="K1772" s="517"/>
      <c r="L1772" s="455">
        <v>38362</v>
      </c>
      <c r="M1772" s="455"/>
      <c r="N1772" s="418" t="str">
        <f t="shared" si="54"/>
        <v/>
      </c>
    </row>
    <row r="1773" spans="1:14" ht="15.75">
      <c r="A1773" s="538"/>
      <c r="B1773" s="411">
        <f t="shared" si="55"/>
        <v>116</v>
      </c>
      <c r="C1773" s="498" t="s">
        <v>3958</v>
      </c>
      <c r="D1773" s="449" t="s">
        <v>3959</v>
      </c>
      <c r="E1773" s="144" t="s">
        <v>707</v>
      </c>
      <c r="F1773" s="449" t="s">
        <v>600</v>
      </c>
      <c r="G1773" s="450"/>
      <c r="H1773" s="415"/>
      <c r="I1773" s="451"/>
      <c r="J1773" s="144"/>
      <c r="K1773" s="517"/>
      <c r="L1773" s="455">
        <v>38362</v>
      </c>
      <c r="M1773" s="455"/>
      <c r="N1773" s="418" t="str">
        <f t="shared" si="54"/>
        <v/>
      </c>
    </row>
    <row r="1774" spans="1:14" ht="28.5">
      <c r="A1774" s="538"/>
      <c r="B1774" s="411">
        <f t="shared" si="55"/>
        <v>116</v>
      </c>
      <c r="C1774" s="498" t="s">
        <v>3960</v>
      </c>
      <c r="D1774" s="449" t="s">
        <v>3961</v>
      </c>
      <c r="E1774" s="144" t="s">
        <v>707</v>
      </c>
      <c r="F1774" s="449" t="s">
        <v>600</v>
      </c>
      <c r="G1774" s="450"/>
      <c r="H1774" s="415"/>
      <c r="I1774" s="451"/>
      <c r="J1774" s="144"/>
      <c r="K1774" s="517"/>
      <c r="L1774" s="455">
        <v>38362</v>
      </c>
      <c r="M1774" s="455"/>
      <c r="N1774" s="418" t="str">
        <f t="shared" si="54"/>
        <v/>
      </c>
    </row>
    <row r="1775" spans="1:14" ht="28.5">
      <c r="A1775" s="538"/>
      <c r="B1775" s="411">
        <f t="shared" si="55"/>
        <v>116</v>
      </c>
      <c r="C1775" s="498" t="s">
        <v>3962</v>
      </c>
      <c r="D1775" s="449" t="s">
        <v>3963</v>
      </c>
      <c r="E1775" s="144" t="s">
        <v>707</v>
      </c>
      <c r="F1775" s="449" t="s">
        <v>600</v>
      </c>
      <c r="G1775" s="450"/>
      <c r="H1775" s="415"/>
      <c r="I1775" s="451"/>
      <c r="J1775" s="144"/>
      <c r="K1775" s="517"/>
      <c r="L1775" s="455">
        <v>38362</v>
      </c>
      <c r="M1775" s="455"/>
      <c r="N1775" s="418" t="str">
        <f t="shared" si="54"/>
        <v/>
      </c>
    </row>
    <row r="1776" spans="1:14" ht="15.75">
      <c r="A1776" s="538"/>
      <c r="B1776" s="411">
        <f t="shared" si="55"/>
        <v>116</v>
      </c>
      <c r="C1776" s="498" t="s">
        <v>3964</v>
      </c>
      <c r="D1776" s="449" t="s">
        <v>3965</v>
      </c>
      <c r="E1776" s="144" t="s">
        <v>707</v>
      </c>
      <c r="F1776" s="449" t="s">
        <v>600</v>
      </c>
      <c r="G1776" s="450"/>
      <c r="H1776" s="415"/>
      <c r="I1776" s="451"/>
      <c r="J1776" s="144"/>
      <c r="K1776" s="517"/>
      <c r="L1776" s="455">
        <v>38362</v>
      </c>
      <c r="M1776" s="455"/>
      <c r="N1776" s="418" t="str">
        <f t="shared" si="54"/>
        <v/>
      </c>
    </row>
    <row r="1777" spans="1:14" ht="15.75">
      <c r="A1777" s="538"/>
      <c r="B1777" s="411">
        <f t="shared" si="55"/>
        <v>116</v>
      </c>
      <c r="C1777" s="498" t="s">
        <v>3966</v>
      </c>
      <c r="D1777" s="449" t="s">
        <v>3967</v>
      </c>
      <c r="E1777" s="144" t="s">
        <v>707</v>
      </c>
      <c r="F1777" s="449" t="s">
        <v>600</v>
      </c>
      <c r="G1777" s="450"/>
      <c r="H1777" s="415"/>
      <c r="I1777" s="451"/>
      <c r="J1777" s="144"/>
      <c r="K1777" s="517"/>
      <c r="L1777" s="455">
        <v>38362</v>
      </c>
      <c r="M1777" s="455"/>
      <c r="N1777" s="418" t="str">
        <f t="shared" si="54"/>
        <v/>
      </c>
    </row>
    <row r="1778" spans="1:14" ht="42.75">
      <c r="A1778" s="538"/>
      <c r="B1778" s="411">
        <f t="shared" si="55"/>
        <v>116</v>
      </c>
      <c r="C1778" s="498" t="s">
        <v>3968</v>
      </c>
      <c r="D1778" s="449" t="s">
        <v>3969</v>
      </c>
      <c r="E1778" s="144" t="s">
        <v>707</v>
      </c>
      <c r="F1778" s="449" t="s">
        <v>600</v>
      </c>
      <c r="G1778" s="450"/>
      <c r="H1778" s="415"/>
      <c r="I1778" s="451"/>
      <c r="J1778" s="144"/>
      <c r="K1778" s="517"/>
      <c r="L1778" s="455">
        <v>38362</v>
      </c>
      <c r="M1778" s="455"/>
      <c r="N1778" s="418" t="str">
        <f t="shared" si="54"/>
        <v/>
      </c>
    </row>
    <row r="1779" spans="1:14" ht="15.75">
      <c r="A1779" s="538"/>
      <c r="B1779" s="411">
        <f t="shared" si="55"/>
        <v>116</v>
      </c>
      <c r="C1779" s="498" t="s">
        <v>3970</v>
      </c>
      <c r="D1779" s="449" t="s">
        <v>3971</v>
      </c>
      <c r="E1779" s="144" t="s">
        <v>707</v>
      </c>
      <c r="F1779" s="449" t="s">
        <v>600</v>
      </c>
      <c r="G1779" s="450"/>
      <c r="H1779" s="415"/>
      <c r="I1779" s="451"/>
      <c r="J1779" s="144"/>
      <c r="K1779" s="517"/>
      <c r="L1779" s="455">
        <v>38362</v>
      </c>
      <c r="M1779" s="455"/>
      <c r="N1779" s="418" t="str">
        <f t="shared" si="54"/>
        <v/>
      </c>
    </row>
    <row r="1780" spans="1:14" ht="15.75">
      <c r="A1780" s="538"/>
      <c r="B1780" s="411">
        <f t="shared" si="55"/>
        <v>116</v>
      </c>
      <c r="C1780" s="498" t="s">
        <v>3972</v>
      </c>
      <c r="D1780" s="449" t="s">
        <v>405</v>
      </c>
      <c r="E1780" s="144" t="s">
        <v>707</v>
      </c>
      <c r="F1780" s="449" t="s">
        <v>600</v>
      </c>
      <c r="G1780" s="450"/>
      <c r="H1780" s="415"/>
      <c r="I1780" s="451"/>
      <c r="J1780" s="144"/>
      <c r="K1780" s="517"/>
      <c r="L1780" s="455">
        <v>38362</v>
      </c>
      <c r="M1780" s="455">
        <v>42401</v>
      </c>
      <c r="N1780" s="418" t="str">
        <f t="shared" si="54"/>
        <v/>
      </c>
    </row>
    <row r="1781" spans="1:14" ht="15.75">
      <c r="A1781" s="538"/>
      <c r="B1781" s="411">
        <f t="shared" si="55"/>
        <v>116</v>
      </c>
      <c r="C1781" s="498" t="s">
        <v>3973</v>
      </c>
      <c r="D1781" s="449" t="s">
        <v>3974</v>
      </c>
      <c r="E1781" s="144" t="s">
        <v>707</v>
      </c>
      <c r="F1781" s="449" t="s">
        <v>600</v>
      </c>
      <c r="G1781" s="450"/>
      <c r="H1781" s="415"/>
      <c r="I1781" s="451"/>
      <c r="J1781" s="144"/>
      <c r="K1781" s="517"/>
      <c r="L1781" s="455">
        <v>38362</v>
      </c>
      <c r="M1781" s="455"/>
      <c r="N1781" s="418" t="str">
        <f t="shared" si="54"/>
        <v/>
      </c>
    </row>
    <row r="1782" spans="1:14" ht="28.5">
      <c r="A1782" s="538"/>
      <c r="B1782" s="411">
        <f t="shared" si="55"/>
        <v>116</v>
      </c>
      <c r="C1782" s="498" t="s">
        <v>3975</v>
      </c>
      <c r="D1782" s="449" t="s">
        <v>3976</v>
      </c>
      <c r="E1782" s="144" t="s">
        <v>707</v>
      </c>
      <c r="F1782" s="449" t="s">
        <v>600</v>
      </c>
      <c r="G1782" s="450"/>
      <c r="H1782" s="415"/>
      <c r="I1782" s="451"/>
      <c r="J1782" s="144"/>
      <c r="K1782" s="517"/>
      <c r="L1782" s="455">
        <v>38362</v>
      </c>
      <c r="M1782" s="455"/>
      <c r="N1782" s="418" t="str">
        <f t="shared" si="54"/>
        <v/>
      </c>
    </row>
    <row r="1783" spans="1:14" ht="15.75">
      <c r="A1783" s="538"/>
      <c r="B1783" s="411">
        <f t="shared" si="55"/>
        <v>116</v>
      </c>
      <c r="C1783" s="498" t="s">
        <v>3977</v>
      </c>
      <c r="D1783" s="449" t="s">
        <v>3978</v>
      </c>
      <c r="E1783" s="144" t="s">
        <v>707</v>
      </c>
      <c r="F1783" s="449" t="s">
        <v>600</v>
      </c>
      <c r="G1783" s="450"/>
      <c r="H1783" s="415"/>
      <c r="I1783" s="451"/>
      <c r="J1783" s="144"/>
      <c r="K1783" s="517"/>
      <c r="L1783" s="455">
        <v>38362</v>
      </c>
      <c r="M1783" s="455"/>
      <c r="N1783" s="418" t="str">
        <f t="shared" si="54"/>
        <v/>
      </c>
    </row>
    <row r="1784" spans="1:14" ht="15.75">
      <c r="A1784" s="538"/>
      <c r="B1784" s="411">
        <f t="shared" si="55"/>
        <v>116</v>
      </c>
      <c r="C1784" s="498" t="s">
        <v>3979</v>
      </c>
      <c r="D1784" s="449" t="s">
        <v>3980</v>
      </c>
      <c r="E1784" s="144" t="s">
        <v>707</v>
      </c>
      <c r="F1784" s="449" t="s">
        <v>600</v>
      </c>
      <c r="G1784" s="450"/>
      <c r="H1784" s="415"/>
      <c r="I1784" s="451"/>
      <c r="J1784" s="144"/>
      <c r="K1784" s="517"/>
      <c r="L1784" s="455">
        <v>38362</v>
      </c>
      <c r="M1784" s="455"/>
      <c r="N1784" s="418" t="str">
        <f t="shared" si="54"/>
        <v/>
      </c>
    </row>
    <row r="1785" spans="1:14" ht="15.75">
      <c r="A1785" s="538"/>
      <c r="B1785" s="411">
        <f t="shared" si="55"/>
        <v>116</v>
      </c>
      <c r="C1785" s="498" t="s">
        <v>3981</v>
      </c>
      <c r="D1785" s="449" t="s">
        <v>3982</v>
      </c>
      <c r="E1785" s="144" t="s">
        <v>707</v>
      </c>
      <c r="F1785" s="449" t="s">
        <v>600</v>
      </c>
      <c r="G1785" s="450"/>
      <c r="H1785" s="415"/>
      <c r="I1785" s="451"/>
      <c r="J1785" s="144"/>
      <c r="K1785" s="517"/>
      <c r="L1785" s="455">
        <v>38362</v>
      </c>
      <c r="M1785" s="455"/>
      <c r="N1785" s="418" t="str">
        <f t="shared" si="54"/>
        <v/>
      </c>
    </row>
    <row r="1786" spans="1:14" ht="15.75">
      <c r="A1786" s="538"/>
      <c r="B1786" s="411">
        <f t="shared" si="55"/>
        <v>116</v>
      </c>
      <c r="C1786" s="498" t="s">
        <v>3983</v>
      </c>
      <c r="D1786" s="449" t="s">
        <v>3984</v>
      </c>
      <c r="E1786" s="144" t="s">
        <v>707</v>
      </c>
      <c r="F1786" s="449" t="s">
        <v>600</v>
      </c>
      <c r="G1786" s="450"/>
      <c r="H1786" s="415"/>
      <c r="I1786" s="451"/>
      <c r="J1786" s="144"/>
      <c r="K1786" s="517"/>
      <c r="L1786" s="455">
        <v>38362</v>
      </c>
      <c r="M1786" s="455"/>
      <c r="N1786" s="418" t="str">
        <f t="shared" si="54"/>
        <v/>
      </c>
    </row>
    <row r="1787" spans="1:14" ht="57">
      <c r="A1787" s="538"/>
      <c r="B1787" s="411">
        <f t="shared" si="55"/>
        <v>116</v>
      </c>
      <c r="C1787" s="498" t="s">
        <v>3985</v>
      </c>
      <c r="D1787" s="449" t="s">
        <v>3986</v>
      </c>
      <c r="E1787" s="144" t="s">
        <v>707</v>
      </c>
      <c r="F1787" s="449" t="s">
        <v>600</v>
      </c>
      <c r="G1787" s="450"/>
      <c r="H1787" s="415"/>
      <c r="I1787" s="451"/>
      <c r="J1787" s="144"/>
      <c r="K1787" s="517"/>
      <c r="L1787" s="455">
        <v>38362</v>
      </c>
      <c r="M1787" s="455"/>
      <c r="N1787" s="418" t="str">
        <f t="shared" si="54"/>
        <v/>
      </c>
    </row>
    <row r="1788" spans="1:14" ht="15.75">
      <c r="A1788" s="538"/>
      <c r="B1788" s="411">
        <f t="shared" si="55"/>
        <v>116</v>
      </c>
      <c r="C1788" s="498" t="s">
        <v>3987</v>
      </c>
      <c r="D1788" s="449" t="s">
        <v>3988</v>
      </c>
      <c r="E1788" s="144" t="s">
        <v>707</v>
      </c>
      <c r="F1788" s="449" t="s">
        <v>600</v>
      </c>
      <c r="G1788" s="450"/>
      <c r="H1788" s="415"/>
      <c r="I1788" s="451"/>
      <c r="J1788" s="144"/>
      <c r="K1788" s="517"/>
      <c r="L1788" s="455">
        <v>38362</v>
      </c>
      <c r="M1788" s="455"/>
      <c r="N1788" s="418" t="str">
        <f t="shared" si="54"/>
        <v/>
      </c>
    </row>
    <row r="1789" spans="1:14" ht="42.75">
      <c r="A1789" s="538"/>
      <c r="B1789" s="411">
        <f t="shared" si="55"/>
        <v>116</v>
      </c>
      <c r="C1789" s="498" t="s">
        <v>3989</v>
      </c>
      <c r="D1789" s="449" t="s">
        <v>3990</v>
      </c>
      <c r="E1789" s="144" t="s">
        <v>707</v>
      </c>
      <c r="F1789" s="449" t="s">
        <v>600</v>
      </c>
      <c r="G1789" s="450"/>
      <c r="H1789" s="415"/>
      <c r="I1789" s="451"/>
      <c r="J1789" s="144"/>
      <c r="K1789" s="517"/>
      <c r="L1789" s="455">
        <v>38362</v>
      </c>
      <c r="M1789" s="455"/>
      <c r="N1789" s="418" t="str">
        <f t="shared" si="54"/>
        <v/>
      </c>
    </row>
    <row r="1790" spans="1:14" ht="15.75">
      <c r="A1790" s="538"/>
      <c r="B1790" s="411">
        <f t="shared" si="55"/>
        <v>116</v>
      </c>
      <c r="C1790" s="498" t="s">
        <v>3991</v>
      </c>
      <c r="D1790" s="449" t="s">
        <v>3992</v>
      </c>
      <c r="E1790" s="144" t="s">
        <v>707</v>
      </c>
      <c r="F1790" s="449" t="s">
        <v>600</v>
      </c>
      <c r="G1790" s="450"/>
      <c r="H1790" s="415"/>
      <c r="I1790" s="451"/>
      <c r="J1790" s="144"/>
      <c r="K1790" s="517"/>
      <c r="L1790" s="455">
        <v>38362</v>
      </c>
      <c r="M1790" s="455"/>
      <c r="N1790" s="418" t="str">
        <f t="shared" si="54"/>
        <v/>
      </c>
    </row>
    <row r="1791" spans="1:14" ht="15.75">
      <c r="A1791" s="538"/>
      <c r="B1791" s="411">
        <f t="shared" si="55"/>
        <v>116</v>
      </c>
      <c r="C1791" s="498" t="s">
        <v>3993</v>
      </c>
      <c r="D1791" s="449" t="s">
        <v>3994</v>
      </c>
      <c r="E1791" s="144" t="s">
        <v>707</v>
      </c>
      <c r="F1791" s="449" t="s">
        <v>600</v>
      </c>
      <c r="G1791" s="450"/>
      <c r="H1791" s="415"/>
      <c r="I1791" s="451"/>
      <c r="J1791" s="144"/>
      <c r="K1791" s="517"/>
      <c r="L1791" s="455">
        <v>38362</v>
      </c>
      <c r="M1791" s="455"/>
      <c r="N1791" s="418" t="str">
        <f t="shared" si="54"/>
        <v/>
      </c>
    </row>
    <row r="1792" spans="1:14" ht="15.75">
      <c r="A1792" s="538"/>
      <c r="B1792" s="411">
        <f t="shared" si="55"/>
        <v>116</v>
      </c>
      <c r="C1792" s="498" t="s">
        <v>3995</v>
      </c>
      <c r="D1792" s="449" t="s">
        <v>3996</v>
      </c>
      <c r="E1792" s="144" t="s">
        <v>707</v>
      </c>
      <c r="F1792" s="449" t="s">
        <v>600</v>
      </c>
      <c r="G1792" s="450"/>
      <c r="H1792" s="415"/>
      <c r="I1792" s="451"/>
      <c r="J1792" s="144"/>
      <c r="K1792" s="517"/>
      <c r="L1792" s="455">
        <v>38362</v>
      </c>
      <c r="M1792" s="455"/>
      <c r="N1792" s="418" t="str">
        <f t="shared" si="54"/>
        <v/>
      </c>
    </row>
    <row r="1793" spans="1:14" ht="15.75">
      <c r="A1793" s="538"/>
      <c r="B1793" s="411">
        <f t="shared" si="55"/>
        <v>116</v>
      </c>
      <c r="C1793" s="498" t="s">
        <v>3997</v>
      </c>
      <c r="D1793" s="449" t="s">
        <v>3998</v>
      </c>
      <c r="E1793" s="144" t="s">
        <v>707</v>
      </c>
      <c r="F1793" s="449" t="s">
        <v>600</v>
      </c>
      <c r="G1793" s="450"/>
      <c r="H1793" s="415"/>
      <c r="I1793" s="451"/>
      <c r="J1793" s="144"/>
      <c r="K1793" s="517"/>
      <c r="L1793" s="455">
        <v>38362</v>
      </c>
      <c r="M1793" s="455"/>
      <c r="N1793" s="418" t="str">
        <f t="shared" si="54"/>
        <v/>
      </c>
    </row>
    <row r="1794" spans="1:14" ht="31.5">
      <c r="A1794" s="538"/>
      <c r="B1794" s="411">
        <f t="shared" si="55"/>
        <v>116</v>
      </c>
      <c r="C1794" s="498" t="s">
        <v>204</v>
      </c>
      <c r="D1794" s="449" t="s">
        <v>206</v>
      </c>
      <c r="E1794" s="144" t="s">
        <v>707</v>
      </c>
      <c r="F1794" s="449" t="s">
        <v>600</v>
      </c>
      <c r="G1794" s="450" t="s">
        <v>760</v>
      </c>
      <c r="H1794" s="415"/>
      <c r="I1794" s="451"/>
      <c r="J1794" s="144"/>
      <c r="K1794" s="517"/>
      <c r="L1794" s="455">
        <v>38362</v>
      </c>
      <c r="M1794" s="455"/>
      <c r="N1794" s="418" t="str">
        <f t="shared" si="54"/>
        <v/>
      </c>
    </row>
    <row r="1795" spans="1:14" ht="15.75">
      <c r="A1795" s="538"/>
      <c r="B1795" s="411">
        <f t="shared" si="55"/>
        <v>116</v>
      </c>
      <c r="C1795" s="498" t="s">
        <v>3999</v>
      </c>
      <c r="D1795" s="449" t="s">
        <v>4000</v>
      </c>
      <c r="E1795" s="144" t="s">
        <v>707</v>
      </c>
      <c r="F1795" s="449" t="s">
        <v>600</v>
      </c>
      <c r="G1795" s="450"/>
      <c r="H1795" s="415"/>
      <c r="I1795" s="451"/>
      <c r="J1795" s="144"/>
      <c r="K1795" s="517"/>
      <c r="L1795" s="455">
        <v>38362</v>
      </c>
      <c r="M1795" s="455"/>
      <c r="N1795" s="418" t="str">
        <f t="shared" si="54"/>
        <v/>
      </c>
    </row>
    <row r="1796" spans="1:14" ht="15.75">
      <c r="A1796" s="538"/>
      <c r="B1796" s="411">
        <f t="shared" si="55"/>
        <v>116</v>
      </c>
      <c r="C1796" s="498" t="s">
        <v>4001</v>
      </c>
      <c r="D1796" s="449" t="s">
        <v>4002</v>
      </c>
      <c r="E1796" s="144" t="s">
        <v>707</v>
      </c>
      <c r="F1796" s="449" t="s">
        <v>600</v>
      </c>
      <c r="G1796" s="450"/>
      <c r="H1796" s="415"/>
      <c r="I1796" s="451"/>
      <c r="J1796" s="144"/>
      <c r="K1796" s="517"/>
      <c r="L1796" s="455">
        <v>38362</v>
      </c>
      <c r="M1796" s="455"/>
      <c r="N1796" s="418" t="str">
        <f t="shared" si="54"/>
        <v/>
      </c>
    </row>
    <row r="1797" spans="1:14" ht="15.75">
      <c r="A1797" s="538"/>
      <c r="B1797" s="411">
        <f t="shared" si="55"/>
        <v>116</v>
      </c>
      <c r="C1797" s="498" t="s">
        <v>4003</v>
      </c>
      <c r="D1797" s="449" t="s">
        <v>4004</v>
      </c>
      <c r="E1797" s="144" t="s">
        <v>707</v>
      </c>
      <c r="F1797" s="449" t="s">
        <v>600</v>
      </c>
      <c r="G1797" s="450"/>
      <c r="H1797" s="415"/>
      <c r="I1797" s="451"/>
      <c r="J1797" s="144"/>
      <c r="K1797" s="517"/>
      <c r="L1797" s="455">
        <v>38362</v>
      </c>
      <c r="M1797" s="455"/>
      <c r="N1797" s="418" t="str">
        <f t="shared" si="54"/>
        <v/>
      </c>
    </row>
    <row r="1798" spans="1:14" ht="15.75">
      <c r="A1798" s="538"/>
      <c r="B1798" s="411">
        <f t="shared" si="55"/>
        <v>116</v>
      </c>
      <c r="C1798" s="498" t="s">
        <v>785</v>
      </c>
      <c r="D1798" s="449" t="s">
        <v>786</v>
      </c>
      <c r="E1798" s="144" t="s">
        <v>707</v>
      </c>
      <c r="F1798" s="449" t="s">
        <v>600</v>
      </c>
      <c r="G1798" s="450"/>
      <c r="H1798" s="415"/>
      <c r="I1798" s="451"/>
      <c r="J1798" s="144"/>
      <c r="K1798" s="517"/>
      <c r="L1798" s="455">
        <v>38362</v>
      </c>
      <c r="M1798" s="455"/>
      <c r="N1798" s="418" t="str">
        <f t="shared" si="54"/>
        <v>DUPLICATE</v>
      </c>
    </row>
    <row r="1799" spans="1:14" ht="15.75">
      <c r="A1799" s="538"/>
      <c r="B1799" s="411">
        <f t="shared" si="55"/>
        <v>116</v>
      </c>
      <c r="C1799" s="498" t="s">
        <v>4005</v>
      </c>
      <c r="D1799" s="449" t="s">
        <v>4006</v>
      </c>
      <c r="E1799" s="144" t="s">
        <v>707</v>
      </c>
      <c r="F1799" s="449" t="s">
        <v>600</v>
      </c>
      <c r="G1799" s="450"/>
      <c r="H1799" s="415"/>
      <c r="I1799" s="451"/>
      <c r="J1799" s="144"/>
      <c r="K1799" s="517"/>
      <c r="L1799" s="455">
        <v>38362</v>
      </c>
      <c r="M1799" s="455"/>
      <c r="N1799" s="418" t="str">
        <f t="shared" si="54"/>
        <v/>
      </c>
    </row>
    <row r="1800" spans="1:14" ht="28.5">
      <c r="A1800" s="538"/>
      <c r="B1800" s="411">
        <f t="shared" si="55"/>
        <v>116</v>
      </c>
      <c r="C1800" s="498" t="s">
        <v>4007</v>
      </c>
      <c r="D1800" s="449" t="s">
        <v>4008</v>
      </c>
      <c r="E1800" s="144" t="s">
        <v>707</v>
      </c>
      <c r="F1800" s="449" t="s">
        <v>600</v>
      </c>
      <c r="G1800" s="450"/>
      <c r="H1800" s="415"/>
      <c r="I1800" s="451"/>
      <c r="J1800" s="144"/>
      <c r="K1800" s="517"/>
      <c r="L1800" s="455">
        <v>38362</v>
      </c>
      <c r="M1800" s="455"/>
      <c r="N1800" s="418" t="str">
        <f t="shared" si="54"/>
        <v/>
      </c>
    </row>
    <row r="1801" spans="1:14" ht="15.75">
      <c r="A1801" s="538"/>
      <c r="B1801" s="411">
        <f t="shared" si="55"/>
        <v>116</v>
      </c>
      <c r="C1801" s="498" t="s">
        <v>4009</v>
      </c>
      <c r="D1801" s="449" t="s">
        <v>4010</v>
      </c>
      <c r="E1801" s="144" t="s">
        <v>707</v>
      </c>
      <c r="F1801" s="449" t="s">
        <v>600</v>
      </c>
      <c r="G1801" s="450"/>
      <c r="H1801" s="415"/>
      <c r="I1801" s="451"/>
      <c r="J1801" s="144"/>
      <c r="K1801" s="517"/>
      <c r="L1801" s="455">
        <v>38362</v>
      </c>
      <c r="M1801" s="455"/>
      <c r="N1801" s="418" t="str">
        <f t="shared" si="54"/>
        <v/>
      </c>
    </row>
    <row r="1802" spans="1:14" ht="15.75">
      <c r="A1802" s="538"/>
      <c r="B1802" s="411">
        <f t="shared" si="55"/>
        <v>116</v>
      </c>
      <c r="C1802" s="498" t="s">
        <v>4011</v>
      </c>
      <c r="D1802" s="449" t="s">
        <v>4012</v>
      </c>
      <c r="E1802" s="144" t="s">
        <v>707</v>
      </c>
      <c r="F1802" s="449" t="s">
        <v>600</v>
      </c>
      <c r="G1802" s="450"/>
      <c r="H1802" s="415"/>
      <c r="I1802" s="451"/>
      <c r="J1802" s="144"/>
      <c r="K1802" s="517"/>
      <c r="L1802" s="455">
        <v>38362</v>
      </c>
      <c r="M1802" s="455"/>
      <c r="N1802" s="418" t="str">
        <f t="shared" ref="N1802:N1865" si="56">IF(D1802="NA","",IF(COUNTIF($D$2:$D$5552,D1802)&gt;1,"DUPLICATE",""))</f>
        <v/>
      </c>
    </row>
    <row r="1803" spans="1:14" ht="15.75">
      <c r="A1803" s="538"/>
      <c r="B1803" s="411">
        <f t="shared" si="55"/>
        <v>116</v>
      </c>
      <c r="C1803" s="498" t="s">
        <v>4013</v>
      </c>
      <c r="D1803" s="449" t="s">
        <v>4014</v>
      </c>
      <c r="E1803" s="144" t="s">
        <v>707</v>
      </c>
      <c r="F1803" s="449" t="s">
        <v>600</v>
      </c>
      <c r="G1803" s="450"/>
      <c r="H1803" s="415"/>
      <c r="I1803" s="451"/>
      <c r="J1803" s="144"/>
      <c r="K1803" s="517"/>
      <c r="L1803" s="455">
        <v>38362</v>
      </c>
      <c r="M1803" s="455"/>
      <c r="N1803" s="418" t="str">
        <f t="shared" si="56"/>
        <v/>
      </c>
    </row>
    <row r="1804" spans="1:14" ht="15.75">
      <c r="A1804" s="538"/>
      <c r="B1804" s="411">
        <f t="shared" si="55"/>
        <v>116</v>
      </c>
      <c r="C1804" s="498" t="s">
        <v>4015</v>
      </c>
      <c r="D1804" s="449" t="s">
        <v>4016</v>
      </c>
      <c r="E1804" s="144" t="s">
        <v>707</v>
      </c>
      <c r="F1804" s="449" t="s">
        <v>600</v>
      </c>
      <c r="G1804" s="450"/>
      <c r="H1804" s="415"/>
      <c r="I1804" s="451"/>
      <c r="J1804" s="144"/>
      <c r="K1804" s="517"/>
      <c r="L1804" s="455">
        <v>38362</v>
      </c>
      <c r="M1804" s="455"/>
      <c r="N1804" s="418" t="str">
        <f t="shared" si="56"/>
        <v/>
      </c>
    </row>
    <row r="1805" spans="1:14" ht="15.75">
      <c r="A1805" s="538"/>
      <c r="B1805" s="411">
        <f t="shared" si="55"/>
        <v>116</v>
      </c>
      <c r="C1805" s="498" t="s">
        <v>4017</v>
      </c>
      <c r="D1805" s="449" t="s">
        <v>4018</v>
      </c>
      <c r="E1805" s="144" t="s">
        <v>707</v>
      </c>
      <c r="F1805" s="449" t="s">
        <v>600</v>
      </c>
      <c r="G1805" s="450"/>
      <c r="H1805" s="415"/>
      <c r="I1805" s="451"/>
      <c r="J1805" s="144"/>
      <c r="K1805" s="517"/>
      <c r="L1805" s="455">
        <v>38362</v>
      </c>
      <c r="M1805" s="455"/>
      <c r="N1805" s="418" t="str">
        <f t="shared" si="56"/>
        <v/>
      </c>
    </row>
    <row r="1806" spans="1:14" ht="28.5">
      <c r="A1806" s="538"/>
      <c r="B1806" s="411">
        <f t="shared" si="55"/>
        <v>116</v>
      </c>
      <c r="C1806" s="498" t="s">
        <v>4019</v>
      </c>
      <c r="D1806" s="449" t="s">
        <v>4020</v>
      </c>
      <c r="E1806" s="144" t="s">
        <v>707</v>
      </c>
      <c r="F1806" s="449" t="s">
        <v>600</v>
      </c>
      <c r="G1806" s="450"/>
      <c r="H1806" s="415"/>
      <c r="I1806" s="451"/>
      <c r="J1806" s="144"/>
      <c r="K1806" s="517"/>
      <c r="L1806" s="455">
        <v>38362</v>
      </c>
      <c r="M1806" s="455"/>
      <c r="N1806" s="418" t="str">
        <f t="shared" si="56"/>
        <v/>
      </c>
    </row>
    <row r="1807" spans="1:14" ht="15.75">
      <c r="A1807" s="538"/>
      <c r="B1807" s="411">
        <f t="shared" si="55"/>
        <v>116</v>
      </c>
      <c r="C1807" s="498" t="s">
        <v>4021</v>
      </c>
      <c r="D1807" s="449" t="s">
        <v>4022</v>
      </c>
      <c r="E1807" s="144" t="s">
        <v>707</v>
      </c>
      <c r="F1807" s="449" t="s">
        <v>600</v>
      </c>
      <c r="G1807" s="450"/>
      <c r="H1807" s="415"/>
      <c r="I1807" s="451"/>
      <c r="J1807" s="144"/>
      <c r="K1807" s="517"/>
      <c r="L1807" s="455">
        <v>38362</v>
      </c>
      <c r="M1807" s="455"/>
      <c r="N1807" s="418" t="str">
        <f t="shared" si="56"/>
        <v/>
      </c>
    </row>
    <row r="1808" spans="1:14" ht="15.75">
      <c r="A1808" s="538"/>
      <c r="B1808" s="411">
        <f t="shared" si="55"/>
        <v>116</v>
      </c>
      <c r="C1808" s="498" t="s">
        <v>4023</v>
      </c>
      <c r="D1808" s="449" t="s">
        <v>4024</v>
      </c>
      <c r="E1808" s="144" t="s">
        <v>707</v>
      </c>
      <c r="F1808" s="449" t="s">
        <v>600</v>
      </c>
      <c r="G1808" s="450"/>
      <c r="H1808" s="415"/>
      <c r="I1808" s="451"/>
      <c r="J1808" s="144"/>
      <c r="K1808" s="517"/>
      <c r="L1808" s="455">
        <v>38362</v>
      </c>
      <c r="M1808" s="455"/>
      <c r="N1808" s="418" t="str">
        <f t="shared" si="56"/>
        <v/>
      </c>
    </row>
    <row r="1809" spans="1:14" ht="28.5">
      <c r="A1809" s="538"/>
      <c r="B1809" s="411">
        <f t="shared" si="55"/>
        <v>116</v>
      </c>
      <c r="C1809" s="498" t="s">
        <v>4025</v>
      </c>
      <c r="D1809" s="449" t="s">
        <v>4026</v>
      </c>
      <c r="E1809" s="144" t="s">
        <v>707</v>
      </c>
      <c r="F1809" s="449" t="s">
        <v>600</v>
      </c>
      <c r="G1809" s="450"/>
      <c r="H1809" s="415"/>
      <c r="I1809" s="451"/>
      <c r="J1809" s="144"/>
      <c r="K1809" s="517"/>
      <c r="L1809" s="455">
        <v>38362</v>
      </c>
      <c r="M1809" s="455"/>
      <c r="N1809" s="418" t="str">
        <f t="shared" si="56"/>
        <v/>
      </c>
    </row>
    <row r="1810" spans="1:14" ht="15.75">
      <c r="A1810" s="538"/>
      <c r="B1810" s="411">
        <f t="shared" si="55"/>
        <v>116</v>
      </c>
      <c r="C1810" s="498" t="s">
        <v>4027</v>
      </c>
      <c r="D1810" s="449" t="s">
        <v>4028</v>
      </c>
      <c r="E1810" s="144" t="s">
        <v>707</v>
      </c>
      <c r="F1810" s="449" t="s">
        <v>600</v>
      </c>
      <c r="G1810" s="450"/>
      <c r="H1810" s="415"/>
      <c r="I1810" s="451"/>
      <c r="J1810" s="144"/>
      <c r="K1810" s="517"/>
      <c r="L1810" s="455">
        <v>38362</v>
      </c>
      <c r="M1810" s="455"/>
      <c r="N1810" s="418" t="str">
        <f t="shared" si="56"/>
        <v/>
      </c>
    </row>
    <row r="1811" spans="1:14" ht="15.75">
      <c r="A1811" s="538"/>
      <c r="B1811" s="411">
        <f t="shared" si="55"/>
        <v>116</v>
      </c>
      <c r="C1811" s="498" t="s">
        <v>4029</v>
      </c>
      <c r="D1811" s="449" t="s">
        <v>4030</v>
      </c>
      <c r="E1811" s="144" t="s">
        <v>707</v>
      </c>
      <c r="F1811" s="449" t="s">
        <v>600</v>
      </c>
      <c r="G1811" s="450"/>
      <c r="H1811" s="415"/>
      <c r="I1811" s="451"/>
      <c r="J1811" s="144"/>
      <c r="K1811" s="517"/>
      <c r="L1811" s="455">
        <v>38362</v>
      </c>
      <c r="M1811" s="455"/>
      <c r="N1811" s="418" t="str">
        <f t="shared" si="56"/>
        <v/>
      </c>
    </row>
    <row r="1812" spans="1:14" ht="31.5">
      <c r="A1812" s="538"/>
      <c r="B1812" s="411">
        <f t="shared" si="55"/>
        <v>116</v>
      </c>
      <c r="C1812" s="498" t="s">
        <v>4031</v>
      </c>
      <c r="D1812" s="449" t="s">
        <v>520</v>
      </c>
      <c r="E1812" s="144" t="s">
        <v>707</v>
      </c>
      <c r="F1812" s="449" t="s">
        <v>600</v>
      </c>
      <c r="G1812" s="449" t="s">
        <v>811</v>
      </c>
      <c r="H1812" s="415">
        <v>42145</v>
      </c>
      <c r="I1812" s="451" t="s">
        <v>711</v>
      </c>
      <c r="J1812" s="144"/>
      <c r="K1812" s="522"/>
      <c r="L1812" s="455">
        <v>38362</v>
      </c>
      <c r="M1812" s="455">
        <v>41306</v>
      </c>
      <c r="N1812" s="418" t="str">
        <f t="shared" si="56"/>
        <v>DUPLICATE</v>
      </c>
    </row>
    <row r="1813" spans="1:14" ht="15.75">
      <c r="A1813" s="538"/>
      <c r="B1813" s="411">
        <f t="shared" si="55"/>
        <v>116</v>
      </c>
      <c r="C1813" s="498" t="s">
        <v>2339</v>
      </c>
      <c r="D1813" s="449" t="s">
        <v>2340</v>
      </c>
      <c r="E1813" s="144" t="s">
        <v>707</v>
      </c>
      <c r="F1813" s="449" t="s">
        <v>600</v>
      </c>
      <c r="G1813" s="450"/>
      <c r="H1813" s="415"/>
      <c r="I1813" s="451"/>
      <c r="J1813" s="144"/>
      <c r="K1813" s="517"/>
      <c r="L1813" s="455">
        <v>38362</v>
      </c>
      <c r="M1813" s="455"/>
      <c r="N1813" s="418" t="str">
        <f t="shared" si="56"/>
        <v>DUPLICATE</v>
      </c>
    </row>
    <row r="1814" spans="1:14" ht="15.75">
      <c r="A1814" s="538"/>
      <c r="B1814" s="411">
        <f t="shared" si="55"/>
        <v>116</v>
      </c>
      <c r="C1814" s="498" t="s">
        <v>4032</v>
      </c>
      <c r="D1814" s="449" t="s">
        <v>4033</v>
      </c>
      <c r="E1814" s="144" t="s">
        <v>707</v>
      </c>
      <c r="F1814" s="449" t="s">
        <v>600</v>
      </c>
      <c r="G1814" s="450"/>
      <c r="H1814" s="415"/>
      <c r="I1814" s="451"/>
      <c r="J1814" s="144"/>
      <c r="K1814" s="517"/>
      <c r="L1814" s="455">
        <v>38362</v>
      </c>
      <c r="M1814" s="455"/>
      <c r="N1814" s="418" t="str">
        <f t="shared" si="56"/>
        <v/>
      </c>
    </row>
    <row r="1815" spans="1:14" ht="31.5">
      <c r="A1815" s="538"/>
      <c r="B1815" s="411">
        <f t="shared" si="55"/>
        <v>116</v>
      </c>
      <c r="C1815" s="440" t="s">
        <v>2308</v>
      </c>
      <c r="D1815" s="452" t="s">
        <v>2309</v>
      </c>
      <c r="E1815" s="144" t="s">
        <v>707</v>
      </c>
      <c r="F1815" s="449" t="s">
        <v>600</v>
      </c>
      <c r="G1815" s="449" t="s">
        <v>2310</v>
      </c>
      <c r="H1815" s="415"/>
      <c r="I1815" s="451"/>
      <c r="J1815" s="144"/>
      <c r="K1815" s="517"/>
      <c r="L1815" s="455">
        <v>42401</v>
      </c>
      <c r="M1815" s="455"/>
      <c r="N1815" s="418" t="str">
        <f t="shared" si="56"/>
        <v>DUPLICATE</v>
      </c>
    </row>
    <row r="1816" spans="1:14" ht="15.75">
      <c r="A1816" s="538"/>
      <c r="B1816" s="411">
        <f t="shared" si="55"/>
        <v>116</v>
      </c>
      <c r="C1816" s="498" t="s">
        <v>4034</v>
      </c>
      <c r="D1816" s="449" t="s">
        <v>4035</v>
      </c>
      <c r="E1816" s="144" t="s">
        <v>707</v>
      </c>
      <c r="F1816" s="449" t="s">
        <v>600</v>
      </c>
      <c r="G1816" s="450"/>
      <c r="H1816" s="415"/>
      <c r="I1816" s="451"/>
      <c r="J1816" s="144"/>
      <c r="K1816" s="517"/>
      <c r="L1816" s="455">
        <v>38362</v>
      </c>
      <c r="M1816" s="455"/>
      <c r="N1816" s="418" t="str">
        <f t="shared" si="56"/>
        <v/>
      </c>
    </row>
    <row r="1817" spans="1:14" ht="15.75">
      <c r="A1817" s="538"/>
      <c r="B1817" s="411">
        <f t="shared" si="55"/>
        <v>116</v>
      </c>
      <c r="C1817" s="498" t="s">
        <v>4036</v>
      </c>
      <c r="D1817" s="449" t="s">
        <v>4037</v>
      </c>
      <c r="E1817" s="144" t="s">
        <v>707</v>
      </c>
      <c r="F1817" s="449" t="s">
        <v>600</v>
      </c>
      <c r="G1817" s="450"/>
      <c r="H1817" s="415"/>
      <c r="I1817" s="451"/>
      <c r="J1817" s="144"/>
      <c r="K1817" s="517"/>
      <c r="L1817" s="455">
        <v>38362</v>
      </c>
      <c r="M1817" s="455"/>
      <c r="N1817" s="418" t="str">
        <f t="shared" si="56"/>
        <v/>
      </c>
    </row>
    <row r="1818" spans="1:14" ht="15.75">
      <c r="A1818" s="538"/>
      <c r="B1818" s="411">
        <f t="shared" ref="B1818:B1881" si="57">IF(A1818&gt;0,A1818,B1817)</f>
        <v>116</v>
      </c>
      <c r="C1818" s="498" t="s">
        <v>4038</v>
      </c>
      <c r="D1818" s="449" t="s">
        <v>4039</v>
      </c>
      <c r="E1818" s="144" t="s">
        <v>707</v>
      </c>
      <c r="F1818" s="449" t="s">
        <v>600</v>
      </c>
      <c r="G1818" s="449"/>
      <c r="H1818" s="415"/>
      <c r="I1818" s="451"/>
      <c r="J1818" s="144"/>
      <c r="K1818" s="517"/>
      <c r="L1818" s="455">
        <v>38362</v>
      </c>
      <c r="M1818" s="455"/>
      <c r="N1818" s="418" t="str">
        <f t="shared" si="56"/>
        <v/>
      </c>
    </row>
    <row r="1819" spans="1:14" ht="15.75">
      <c r="A1819" s="538"/>
      <c r="B1819" s="411">
        <f t="shared" si="57"/>
        <v>116</v>
      </c>
      <c r="C1819" s="498" t="s">
        <v>4040</v>
      </c>
      <c r="D1819" s="449" t="s">
        <v>4041</v>
      </c>
      <c r="E1819" s="144" t="s">
        <v>707</v>
      </c>
      <c r="F1819" s="449" t="s">
        <v>600</v>
      </c>
      <c r="G1819" s="450"/>
      <c r="H1819" s="415"/>
      <c r="I1819" s="451"/>
      <c r="J1819" s="144"/>
      <c r="K1819" s="517"/>
      <c r="L1819" s="455">
        <v>38362</v>
      </c>
      <c r="M1819" s="455"/>
      <c r="N1819" s="418" t="str">
        <f t="shared" si="56"/>
        <v/>
      </c>
    </row>
    <row r="1820" spans="1:14" ht="15.75">
      <c r="A1820" s="538"/>
      <c r="B1820" s="411">
        <f t="shared" si="57"/>
        <v>116</v>
      </c>
      <c r="C1820" s="498" t="s">
        <v>4042</v>
      </c>
      <c r="D1820" s="449" t="s">
        <v>4043</v>
      </c>
      <c r="E1820" s="144" t="s">
        <v>707</v>
      </c>
      <c r="F1820" s="449" t="s">
        <v>600</v>
      </c>
      <c r="G1820" s="450"/>
      <c r="H1820" s="415"/>
      <c r="I1820" s="451"/>
      <c r="J1820" s="144"/>
      <c r="K1820" s="517"/>
      <c r="L1820" s="455">
        <v>38362</v>
      </c>
      <c r="M1820" s="455"/>
      <c r="N1820" s="418" t="str">
        <f t="shared" si="56"/>
        <v/>
      </c>
    </row>
    <row r="1821" spans="1:14" ht="15.75">
      <c r="A1821" s="538"/>
      <c r="B1821" s="411">
        <f t="shared" si="57"/>
        <v>116</v>
      </c>
      <c r="C1821" s="498" t="s">
        <v>4044</v>
      </c>
      <c r="D1821" s="449" t="s">
        <v>4045</v>
      </c>
      <c r="E1821" s="144" t="s">
        <v>707</v>
      </c>
      <c r="F1821" s="449" t="s">
        <v>600</v>
      </c>
      <c r="G1821" s="450"/>
      <c r="H1821" s="415"/>
      <c r="I1821" s="451"/>
      <c r="J1821" s="144"/>
      <c r="K1821" s="517"/>
      <c r="L1821" s="455">
        <v>38362</v>
      </c>
      <c r="M1821" s="455"/>
      <c r="N1821" s="418" t="str">
        <f t="shared" si="56"/>
        <v/>
      </c>
    </row>
    <row r="1822" spans="1:14" ht="15.75">
      <c r="A1822" s="538"/>
      <c r="B1822" s="411">
        <f t="shared" si="57"/>
        <v>116</v>
      </c>
      <c r="C1822" s="498" t="s">
        <v>4046</v>
      </c>
      <c r="D1822" s="449" t="s">
        <v>4047</v>
      </c>
      <c r="E1822" s="144" t="s">
        <v>707</v>
      </c>
      <c r="F1822" s="449" t="s">
        <v>600</v>
      </c>
      <c r="G1822" s="450"/>
      <c r="H1822" s="415"/>
      <c r="I1822" s="451"/>
      <c r="J1822" s="144"/>
      <c r="K1822" s="517"/>
      <c r="L1822" s="455">
        <v>38362</v>
      </c>
      <c r="M1822" s="455"/>
      <c r="N1822" s="418" t="str">
        <f t="shared" si="56"/>
        <v/>
      </c>
    </row>
    <row r="1823" spans="1:14" ht="15.75">
      <c r="A1823" s="538"/>
      <c r="B1823" s="411">
        <f t="shared" si="57"/>
        <v>116</v>
      </c>
      <c r="C1823" s="498" t="s">
        <v>4048</v>
      </c>
      <c r="D1823" s="449" t="s">
        <v>4049</v>
      </c>
      <c r="E1823" s="144" t="s">
        <v>707</v>
      </c>
      <c r="F1823" s="449" t="s">
        <v>600</v>
      </c>
      <c r="G1823" s="450"/>
      <c r="H1823" s="415"/>
      <c r="I1823" s="451"/>
      <c r="J1823" s="144"/>
      <c r="K1823" s="517"/>
      <c r="L1823" s="455">
        <v>38362</v>
      </c>
      <c r="M1823" s="455"/>
      <c r="N1823" s="418" t="str">
        <f t="shared" si="56"/>
        <v/>
      </c>
    </row>
    <row r="1824" spans="1:14" ht="15.75">
      <c r="A1824" s="538"/>
      <c r="B1824" s="411">
        <f t="shared" si="57"/>
        <v>116</v>
      </c>
      <c r="C1824" s="498" t="s">
        <v>4050</v>
      </c>
      <c r="D1824" s="449" t="s">
        <v>4051</v>
      </c>
      <c r="E1824" s="144" t="s">
        <v>707</v>
      </c>
      <c r="F1824" s="449" t="s">
        <v>600</v>
      </c>
      <c r="G1824" s="450"/>
      <c r="H1824" s="415"/>
      <c r="I1824" s="451"/>
      <c r="J1824" s="144"/>
      <c r="K1824" s="517"/>
      <c r="L1824" s="455">
        <v>38362</v>
      </c>
      <c r="M1824" s="455"/>
      <c r="N1824" s="418" t="str">
        <f t="shared" si="56"/>
        <v/>
      </c>
    </row>
    <row r="1825" spans="1:14" ht="15.75">
      <c r="A1825" s="538"/>
      <c r="B1825" s="411">
        <f t="shared" si="57"/>
        <v>116</v>
      </c>
      <c r="C1825" s="498" t="s">
        <v>2352</v>
      </c>
      <c r="D1825" s="449" t="s">
        <v>2353</v>
      </c>
      <c r="E1825" s="144" t="s">
        <v>707</v>
      </c>
      <c r="F1825" s="449" t="s">
        <v>600</v>
      </c>
      <c r="G1825" s="450"/>
      <c r="H1825" s="415"/>
      <c r="I1825" s="451"/>
      <c r="J1825" s="144"/>
      <c r="K1825" s="517"/>
      <c r="L1825" s="455">
        <v>38362</v>
      </c>
      <c r="M1825" s="455"/>
      <c r="N1825" s="418" t="str">
        <f t="shared" si="56"/>
        <v>DUPLICATE</v>
      </c>
    </row>
    <row r="1826" spans="1:14" ht="15.75">
      <c r="A1826" s="538"/>
      <c r="B1826" s="411">
        <f t="shared" si="57"/>
        <v>116</v>
      </c>
      <c r="C1826" s="498" t="s">
        <v>4052</v>
      </c>
      <c r="D1826" s="449" t="s">
        <v>4053</v>
      </c>
      <c r="E1826" s="144" t="s">
        <v>707</v>
      </c>
      <c r="F1826" s="449" t="s">
        <v>600</v>
      </c>
      <c r="G1826" s="450"/>
      <c r="H1826" s="415"/>
      <c r="I1826" s="451"/>
      <c r="J1826" s="144"/>
      <c r="K1826" s="517"/>
      <c r="L1826" s="455">
        <v>38362</v>
      </c>
      <c r="M1826" s="455"/>
      <c r="N1826" s="418" t="str">
        <f t="shared" si="56"/>
        <v/>
      </c>
    </row>
    <row r="1827" spans="1:14" ht="15.75">
      <c r="A1827" s="538"/>
      <c r="B1827" s="411">
        <f t="shared" si="57"/>
        <v>116</v>
      </c>
      <c r="C1827" s="498" t="s">
        <v>4054</v>
      </c>
      <c r="D1827" s="449" t="s">
        <v>4055</v>
      </c>
      <c r="E1827" s="144" t="s">
        <v>707</v>
      </c>
      <c r="F1827" s="449" t="s">
        <v>600</v>
      </c>
      <c r="G1827" s="450"/>
      <c r="H1827" s="415"/>
      <c r="I1827" s="451"/>
      <c r="J1827" s="144"/>
      <c r="K1827" s="517"/>
      <c r="L1827" s="455">
        <v>38362</v>
      </c>
      <c r="M1827" s="455"/>
      <c r="N1827" s="418" t="str">
        <f t="shared" si="56"/>
        <v/>
      </c>
    </row>
    <row r="1828" spans="1:14" ht="15.75">
      <c r="A1828" s="538"/>
      <c r="B1828" s="411">
        <f t="shared" si="57"/>
        <v>116</v>
      </c>
      <c r="C1828" s="498" t="s">
        <v>4056</v>
      </c>
      <c r="D1828" s="449" t="s">
        <v>4057</v>
      </c>
      <c r="E1828" s="144" t="s">
        <v>707</v>
      </c>
      <c r="F1828" s="449" t="s">
        <v>600</v>
      </c>
      <c r="G1828" s="450"/>
      <c r="H1828" s="415"/>
      <c r="I1828" s="451"/>
      <c r="J1828" s="144"/>
      <c r="K1828" s="517"/>
      <c r="L1828" s="455">
        <v>38362</v>
      </c>
      <c r="M1828" s="455"/>
      <c r="N1828" s="418" t="str">
        <f t="shared" si="56"/>
        <v/>
      </c>
    </row>
    <row r="1829" spans="1:14" ht="15.75">
      <c r="A1829" s="538"/>
      <c r="B1829" s="411">
        <f t="shared" si="57"/>
        <v>116</v>
      </c>
      <c r="C1829" s="498" t="s">
        <v>4058</v>
      </c>
      <c r="D1829" s="449" t="s">
        <v>4059</v>
      </c>
      <c r="E1829" s="144" t="s">
        <v>707</v>
      </c>
      <c r="F1829" s="449" t="s">
        <v>600</v>
      </c>
      <c r="G1829" s="450"/>
      <c r="H1829" s="415"/>
      <c r="I1829" s="451"/>
      <c r="J1829" s="144"/>
      <c r="K1829" s="449"/>
      <c r="L1829" s="469">
        <v>38362</v>
      </c>
      <c r="M1829" s="469"/>
      <c r="N1829" s="418" t="str">
        <f t="shared" si="56"/>
        <v/>
      </c>
    </row>
    <row r="1830" spans="1:14" ht="15.75">
      <c r="A1830" s="538"/>
      <c r="B1830" s="411">
        <f t="shared" si="57"/>
        <v>116</v>
      </c>
      <c r="C1830" s="498" t="s">
        <v>4060</v>
      </c>
      <c r="D1830" s="449" t="s">
        <v>4061</v>
      </c>
      <c r="E1830" s="144" t="s">
        <v>707</v>
      </c>
      <c r="F1830" s="449" t="s">
        <v>600</v>
      </c>
      <c r="G1830" s="450"/>
      <c r="H1830" s="415"/>
      <c r="I1830" s="451"/>
      <c r="J1830" s="144"/>
      <c r="K1830" s="517"/>
      <c r="L1830" s="455">
        <v>38362</v>
      </c>
      <c r="M1830" s="455"/>
      <c r="N1830" s="418" t="str">
        <f t="shared" si="56"/>
        <v/>
      </c>
    </row>
    <row r="1831" spans="1:14" ht="15.75">
      <c r="A1831" s="538"/>
      <c r="B1831" s="411">
        <f t="shared" si="57"/>
        <v>116</v>
      </c>
      <c r="C1831" s="498" t="s">
        <v>4062</v>
      </c>
      <c r="D1831" s="449" t="s">
        <v>4063</v>
      </c>
      <c r="E1831" s="144" t="s">
        <v>707</v>
      </c>
      <c r="F1831" s="449" t="s">
        <v>600</v>
      </c>
      <c r="G1831" s="450"/>
      <c r="H1831" s="415"/>
      <c r="I1831" s="451"/>
      <c r="J1831" s="144"/>
      <c r="K1831" s="517"/>
      <c r="L1831" s="455">
        <v>38362</v>
      </c>
      <c r="M1831" s="455"/>
      <c r="N1831" s="418" t="str">
        <f t="shared" si="56"/>
        <v/>
      </c>
    </row>
    <row r="1832" spans="1:14" ht="15.75">
      <c r="A1832" s="538"/>
      <c r="B1832" s="411">
        <f t="shared" si="57"/>
        <v>116</v>
      </c>
      <c r="C1832" s="498" t="s">
        <v>4064</v>
      </c>
      <c r="D1832" s="449" t="s">
        <v>4065</v>
      </c>
      <c r="E1832" s="144" t="s">
        <v>707</v>
      </c>
      <c r="F1832" s="449" t="s">
        <v>600</v>
      </c>
      <c r="G1832" s="450"/>
      <c r="H1832" s="415"/>
      <c r="I1832" s="451"/>
      <c r="J1832" s="144"/>
      <c r="K1832" s="517"/>
      <c r="L1832" s="455">
        <v>38362</v>
      </c>
      <c r="M1832" s="455"/>
      <c r="N1832" s="418" t="str">
        <f t="shared" si="56"/>
        <v/>
      </c>
    </row>
    <row r="1833" spans="1:14" ht="15.75">
      <c r="A1833" s="538"/>
      <c r="B1833" s="411">
        <f t="shared" si="57"/>
        <v>116</v>
      </c>
      <c r="C1833" s="498" t="s">
        <v>4066</v>
      </c>
      <c r="D1833" s="449" t="s">
        <v>4067</v>
      </c>
      <c r="E1833" s="144" t="s">
        <v>707</v>
      </c>
      <c r="F1833" s="449" t="s">
        <v>600</v>
      </c>
      <c r="G1833" s="450"/>
      <c r="H1833" s="415"/>
      <c r="I1833" s="451"/>
      <c r="J1833" s="144"/>
      <c r="K1833" s="517"/>
      <c r="L1833" s="455">
        <v>38362</v>
      </c>
      <c r="M1833" s="455"/>
      <c r="N1833" s="418" t="str">
        <f t="shared" si="56"/>
        <v/>
      </c>
    </row>
    <row r="1834" spans="1:14" ht="15.75">
      <c r="A1834" s="538"/>
      <c r="B1834" s="411">
        <f t="shared" si="57"/>
        <v>116</v>
      </c>
      <c r="C1834" s="498" t="s">
        <v>4068</v>
      </c>
      <c r="D1834" s="449" t="s">
        <v>4069</v>
      </c>
      <c r="E1834" s="144" t="s">
        <v>707</v>
      </c>
      <c r="F1834" s="449" t="s">
        <v>600</v>
      </c>
      <c r="G1834" s="450"/>
      <c r="H1834" s="415"/>
      <c r="I1834" s="451"/>
      <c r="J1834" s="144"/>
      <c r="K1834" s="517"/>
      <c r="L1834" s="455">
        <v>38362</v>
      </c>
      <c r="M1834" s="455"/>
      <c r="N1834" s="418" t="str">
        <f t="shared" si="56"/>
        <v/>
      </c>
    </row>
    <row r="1835" spans="1:14" ht="31.5">
      <c r="A1835" s="538"/>
      <c r="B1835" s="411">
        <f t="shared" si="57"/>
        <v>116</v>
      </c>
      <c r="C1835" s="498" t="s">
        <v>236</v>
      </c>
      <c r="D1835" s="449" t="s">
        <v>238</v>
      </c>
      <c r="E1835" s="144" t="s">
        <v>707</v>
      </c>
      <c r="F1835" s="449" t="s">
        <v>600</v>
      </c>
      <c r="G1835" s="450" t="s">
        <v>760</v>
      </c>
      <c r="H1835" s="415"/>
      <c r="I1835" s="451"/>
      <c r="J1835" s="144"/>
      <c r="K1835" s="517"/>
      <c r="L1835" s="455">
        <v>38362</v>
      </c>
      <c r="M1835" s="455"/>
      <c r="N1835" s="418" t="str">
        <f t="shared" si="56"/>
        <v/>
      </c>
    </row>
    <row r="1836" spans="1:14" ht="15.75">
      <c r="A1836" s="538"/>
      <c r="B1836" s="411">
        <f t="shared" si="57"/>
        <v>116</v>
      </c>
      <c r="C1836" s="498" t="s">
        <v>4070</v>
      </c>
      <c r="D1836" s="449" t="s">
        <v>4071</v>
      </c>
      <c r="E1836" s="144" t="s">
        <v>707</v>
      </c>
      <c r="F1836" s="449" t="s">
        <v>600</v>
      </c>
      <c r="G1836" s="450"/>
      <c r="H1836" s="415"/>
      <c r="I1836" s="451"/>
      <c r="J1836" s="144"/>
      <c r="K1836" s="517"/>
      <c r="L1836" s="455">
        <v>38362</v>
      </c>
      <c r="M1836" s="455"/>
      <c r="N1836" s="418" t="str">
        <f t="shared" si="56"/>
        <v/>
      </c>
    </row>
    <row r="1837" spans="1:14" ht="15.75">
      <c r="A1837" s="538"/>
      <c r="B1837" s="411">
        <f t="shared" si="57"/>
        <v>116</v>
      </c>
      <c r="C1837" s="498" t="s">
        <v>4072</v>
      </c>
      <c r="D1837" s="449" t="s">
        <v>4073</v>
      </c>
      <c r="E1837" s="144" t="s">
        <v>707</v>
      </c>
      <c r="F1837" s="449" t="s">
        <v>600</v>
      </c>
      <c r="G1837" s="450"/>
      <c r="H1837" s="415"/>
      <c r="I1837" s="451"/>
      <c r="J1837" s="144"/>
      <c r="K1837" s="517"/>
      <c r="L1837" s="455">
        <v>38362</v>
      </c>
      <c r="M1837" s="455"/>
      <c r="N1837" s="418" t="str">
        <f t="shared" si="56"/>
        <v/>
      </c>
    </row>
    <row r="1838" spans="1:14" ht="15.75">
      <c r="A1838" s="538"/>
      <c r="B1838" s="411">
        <f t="shared" si="57"/>
        <v>116</v>
      </c>
      <c r="C1838" s="498" t="s">
        <v>4074</v>
      </c>
      <c r="D1838" s="449" t="s">
        <v>4075</v>
      </c>
      <c r="E1838" s="144" t="s">
        <v>707</v>
      </c>
      <c r="F1838" s="449" t="s">
        <v>600</v>
      </c>
      <c r="G1838" s="450"/>
      <c r="H1838" s="415"/>
      <c r="I1838" s="451"/>
      <c r="J1838" s="144"/>
      <c r="K1838" s="517"/>
      <c r="L1838" s="455">
        <v>38362</v>
      </c>
      <c r="M1838" s="455"/>
      <c r="N1838" s="418" t="str">
        <f t="shared" si="56"/>
        <v/>
      </c>
    </row>
    <row r="1839" spans="1:14" ht="15.75">
      <c r="A1839" s="538"/>
      <c r="B1839" s="411">
        <f t="shared" si="57"/>
        <v>116</v>
      </c>
      <c r="C1839" s="498" t="s">
        <v>4076</v>
      </c>
      <c r="D1839" s="449" t="s">
        <v>4077</v>
      </c>
      <c r="E1839" s="144" t="s">
        <v>707</v>
      </c>
      <c r="F1839" s="449" t="s">
        <v>600</v>
      </c>
      <c r="G1839" s="450"/>
      <c r="H1839" s="415"/>
      <c r="I1839" s="451"/>
      <c r="J1839" s="144"/>
      <c r="K1839" s="517"/>
      <c r="L1839" s="455">
        <v>38362</v>
      </c>
      <c r="M1839" s="455"/>
      <c r="N1839" s="418" t="str">
        <f t="shared" si="56"/>
        <v/>
      </c>
    </row>
    <row r="1840" spans="1:14" ht="15.75">
      <c r="A1840" s="538"/>
      <c r="B1840" s="411">
        <f t="shared" si="57"/>
        <v>116</v>
      </c>
      <c r="C1840" s="498" t="s">
        <v>4078</v>
      </c>
      <c r="D1840" s="449" t="s">
        <v>4079</v>
      </c>
      <c r="E1840" s="144" t="s">
        <v>707</v>
      </c>
      <c r="F1840" s="449" t="s">
        <v>600</v>
      </c>
      <c r="G1840" s="450"/>
      <c r="H1840" s="415"/>
      <c r="I1840" s="451"/>
      <c r="J1840" s="144"/>
      <c r="K1840" s="517"/>
      <c r="L1840" s="455">
        <v>38362</v>
      </c>
      <c r="M1840" s="455"/>
      <c r="N1840" s="418" t="str">
        <f t="shared" si="56"/>
        <v/>
      </c>
    </row>
    <row r="1841" spans="1:14" ht="15.75">
      <c r="A1841" s="538"/>
      <c r="B1841" s="411">
        <f t="shared" si="57"/>
        <v>116</v>
      </c>
      <c r="C1841" s="498" t="s">
        <v>4080</v>
      </c>
      <c r="D1841" s="449" t="s">
        <v>4081</v>
      </c>
      <c r="E1841" s="144" t="s">
        <v>707</v>
      </c>
      <c r="F1841" s="449" t="s">
        <v>600</v>
      </c>
      <c r="G1841" s="450"/>
      <c r="H1841" s="415"/>
      <c r="I1841" s="451"/>
      <c r="J1841" s="144"/>
      <c r="K1841" s="517"/>
      <c r="L1841" s="455">
        <v>38362</v>
      </c>
      <c r="M1841" s="455"/>
      <c r="N1841" s="418" t="str">
        <f t="shared" si="56"/>
        <v/>
      </c>
    </row>
    <row r="1842" spans="1:14" ht="15.75">
      <c r="A1842" s="538"/>
      <c r="B1842" s="411">
        <f t="shared" si="57"/>
        <v>116</v>
      </c>
      <c r="C1842" s="498" t="s">
        <v>4082</v>
      </c>
      <c r="D1842" s="449" t="s">
        <v>4083</v>
      </c>
      <c r="E1842" s="144" t="s">
        <v>707</v>
      </c>
      <c r="F1842" s="449" t="s">
        <v>600</v>
      </c>
      <c r="G1842" s="450"/>
      <c r="H1842" s="415"/>
      <c r="I1842" s="451"/>
      <c r="J1842" s="144"/>
      <c r="K1842" s="517"/>
      <c r="L1842" s="455">
        <v>38362</v>
      </c>
      <c r="M1842" s="455"/>
      <c r="N1842" s="418" t="str">
        <f t="shared" si="56"/>
        <v/>
      </c>
    </row>
    <row r="1843" spans="1:14" ht="15.75">
      <c r="A1843" s="538"/>
      <c r="B1843" s="411">
        <f t="shared" si="57"/>
        <v>116</v>
      </c>
      <c r="C1843" s="498" t="s">
        <v>4084</v>
      </c>
      <c r="D1843" s="449" t="s">
        <v>4085</v>
      </c>
      <c r="E1843" s="144" t="s">
        <v>707</v>
      </c>
      <c r="F1843" s="449" t="s">
        <v>600</v>
      </c>
      <c r="G1843" s="450"/>
      <c r="H1843" s="415"/>
      <c r="I1843" s="451"/>
      <c r="J1843" s="144"/>
      <c r="K1843" s="517"/>
      <c r="L1843" s="455">
        <v>38362</v>
      </c>
      <c r="M1843" s="455"/>
      <c r="N1843" s="418" t="str">
        <f t="shared" si="56"/>
        <v/>
      </c>
    </row>
    <row r="1844" spans="1:14" ht="15.75">
      <c r="A1844" s="538"/>
      <c r="B1844" s="411">
        <f t="shared" si="57"/>
        <v>116</v>
      </c>
      <c r="C1844" s="498" t="s">
        <v>4086</v>
      </c>
      <c r="D1844" s="449" t="s">
        <v>4087</v>
      </c>
      <c r="E1844" s="144" t="s">
        <v>707</v>
      </c>
      <c r="F1844" s="449" t="s">
        <v>600</v>
      </c>
      <c r="G1844" s="450"/>
      <c r="H1844" s="415"/>
      <c r="I1844" s="451"/>
      <c r="J1844" s="144"/>
      <c r="K1844" s="517"/>
      <c r="L1844" s="455">
        <v>38362</v>
      </c>
      <c r="M1844" s="455"/>
      <c r="N1844" s="418" t="str">
        <f t="shared" si="56"/>
        <v/>
      </c>
    </row>
    <row r="1845" spans="1:14" ht="15.75">
      <c r="A1845" s="538"/>
      <c r="B1845" s="411">
        <f t="shared" si="57"/>
        <v>116</v>
      </c>
      <c r="C1845" s="498" t="s">
        <v>4088</v>
      </c>
      <c r="D1845" s="449" t="s">
        <v>4089</v>
      </c>
      <c r="E1845" s="144" t="s">
        <v>707</v>
      </c>
      <c r="F1845" s="449" t="s">
        <v>600</v>
      </c>
      <c r="G1845" s="450"/>
      <c r="H1845" s="415"/>
      <c r="I1845" s="451"/>
      <c r="J1845" s="144"/>
      <c r="K1845" s="517"/>
      <c r="L1845" s="455">
        <v>38362</v>
      </c>
      <c r="M1845" s="455"/>
      <c r="N1845" s="418" t="str">
        <f t="shared" si="56"/>
        <v/>
      </c>
    </row>
    <row r="1846" spans="1:14" ht="15.75">
      <c r="A1846" s="538"/>
      <c r="B1846" s="411">
        <f t="shared" si="57"/>
        <v>116</v>
      </c>
      <c r="C1846" s="498" t="s">
        <v>4090</v>
      </c>
      <c r="D1846" s="449" t="s">
        <v>4091</v>
      </c>
      <c r="E1846" s="144" t="s">
        <v>707</v>
      </c>
      <c r="F1846" s="449" t="s">
        <v>600</v>
      </c>
      <c r="G1846" s="450"/>
      <c r="H1846" s="415"/>
      <c r="I1846" s="451"/>
      <c r="J1846" s="144"/>
      <c r="K1846" s="517"/>
      <c r="L1846" s="455">
        <v>38362</v>
      </c>
      <c r="M1846" s="455"/>
      <c r="N1846" s="418" t="str">
        <f t="shared" si="56"/>
        <v/>
      </c>
    </row>
    <row r="1847" spans="1:14" ht="15.75">
      <c r="A1847" s="538"/>
      <c r="B1847" s="411">
        <f t="shared" si="57"/>
        <v>116</v>
      </c>
      <c r="C1847" s="498" t="s">
        <v>4092</v>
      </c>
      <c r="D1847" s="449" t="s">
        <v>4093</v>
      </c>
      <c r="E1847" s="144" t="s">
        <v>707</v>
      </c>
      <c r="F1847" s="449" t="s">
        <v>600</v>
      </c>
      <c r="G1847" s="450"/>
      <c r="H1847" s="415"/>
      <c r="I1847" s="451"/>
      <c r="J1847" s="144"/>
      <c r="K1847" s="517"/>
      <c r="L1847" s="455">
        <v>38362</v>
      </c>
      <c r="M1847" s="455"/>
      <c r="N1847" s="418" t="str">
        <f t="shared" si="56"/>
        <v/>
      </c>
    </row>
    <row r="1848" spans="1:14" ht="15.75">
      <c r="A1848" s="538"/>
      <c r="B1848" s="411">
        <f t="shared" si="57"/>
        <v>116</v>
      </c>
      <c r="C1848" s="498" t="s">
        <v>4094</v>
      </c>
      <c r="D1848" s="449" t="s">
        <v>4095</v>
      </c>
      <c r="E1848" s="144" t="s">
        <v>707</v>
      </c>
      <c r="F1848" s="449" t="s">
        <v>600</v>
      </c>
      <c r="G1848" s="450"/>
      <c r="H1848" s="415"/>
      <c r="I1848" s="451"/>
      <c r="J1848" s="144"/>
      <c r="K1848" s="517"/>
      <c r="L1848" s="455">
        <v>38362</v>
      </c>
      <c r="M1848" s="455"/>
      <c r="N1848" s="418" t="str">
        <f t="shared" si="56"/>
        <v/>
      </c>
    </row>
    <row r="1849" spans="1:14" ht="15.75">
      <c r="A1849" s="538"/>
      <c r="B1849" s="411">
        <f t="shared" si="57"/>
        <v>116</v>
      </c>
      <c r="C1849" s="498" t="s">
        <v>4096</v>
      </c>
      <c r="D1849" s="449" t="s">
        <v>4097</v>
      </c>
      <c r="E1849" s="144" t="s">
        <v>707</v>
      </c>
      <c r="F1849" s="449" t="s">
        <v>600</v>
      </c>
      <c r="G1849" s="450"/>
      <c r="H1849" s="415"/>
      <c r="I1849" s="451"/>
      <c r="J1849" s="144"/>
      <c r="K1849" s="517"/>
      <c r="L1849" s="455">
        <v>38362</v>
      </c>
      <c r="M1849" s="455"/>
      <c r="N1849" s="418" t="str">
        <f t="shared" si="56"/>
        <v/>
      </c>
    </row>
    <row r="1850" spans="1:14" ht="15.75">
      <c r="A1850" s="538"/>
      <c r="B1850" s="411">
        <f t="shared" si="57"/>
        <v>116</v>
      </c>
      <c r="C1850" s="498" t="s">
        <v>4098</v>
      </c>
      <c r="D1850" s="449" t="s">
        <v>4099</v>
      </c>
      <c r="E1850" s="144" t="s">
        <v>707</v>
      </c>
      <c r="F1850" s="449" t="s">
        <v>600</v>
      </c>
      <c r="G1850" s="450"/>
      <c r="H1850" s="415"/>
      <c r="I1850" s="451"/>
      <c r="J1850" s="144"/>
      <c r="K1850" s="517"/>
      <c r="L1850" s="455">
        <v>38362</v>
      </c>
      <c r="M1850" s="455"/>
      <c r="N1850" s="418" t="str">
        <f t="shared" si="56"/>
        <v/>
      </c>
    </row>
    <row r="1851" spans="1:14" ht="15.75">
      <c r="A1851" s="538"/>
      <c r="B1851" s="411">
        <f t="shared" si="57"/>
        <v>116</v>
      </c>
      <c r="C1851" s="498" t="s">
        <v>4100</v>
      </c>
      <c r="D1851" s="449" t="s">
        <v>4101</v>
      </c>
      <c r="E1851" s="144" t="s">
        <v>707</v>
      </c>
      <c r="F1851" s="449" t="s">
        <v>600</v>
      </c>
      <c r="G1851" s="450"/>
      <c r="H1851" s="415"/>
      <c r="I1851" s="451"/>
      <c r="J1851" s="144"/>
      <c r="K1851" s="517"/>
      <c r="L1851" s="455">
        <v>38362</v>
      </c>
      <c r="M1851" s="455"/>
      <c r="N1851" s="418" t="str">
        <f t="shared" si="56"/>
        <v/>
      </c>
    </row>
    <row r="1852" spans="1:14" ht="15.75">
      <c r="A1852" s="538"/>
      <c r="B1852" s="411">
        <f t="shared" si="57"/>
        <v>116</v>
      </c>
      <c r="C1852" s="498" t="s">
        <v>4102</v>
      </c>
      <c r="D1852" s="449" t="s">
        <v>4103</v>
      </c>
      <c r="E1852" s="144" t="s">
        <v>707</v>
      </c>
      <c r="F1852" s="449" t="s">
        <v>600</v>
      </c>
      <c r="G1852" s="450"/>
      <c r="H1852" s="415"/>
      <c r="I1852" s="451"/>
      <c r="J1852" s="144"/>
      <c r="K1852" s="517"/>
      <c r="L1852" s="455">
        <v>38362</v>
      </c>
      <c r="M1852" s="455"/>
      <c r="N1852" s="418" t="str">
        <f t="shared" si="56"/>
        <v/>
      </c>
    </row>
    <row r="1853" spans="1:14" ht="15.75">
      <c r="A1853" s="538"/>
      <c r="B1853" s="411">
        <f t="shared" si="57"/>
        <v>116</v>
      </c>
      <c r="C1853" s="498" t="s">
        <v>4104</v>
      </c>
      <c r="D1853" s="449" t="s">
        <v>4105</v>
      </c>
      <c r="E1853" s="144" t="s">
        <v>707</v>
      </c>
      <c r="F1853" s="449" t="s">
        <v>600</v>
      </c>
      <c r="G1853" s="450"/>
      <c r="H1853" s="415"/>
      <c r="I1853" s="451"/>
      <c r="J1853" s="144"/>
      <c r="K1853" s="517"/>
      <c r="L1853" s="455">
        <v>38362</v>
      </c>
      <c r="M1853" s="455"/>
      <c r="N1853" s="418" t="str">
        <f t="shared" si="56"/>
        <v/>
      </c>
    </row>
    <row r="1854" spans="1:14" ht="28.5">
      <c r="A1854" s="538"/>
      <c r="B1854" s="411">
        <f t="shared" si="57"/>
        <v>116</v>
      </c>
      <c r="C1854" s="498" t="s">
        <v>4106</v>
      </c>
      <c r="D1854" s="449" t="s">
        <v>4107</v>
      </c>
      <c r="E1854" s="144" t="s">
        <v>707</v>
      </c>
      <c r="F1854" s="449" t="s">
        <v>600</v>
      </c>
      <c r="G1854" s="450"/>
      <c r="H1854" s="415"/>
      <c r="I1854" s="451"/>
      <c r="J1854" s="144"/>
      <c r="K1854" s="517"/>
      <c r="L1854" s="455">
        <v>38362</v>
      </c>
      <c r="M1854" s="455"/>
      <c r="N1854" s="418" t="str">
        <f t="shared" si="56"/>
        <v/>
      </c>
    </row>
    <row r="1855" spans="1:14" ht="15.75">
      <c r="A1855" s="538"/>
      <c r="B1855" s="411">
        <f t="shared" si="57"/>
        <v>116</v>
      </c>
      <c r="C1855" s="498" t="s">
        <v>4108</v>
      </c>
      <c r="D1855" s="449" t="s">
        <v>4109</v>
      </c>
      <c r="E1855" s="144" t="s">
        <v>707</v>
      </c>
      <c r="F1855" s="449" t="s">
        <v>600</v>
      </c>
      <c r="G1855" s="450"/>
      <c r="H1855" s="415"/>
      <c r="I1855" s="451"/>
      <c r="J1855" s="144"/>
      <c r="K1855" s="517"/>
      <c r="L1855" s="455">
        <v>38362</v>
      </c>
      <c r="M1855" s="455"/>
      <c r="N1855" s="418" t="str">
        <f t="shared" si="56"/>
        <v/>
      </c>
    </row>
    <row r="1856" spans="1:14" ht="15.75">
      <c r="A1856" s="538"/>
      <c r="B1856" s="411">
        <f t="shared" si="57"/>
        <v>116</v>
      </c>
      <c r="C1856" s="498" t="s">
        <v>4110</v>
      </c>
      <c r="D1856" s="449" t="s">
        <v>4111</v>
      </c>
      <c r="E1856" s="144" t="s">
        <v>707</v>
      </c>
      <c r="F1856" s="449" t="s">
        <v>600</v>
      </c>
      <c r="G1856" s="450"/>
      <c r="H1856" s="415"/>
      <c r="I1856" s="451"/>
      <c r="J1856" s="144"/>
      <c r="K1856" s="517"/>
      <c r="L1856" s="455">
        <v>38362</v>
      </c>
      <c r="M1856" s="455"/>
      <c r="N1856" s="418" t="str">
        <f t="shared" si="56"/>
        <v/>
      </c>
    </row>
    <row r="1857" spans="1:14" ht="15.75">
      <c r="A1857" s="538"/>
      <c r="B1857" s="411">
        <f t="shared" si="57"/>
        <v>116</v>
      </c>
      <c r="C1857" s="498" t="s">
        <v>4112</v>
      </c>
      <c r="D1857" s="449" t="s">
        <v>4113</v>
      </c>
      <c r="E1857" s="144" t="s">
        <v>707</v>
      </c>
      <c r="F1857" s="449" t="s">
        <v>600</v>
      </c>
      <c r="G1857" s="450"/>
      <c r="H1857" s="415"/>
      <c r="I1857" s="451"/>
      <c r="J1857" s="144"/>
      <c r="K1857" s="517"/>
      <c r="L1857" s="455">
        <v>38362</v>
      </c>
      <c r="M1857" s="455"/>
      <c r="N1857" s="418" t="str">
        <f t="shared" si="56"/>
        <v/>
      </c>
    </row>
    <row r="1858" spans="1:14" ht="15.75">
      <c r="A1858" s="538"/>
      <c r="B1858" s="411">
        <f t="shared" si="57"/>
        <v>116</v>
      </c>
      <c r="C1858" s="498" t="s">
        <v>4114</v>
      </c>
      <c r="D1858" s="449" t="s">
        <v>4115</v>
      </c>
      <c r="E1858" s="144" t="s">
        <v>707</v>
      </c>
      <c r="F1858" s="449" t="s">
        <v>600</v>
      </c>
      <c r="G1858" s="450"/>
      <c r="H1858" s="415"/>
      <c r="I1858" s="451"/>
      <c r="J1858" s="144"/>
      <c r="K1858" s="517"/>
      <c r="L1858" s="455">
        <v>38362</v>
      </c>
      <c r="M1858" s="455"/>
      <c r="N1858" s="418" t="str">
        <f t="shared" si="56"/>
        <v/>
      </c>
    </row>
    <row r="1859" spans="1:14" ht="15.75">
      <c r="A1859" s="538"/>
      <c r="B1859" s="411">
        <f t="shared" si="57"/>
        <v>116</v>
      </c>
      <c r="C1859" s="498" t="s">
        <v>4116</v>
      </c>
      <c r="D1859" s="449" t="s">
        <v>4117</v>
      </c>
      <c r="E1859" s="144" t="s">
        <v>707</v>
      </c>
      <c r="F1859" s="449" t="s">
        <v>600</v>
      </c>
      <c r="G1859" s="450"/>
      <c r="H1859" s="415"/>
      <c r="I1859" s="451"/>
      <c r="J1859" s="144"/>
      <c r="K1859" s="517"/>
      <c r="L1859" s="455">
        <v>38362</v>
      </c>
      <c r="M1859" s="455"/>
      <c r="N1859" s="418" t="str">
        <f t="shared" si="56"/>
        <v/>
      </c>
    </row>
    <row r="1860" spans="1:14" ht="15.75">
      <c r="A1860" s="538"/>
      <c r="B1860" s="411">
        <f t="shared" si="57"/>
        <v>116</v>
      </c>
      <c r="C1860" s="498" t="s">
        <v>4118</v>
      </c>
      <c r="D1860" s="449" t="s">
        <v>4119</v>
      </c>
      <c r="E1860" s="144" t="s">
        <v>707</v>
      </c>
      <c r="F1860" s="449" t="s">
        <v>600</v>
      </c>
      <c r="G1860" s="450"/>
      <c r="H1860" s="415"/>
      <c r="I1860" s="451"/>
      <c r="J1860" s="144"/>
      <c r="K1860" s="517"/>
      <c r="L1860" s="455">
        <v>38362</v>
      </c>
      <c r="M1860" s="455"/>
      <c r="N1860" s="418" t="str">
        <f t="shared" si="56"/>
        <v/>
      </c>
    </row>
    <row r="1861" spans="1:14" ht="15.75">
      <c r="A1861" s="538"/>
      <c r="B1861" s="411">
        <f t="shared" si="57"/>
        <v>116</v>
      </c>
      <c r="C1861" s="498" t="s">
        <v>4120</v>
      </c>
      <c r="D1861" s="449" t="s">
        <v>4121</v>
      </c>
      <c r="E1861" s="144" t="s">
        <v>707</v>
      </c>
      <c r="F1861" s="449" t="s">
        <v>600</v>
      </c>
      <c r="G1861" s="450"/>
      <c r="H1861" s="415"/>
      <c r="I1861" s="451"/>
      <c r="J1861" s="144"/>
      <c r="K1861" s="517"/>
      <c r="L1861" s="455">
        <v>38362</v>
      </c>
      <c r="M1861" s="455"/>
      <c r="N1861" s="418" t="str">
        <f t="shared" si="56"/>
        <v/>
      </c>
    </row>
    <row r="1862" spans="1:14" ht="15.75">
      <c r="A1862" s="538"/>
      <c r="B1862" s="411">
        <f t="shared" si="57"/>
        <v>116</v>
      </c>
      <c r="C1862" s="498" t="s">
        <v>4122</v>
      </c>
      <c r="D1862" s="449" t="s">
        <v>4123</v>
      </c>
      <c r="E1862" s="144" t="s">
        <v>707</v>
      </c>
      <c r="F1862" s="449" t="s">
        <v>600</v>
      </c>
      <c r="G1862" s="450"/>
      <c r="H1862" s="415"/>
      <c r="I1862" s="451"/>
      <c r="J1862" s="144"/>
      <c r="K1862" s="517"/>
      <c r="L1862" s="455">
        <v>38362</v>
      </c>
      <c r="M1862" s="455"/>
      <c r="N1862" s="418" t="str">
        <f t="shared" si="56"/>
        <v/>
      </c>
    </row>
    <row r="1863" spans="1:14" ht="15.75">
      <c r="A1863" s="538"/>
      <c r="B1863" s="411">
        <f t="shared" si="57"/>
        <v>116</v>
      </c>
      <c r="C1863" s="498" t="s">
        <v>4124</v>
      </c>
      <c r="D1863" s="449" t="s">
        <v>4125</v>
      </c>
      <c r="E1863" s="144" t="s">
        <v>707</v>
      </c>
      <c r="F1863" s="449" t="s">
        <v>600</v>
      </c>
      <c r="G1863" s="450"/>
      <c r="H1863" s="415"/>
      <c r="I1863" s="451"/>
      <c r="J1863" s="144"/>
      <c r="K1863" s="517"/>
      <c r="L1863" s="455">
        <v>38362</v>
      </c>
      <c r="M1863" s="455"/>
      <c r="N1863" s="418" t="str">
        <f t="shared" si="56"/>
        <v/>
      </c>
    </row>
    <row r="1864" spans="1:14" ht="15.75">
      <c r="A1864" s="538"/>
      <c r="B1864" s="411">
        <f t="shared" si="57"/>
        <v>116</v>
      </c>
      <c r="C1864" s="498" t="s">
        <v>4126</v>
      </c>
      <c r="D1864" s="449" t="s">
        <v>4127</v>
      </c>
      <c r="E1864" s="144" t="s">
        <v>707</v>
      </c>
      <c r="F1864" s="449" t="s">
        <v>600</v>
      </c>
      <c r="G1864" s="450"/>
      <c r="H1864" s="415"/>
      <c r="I1864" s="451"/>
      <c r="J1864" s="144"/>
      <c r="K1864" s="517"/>
      <c r="L1864" s="455">
        <v>38362</v>
      </c>
      <c r="M1864" s="455"/>
      <c r="N1864" s="418" t="str">
        <f t="shared" si="56"/>
        <v/>
      </c>
    </row>
    <row r="1865" spans="1:14" ht="15.75">
      <c r="A1865" s="538"/>
      <c r="B1865" s="411">
        <f t="shared" si="57"/>
        <v>116</v>
      </c>
      <c r="C1865" s="498" t="s">
        <v>4128</v>
      </c>
      <c r="D1865" s="449" t="s">
        <v>4129</v>
      </c>
      <c r="E1865" s="144" t="s">
        <v>707</v>
      </c>
      <c r="F1865" s="449" t="s">
        <v>600</v>
      </c>
      <c r="G1865" s="450"/>
      <c r="H1865" s="415"/>
      <c r="I1865" s="451"/>
      <c r="J1865" s="144"/>
      <c r="K1865" s="517"/>
      <c r="L1865" s="455">
        <v>38362</v>
      </c>
      <c r="M1865" s="455"/>
      <c r="N1865" s="418" t="str">
        <f t="shared" si="56"/>
        <v/>
      </c>
    </row>
    <row r="1866" spans="1:14" ht="15.75">
      <c r="A1866" s="538"/>
      <c r="B1866" s="411">
        <f t="shared" si="57"/>
        <v>116</v>
      </c>
      <c r="C1866" s="498" t="s">
        <v>4130</v>
      </c>
      <c r="D1866" s="449" t="s">
        <v>4131</v>
      </c>
      <c r="E1866" s="144" t="s">
        <v>707</v>
      </c>
      <c r="F1866" s="449" t="s">
        <v>600</v>
      </c>
      <c r="G1866" s="450"/>
      <c r="H1866" s="415"/>
      <c r="I1866" s="451"/>
      <c r="J1866" s="144"/>
      <c r="K1866" s="517"/>
      <c r="L1866" s="455">
        <v>38362</v>
      </c>
      <c r="M1866" s="455"/>
      <c r="N1866" s="418" t="str">
        <f t="shared" ref="N1866:N1929" si="58">IF(D1866="NA","",IF(COUNTIF($D$2:$D$5552,D1866)&gt;1,"DUPLICATE",""))</f>
        <v/>
      </c>
    </row>
    <row r="1867" spans="1:14" ht="15.75">
      <c r="A1867" s="538"/>
      <c r="B1867" s="411">
        <f t="shared" si="57"/>
        <v>116</v>
      </c>
      <c r="C1867" s="498" t="s">
        <v>4132</v>
      </c>
      <c r="D1867" s="449" t="s">
        <v>4133</v>
      </c>
      <c r="E1867" s="144" t="s">
        <v>707</v>
      </c>
      <c r="F1867" s="449" t="s">
        <v>600</v>
      </c>
      <c r="G1867" s="450"/>
      <c r="H1867" s="415"/>
      <c r="I1867" s="451"/>
      <c r="J1867" s="144"/>
      <c r="K1867" s="517"/>
      <c r="L1867" s="455">
        <v>38362</v>
      </c>
      <c r="M1867" s="455"/>
      <c r="N1867" s="418" t="str">
        <f t="shared" si="58"/>
        <v/>
      </c>
    </row>
    <row r="1868" spans="1:14" ht="15.75">
      <c r="A1868" s="538"/>
      <c r="B1868" s="411">
        <f t="shared" si="57"/>
        <v>116</v>
      </c>
      <c r="C1868" s="498" t="s">
        <v>4134</v>
      </c>
      <c r="D1868" s="449" t="s">
        <v>4135</v>
      </c>
      <c r="E1868" s="144" t="s">
        <v>707</v>
      </c>
      <c r="F1868" s="449" t="s">
        <v>600</v>
      </c>
      <c r="G1868" s="450"/>
      <c r="H1868" s="415"/>
      <c r="I1868" s="451"/>
      <c r="J1868" s="144"/>
      <c r="K1868" s="517"/>
      <c r="L1868" s="455">
        <v>38362</v>
      </c>
      <c r="M1868" s="455"/>
      <c r="N1868" s="418" t="str">
        <f t="shared" si="58"/>
        <v/>
      </c>
    </row>
    <row r="1869" spans="1:14" ht="15.75">
      <c r="A1869" s="538"/>
      <c r="B1869" s="411">
        <f t="shared" si="57"/>
        <v>116</v>
      </c>
      <c r="C1869" s="498" t="s">
        <v>4136</v>
      </c>
      <c r="D1869" s="449" t="s">
        <v>4137</v>
      </c>
      <c r="E1869" s="144" t="s">
        <v>707</v>
      </c>
      <c r="F1869" s="449" t="s">
        <v>600</v>
      </c>
      <c r="G1869" s="450"/>
      <c r="H1869" s="415"/>
      <c r="I1869" s="451"/>
      <c r="J1869" s="144"/>
      <c r="K1869" s="517"/>
      <c r="L1869" s="455">
        <v>38362</v>
      </c>
      <c r="M1869" s="455"/>
      <c r="N1869" s="418" t="str">
        <f t="shared" si="58"/>
        <v/>
      </c>
    </row>
    <row r="1870" spans="1:14" ht="15.75">
      <c r="A1870" s="538"/>
      <c r="B1870" s="411">
        <f t="shared" si="57"/>
        <v>116</v>
      </c>
      <c r="C1870" s="498" t="s">
        <v>4138</v>
      </c>
      <c r="D1870" s="449" t="s">
        <v>4139</v>
      </c>
      <c r="E1870" s="144" t="s">
        <v>707</v>
      </c>
      <c r="F1870" s="449" t="s">
        <v>600</v>
      </c>
      <c r="G1870" s="450"/>
      <c r="H1870" s="415"/>
      <c r="I1870" s="451"/>
      <c r="J1870" s="144"/>
      <c r="K1870" s="517"/>
      <c r="L1870" s="455">
        <v>38362</v>
      </c>
      <c r="M1870" s="455"/>
      <c r="N1870" s="418" t="str">
        <f t="shared" si="58"/>
        <v/>
      </c>
    </row>
    <row r="1871" spans="1:14" ht="15.75">
      <c r="A1871" s="538"/>
      <c r="B1871" s="411">
        <f t="shared" si="57"/>
        <v>116</v>
      </c>
      <c r="C1871" s="498" t="s">
        <v>4140</v>
      </c>
      <c r="D1871" s="449" t="s">
        <v>4141</v>
      </c>
      <c r="E1871" s="144" t="s">
        <v>707</v>
      </c>
      <c r="F1871" s="449" t="s">
        <v>600</v>
      </c>
      <c r="G1871" s="450"/>
      <c r="H1871" s="415"/>
      <c r="I1871" s="451"/>
      <c r="J1871" s="144"/>
      <c r="K1871" s="517"/>
      <c r="L1871" s="455">
        <v>38362</v>
      </c>
      <c r="M1871" s="455"/>
      <c r="N1871" s="418" t="str">
        <f t="shared" si="58"/>
        <v/>
      </c>
    </row>
    <row r="1872" spans="1:14" ht="15.75">
      <c r="A1872" s="538"/>
      <c r="B1872" s="411">
        <f t="shared" si="57"/>
        <v>116</v>
      </c>
      <c r="C1872" s="498" t="s">
        <v>4142</v>
      </c>
      <c r="D1872" s="449" t="s">
        <v>4143</v>
      </c>
      <c r="E1872" s="144" t="s">
        <v>707</v>
      </c>
      <c r="F1872" s="449" t="s">
        <v>600</v>
      </c>
      <c r="G1872" s="450"/>
      <c r="H1872" s="415"/>
      <c r="I1872" s="451"/>
      <c r="J1872" s="144"/>
      <c r="K1872" s="517"/>
      <c r="L1872" s="455">
        <v>38362</v>
      </c>
      <c r="M1872" s="455"/>
      <c r="N1872" s="418" t="str">
        <f t="shared" si="58"/>
        <v/>
      </c>
    </row>
    <row r="1873" spans="1:14" ht="31.5">
      <c r="A1873" s="538"/>
      <c r="B1873" s="411">
        <f t="shared" si="57"/>
        <v>116</v>
      </c>
      <c r="C1873" s="498" t="s">
        <v>4144</v>
      </c>
      <c r="D1873" s="449" t="s">
        <v>4145</v>
      </c>
      <c r="E1873" s="144" t="s">
        <v>707</v>
      </c>
      <c r="F1873" s="449" t="s">
        <v>600</v>
      </c>
      <c r="G1873" s="449" t="s">
        <v>760</v>
      </c>
      <c r="H1873" s="415"/>
      <c r="I1873" s="451"/>
      <c r="J1873" s="144"/>
      <c r="K1873" s="517"/>
      <c r="L1873" s="455">
        <v>38362</v>
      </c>
      <c r="M1873" s="455">
        <v>43497</v>
      </c>
      <c r="N1873" s="418" t="str">
        <f t="shared" si="58"/>
        <v/>
      </c>
    </row>
    <row r="1874" spans="1:14" ht="15.75">
      <c r="A1874" s="538"/>
      <c r="B1874" s="411">
        <f t="shared" si="57"/>
        <v>116</v>
      </c>
      <c r="C1874" s="498" t="s">
        <v>4146</v>
      </c>
      <c r="D1874" s="449" t="s">
        <v>4147</v>
      </c>
      <c r="E1874" s="144" t="s">
        <v>707</v>
      </c>
      <c r="F1874" s="449" t="s">
        <v>600</v>
      </c>
      <c r="G1874" s="450"/>
      <c r="H1874" s="415"/>
      <c r="I1874" s="451"/>
      <c r="J1874" s="144"/>
      <c r="K1874" s="517"/>
      <c r="L1874" s="455">
        <v>38362</v>
      </c>
      <c r="M1874" s="455"/>
      <c r="N1874" s="418" t="str">
        <f t="shared" si="58"/>
        <v/>
      </c>
    </row>
    <row r="1875" spans="1:14" ht="15.75">
      <c r="A1875" s="538"/>
      <c r="B1875" s="411">
        <f t="shared" si="57"/>
        <v>116</v>
      </c>
      <c r="C1875" s="498" t="s">
        <v>4148</v>
      </c>
      <c r="D1875" s="449" t="s">
        <v>4149</v>
      </c>
      <c r="E1875" s="144" t="s">
        <v>707</v>
      </c>
      <c r="F1875" s="449" t="s">
        <v>600</v>
      </c>
      <c r="G1875" s="450"/>
      <c r="H1875" s="415"/>
      <c r="I1875" s="451"/>
      <c r="J1875" s="144"/>
      <c r="K1875" s="517"/>
      <c r="L1875" s="455">
        <v>38362</v>
      </c>
      <c r="M1875" s="455"/>
      <c r="N1875" s="418" t="str">
        <f t="shared" si="58"/>
        <v/>
      </c>
    </row>
    <row r="1876" spans="1:14" ht="15.75">
      <c r="A1876" s="538"/>
      <c r="B1876" s="411">
        <f t="shared" si="57"/>
        <v>116</v>
      </c>
      <c r="C1876" s="498" t="s">
        <v>4150</v>
      </c>
      <c r="D1876" s="449" t="s">
        <v>4151</v>
      </c>
      <c r="E1876" s="144" t="s">
        <v>707</v>
      </c>
      <c r="F1876" s="449" t="s">
        <v>600</v>
      </c>
      <c r="G1876" s="450"/>
      <c r="H1876" s="415"/>
      <c r="I1876" s="451"/>
      <c r="J1876" s="144"/>
      <c r="K1876" s="517"/>
      <c r="L1876" s="455">
        <v>38362</v>
      </c>
      <c r="M1876" s="455"/>
      <c r="N1876" s="418" t="str">
        <f t="shared" si="58"/>
        <v/>
      </c>
    </row>
    <row r="1877" spans="1:14" ht="15.75">
      <c r="A1877" s="538"/>
      <c r="B1877" s="411">
        <f t="shared" si="57"/>
        <v>116</v>
      </c>
      <c r="C1877" s="498" t="s">
        <v>26637</v>
      </c>
      <c r="D1877" s="449"/>
      <c r="E1877" s="144" t="s">
        <v>707</v>
      </c>
      <c r="F1877" s="449" t="s">
        <v>600</v>
      </c>
      <c r="G1877" s="450"/>
      <c r="H1877" s="415"/>
      <c r="I1877" s="451"/>
      <c r="J1877" s="144"/>
      <c r="K1877" s="517"/>
      <c r="L1877" s="455">
        <v>43497</v>
      </c>
      <c r="M1877" s="455"/>
      <c r="N1877" s="418" t="str">
        <f t="shared" si="58"/>
        <v/>
      </c>
    </row>
    <row r="1878" spans="1:14" ht="15.75">
      <c r="A1878" s="538"/>
      <c r="B1878" s="411">
        <f t="shared" si="57"/>
        <v>116</v>
      </c>
      <c r="C1878" s="498" t="s">
        <v>4152</v>
      </c>
      <c r="D1878" s="449" t="s">
        <v>4153</v>
      </c>
      <c r="E1878" s="144" t="s">
        <v>707</v>
      </c>
      <c r="F1878" s="449" t="s">
        <v>600</v>
      </c>
      <c r="G1878" s="450"/>
      <c r="H1878" s="415"/>
      <c r="I1878" s="451"/>
      <c r="J1878" s="144"/>
      <c r="K1878" s="517"/>
      <c r="L1878" s="455">
        <v>38362</v>
      </c>
      <c r="M1878" s="455"/>
      <c r="N1878" s="418" t="str">
        <f t="shared" si="58"/>
        <v/>
      </c>
    </row>
    <row r="1879" spans="1:14" ht="15.75">
      <c r="A1879" s="538"/>
      <c r="B1879" s="411">
        <f t="shared" si="57"/>
        <v>116</v>
      </c>
      <c r="C1879" s="498" t="s">
        <v>4154</v>
      </c>
      <c r="D1879" s="449" t="s">
        <v>4155</v>
      </c>
      <c r="E1879" s="144" t="s">
        <v>707</v>
      </c>
      <c r="F1879" s="449" t="s">
        <v>600</v>
      </c>
      <c r="G1879" s="450"/>
      <c r="H1879" s="415"/>
      <c r="I1879" s="451"/>
      <c r="J1879" s="144"/>
      <c r="K1879" s="517"/>
      <c r="L1879" s="455">
        <v>38362</v>
      </c>
      <c r="M1879" s="455"/>
      <c r="N1879" s="418" t="str">
        <f t="shared" si="58"/>
        <v/>
      </c>
    </row>
    <row r="1880" spans="1:14" ht="15.75">
      <c r="A1880" s="538"/>
      <c r="B1880" s="411">
        <f t="shared" si="57"/>
        <v>116</v>
      </c>
      <c r="C1880" s="498" t="s">
        <v>4156</v>
      </c>
      <c r="D1880" s="449" t="s">
        <v>4157</v>
      </c>
      <c r="E1880" s="144" t="s">
        <v>707</v>
      </c>
      <c r="F1880" s="449" t="s">
        <v>600</v>
      </c>
      <c r="G1880" s="450"/>
      <c r="H1880" s="415"/>
      <c r="I1880" s="451"/>
      <c r="J1880" s="144"/>
      <c r="K1880" s="517"/>
      <c r="L1880" s="455">
        <v>38362</v>
      </c>
      <c r="M1880" s="455"/>
      <c r="N1880" s="418" t="str">
        <f t="shared" si="58"/>
        <v/>
      </c>
    </row>
    <row r="1881" spans="1:14" ht="15.75">
      <c r="A1881" s="538"/>
      <c r="B1881" s="411">
        <f t="shared" si="57"/>
        <v>116</v>
      </c>
      <c r="C1881" s="498" t="s">
        <v>4158</v>
      </c>
      <c r="D1881" s="449" t="s">
        <v>4159</v>
      </c>
      <c r="E1881" s="144" t="s">
        <v>707</v>
      </c>
      <c r="F1881" s="449" t="s">
        <v>600</v>
      </c>
      <c r="G1881" s="450"/>
      <c r="H1881" s="415"/>
      <c r="I1881" s="451"/>
      <c r="J1881" s="144"/>
      <c r="K1881" s="517"/>
      <c r="L1881" s="455">
        <v>38362</v>
      </c>
      <c r="M1881" s="455"/>
      <c r="N1881" s="418" t="str">
        <f t="shared" si="58"/>
        <v/>
      </c>
    </row>
    <row r="1882" spans="1:14" ht="15.75">
      <c r="A1882" s="538"/>
      <c r="B1882" s="411">
        <f t="shared" ref="B1882:B1945" si="59">IF(A1882&gt;0,A1882,B1881)</f>
        <v>116</v>
      </c>
      <c r="C1882" s="498" t="s">
        <v>4160</v>
      </c>
      <c r="D1882" s="449" t="s">
        <v>4161</v>
      </c>
      <c r="E1882" s="144" t="s">
        <v>707</v>
      </c>
      <c r="F1882" s="449" t="s">
        <v>600</v>
      </c>
      <c r="G1882" s="450"/>
      <c r="H1882" s="415"/>
      <c r="I1882" s="451"/>
      <c r="J1882" s="144"/>
      <c r="K1882" s="517"/>
      <c r="L1882" s="455">
        <v>38362</v>
      </c>
      <c r="M1882" s="455"/>
      <c r="N1882" s="418" t="str">
        <f t="shared" si="58"/>
        <v/>
      </c>
    </row>
    <row r="1883" spans="1:14" ht="15.75">
      <c r="A1883" s="538"/>
      <c r="B1883" s="411">
        <f t="shared" si="59"/>
        <v>116</v>
      </c>
      <c r="C1883" s="498" t="s">
        <v>4162</v>
      </c>
      <c r="D1883" s="449" t="s">
        <v>4163</v>
      </c>
      <c r="E1883" s="144" t="s">
        <v>707</v>
      </c>
      <c r="F1883" s="449" t="s">
        <v>600</v>
      </c>
      <c r="G1883" s="450"/>
      <c r="H1883" s="415"/>
      <c r="I1883" s="451"/>
      <c r="J1883" s="144"/>
      <c r="K1883" s="517"/>
      <c r="L1883" s="455">
        <v>38362</v>
      </c>
      <c r="M1883" s="455"/>
      <c r="N1883" s="418" t="str">
        <f t="shared" si="58"/>
        <v/>
      </c>
    </row>
    <row r="1884" spans="1:14" ht="31.5">
      <c r="A1884" s="538"/>
      <c r="B1884" s="411">
        <f t="shared" si="59"/>
        <v>116</v>
      </c>
      <c r="C1884" s="498" t="s">
        <v>4162</v>
      </c>
      <c r="D1884" s="449" t="s">
        <v>150</v>
      </c>
      <c r="E1884" s="144" t="s">
        <v>707</v>
      </c>
      <c r="F1884" s="449" t="s">
        <v>600</v>
      </c>
      <c r="G1884" s="450" t="s">
        <v>760</v>
      </c>
      <c r="H1884" s="415"/>
      <c r="I1884" s="451"/>
      <c r="J1884" s="144"/>
      <c r="K1884" s="517"/>
      <c r="L1884" s="455">
        <v>38362</v>
      </c>
      <c r="M1884" s="455"/>
      <c r="N1884" s="418" t="str">
        <f t="shared" si="58"/>
        <v/>
      </c>
    </row>
    <row r="1885" spans="1:14" ht="15.75">
      <c r="A1885" s="538"/>
      <c r="B1885" s="411">
        <f t="shared" si="59"/>
        <v>116</v>
      </c>
      <c r="C1885" s="498" t="s">
        <v>4164</v>
      </c>
      <c r="D1885" s="449" t="s">
        <v>4165</v>
      </c>
      <c r="E1885" s="144" t="s">
        <v>707</v>
      </c>
      <c r="F1885" s="449" t="s">
        <v>600</v>
      </c>
      <c r="G1885" s="450"/>
      <c r="H1885" s="415"/>
      <c r="I1885" s="451"/>
      <c r="J1885" s="144"/>
      <c r="K1885" s="517"/>
      <c r="L1885" s="455">
        <v>38362</v>
      </c>
      <c r="M1885" s="455"/>
      <c r="N1885" s="418" t="str">
        <f t="shared" si="58"/>
        <v/>
      </c>
    </row>
    <row r="1886" spans="1:14" ht="15.75">
      <c r="A1886" s="538"/>
      <c r="B1886" s="411">
        <f t="shared" si="59"/>
        <v>116</v>
      </c>
      <c r="C1886" s="498" t="s">
        <v>4166</v>
      </c>
      <c r="D1886" s="449" t="s">
        <v>4167</v>
      </c>
      <c r="E1886" s="144" t="s">
        <v>707</v>
      </c>
      <c r="F1886" s="449" t="s">
        <v>600</v>
      </c>
      <c r="G1886" s="450"/>
      <c r="H1886" s="415"/>
      <c r="I1886" s="451"/>
      <c r="J1886" s="144"/>
      <c r="K1886" s="517"/>
      <c r="L1886" s="455">
        <v>38362</v>
      </c>
      <c r="M1886" s="455"/>
      <c r="N1886" s="418" t="str">
        <f t="shared" si="58"/>
        <v/>
      </c>
    </row>
    <row r="1887" spans="1:14" ht="15.75">
      <c r="A1887" s="538"/>
      <c r="B1887" s="411">
        <f t="shared" si="59"/>
        <v>116</v>
      </c>
      <c r="C1887" s="498" t="s">
        <v>4168</v>
      </c>
      <c r="D1887" s="449" t="s">
        <v>4169</v>
      </c>
      <c r="E1887" s="144" t="s">
        <v>707</v>
      </c>
      <c r="F1887" s="449" t="s">
        <v>600</v>
      </c>
      <c r="G1887" s="450"/>
      <c r="H1887" s="415"/>
      <c r="I1887" s="451"/>
      <c r="J1887" s="144"/>
      <c r="K1887" s="517"/>
      <c r="L1887" s="455">
        <v>38362</v>
      </c>
      <c r="M1887" s="455"/>
      <c r="N1887" s="418" t="str">
        <f t="shared" si="58"/>
        <v/>
      </c>
    </row>
    <row r="1888" spans="1:14" ht="15.75">
      <c r="A1888" s="538"/>
      <c r="B1888" s="411">
        <f t="shared" si="59"/>
        <v>116</v>
      </c>
      <c r="C1888" s="498" t="s">
        <v>4170</v>
      </c>
      <c r="D1888" s="449" t="s">
        <v>4171</v>
      </c>
      <c r="E1888" s="144" t="s">
        <v>707</v>
      </c>
      <c r="F1888" s="449" t="s">
        <v>600</v>
      </c>
      <c r="G1888" s="450"/>
      <c r="H1888" s="415"/>
      <c r="I1888" s="451"/>
      <c r="J1888" s="144"/>
      <c r="K1888" s="517"/>
      <c r="L1888" s="455">
        <v>38362</v>
      </c>
      <c r="M1888" s="455"/>
      <c r="N1888" s="418" t="str">
        <f t="shared" si="58"/>
        <v/>
      </c>
    </row>
    <row r="1889" spans="1:14" ht="15.75">
      <c r="A1889" s="538"/>
      <c r="B1889" s="411">
        <f t="shared" si="59"/>
        <v>116</v>
      </c>
      <c r="C1889" s="498" t="s">
        <v>4172</v>
      </c>
      <c r="D1889" s="449" t="s">
        <v>4173</v>
      </c>
      <c r="E1889" s="144" t="s">
        <v>707</v>
      </c>
      <c r="F1889" s="449" t="s">
        <v>600</v>
      </c>
      <c r="G1889" s="450"/>
      <c r="H1889" s="415"/>
      <c r="I1889" s="451"/>
      <c r="J1889" s="144"/>
      <c r="K1889" s="517"/>
      <c r="L1889" s="455">
        <v>38362</v>
      </c>
      <c r="M1889" s="455"/>
      <c r="N1889" s="418" t="str">
        <f t="shared" si="58"/>
        <v/>
      </c>
    </row>
    <row r="1890" spans="1:14" ht="31.5">
      <c r="A1890" s="538"/>
      <c r="B1890" s="411">
        <f t="shared" si="59"/>
        <v>116</v>
      </c>
      <c r="C1890" s="498" t="s">
        <v>718</v>
      </c>
      <c r="D1890" s="449" t="s">
        <v>419</v>
      </c>
      <c r="E1890" s="144" t="s">
        <v>707</v>
      </c>
      <c r="F1890" s="449" t="s">
        <v>600</v>
      </c>
      <c r="G1890" s="450" t="s">
        <v>760</v>
      </c>
      <c r="H1890" s="415"/>
      <c r="I1890" s="451"/>
      <c r="J1890" s="144"/>
      <c r="K1890" s="517"/>
      <c r="L1890" s="455">
        <v>38362</v>
      </c>
      <c r="M1890" s="455"/>
      <c r="N1890" s="418" t="str">
        <f t="shared" si="58"/>
        <v>DUPLICATE</v>
      </c>
    </row>
    <row r="1891" spans="1:14" ht="47.25">
      <c r="A1891" s="538"/>
      <c r="B1891" s="411">
        <f t="shared" si="59"/>
        <v>116</v>
      </c>
      <c r="C1891" s="498" t="s">
        <v>718</v>
      </c>
      <c r="D1891" s="449" t="s">
        <v>565</v>
      </c>
      <c r="E1891" s="144" t="s">
        <v>707</v>
      </c>
      <c r="F1891" s="449" t="s">
        <v>600</v>
      </c>
      <c r="G1891" s="450" t="s">
        <v>28512</v>
      </c>
      <c r="H1891" s="415"/>
      <c r="I1891" s="451"/>
      <c r="J1891" s="144"/>
      <c r="K1891" s="517"/>
      <c r="L1891" s="455">
        <v>38362</v>
      </c>
      <c r="M1891" s="455"/>
      <c r="N1891" s="418" t="str">
        <f t="shared" si="58"/>
        <v>DUPLICATE</v>
      </c>
    </row>
    <row r="1892" spans="1:14" ht="15.75">
      <c r="A1892" s="538"/>
      <c r="B1892" s="411">
        <f t="shared" si="59"/>
        <v>116</v>
      </c>
      <c r="C1892" s="498" t="s">
        <v>719</v>
      </c>
      <c r="D1892" s="449" t="s">
        <v>720</v>
      </c>
      <c r="E1892" s="144" t="s">
        <v>707</v>
      </c>
      <c r="F1892" s="449" t="s">
        <v>600</v>
      </c>
      <c r="G1892" s="450"/>
      <c r="H1892" s="415"/>
      <c r="I1892" s="451"/>
      <c r="J1892" s="144"/>
      <c r="K1892" s="517"/>
      <c r="L1892" s="455">
        <v>38362</v>
      </c>
      <c r="M1892" s="455"/>
      <c r="N1892" s="418" t="str">
        <f t="shared" si="58"/>
        <v>DUPLICATE</v>
      </c>
    </row>
    <row r="1893" spans="1:14" ht="15.75">
      <c r="A1893" s="538"/>
      <c r="B1893" s="411">
        <f t="shared" si="59"/>
        <v>116</v>
      </c>
      <c r="C1893" s="498" t="s">
        <v>721</v>
      </c>
      <c r="D1893" s="449" t="s">
        <v>722</v>
      </c>
      <c r="E1893" s="144" t="s">
        <v>707</v>
      </c>
      <c r="F1893" s="449" t="s">
        <v>600</v>
      </c>
      <c r="G1893" s="450"/>
      <c r="H1893" s="415"/>
      <c r="I1893" s="451"/>
      <c r="J1893" s="144"/>
      <c r="K1893" s="517"/>
      <c r="L1893" s="455">
        <v>38362</v>
      </c>
      <c r="M1893" s="455"/>
      <c r="N1893" s="418" t="str">
        <f t="shared" si="58"/>
        <v>DUPLICATE</v>
      </c>
    </row>
    <row r="1894" spans="1:14" ht="15.75">
      <c r="A1894" s="538"/>
      <c r="B1894" s="411">
        <f t="shared" si="59"/>
        <v>116</v>
      </c>
      <c r="C1894" s="498" t="s">
        <v>723</v>
      </c>
      <c r="D1894" s="449" t="s">
        <v>724</v>
      </c>
      <c r="E1894" s="144" t="s">
        <v>707</v>
      </c>
      <c r="F1894" s="449" t="s">
        <v>600</v>
      </c>
      <c r="G1894" s="450"/>
      <c r="H1894" s="415"/>
      <c r="I1894" s="451"/>
      <c r="J1894" s="144"/>
      <c r="K1894" s="517"/>
      <c r="L1894" s="455">
        <v>38362</v>
      </c>
      <c r="M1894" s="455"/>
      <c r="N1894" s="418" t="str">
        <f t="shared" si="58"/>
        <v>DUPLICATE</v>
      </c>
    </row>
    <row r="1895" spans="1:14" ht="31.5">
      <c r="A1895" s="538"/>
      <c r="B1895" s="411">
        <f t="shared" si="59"/>
        <v>116</v>
      </c>
      <c r="C1895" s="498" t="s">
        <v>4174</v>
      </c>
      <c r="D1895" s="449" t="s">
        <v>399</v>
      </c>
      <c r="E1895" s="144" t="s">
        <v>707</v>
      </c>
      <c r="F1895" s="449" t="s">
        <v>600</v>
      </c>
      <c r="G1895" s="450" t="s">
        <v>760</v>
      </c>
      <c r="H1895" s="415"/>
      <c r="I1895" s="451"/>
      <c r="J1895" s="144"/>
      <c r="K1895" s="517"/>
      <c r="L1895" s="455">
        <v>38362</v>
      </c>
      <c r="M1895" s="455"/>
      <c r="N1895" s="418" t="str">
        <f t="shared" si="58"/>
        <v/>
      </c>
    </row>
    <row r="1896" spans="1:14" ht="15.75">
      <c r="A1896" s="538"/>
      <c r="B1896" s="411">
        <f t="shared" si="59"/>
        <v>116</v>
      </c>
      <c r="C1896" s="498" t="s">
        <v>4175</v>
      </c>
      <c r="D1896" s="449" t="s">
        <v>4176</v>
      </c>
      <c r="E1896" s="144" t="s">
        <v>707</v>
      </c>
      <c r="F1896" s="449" t="s">
        <v>600</v>
      </c>
      <c r="G1896" s="450"/>
      <c r="H1896" s="415"/>
      <c r="I1896" s="451"/>
      <c r="J1896" s="144"/>
      <c r="K1896" s="517"/>
      <c r="L1896" s="455">
        <v>38362</v>
      </c>
      <c r="M1896" s="455"/>
      <c r="N1896" s="418" t="str">
        <f t="shared" si="58"/>
        <v/>
      </c>
    </row>
    <row r="1897" spans="1:14" ht="15.75">
      <c r="A1897" s="538"/>
      <c r="B1897" s="411">
        <f t="shared" si="59"/>
        <v>116</v>
      </c>
      <c r="C1897" s="498" t="s">
        <v>4177</v>
      </c>
      <c r="D1897" s="449" t="s">
        <v>4178</v>
      </c>
      <c r="E1897" s="144" t="s">
        <v>707</v>
      </c>
      <c r="F1897" s="449" t="s">
        <v>600</v>
      </c>
      <c r="G1897" s="450"/>
      <c r="H1897" s="415"/>
      <c r="I1897" s="451"/>
      <c r="J1897" s="144"/>
      <c r="K1897" s="517"/>
      <c r="L1897" s="455">
        <v>38362</v>
      </c>
      <c r="M1897" s="455"/>
      <c r="N1897" s="418" t="str">
        <f t="shared" si="58"/>
        <v/>
      </c>
    </row>
    <row r="1898" spans="1:14" ht="15.75">
      <c r="A1898" s="538"/>
      <c r="B1898" s="411">
        <f t="shared" si="59"/>
        <v>116</v>
      </c>
      <c r="C1898" s="498" t="s">
        <v>4179</v>
      </c>
      <c r="D1898" s="449" t="s">
        <v>4180</v>
      </c>
      <c r="E1898" s="144" t="s">
        <v>707</v>
      </c>
      <c r="F1898" s="449" t="s">
        <v>600</v>
      </c>
      <c r="G1898" s="450"/>
      <c r="H1898" s="415"/>
      <c r="I1898" s="451"/>
      <c r="J1898" s="144"/>
      <c r="K1898" s="517"/>
      <c r="L1898" s="455">
        <v>38362</v>
      </c>
      <c r="M1898" s="455"/>
      <c r="N1898" s="418" t="str">
        <f t="shared" si="58"/>
        <v/>
      </c>
    </row>
    <row r="1899" spans="1:14" ht="15.75">
      <c r="A1899" s="538"/>
      <c r="B1899" s="411">
        <f t="shared" si="59"/>
        <v>116</v>
      </c>
      <c r="C1899" s="498" t="s">
        <v>4181</v>
      </c>
      <c r="D1899" s="449" t="s">
        <v>4182</v>
      </c>
      <c r="E1899" s="144" t="s">
        <v>707</v>
      </c>
      <c r="F1899" s="449" t="s">
        <v>600</v>
      </c>
      <c r="G1899" s="450"/>
      <c r="H1899" s="415"/>
      <c r="I1899" s="451"/>
      <c r="J1899" s="144"/>
      <c r="K1899" s="517"/>
      <c r="L1899" s="455">
        <v>38362</v>
      </c>
      <c r="M1899" s="455"/>
      <c r="N1899" s="418" t="str">
        <f t="shared" si="58"/>
        <v/>
      </c>
    </row>
    <row r="1900" spans="1:14" ht="15.75">
      <c r="A1900" s="538"/>
      <c r="B1900" s="411">
        <f t="shared" si="59"/>
        <v>116</v>
      </c>
      <c r="C1900" s="498" t="s">
        <v>4183</v>
      </c>
      <c r="D1900" s="449" t="s">
        <v>4184</v>
      </c>
      <c r="E1900" s="144" t="s">
        <v>707</v>
      </c>
      <c r="F1900" s="449" t="s">
        <v>600</v>
      </c>
      <c r="G1900" s="450"/>
      <c r="H1900" s="415"/>
      <c r="I1900" s="451"/>
      <c r="J1900" s="144"/>
      <c r="K1900" s="517"/>
      <c r="L1900" s="455">
        <v>38362</v>
      </c>
      <c r="M1900" s="455"/>
      <c r="N1900" s="418" t="str">
        <f t="shared" si="58"/>
        <v/>
      </c>
    </row>
    <row r="1901" spans="1:14" ht="15.75">
      <c r="A1901" s="538"/>
      <c r="B1901" s="411">
        <f t="shared" si="59"/>
        <v>116</v>
      </c>
      <c r="C1901" s="498" t="s">
        <v>4185</v>
      </c>
      <c r="D1901" s="449" t="s">
        <v>4186</v>
      </c>
      <c r="E1901" s="144" t="s">
        <v>707</v>
      </c>
      <c r="F1901" s="449" t="s">
        <v>600</v>
      </c>
      <c r="G1901" s="450"/>
      <c r="H1901" s="415"/>
      <c r="I1901" s="451"/>
      <c r="J1901" s="144"/>
      <c r="K1901" s="517"/>
      <c r="L1901" s="455">
        <v>38362</v>
      </c>
      <c r="M1901" s="455"/>
      <c r="N1901" s="418" t="str">
        <f t="shared" si="58"/>
        <v/>
      </c>
    </row>
    <row r="1902" spans="1:14" ht="15.75">
      <c r="A1902" s="538"/>
      <c r="B1902" s="411">
        <f t="shared" si="59"/>
        <v>116</v>
      </c>
      <c r="C1902" s="498" t="s">
        <v>4187</v>
      </c>
      <c r="D1902" s="449" t="s">
        <v>4188</v>
      </c>
      <c r="E1902" s="144" t="s">
        <v>707</v>
      </c>
      <c r="F1902" s="449" t="s">
        <v>600</v>
      </c>
      <c r="G1902" s="450"/>
      <c r="H1902" s="415"/>
      <c r="I1902" s="451"/>
      <c r="J1902" s="144"/>
      <c r="K1902" s="517"/>
      <c r="L1902" s="455">
        <v>38362</v>
      </c>
      <c r="M1902" s="455"/>
      <c r="N1902" s="418" t="str">
        <f t="shared" si="58"/>
        <v/>
      </c>
    </row>
    <row r="1903" spans="1:14" ht="15.75">
      <c r="A1903" s="538"/>
      <c r="B1903" s="411">
        <f t="shared" si="59"/>
        <v>116</v>
      </c>
      <c r="C1903" s="498" t="s">
        <v>4189</v>
      </c>
      <c r="D1903" s="449" t="s">
        <v>4190</v>
      </c>
      <c r="E1903" s="144" t="s">
        <v>707</v>
      </c>
      <c r="F1903" s="449" t="s">
        <v>600</v>
      </c>
      <c r="G1903" s="450"/>
      <c r="H1903" s="415"/>
      <c r="I1903" s="451"/>
      <c r="J1903" s="144"/>
      <c r="K1903" s="517"/>
      <c r="L1903" s="455">
        <v>38362</v>
      </c>
      <c r="M1903" s="455"/>
      <c r="N1903" s="418" t="str">
        <f t="shared" si="58"/>
        <v/>
      </c>
    </row>
    <row r="1904" spans="1:14" ht="15.75">
      <c r="A1904" s="538"/>
      <c r="B1904" s="411">
        <f t="shared" si="59"/>
        <v>116</v>
      </c>
      <c r="C1904" s="498" t="s">
        <v>4191</v>
      </c>
      <c r="D1904" s="449" t="s">
        <v>4192</v>
      </c>
      <c r="E1904" s="144" t="s">
        <v>707</v>
      </c>
      <c r="F1904" s="449" t="s">
        <v>600</v>
      </c>
      <c r="G1904" s="450"/>
      <c r="H1904" s="415"/>
      <c r="I1904" s="451"/>
      <c r="J1904" s="144"/>
      <c r="K1904" s="517"/>
      <c r="L1904" s="455">
        <v>38362</v>
      </c>
      <c r="M1904" s="455"/>
      <c r="N1904" s="418" t="str">
        <f t="shared" si="58"/>
        <v/>
      </c>
    </row>
    <row r="1905" spans="1:14" ht="15.75">
      <c r="A1905" s="538"/>
      <c r="B1905" s="411">
        <f t="shared" si="59"/>
        <v>116</v>
      </c>
      <c r="C1905" s="498" t="s">
        <v>4193</v>
      </c>
      <c r="D1905" s="449" t="s">
        <v>4194</v>
      </c>
      <c r="E1905" s="144" t="s">
        <v>707</v>
      </c>
      <c r="F1905" s="449" t="s">
        <v>600</v>
      </c>
      <c r="G1905" s="450"/>
      <c r="H1905" s="415"/>
      <c r="I1905" s="451"/>
      <c r="J1905" s="144"/>
      <c r="K1905" s="517"/>
      <c r="L1905" s="455">
        <v>38362</v>
      </c>
      <c r="M1905" s="455"/>
      <c r="N1905" s="418" t="str">
        <f t="shared" si="58"/>
        <v/>
      </c>
    </row>
    <row r="1906" spans="1:14" ht="15.75">
      <c r="A1906" s="538"/>
      <c r="B1906" s="411">
        <f t="shared" si="59"/>
        <v>116</v>
      </c>
      <c r="C1906" s="498" t="s">
        <v>4195</v>
      </c>
      <c r="D1906" s="449" t="s">
        <v>4196</v>
      </c>
      <c r="E1906" s="144" t="s">
        <v>707</v>
      </c>
      <c r="F1906" s="449" t="s">
        <v>600</v>
      </c>
      <c r="G1906" s="450"/>
      <c r="H1906" s="415"/>
      <c r="I1906" s="451"/>
      <c r="J1906" s="144"/>
      <c r="K1906" s="517"/>
      <c r="L1906" s="455">
        <v>38362</v>
      </c>
      <c r="M1906" s="455"/>
      <c r="N1906" s="418" t="str">
        <f t="shared" si="58"/>
        <v/>
      </c>
    </row>
    <row r="1907" spans="1:14" ht="15.75">
      <c r="A1907" s="538"/>
      <c r="B1907" s="411">
        <f t="shared" si="59"/>
        <v>116</v>
      </c>
      <c r="C1907" s="498" t="s">
        <v>4197</v>
      </c>
      <c r="D1907" s="449" t="s">
        <v>4198</v>
      </c>
      <c r="E1907" s="144" t="s">
        <v>707</v>
      </c>
      <c r="F1907" s="449" t="s">
        <v>600</v>
      </c>
      <c r="G1907" s="450"/>
      <c r="H1907" s="415"/>
      <c r="I1907" s="451"/>
      <c r="J1907" s="144"/>
      <c r="K1907" s="517"/>
      <c r="L1907" s="455">
        <v>38362</v>
      </c>
      <c r="M1907" s="455"/>
      <c r="N1907" s="418" t="str">
        <f t="shared" si="58"/>
        <v/>
      </c>
    </row>
    <row r="1908" spans="1:14" ht="15.75">
      <c r="A1908" s="538"/>
      <c r="B1908" s="411">
        <f t="shared" si="59"/>
        <v>116</v>
      </c>
      <c r="C1908" s="498" t="s">
        <v>4199</v>
      </c>
      <c r="D1908" s="449" t="s">
        <v>4200</v>
      </c>
      <c r="E1908" s="144" t="s">
        <v>707</v>
      </c>
      <c r="F1908" s="449" t="s">
        <v>600</v>
      </c>
      <c r="G1908" s="450"/>
      <c r="H1908" s="415"/>
      <c r="I1908" s="451"/>
      <c r="J1908" s="144"/>
      <c r="K1908" s="517"/>
      <c r="L1908" s="455">
        <v>38362</v>
      </c>
      <c r="M1908" s="455"/>
      <c r="N1908" s="418" t="str">
        <f t="shared" si="58"/>
        <v/>
      </c>
    </row>
    <row r="1909" spans="1:14" ht="15.75">
      <c r="A1909" s="538"/>
      <c r="B1909" s="411">
        <f t="shared" si="59"/>
        <v>116</v>
      </c>
      <c r="C1909" s="498" t="s">
        <v>4201</v>
      </c>
      <c r="D1909" s="449" t="s">
        <v>4202</v>
      </c>
      <c r="E1909" s="144" t="s">
        <v>707</v>
      </c>
      <c r="F1909" s="449" t="s">
        <v>600</v>
      </c>
      <c r="G1909" s="450"/>
      <c r="H1909" s="415"/>
      <c r="I1909" s="451"/>
      <c r="J1909" s="144"/>
      <c r="K1909" s="517"/>
      <c r="L1909" s="455">
        <v>38362</v>
      </c>
      <c r="M1909" s="455"/>
      <c r="N1909" s="418" t="str">
        <f t="shared" si="58"/>
        <v/>
      </c>
    </row>
    <row r="1910" spans="1:14" ht="15.75">
      <c r="A1910" s="538"/>
      <c r="B1910" s="411">
        <f t="shared" si="59"/>
        <v>116</v>
      </c>
      <c r="C1910" s="498" t="s">
        <v>4203</v>
      </c>
      <c r="D1910" s="449" t="s">
        <v>4204</v>
      </c>
      <c r="E1910" s="144" t="s">
        <v>707</v>
      </c>
      <c r="F1910" s="449" t="s">
        <v>600</v>
      </c>
      <c r="G1910" s="450"/>
      <c r="H1910" s="415"/>
      <c r="I1910" s="451"/>
      <c r="J1910" s="144"/>
      <c r="K1910" s="517"/>
      <c r="L1910" s="455">
        <v>38362</v>
      </c>
      <c r="M1910" s="455"/>
      <c r="N1910" s="418" t="str">
        <f t="shared" si="58"/>
        <v/>
      </c>
    </row>
    <row r="1911" spans="1:14" ht="15.75">
      <c r="A1911" s="538"/>
      <c r="B1911" s="411">
        <f t="shared" si="59"/>
        <v>116</v>
      </c>
      <c r="C1911" s="498" t="s">
        <v>4205</v>
      </c>
      <c r="D1911" s="449" t="s">
        <v>4206</v>
      </c>
      <c r="E1911" s="144" t="s">
        <v>707</v>
      </c>
      <c r="F1911" s="449" t="s">
        <v>600</v>
      </c>
      <c r="G1911" s="450"/>
      <c r="H1911" s="415"/>
      <c r="I1911" s="451"/>
      <c r="J1911" s="144"/>
      <c r="K1911" s="517"/>
      <c r="L1911" s="455">
        <v>38362</v>
      </c>
      <c r="M1911" s="455"/>
      <c r="N1911" s="418" t="str">
        <f t="shared" si="58"/>
        <v/>
      </c>
    </row>
    <row r="1912" spans="1:14" ht="15.75">
      <c r="A1912" s="538"/>
      <c r="B1912" s="411">
        <f t="shared" si="59"/>
        <v>116</v>
      </c>
      <c r="C1912" s="498" t="s">
        <v>4207</v>
      </c>
      <c r="D1912" s="449" t="s">
        <v>4208</v>
      </c>
      <c r="E1912" s="144" t="s">
        <v>707</v>
      </c>
      <c r="F1912" s="449" t="s">
        <v>600</v>
      </c>
      <c r="G1912" s="450"/>
      <c r="H1912" s="415"/>
      <c r="I1912" s="451"/>
      <c r="J1912" s="144"/>
      <c r="K1912" s="517"/>
      <c r="L1912" s="455">
        <v>38362</v>
      </c>
      <c r="M1912" s="455"/>
      <c r="N1912" s="418" t="str">
        <f t="shared" si="58"/>
        <v/>
      </c>
    </row>
    <row r="1913" spans="1:14" ht="15.75">
      <c r="A1913" s="538"/>
      <c r="B1913" s="411">
        <f t="shared" si="59"/>
        <v>116</v>
      </c>
      <c r="C1913" s="498" t="s">
        <v>4209</v>
      </c>
      <c r="D1913" s="449" t="s">
        <v>4210</v>
      </c>
      <c r="E1913" s="144" t="s">
        <v>707</v>
      </c>
      <c r="F1913" s="449" t="s">
        <v>600</v>
      </c>
      <c r="G1913" s="450"/>
      <c r="H1913" s="415"/>
      <c r="I1913" s="451"/>
      <c r="J1913" s="144"/>
      <c r="K1913" s="517"/>
      <c r="L1913" s="455">
        <v>38362</v>
      </c>
      <c r="M1913" s="455"/>
      <c r="N1913" s="418" t="str">
        <f t="shared" si="58"/>
        <v/>
      </c>
    </row>
    <row r="1914" spans="1:14" ht="15.75">
      <c r="A1914" s="538"/>
      <c r="B1914" s="411">
        <f t="shared" si="59"/>
        <v>116</v>
      </c>
      <c r="C1914" s="498" t="s">
        <v>4211</v>
      </c>
      <c r="D1914" s="449" t="s">
        <v>4212</v>
      </c>
      <c r="E1914" s="144" t="s">
        <v>707</v>
      </c>
      <c r="F1914" s="449" t="s">
        <v>600</v>
      </c>
      <c r="G1914" s="450"/>
      <c r="H1914" s="415"/>
      <c r="I1914" s="451"/>
      <c r="J1914" s="144"/>
      <c r="K1914" s="517"/>
      <c r="L1914" s="455">
        <v>38362</v>
      </c>
      <c r="M1914" s="455"/>
      <c r="N1914" s="418" t="str">
        <f t="shared" si="58"/>
        <v/>
      </c>
    </row>
    <row r="1915" spans="1:14" ht="15.75">
      <c r="A1915" s="538"/>
      <c r="B1915" s="411">
        <f t="shared" si="59"/>
        <v>116</v>
      </c>
      <c r="C1915" s="498" t="s">
        <v>4213</v>
      </c>
      <c r="D1915" s="449" t="s">
        <v>4214</v>
      </c>
      <c r="E1915" s="144" t="s">
        <v>707</v>
      </c>
      <c r="F1915" s="449" t="s">
        <v>600</v>
      </c>
      <c r="G1915" s="450"/>
      <c r="H1915" s="415"/>
      <c r="I1915" s="451"/>
      <c r="J1915" s="144"/>
      <c r="K1915" s="517"/>
      <c r="L1915" s="455">
        <v>38362</v>
      </c>
      <c r="M1915" s="455"/>
      <c r="N1915" s="418" t="str">
        <f t="shared" si="58"/>
        <v/>
      </c>
    </row>
    <row r="1916" spans="1:14" ht="15.75">
      <c r="A1916" s="538"/>
      <c r="B1916" s="411">
        <f t="shared" si="59"/>
        <v>116</v>
      </c>
      <c r="C1916" s="498" t="s">
        <v>4215</v>
      </c>
      <c r="D1916" s="449" t="s">
        <v>4216</v>
      </c>
      <c r="E1916" s="144" t="s">
        <v>707</v>
      </c>
      <c r="F1916" s="449" t="s">
        <v>600</v>
      </c>
      <c r="G1916" s="450"/>
      <c r="H1916" s="415"/>
      <c r="I1916" s="451"/>
      <c r="J1916" s="144"/>
      <c r="K1916" s="517"/>
      <c r="L1916" s="455">
        <v>38362</v>
      </c>
      <c r="M1916" s="455"/>
      <c r="N1916" s="418" t="str">
        <f t="shared" si="58"/>
        <v/>
      </c>
    </row>
    <row r="1917" spans="1:14" ht="31.5">
      <c r="A1917" s="538"/>
      <c r="B1917" s="411">
        <f t="shared" si="59"/>
        <v>116</v>
      </c>
      <c r="C1917" s="498" t="s">
        <v>512</v>
      </c>
      <c r="D1917" s="449" t="s">
        <v>514</v>
      </c>
      <c r="E1917" s="144" t="s">
        <v>707</v>
      </c>
      <c r="F1917" s="449" t="s">
        <v>600</v>
      </c>
      <c r="G1917" s="449" t="s">
        <v>811</v>
      </c>
      <c r="H1917" s="415">
        <v>42145</v>
      </c>
      <c r="I1917" s="451" t="s">
        <v>711</v>
      </c>
      <c r="J1917" s="144"/>
      <c r="K1917" s="522"/>
      <c r="L1917" s="455">
        <v>38362</v>
      </c>
      <c r="M1917" s="455"/>
      <c r="N1917" s="418" t="str">
        <f t="shared" si="58"/>
        <v>DUPLICATE</v>
      </c>
    </row>
    <row r="1918" spans="1:14" ht="15.75">
      <c r="A1918" s="538"/>
      <c r="B1918" s="411">
        <f t="shared" si="59"/>
        <v>116</v>
      </c>
      <c r="C1918" s="498" t="s">
        <v>2356</v>
      </c>
      <c r="D1918" s="449" t="s">
        <v>2357</v>
      </c>
      <c r="E1918" s="144" t="s">
        <v>707</v>
      </c>
      <c r="F1918" s="449" t="s">
        <v>600</v>
      </c>
      <c r="G1918" s="450"/>
      <c r="H1918" s="415"/>
      <c r="I1918" s="451"/>
      <c r="J1918" s="144"/>
      <c r="K1918" s="517"/>
      <c r="L1918" s="455">
        <v>38362</v>
      </c>
      <c r="M1918" s="455"/>
      <c r="N1918" s="418" t="str">
        <f t="shared" si="58"/>
        <v>DUPLICATE</v>
      </c>
    </row>
    <row r="1919" spans="1:14" ht="15.75">
      <c r="A1919" s="538"/>
      <c r="B1919" s="411">
        <f t="shared" si="59"/>
        <v>116</v>
      </c>
      <c r="C1919" s="498" t="s">
        <v>2358</v>
      </c>
      <c r="D1919" s="449" t="s">
        <v>2359</v>
      </c>
      <c r="E1919" s="144" t="s">
        <v>707</v>
      </c>
      <c r="F1919" s="449" t="s">
        <v>600</v>
      </c>
      <c r="G1919" s="450"/>
      <c r="H1919" s="415"/>
      <c r="I1919" s="451"/>
      <c r="J1919" s="144"/>
      <c r="K1919" s="517"/>
      <c r="L1919" s="455">
        <v>38362</v>
      </c>
      <c r="M1919" s="455"/>
      <c r="N1919" s="418" t="str">
        <f t="shared" si="58"/>
        <v>DUPLICATE</v>
      </c>
    </row>
    <row r="1920" spans="1:14" ht="15.75">
      <c r="A1920" s="538"/>
      <c r="B1920" s="411">
        <f t="shared" si="59"/>
        <v>116</v>
      </c>
      <c r="C1920" s="498" t="s">
        <v>2360</v>
      </c>
      <c r="D1920" s="449" t="s">
        <v>2361</v>
      </c>
      <c r="E1920" s="144" t="s">
        <v>707</v>
      </c>
      <c r="F1920" s="449" t="s">
        <v>600</v>
      </c>
      <c r="G1920" s="450"/>
      <c r="H1920" s="415"/>
      <c r="I1920" s="451"/>
      <c r="J1920" s="144"/>
      <c r="K1920" s="517"/>
      <c r="L1920" s="455">
        <v>38362</v>
      </c>
      <c r="M1920" s="455"/>
      <c r="N1920" s="418" t="str">
        <f t="shared" si="58"/>
        <v>DUPLICATE</v>
      </c>
    </row>
    <row r="1921" spans="1:14" ht="15.75">
      <c r="A1921" s="538"/>
      <c r="B1921" s="411">
        <f t="shared" si="59"/>
        <v>116</v>
      </c>
      <c r="C1921" s="498" t="s">
        <v>2362</v>
      </c>
      <c r="D1921" s="449" t="s">
        <v>2363</v>
      </c>
      <c r="E1921" s="144" t="s">
        <v>707</v>
      </c>
      <c r="F1921" s="449" t="s">
        <v>600</v>
      </c>
      <c r="G1921" s="450"/>
      <c r="H1921" s="415"/>
      <c r="I1921" s="451"/>
      <c r="J1921" s="144"/>
      <c r="K1921" s="517"/>
      <c r="L1921" s="455">
        <v>38362</v>
      </c>
      <c r="M1921" s="455"/>
      <c r="N1921" s="418" t="str">
        <f t="shared" si="58"/>
        <v>DUPLICATE</v>
      </c>
    </row>
    <row r="1922" spans="1:14" ht="15.75">
      <c r="A1922" s="538"/>
      <c r="B1922" s="411">
        <f t="shared" si="59"/>
        <v>116</v>
      </c>
      <c r="C1922" s="498" t="s">
        <v>253</v>
      </c>
      <c r="D1922" s="449" t="s">
        <v>4217</v>
      </c>
      <c r="E1922" s="144" t="s">
        <v>707</v>
      </c>
      <c r="F1922" s="449" t="s">
        <v>600</v>
      </c>
      <c r="G1922" s="450"/>
      <c r="H1922" s="415"/>
      <c r="I1922" s="451"/>
      <c r="J1922" s="144"/>
      <c r="K1922" s="517"/>
      <c r="L1922" s="455">
        <v>38362</v>
      </c>
      <c r="M1922" s="455"/>
      <c r="N1922" s="418" t="str">
        <f t="shared" si="58"/>
        <v/>
      </c>
    </row>
    <row r="1923" spans="1:14" ht="31.5">
      <c r="A1923" s="538"/>
      <c r="B1923" s="411">
        <f t="shared" si="59"/>
        <v>116</v>
      </c>
      <c r="C1923" s="498" t="s">
        <v>4218</v>
      </c>
      <c r="D1923" s="449" t="s">
        <v>255</v>
      </c>
      <c r="E1923" s="144" t="s">
        <v>707</v>
      </c>
      <c r="F1923" s="449" t="s">
        <v>600</v>
      </c>
      <c r="G1923" s="450" t="s">
        <v>760</v>
      </c>
      <c r="H1923" s="415"/>
      <c r="I1923" s="451"/>
      <c r="J1923" s="144"/>
      <c r="K1923" s="517"/>
      <c r="L1923" s="455">
        <v>38362</v>
      </c>
      <c r="M1923" s="455"/>
      <c r="N1923" s="418" t="str">
        <f t="shared" si="58"/>
        <v/>
      </c>
    </row>
    <row r="1924" spans="1:14" ht="15.75">
      <c r="A1924" s="538"/>
      <c r="B1924" s="411">
        <f t="shared" si="59"/>
        <v>116</v>
      </c>
      <c r="C1924" s="498" t="s">
        <v>4218</v>
      </c>
      <c r="D1924" s="449" t="s">
        <v>4219</v>
      </c>
      <c r="E1924" s="144" t="s">
        <v>707</v>
      </c>
      <c r="F1924" s="449" t="s">
        <v>600</v>
      </c>
      <c r="G1924" s="450"/>
      <c r="H1924" s="415"/>
      <c r="I1924" s="451"/>
      <c r="J1924" s="144"/>
      <c r="K1924" s="517"/>
      <c r="L1924" s="455">
        <v>38362</v>
      </c>
      <c r="M1924" s="455"/>
      <c r="N1924" s="418" t="str">
        <f t="shared" si="58"/>
        <v/>
      </c>
    </row>
    <row r="1925" spans="1:14" ht="15.75">
      <c r="A1925" s="538"/>
      <c r="B1925" s="411">
        <f t="shared" si="59"/>
        <v>116</v>
      </c>
      <c r="C1925" s="498" t="s">
        <v>4220</v>
      </c>
      <c r="D1925" s="449" t="s">
        <v>4221</v>
      </c>
      <c r="E1925" s="144" t="s">
        <v>707</v>
      </c>
      <c r="F1925" s="449" t="s">
        <v>600</v>
      </c>
      <c r="G1925" s="450"/>
      <c r="H1925" s="415"/>
      <c r="I1925" s="451"/>
      <c r="J1925" s="144"/>
      <c r="K1925" s="517"/>
      <c r="L1925" s="455">
        <v>38362</v>
      </c>
      <c r="M1925" s="455"/>
      <c r="N1925" s="418" t="str">
        <f t="shared" si="58"/>
        <v/>
      </c>
    </row>
    <row r="1926" spans="1:14" ht="15.75">
      <c r="A1926" s="538"/>
      <c r="B1926" s="411">
        <f t="shared" si="59"/>
        <v>116</v>
      </c>
      <c r="C1926" s="498" t="s">
        <v>4222</v>
      </c>
      <c r="D1926" s="449" t="s">
        <v>4223</v>
      </c>
      <c r="E1926" s="144" t="s">
        <v>707</v>
      </c>
      <c r="F1926" s="449" t="s">
        <v>600</v>
      </c>
      <c r="G1926" s="450"/>
      <c r="H1926" s="415"/>
      <c r="I1926" s="451"/>
      <c r="J1926" s="144"/>
      <c r="K1926" s="517"/>
      <c r="L1926" s="455">
        <v>38362</v>
      </c>
      <c r="M1926" s="455"/>
      <c r="N1926" s="418" t="str">
        <f t="shared" si="58"/>
        <v/>
      </c>
    </row>
    <row r="1927" spans="1:14" ht="15.75">
      <c r="A1927" s="538"/>
      <c r="B1927" s="411">
        <f t="shared" si="59"/>
        <v>116</v>
      </c>
      <c r="C1927" s="498" t="s">
        <v>4224</v>
      </c>
      <c r="D1927" s="449" t="s">
        <v>4225</v>
      </c>
      <c r="E1927" s="144" t="s">
        <v>707</v>
      </c>
      <c r="F1927" s="449" t="s">
        <v>600</v>
      </c>
      <c r="G1927" s="450"/>
      <c r="H1927" s="415"/>
      <c r="I1927" s="451"/>
      <c r="J1927" s="144"/>
      <c r="K1927" s="517"/>
      <c r="L1927" s="455">
        <v>38362</v>
      </c>
      <c r="M1927" s="455"/>
      <c r="N1927" s="418" t="str">
        <f t="shared" si="58"/>
        <v/>
      </c>
    </row>
    <row r="1928" spans="1:14" ht="15.75">
      <c r="A1928" s="538"/>
      <c r="B1928" s="411">
        <f t="shared" si="59"/>
        <v>116</v>
      </c>
      <c r="C1928" s="498" t="s">
        <v>4226</v>
      </c>
      <c r="D1928" s="449" t="s">
        <v>4227</v>
      </c>
      <c r="E1928" s="144" t="s">
        <v>707</v>
      </c>
      <c r="F1928" s="449" t="s">
        <v>600</v>
      </c>
      <c r="G1928" s="450"/>
      <c r="H1928" s="415"/>
      <c r="I1928" s="451"/>
      <c r="J1928" s="144"/>
      <c r="K1928" s="517"/>
      <c r="L1928" s="455">
        <v>38362</v>
      </c>
      <c r="M1928" s="455"/>
      <c r="N1928" s="418" t="str">
        <f t="shared" si="58"/>
        <v/>
      </c>
    </row>
    <row r="1929" spans="1:14" ht="15.75">
      <c r="A1929" s="538"/>
      <c r="B1929" s="411">
        <f t="shared" si="59"/>
        <v>116</v>
      </c>
      <c r="C1929" s="498" t="s">
        <v>4228</v>
      </c>
      <c r="D1929" s="449" t="s">
        <v>4229</v>
      </c>
      <c r="E1929" s="144" t="s">
        <v>707</v>
      </c>
      <c r="F1929" s="449" t="s">
        <v>600</v>
      </c>
      <c r="G1929" s="450"/>
      <c r="H1929" s="415"/>
      <c r="I1929" s="451"/>
      <c r="J1929" s="144"/>
      <c r="K1929" s="517"/>
      <c r="L1929" s="455">
        <v>38362</v>
      </c>
      <c r="M1929" s="455"/>
      <c r="N1929" s="418" t="str">
        <f t="shared" si="58"/>
        <v/>
      </c>
    </row>
    <row r="1930" spans="1:14" ht="15.75">
      <c r="A1930" s="538"/>
      <c r="B1930" s="411">
        <f t="shared" si="59"/>
        <v>116</v>
      </c>
      <c r="C1930" s="498" t="s">
        <v>4230</v>
      </c>
      <c r="D1930" s="449" t="s">
        <v>4231</v>
      </c>
      <c r="E1930" s="144" t="s">
        <v>707</v>
      </c>
      <c r="F1930" s="449" t="s">
        <v>600</v>
      </c>
      <c r="G1930" s="450"/>
      <c r="H1930" s="415"/>
      <c r="I1930" s="451"/>
      <c r="J1930" s="144"/>
      <c r="K1930" s="517"/>
      <c r="L1930" s="455">
        <v>38362</v>
      </c>
      <c r="M1930" s="455"/>
      <c r="N1930" s="418" t="str">
        <f t="shared" ref="N1930:N1993" si="60">IF(D1930="NA","",IF(COUNTIF($D$2:$D$5552,D1930)&gt;1,"DUPLICATE",""))</f>
        <v/>
      </c>
    </row>
    <row r="1931" spans="1:14" ht="15.75">
      <c r="A1931" s="538"/>
      <c r="B1931" s="411">
        <f t="shared" si="59"/>
        <v>116</v>
      </c>
      <c r="C1931" s="498" t="s">
        <v>4232</v>
      </c>
      <c r="D1931" s="449" t="s">
        <v>4233</v>
      </c>
      <c r="E1931" s="144" t="s">
        <v>707</v>
      </c>
      <c r="F1931" s="449" t="s">
        <v>600</v>
      </c>
      <c r="G1931" s="450"/>
      <c r="H1931" s="415"/>
      <c r="I1931" s="451"/>
      <c r="J1931" s="144"/>
      <c r="K1931" s="517"/>
      <c r="L1931" s="455">
        <v>38362</v>
      </c>
      <c r="M1931" s="455"/>
      <c r="N1931" s="418" t="str">
        <f t="shared" si="60"/>
        <v/>
      </c>
    </row>
    <row r="1932" spans="1:14" ht="15.75">
      <c r="A1932" s="538"/>
      <c r="B1932" s="411">
        <f t="shared" si="59"/>
        <v>116</v>
      </c>
      <c r="C1932" s="498" t="s">
        <v>4234</v>
      </c>
      <c r="D1932" s="449" t="s">
        <v>4235</v>
      </c>
      <c r="E1932" s="144" t="s">
        <v>707</v>
      </c>
      <c r="F1932" s="449" t="s">
        <v>600</v>
      </c>
      <c r="G1932" s="450"/>
      <c r="H1932" s="415"/>
      <c r="I1932" s="451"/>
      <c r="J1932" s="144"/>
      <c r="K1932" s="517"/>
      <c r="L1932" s="455">
        <v>38362</v>
      </c>
      <c r="M1932" s="455"/>
      <c r="N1932" s="418" t="str">
        <f t="shared" si="60"/>
        <v/>
      </c>
    </row>
    <row r="1933" spans="1:14" ht="15.75">
      <c r="A1933" s="538"/>
      <c r="B1933" s="411">
        <f t="shared" si="59"/>
        <v>116</v>
      </c>
      <c r="C1933" s="498" t="s">
        <v>4236</v>
      </c>
      <c r="D1933" s="449" t="s">
        <v>4237</v>
      </c>
      <c r="E1933" s="144" t="s">
        <v>707</v>
      </c>
      <c r="F1933" s="449" t="s">
        <v>600</v>
      </c>
      <c r="G1933" s="450"/>
      <c r="H1933" s="415"/>
      <c r="I1933" s="451"/>
      <c r="J1933" s="144"/>
      <c r="K1933" s="517"/>
      <c r="L1933" s="455">
        <v>38362</v>
      </c>
      <c r="M1933" s="455"/>
      <c r="N1933" s="418" t="str">
        <f t="shared" si="60"/>
        <v/>
      </c>
    </row>
    <row r="1934" spans="1:14" ht="15.75">
      <c r="A1934" s="538"/>
      <c r="B1934" s="411">
        <f t="shared" si="59"/>
        <v>116</v>
      </c>
      <c r="C1934" s="498" t="s">
        <v>4238</v>
      </c>
      <c r="D1934" s="449" t="s">
        <v>4239</v>
      </c>
      <c r="E1934" s="144" t="s">
        <v>707</v>
      </c>
      <c r="F1934" s="449" t="s">
        <v>600</v>
      </c>
      <c r="G1934" s="450"/>
      <c r="H1934" s="415"/>
      <c r="I1934" s="451"/>
      <c r="J1934" s="144"/>
      <c r="K1934" s="517"/>
      <c r="L1934" s="455">
        <v>38362</v>
      </c>
      <c r="M1934" s="455"/>
      <c r="N1934" s="418" t="str">
        <f t="shared" si="60"/>
        <v/>
      </c>
    </row>
    <row r="1935" spans="1:14" ht="15.75">
      <c r="A1935" s="538"/>
      <c r="B1935" s="411">
        <f t="shared" si="59"/>
        <v>116</v>
      </c>
      <c r="C1935" s="498" t="s">
        <v>4240</v>
      </c>
      <c r="D1935" s="449" t="s">
        <v>4241</v>
      </c>
      <c r="E1935" s="144" t="s">
        <v>707</v>
      </c>
      <c r="F1935" s="449" t="s">
        <v>600</v>
      </c>
      <c r="G1935" s="450"/>
      <c r="H1935" s="415"/>
      <c r="I1935" s="451"/>
      <c r="J1935" s="144"/>
      <c r="K1935" s="517"/>
      <c r="L1935" s="455">
        <v>38362</v>
      </c>
      <c r="M1935" s="455"/>
      <c r="N1935" s="418" t="str">
        <f t="shared" si="60"/>
        <v/>
      </c>
    </row>
    <row r="1936" spans="1:14" ht="15.75">
      <c r="A1936" s="538"/>
      <c r="B1936" s="411">
        <f t="shared" si="59"/>
        <v>116</v>
      </c>
      <c r="C1936" s="498" t="s">
        <v>4242</v>
      </c>
      <c r="D1936" s="449" t="s">
        <v>4243</v>
      </c>
      <c r="E1936" s="144" t="s">
        <v>707</v>
      </c>
      <c r="F1936" s="449" t="s">
        <v>600</v>
      </c>
      <c r="G1936" s="450"/>
      <c r="H1936" s="415"/>
      <c r="I1936" s="451"/>
      <c r="J1936" s="144"/>
      <c r="K1936" s="517"/>
      <c r="L1936" s="455">
        <v>38362</v>
      </c>
      <c r="M1936" s="455"/>
      <c r="N1936" s="418" t="str">
        <f t="shared" si="60"/>
        <v/>
      </c>
    </row>
    <row r="1937" spans="1:14" ht="15.75">
      <c r="A1937" s="538"/>
      <c r="B1937" s="411">
        <f t="shared" si="59"/>
        <v>116</v>
      </c>
      <c r="C1937" s="498" t="s">
        <v>4244</v>
      </c>
      <c r="D1937" s="449" t="s">
        <v>4245</v>
      </c>
      <c r="E1937" s="144" t="s">
        <v>707</v>
      </c>
      <c r="F1937" s="449" t="s">
        <v>600</v>
      </c>
      <c r="G1937" s="450"/>
      <c r="H1937" s="415"/>
      <c r="I1937" s="451"/>
      <c r="J1937" s="144"/>
      <c r="K1937" s="517"/>
      <c r="L1937" s="455">
        <v>38362</v>
      </c>
      <c r="M1937" s="455"/>
      <c r="N1937" s="418" t="str">
        <f t="shared" si="60"/>
        <v/>
      </c>
    </row>
    <row r="1938" spans="1:14" ht="31.5">
      <c r="A1938" s="538"/>
      <c r="B1938" s="411">
        <f t="shared" si="59"/>
        <v>116</v>
      </c>
      <c r="C1938" s="498" t="s">
        <v>400</v>
      </c>
      <c r="D1938" s="449" t="s">
        <v>402</v>
      </c>
      <c r="E1938" s="144" t="s">
        <v>707</v>
      </c>
      <c r="F1938" s="449" t="s">
        <v>600</v>
      </c>
      <c r="G1938" s="450" t="s">
        <v>760</v>
      </c>
      <c r="H1938" s="415"/>
      <c r="I1938" s="451"/>
      <c r="J1938" s="144"/>
      <c r="K1938" s="517"/>
      <c r="L1938" s="455">
        <v>38362</v>
      </c>
      <c r="M1938" s="455"/>
      <c r="N1938" s="418" t="str">
        <f t="shared" si="60"/>
        <v/>
      </c>
    </row>
    <row r="1939" spans="1:14" ht="15.75">
      <c r="A1939" s="538"/>
      <c r="B1939" s="411">
        <f t="shared" si="59"/>
        <v>116</v>
      </c>
      <c r="C1939" s="498" t="s">
        <v>4246</v>
      </c>
      <c r="D1939" s="449" t="s">
        <v>4247</v>
      </c>
      <c r="E1939" s="144" t="s">
        <v>707</v>
      </c>
      <c r="F1939" s="449" t="s">
        <v>600</v>
      </c>
      <c r="G1939" s="450"/>
      <c r="H1939" s="415"/>
      <c r="I1939" s="451"/>
      <c r="J1939" s="144"/>
      <c r="K1939" s="517"/>
      <c r="L1939" s="455">
        <v>38362</v>
      </c>
      <c r="M1939" s="455"/>
      <c r="N1939" s="418" t="str">
        <f t="shared" si="60"/>
        <v/>
      </c>
    </row>
    <row r="1940" spans="1:14" ht="15.75">
      <c r="A1940" s="538"/>
      <c r="B1940" s="411">
        <f t="shared" si="59"/>
        <v>116</v>
      </c>
      <c r="C1940" s="498" t="s">
        <v>4248</v>
      </c>
      <c r="D1940" s="449" t="s">
        <v>4249</v>
      </c>
      <c r="E1940" s="144" t="s">
        <v>707</v>
      </c>
      <c r="F1940" s="449" t="s">
        <v>600</v>
      </c>
      <c r="G1940" s="450"/>
      <c r="H1940" s="415"/>
      <c r="I1940" s="451"/>
      <c r="J1940" s="144"/>
      <c r="K1940" s="517"/>
      <c r="L1940" s="455">
        <v>38362</v>
      </c>
      <c r="M1940" s="455"/>
      <c r="N1940" s="418" t="str">
        <f t="shared" si="60"/>
        <v/>
      </c>
    </row>
    <row r="1941" spans="1:14" ht="15.75">
      <c r="A1941" s="538"/>
      <c r="B1941" s="411">
        <f t="shared" si="59"/>
        <v>116</v>
      </c>
      <c r="C1941" s="498" t="s">
        <v>4250</v>
      </c>
      <c r="D1941" s="449" t="s">
        <v>4251</v>
      </c>
      <c r="E1941" s="144" t="s">
        <v>707</v>
      </c>
      <c r="F1941" s="449" t="s">
        <v>600</v>
      </c>
      <c r="G1941" s="450"/>
      <c r="H1941" s="415"/>
      <c r="I1941" s="451"/>
      <c r="J1941" s="144"/>
      <c r="K1941" s="517"/>
      <c r="L1941" s="455">
        <v>38362</v>
      </c>
      <c r="M1941" s="455"/>
      <c r="N1941" s="418" t="str">
        <f t="shared" si="60"/>
        <v/>
      </c>
    </row>
    <row r="1942" spans="1:14" ht="15.75">
      <c r="A1942" s="538"/>
      <c r="B1942" s="411">
        <f t="shared" si="59"/>
        <v>116</v>
      </c>
      <c r="C1942" s="498" t="s">
        <v>4252</v>
      </c>
      <c r="D1942" s="449" t="s">
        <v>4253</v>
      </c>
      <c r="E1942" s="144" t="s">
        <v>707</v>
      </c>
      <c r="F1942" s="449" t="s">
        <v>600</v>
      </c>
      <c r="G1942" s="450"/>
      <c r="H1942" s="415"/>
      <c r="I1942" s="451"/>
      <c r="J1942" s="144"/>
      <c r="K1942" s="517"/>
      <c r="L1942" s="455">
        <v>38362</v>
      </c>
      <c r="M1942" s="455"/>
      <c r="N1942" s="418" t="str">
        <f t="shared" si="60"/>
        <v/>
      </c>
    </row>
    <row r="1943" spans="1:14" ht="31.5">
      <c r="A1943" s="538"/>
      <c r="B1943" s="411">
        <f t="shared" si="59"/>
        <v>116</v>
      </c>
      <c r="C1943" s="498" t="s">
        <v>4254</v>
      </c>
      <c r="D1943" s="449" t="s">
        <v>252</v>
      </c>
      <c r="E1943" s="144" t="s">
        <v>707</v>
      </c>
      <c r="F1943" s="449" t="s">
        <v>600</v>
      </c>
      <c r="G1943" s="450" t="s">
        <v>760</v>
      </c>
      <c r="H1943" s="415"/>
      <c r="I1943" s="451"/>
      <c r="J1943" s="144"/>
      <c r="K1943" s="517"/>
      <c r="L1943" s="455">
        <v>38362</v>
      </c>
      <c r="M1943" s="455"/>
      <c r="N1943" s="418" t="str">
        <f t="shared" si="60"/>
        <v/>
      </c>
    </row>
    <row r="1944" spans="1:14" ht="15.75">
      <c r="A1944" s="538"/>
      <c r="B1944" s="411">
        <f t="shared" si="59"/>
        <v>116</v>
      </c>
      <c r="C1944" s="498" t="s">
        <v>4255</v>
      </c>
      <c r="D1944" s="449" t="s">
        <v>4256</v>
      </c>
      <c r="E1944" s="144" t="s">
        <v>707</v>
      </c>
      <c r="F1944" s="449" t="s">
        <v>600</v>
      </c>
      <c r="G1944" s="450"/>
      <c r="H1944" s="415"/>
      <c r="I1944" s="451"/>
      <c r="J1944" s="144"/>
      <c r="K1944" s="517"/>
      <c r="L1944" s="455">
        <v>38362</v>
      </c>
      <c r="M1944" s="455"/>
      <c r="N1944" s="418" t="str">
        <f t="shared" si="60"/>
        <v/>
      </c>
    </row>
    <row r="1945" spans="1:14" ht="15.75">
      <c r="A1945" s="538"/>
      <c r="B1945" s="411">
        <f t="shared" si="59"/>
        <v>116</v>
      </c>
      <c r="C1945" s="498" t="s">
        <v>4257</v>
      </c>
      <c r="D1945" s="449" t="s">
        <v>4258</v>
      </c>
      <c r="E1945" s="144" t="s">
        <v>707</v>
      </c>
      <c r="F1945" s="449" t="s">
        <v>600</v>
      </c>
      <c r="G1945" s="450"/>
      <c r="H1945" s="415"/>
      <c r="I1945" s="451"/>
      <c r="J1945" s="144"/>
      <c r="K1945" s="517"/>
      <c r="L1945" s="455">
        <v>38362</v>
      </c>
      <c r="M1945" s="455"/>
      <c r="N1945" s="418" t="str">
        <f t="shared" si="60"/>
        <v/>
      </c>
    </row>
    <row r="1946" spans="1:14" ht="15.75">
      <c r="A1946" s="538"/>
      <c r="B1946" s="411">
        <f t="shared" ref="B1946:B2009" si="61">IF(A1946&gt;0,A1946,B1945)</f>
        <v>116</v>
      </c>
      <c r="C1946" s="498" t="s">
        <v>4259</v>
      </c>
      <c r="D1946" s="449" t="s">
        <v>4260</v>
      </c>
      <c r="E1946" s="144" t="s">
        <v>707</v>
      </c>
      <c r="F1946" s="449" t="s">
        <v>600</v>
      </c>
      <c r="G1946" s="450"/>
      <c r="H1946" s="415"/>
      <c r="I1946" s="451"/>
      <c r="J1946" s="144"/>
      <c r="K1946" s="517"/>
      <c r="L1946" s="455">
        <v>38362</v>
      </c>
      <c r="M1946" s="455"/>
      <c r="N1946" s="418" t="str">
        <f t="shared" si="60"/>
        <v/>
      </c>
    </row>
    <row r="1947" spans="1:14" ht="15.75">
      <c r="A1947" s="538"/>
      <c r="B1947" s="411">
        <f t="shared" si="61"/>
        <v>116</v>
      </c>
      <c r="C1947" s="498" t="s">
        <v>4261</v>
      </c>
      <c r="D1947" s="449" t="s">
        <v>4262</v>
      </c>
      <c r="E1947" s="144" t="s">
        <v>707</v>
      </c>
      <c r="F1947" s="449" t="s">
        <v>600</v>
      </c>
      <c r="G1947" s="450"/>
      <c r="H1947" s="415"/>
      <c r="I1947" s="451"/>
      <c r="J1947" s="144"/>
      <c r="K1947" s="517"/>
      <c r="L1947" s="455">
        <v>38362</v>
      </c>
      <c r="M1947" s="455"/>
      <c r="N1947" s="418" t="str">
        <f t="shared" si="60"/>
        <v/>
      </c>
    </row>
    <row r="1948" spans="1:14" ht="15.75">
      <c r="A1948" s="538"/>
      <c r="B1948" s="411">
        <f t="shared" si="61"/>
        <v>116</v>
      </c>
      <c r="C1948" s="498" t="s">
        <v>4263</v>
      </c>
      <c r="D1948" s="449" t="s">
        <v>4264</v>
      </c>
      <c r="E1948" s="144" t="s">
        <v>707</v>
      </c>
      <c r="F1948" s="449" t="s">
        <v>600</v>
      </c>
      <c r="G1948" s="450"/>
      <c r="H1948" s="415"/>
      <c r="I1948" s="451"/>
      <c r="J1948" s="144"/>
      <c r="K1948" s="517"/>
      <c r="L1948" s="455">
        <v>38362</v>
      </c>
      <c r="M1948" s="455"/>
      <c r="N1948" s="418" t="str">
        <f t="shared" si="60"/>
        <v/>
      </c>
    </row>
    <row r="1949" spans="1:14" ht="15.75">
      <c r="A1949" s="538"/>
      <c r="B1949" s="411">
        <f t="shared" si="61"/>
        <v>116</v>
      </c>
      <c r="C1949" s="498" t="s">
        <v>4265</v>
      </c>
      <c r="D1949" s="449" t="s">
        <v>4266</v>
      </c>
      <c r="E1949" s="144" t="s">
        <v>707</v>
      </c>
      <c r="F1949" s="449" t="s">
        <v>600</v>
      </c>
      <c r="G1949" s="450"/>
      <c r="H1949" s="415"/>
      <c r="I1949" s="451"/>
      <c r="J1949" s="144"/>
      <c r="K1949" s="517"/>
      <c r="L1949" s="455">
        <v>38362</v>
      </c>
      <c r="M1949" s="455"/>
      <c r="N1949" s="418" t="str">
        <f t="shared" si="60"/>
        <v/>
      </c>
    </row>
    <row r="1950" spans="1:14" ht="15.75">
      <c r="A1950" s="538"/>
      <c r="B1950" s="411">
        <f t="shared" si="61"/>
        <v>116</v>
      </c>
      <c r="C1950" s="498" t="s">
        <v>4267</v>
      </c>
      <c r="D1950" s="449" t="s">
        <v>4268</v>
      </c>
      <c r="E1950" s="144" t="s">
        <v>707</v>
      </c>
      <c r="F1950" s="449" t="s">
        <v>600</v>
      </c>
      <c r="G1950" s="450"/>
      <c r="H1950" s="415"/>
      <c r="I1950" s="451"/>
      <c r="J1950" s="144"/>
      <c r="K1950" s="517"/>
      <c r="L1950" s="455">
        <v>38362</v>
      </c>
      <c r="M1950" s="455"/>
      <c r="N1950" s="418" t="str">
        <f t="shared" si="60"/>
        <v/>
      </c>
    </row>
    <row r="1951" spans="1:14" ht="15.75">
      <c r="A1951" s="538"/>
      <c r="B1951" s="411">
        <f t="shared" si="61"/>
        <v>116</v>
      </c>
      <c r="C1951" s="498" t="s">
        <v>4267</v>
      </c>
      <c r="D1951" s="449" t="s">
        <v>4269</v>
      </c>
      <c r="E1951" s="144" t="s">
        <v>707</v>
      </c>
      <c r="F1951" s="449" t="s">
        <v>600</v>
      </c>
      <c r="G1951" s="450"/>
      <c r="H1951" s="415"/>
      <c r="I1951" s="451"/>
      <c r="J1951" s="144"/>
      <c r="K1951" s="517"/>
      <c r="L1951" s="455">
        <v>38362</v>
      </c>
      <c r="M1951" s="455"/>
      <c r="N1951" s="418" t="str">
        <f t="shared" si="60"/>
        <v/>
      </c>
    </row>
    <row r="1952" spans="1:14" ht="15.75">
      <c r="A1952" s="538"/>
      <c r="B1952" s="411">
        <f t="shared" si="61"/>
        <v>116</v>
      </c>
      <c r="C1952" s="498" t="s">
        <v>4270</v>
      </c>
      <c r="D1952" s="449" t="s">
        <v>4271</v>
      </c>
      <c r="E1952" s="144" t="s">
        <v>707</v>
      </c>
      <c r="F1952" s="449" t="s">
        <v>600</v>
      </c>
      <c r="G1952" s="450"/>
      <c r="H1952" s="415"/>
      <c r="I1952" s="451"/>
      <c r="J1952" s="144"/>
      <c r="K1952" s="517"/>
      <c r="L1952" s="455">
        <v>38362</v>
      </c>
      <c r="M1952" s="455"/>
      <c r="N1952" s="418" t="str">
        <f t="shared" si="60"/>
        <v/>
      </c>
    </row>
    <row r="1953" spans="1:14" ht="15.75">
      <c r="A1953" s="538"/>
      <c r="B1953" s="411">
        <f t="shared" si="61"/>
        <v>116</v>
      </c>
      <c r="C1953" s="498" t="s">
        <v>4272</v>
      </c>
      <c r="D1953" s="449" t="s">
        <v>4273</v>
      </c>
      <c r="E1953" s="144" t="s">
        <v>707</v>
      </c>
      <c r="F1953" s="449" t="s">
        <v>600</v>
      </c>
      <c r="G1953" s="450"/>
      <c r="H1953" s="415"/>
      <c r="I1953" s="451"/>
      <c r="J1953" s="144"/>
      <c r="K1953" s="517"/>
      <c r="L1953" s="455">
        <v>38362</v>
      </c>
      <c r="M1953" s="455"/>
      <c r="N1953" s="418" t="str">
        <f t="shared" si="60"/>
        <v/>
      </c>
    </row>
    <row r="1954" spans="1:14" ht="15.75">
      <c r="A1954" s="538"/>
      <c r="B1954" s="411">
        <f t="shared" si="61"/>
        <v>116</v>
      </c>
      <c r="C1954" s="498" t="s">
        <v>4274</v>
      </c>
      <c r="D1954" s="449" t="s">
        <v>4275</v>
      </c>
      <c r="E1954" s="144" t="s">
        <v>707</v>
      </c>
      <c r="F1954" s="449" t="s">
        <v>600</v>
      </c>
      <c r="G1954" s="450"/>
      <c r="H1954" s="415"/>
      <c r="I1954" s="451"/>
      <c r="J1954" s="144"/>
      <c r="K1954" s="517"/>
      <c r="L1954" s="455">
        <v>38362</v>
      </c>
      <c r="M1954" s="455"/>
      <c r="N1954" s="418" t="str">
        <f t="shared" si="60"/>
        <v/>
      </c>
    </row>
    <row r="1955" spans="1:14" ht="15.75">
      <c r="A1955" s="538"/>
      <c r="B1955" s="411">
        <f t="shared" si="61"/>
        <v>116</v>
      </c>
      <c r="C1955" s="498" t="s">
        <v>4276</v>
      </c>
      <c r="D1955" s="449" t="s">
        <v>4277</v>
      </c>
      <c r="E1955" s="144" t="s">
        <v>707</v>
      </c>
      <c r="F1955" s="449" t="s">
        <v>600</v>
      </c>
      <c r="G1955" s="450"/>
      <c r="H1955" s="415"/>
      <c r="I1955" s="451"/>
      <c r="J1955" s="144"/>
      <c r="K1955" s="517"/>
      <c r="L1955" s="455">
        <v>38362</v>
      </c>
      <c r="M1955" s="455"/>
      <c r="N1955" s="418" t="str">
        <f t="shared" si="60"/>
        <v/>
      </c>
    </row>
    <row r="1956" spans="1:14" ht="15.75">
      <c r="A1956" s="538"/>
      <c r="B1956" s="411">
        <f t="shared" si="61"/>
        <v>116</v>
      </c>
      <c r="C1956" s="498" t="s">
        <v>4278</v>
      </c>
      <c r="D1956" s="449" t="s">
        <v>4279</v>
      </c>
      <c r="E1956" s="144" t="s">
        <v>707</v>
      </c>
      <c r="F1956" s="449" t="s">
        <v>600</v>
      </c>
      <c r="G1956" s="450"/>
      <c r="H1956" s="415"/>
      <c r="I1956" s="451"/>
      <c r="J1956" s="144"/>
      <c r="K1956" s="517"/>
      <c r="L1956" s="455">
        <v>38362</v>
      </c>
      <c r="M1956" s="455"/>
      <c r="N1956" s="418" t="str">
        <f t="shared" si="60"/>
        <v/>
      </c>
    </row>
    <row r="1957" spans="1:14" ht="15.75">
      <c r="A1957" s="538"/>
      <c r="B1957" s="411">
        <f t="shared" si="61"/>
        <v>116</v>
      </c>
      <c r="C1957" s="498" t="s">
        <v>4280</v>
      </c>
      <c r="D1957" s="449" t="s">
        <v>4281</v>
      </c>
      <c r="E1957" s="144" t="s">
        <v>707</v>
      </c>
      <c r="F1957" s="449" t="s">
        <v>600</v>
      </c>
      <c r="G1957" s="450"/>
      <c r="H1957" s="415"/>
      <c r="I1957" s="451"/>
      <c r="J1957" s="144"/>
      <c r="K1957" s="517"/>
      <c r="L1957" s="455">
        <v>38362</v>
      </c>
      <c r="M1957" s="455"/>
      <c r="N1957" s="418" t="str">
        <f t="shared" si="60"/>
        <v/>
      </c>
    </row>
    <row r="1958" spans="1:14" ht="15.75">
      <c r="A1958" s="538"/>
      <c r="B1958" s="411">
        <f t="shared" si="61"/>
        <v>116</v>
      </c>
      <c r="C1958" s="498" t="s">
        <v>4282</v>
      </c>
      <c r="D1958" s="449" t="s">
        <v>4283</v>
      </c>
      <c r="E1958" s="144" t="s">
        <v>707</v>
      </c>
      <c r="F1958" s="449" t="s">
        <v>600</v>
      </c>
      <c r="G1958" s="450"/>
      <c r="H1958" s="415"/>
      <c r="I1958" s="451"/>
      <c r="J1958" s="144"/>
      <c r="K1958" s="517"/>
      <c r="L1958" s="455">
        <v>38362</v>
      </c>
      <c r="M1958" s="455"/>
      <c r="N1958" s="418" t="str">
        <f t="shared" si="60"/>
        <v/>
      </c>
    </row>
    <row r="1959" spans="1:14" ht="15.75">
      <c r="A1959" s="538"/>
      <c r="B1959" s="411">
        <f t="shared" si="61"/>
        <v>116</v>
      </c>
      <c r="C1959" s="498" t="s">
        <v>4284</v>
      </c>
      <c r="D1959" s="449" t="s">
        <v>4285</v>
      </c>
      <c r="E1959" s="144" t="s">
        <v>707</v>
      </c>
      <c r="F1959" s="449" t="s">
        <v>600</v>
      </c>
      <c r="G1959" s="450"/>
      <c r="H1959" s="415"/>
      <c r="I1959" s="451"/>
      <c r="J1959" s="144"/>
      <c r="K1959" s="517"/>
      <c r="L1959" s="455">
        <v>38362</v>
      </c>
      <c r="M1959" s="455"/>
      <c r="N1959" s="418" t="str">
        <f t="shared" si="60"/>
        <v/>
      </c>
    </row>
    <row r="1960" spans="1:14" ht="15.75">
      <c r="A1960" s="538"/>
      <c r="B1960" s="411">
        <f t="shared" si="61"/>
        <v>116</v>
      </c>
      <c r="C1960" s="498" t="s">
        <v>4286</v>
      </c>
      <c r="D1960" s="449" t="s">
        <v>4287</v>
      </c>
      <c r="E1960" s="144" t="s">
        <v>707</v>
      </c>
      <c r="F1960" s="449" t="s">
        <v>600</v>
      </c>
      <c r="G1960" s="450"/>
      <c r="H1960" s="415"/>
      <c r="I1960" s="451"/>
      <c r="J1960" s="144"/>
      <c r="K1960" s="517"/>
      <c r="L1960" s="455">
        <v>38362</v>
      </c>
      <c r="M1960" s="455"/>
      <c r="N1960" s="418" t="str">
        <f t="shared" si="60"/>
        <v/>
      </c>
    </row>
    <row r="1961" spans="1:14" ht="15.75">
      <c r="A1961" s="538"/>
      <c r="B1961" s="411">
        <f t="shared" si="61"/>
        <v>116</v>
      </c>
      <c r="C1961" s="498" t="s">
        <v>4288</v>
      </c>
      <c r="D1961" s="449" t="s">
        <v>4289</v>
      </c>
      <c r="E1961" s="144" t="s">
        <v>707</v>
      </c>
      <c r="F1961" s="449" t="s">
        <v>600</v>
      </c>
      <c r="G1961" s="450"/>
      <c r="H1961" s="415"/>
      <c r="I1961" s="451"/>
      <c r="J1961" s="144"/>
      <c r="K1961" s="517"/>
      <c r="L1961" s="455">
        <v>38362</v>
      </c>
      <c r="M1961" s="455"/>
      <c r="N1961" s="418" t="str">
        <f t="shared" si="60"/>
        <v/>
      </c>
    </row>
    <row r="1962" spans="1:14" ht="15.75">
      <c r="A1962" s="538"/>
      <c r="B1962" s="411">
        <f t="shared" si="61"/>
        <v>116</v>
      </c>
      <c r="C1962" s="498" t="s">
        <v>4290</v>
      </c>
      <c r="D1962" s="449" t="s">
        <v>4291</v>
      </c>
      <c r="E1962" s="144" t="s">
        <v>707</v>
      </c>
      <c r="F1962" s="449" t="s">
        <v>600</v>
      </c>
      <c r="G1962" s="450"/>
      <c r="H1962" s="415"/>
      <c r="I1962" s="451"/>
      <c r="J1962" s="144"/>
      <c r="K1962" s="517"/>
      <c r="L1962" s="455">
        <v>38362</v>
      </c>
      <c r="M1962" s="455"/>
      <c r="N1962" s="418" t="str">
        <f t="shared" si="60"/>
        <v/>
      </c>
    </row>
    <row r="1963" spans="1:14" ht="15.75">
      <c r="A1963" s="538"/>
      <c r="B1963" s="411">
        <f t="shared" si="61"/>
        <v>116</v>
      </c>
      <c r="C1963" s="498" t="s">
        <v>4290</v>
      </c>
      <c r="D1963" s="449" t="s">
        <v>4292</v>
      </c>
      <c r="E1963" s="144" t="s">
        <v>707</v>
      </c>
      <c r="F1963" s="449" t="s">
        <v>600</v>
      </c>
      <c r="G1963" s="450"/>
      <c r="H1963" s="415"/>
      <c r="I1963" s="451"/>
      <c r="J1963" s="144"/>
      <c r="K1963" s="517"/>
      <c r="L1963" s="455">
        <v>38362</v>
      </c>
      <c r="M1963" s="455"/>
      <c r="N1963" s="418" t="str">
        <f t="shared" si="60"/>
        <v/>
      </c>
    </row>
    <row r="1964" spans="1:14" ht="15.75">
      <c r="A1964" s="538"/>
      <c r="B1964" s="411">
        <f t="shared" si="61"/>
        <v>116</v>
      </c>
      <c r="C1964" s="498" t="s">
        <v>4293</v>
      </c>
      <c r="D1964" s="449" t="s">
        <v>4294</v>
      </c>
      <c r="E1964" s="144" t="s">
        <v>707</v>
      </c>
      <c r="F1964" s="449" t="s">
        <v>600</v>
      </c>
      <c r="G1964" s="450"/>
      <c r="H1964" s="415"/>
      <c r="I1964" s="451"/>
      <c r="J1964" s="144"/>
      <c r="K1964" s="517"/>
      <c r="L1964" s="455">
        <v>38362</v>
      </c>
      <c r="M1964" s="455"/>
      <c r="N1964" s="418" t="str">
        <f t="shared" si="60"/>
        <v/>
      </c>
    </row>
    <row r="1965" spans="1:14" ht="31.5">
      <c r="A1965" s="538"/>
      <c r="B1965" s="411">
        <f t="shared" si="61"/>
        <v>116</v>
      </c>
      <c r="C1965" s="498" t="s">
        <v>4295</v>
      </c>
      <c r="D1965" s="449" t="s">
        <v>261</v>
      </c>
      <c r="E1965" s="144" t="s">
        <v>707</v>
      </c>
      <c r="F1965" s="449" t="s">
        <v>600</v>
      </c>
      <c r="G1965" s="450" t="s">
        <v>760</v>
      </c>
      <c r="H1965" s="415"/>
      <c r="I1965" s="451"/>
      <c r="J1965" s="144"/>
      <c r="K1965" s="517"/>
      <c r="L1965" s="455">
        <v>38362</v>
      </c>
      <c r="M1965" s="455"/>
      <c r="N1965" s="418" t="str">
        <f t="shared" si="60"/>
        <v/>
      </c>
    </row>
    <row r="1966" spans="1:14" ht="15.75">
      <c r="A1966" s="538"/>
      <c r="B1966" s="411">
        <f t="shared" si="61"/>
        <v>116</v>
      </c>
      <c r="C1966" s="498" t="s">
        <v>4296</v>
      </c>
      <c r="D1966" s="449" t="s">
        <v>4297</v>
      </c>
      <c r="E1966" s="144" t="s">
        <v>707</v>
      </c>
      <c r="F1966" s="449" t="s">
        <v>600</v>
      </c>
      <c r="G1966" s="450"/>
      <c r="H1966" s="415"/>
      <c r="I1966" s="451"/>
      <c r="J1966" s="144"/>
      <c r="K1966" s="517"/>
      <c r="L1966" s="455">
        <v>38362</v>
      </c>
      <c r="M1966" s="455"/>
      <c r="N1966" s="418" t="str">
        <f t="shared" si="60"/>
        <v/>
      </c>
    </row>
    <row r="1967" spans="1:14" ht="15.75">
      <c r="A1967" s="538"/>
      <c r="B1967" s="411">
        <f t="shared" si="61"/>
        <v>116</v>
      </c>
      <c r="C1967" s="498" t="s">
        <v>4298</v>
      </c>
      <c r="D1967" s="449" t="s">
        <v>4299</v>
      </c>
      <c r="E1967" s="144" t="s">
        <v>707</v>
      </c>
      <c r="F1967" s="449" t="s">
        <v>600</v>
      </c>
      <c r="G1967" s="450"/>
      <c r="H1967" s="415"/>
      <c r="I1967" s="451"/>
      <c r="J1967" s="144"/>
      <c r="K1967" s="517"/>
      <c r="L1967" s="455">
        <v>38362</v>
      </c>
      <c r="M1967" s="455"/>
      <c r="N1967" s="418" t="str">
        <f t="shared" si="60"/>
        <v/>
      </c>
    </row>
    <row r="1968" spans="1:14" ht="15.75">
      <c r="A1968" s="538"/>
      <c r="B1968" s="411">
        <f t="shared" si="61"/>
        <v>116</v>
      </c>
      <c r="C1968" s="498" t="s">
        <v>4300</v>
      </c>
      <c r="D1968" s="449" t="s">
        <v>4301</v>
      </c>
      <c r="E1968" s="144" t="s">
        <v>707</v>
      </c>
      <c r="F1968" s="449" t="s">
        <v>600</v>
      </c>
      <c r="G1968" s="450"/>
      <c r="H1968" s="415"/>
      <c r="I1968" s="451"/>
      <c r="J1968" s="144"/>
      <c r="K1968" s="517"/>
      <c r="L1968" s="455">
        <v>38362</v>
      </c>
      <c r="M1968" s="455"/>
      <c r="N1968" s="418" t="str">
        <f t="shared" si="60"/>
        <v/>
      </c>
    </row>
    <row r="1969" spans="1:14" ht="15.75">
      <c r="A1969" s="538"/>
      <c r="B1969" s="411">
        <f t="shared" si="61"/>
        <v>116</v>
      </c>
      <c r="C1969" s="498" t="s">
        <v>4302</v>
      </c>
      <c r="D1969" s="449" t="s">
        <v>4303</v>
      </c>
      <c r="E1969" s="144" t="s">
        <v>707</v>
      </c>
      <c r="F1969" s="449" t="s">
        <v>600</v>
      </c>
      <c r="G1969" s="450"/>
      <c r="H1969" s="415"/>
      <c r="I1969" s="451"/>
      <c r="J1969" s="144"/>
      <c r="K1969" s="517"/>
      <c r="L1969" s="455">
        <v>38362</v>
      </c>
      <c r="M1969" s="455"/>
      <c r="N1969" s="418" t="str">
        <f t="shared" si="60"/>
        <v/>
      </c>
    </row>
    <row r="1970" spans="1:14" ht="15.75">
      <c r="A1970" s="538"/>
      <c r="B1970" s="411">
        <f t="shared" si="61"/>
        <v>116</v>
      </c>
      <c r="C1970" s="498" t="s">
        <v>4304</v>
      </c>
      <c r="D1970" s="449" t="s">
        <v>4305</v>
      </c>
      <c r="E1970" s="144" t="s">
        <v>707</v>
      </c>
      <c r="F1970" s="449" t="s">
        <v>600</v>
      </c>
      <c r="G1970" s="450"/>
      <c r="H1970" s="415"/>
      <c r="I1970" s="451"/>
      <c r="J1970" s="144"/>
      <c r="K1970" s="517"/>
      <c r="L1970" s="455">
        <v>38362</v>
      </c>
      <c r="M1970" s="455"/>
      <c r="N1970" s="418" t="str">
        <f t="shared" si="60"/>
        <v/>
      </c>
    </row>
    <row r="1971" spans="1:14" ht="15.75">
      <c r="A1971" s="538"/>
      <c r="B1971" s="411">
        <f t="shared" si="61"/>
        <v>116</v>
      </c>
      <c r="C1971" s="498" t="s">
        <v>4306</v>
      </c>
      <c r="D1971" s="449" t="s">
        <v>258</v>
      </c>
      <c r="E1971" s="144" t="s">
        <v>707</v>
      </c>
      <c r="F1971" s="449" t="s">
        <v>600</v>
      </c>
      <c r="G1971" s="450"/>
      <c r="H1971" s="415"/>
      <c r="I1971" s="451"/>
      <c r="J1971" s="144"/>
      <c r="K1971" s="517"/>
      <c r="L1971" s="455">
        <v>38362</v>
      </c>
      <c r="M1971" s="455"/>
      <c r="N1971" s="418" t="str">
        <f t="shared" si="60"/>
        <v/>
      </c>
    </row>
    <row r="1972" spans="1:14" ht="31.5">
      <c r="A1972" s="538"/>
      <c r="B1972" s="411">
        <f t="shared" si="61"/>
        <v>116</v>
      </c>
      <c r="C1972" s="498" t="s">
        <v>4307</v>
      </c>
      <c r="D1972" s="449" t="s">
        <v>4308</v>
      </c>
      <c r="E1972" s="144" t="s">
        <v>707</v>
      </c>
      <c r="F1972" s="449" t="s">
        <v>600</v>
      </c>
      <c r="G1972" s="450" t="s">
        <v>760</v>
      </c>
      <c r="H1972" s="415"/>
      <c r="I1972" s="451"/>
      <c r="J1972" s="144"/>
      <c r="K1972" s="517"/>
      <c r="L1972" s="455">
        <v>38362</v>
      </c>
      <c r="M1972" s="455"/>
      <c r="N1972" s="418" t="str">
        <f t="shared" si="60"/>
        <v/>
      </c>
    </row>
    <row r="1973" spans="1:14" ht="15.75">
      <c r="A1973" s="538"/>
      <c r="B1973" s="411">
        <f t="shared" si="61"/>
        <v>116</v>
      </c>
      <c r="C1973" s="498" t="s">
        <v>4309</v>
      </c>
      <c r="D1973" s="449" t="s">
        <v>4310</v>
      </c>
      <c r="E1973" s="144" t="s">
        <v>707</v>
      </c>
      <c r="F1973" s="449" t="s">
        <v>600</v>
      </c>
      <c r="G1973" s="450"/>
      <c r="H1973" s="415"/>
      <c r="I1973" s="451"/>
      <c r="J1973" s="144"/>
      <c r="K1973" s="517"/>
      <c r="L1973" s="455">
        <v>38362</v>
      </c>
      <c r="M1973" s="455"/>
      <c r="N1973" s="418" t="str">
        <f t="shared" si="60"/>
        <v/>
      </c>
    </row>
    <row r="1974" spans="1:14" ht="15.75">
      <c r="A1974" s="538"/>
      <c r="B1974" s="411">
        <f t="shared" si="61"/>
        <v>116</v>
      </c>
      <c r="C1974" s="498" t="s">
        <v>4311</v>
      </c>
      <c r="D1974" s="449" t="s">
        <v>4312</v>
      </c>
      <c r="E1974" s="144" t="s">
        <v>707</v>
      </c>
      <c r="F1974" s="449" t="s">
        <v>600</v>
      </c>
      <c r="G1974" s="450"/>
      <c r="H1974" s="415"/>
      <c r="I1974" s="451"/>
      <c r="J1974" s="144"/>
      <c r="K1974" s="517"/>
      <c r="L1974" s="455">
        <v>38362</v>
      </c>
      <c r="M1974" s="455"/>
      <c r="N1974" s="418" t="str">
        <f t="shared" si="60"/>
        <v/>
      </c>
    </row>
    <row r="1975" spans="1:14" ht="15.75">
      <c r="A1975" s="538"/>
      <c r="B1975" s="411">
        <f t="shared" si="61"/>
        <v>116</v>
      </c>
      <c r="C1975" s="498" t="s">
        <v>4313</v>
      </c>
      <c r="D1975" s="449" t="s">
        <v>4314</v>
      </c>
      <c r="E1975" s="144" t="s">
        <v>707</v>
      </c>
      <c r="F1975" s="449" t="s">
        <v>600</v>
      </c>
      <c r="G1975" s="450"/>
      <c r="H1975" s="415"/>
      <c r="I1975" s="451"/>
      <c r="J1975" s="144"/>
      <c r="K1975" s="517"/>
      <c r="L1975" s="455">
        <v>38362</v>
      </c>
      <c r="M1975" s="455"/>
      <c r="N1975" s="418" t="str">
        <f t="shared" si="60"/>
        <v/>
      </c>
    </row>
    <row r="1976" spans="1:14" ht="15.75">
      <c r="A1976" s="538"/>
      <c r="B1976" s="411">
        <f t="shared" si="61"/>
        <v>116</v>
      </c>
      <c r="C1976" s="498" t="s">
        <v>4315</v>
      </c>
      <c r="D1976" s="449" t="s">
        <v>4316</v>
      </c>
      <c r="E1976" s="144" t="s">
        <v>707</v>
      </c>
      <c r="F1976" s="449" t="s">
        <v>600</v>
      </c>
      <c r="G1976" s="450"/>
      <c r="H1976" s="415"/>
      <c r="I1976" s="451"/>
      <c r="J1976" s="144"/>
      <c r="K1976" s="517"/>
      <c r="L1976" s="455">
        <v>38362</v>
      </c>
      <c r="M1976" s="455"/>
      <c r="N1976" s="418" t="str">
        <f t="shared" si="60"/>
        <v/>
      </c>
    </row>
    <row r="1977" spans="1:14" ht="15.75">
      <c r="A1977" s="538"/>
      <c r="B1977" s="411">
        <f t="shared" si="61"/>
        <v>116</v>
      </c>
      <c r="C1977" s="498" t="s">
        <v>4317</v>
      </c>
      <c r="D1977" s="449" t="s">
        <v>4318</v>
      </c>
      <c r="E1977" s="144" t="s">
        <v>707</v>
      </c>
      <c r="F1977" s="449" t="s">
        <v>600</v>
      </c>
      <c r="G1977" s="450"/>
      <c r="H1977" s="415"/>
      <c r="I1977" s="451"/>
      <c r="J1977" s="144"/>
      <c r="K1977" s="517"/>
      <c r="L1977" s="455">
        <v>38362</v>
      </c>
      <c r="M1977" s="455"/>
      <c r="N1977" s="418" t="str">
        <f t="shared" si="60"/>
        <v/>
      </c>
    </row>
    <row r="1978" spans="1:14" ht="15.75">
      <c r="A1978" s="538"/>
      <c r="B1978" s="411">
        <f t="shared" si="61"/>
        <v>116</v>
      </c>
      <c r="C1978" s="498" t="s">
        <v>4319</v>
      </c>
      <c r="D1978" s="449" t="s">
        <v>4320</v>
      </c>
      <c r="E1978" s="144" t="s">
        <v>707</v>
      </c>
      <c r="F1978" s="449" t="s">
        <v>600</v>
      </c>
      <c r="G1978" s="450"/>
      <c r="H1978" s="415"/>
      <c r="I1978" s="451"/>
      <c r="J1978" s="144"/>
      <c r="K1978" s="517"/>
      <c r="L1978" s="455">
        <v>38362</v>
      </c>
      <c r="M1978" s="455"/>
      <c r="N1978" s="418" t="str">
        <f t="shared" si="60"/>
        <v/>
      </c>
    </row>
    <row r="1979" spans="1:14" ht="31.5">
      <c r="A1979" s="538"/>
      <c r="B1979" s="411">
        <f t="shared" si="61"/>
        <v>116</v>
      </c>
      <c r="C1979" s="498" t="s">
        <v>4321</v>
      </c>
      <c r="D1979" s="449" t="s">
        <v>326</v>
      </c>
      <c r="E1979" s="144" t="s">
        <v>707</v>
      </c>
      <c r="F1979" s="449" t="s">
        <v>600</v>
      </c>
      <c r="G1979" s="450" t="s">
        <v>760</v>
      </c>
      <c r="H1979" s="415"/>
      <c r="I1979" s="451"/>
      <c r="J1979" s="144"/>
      <c r="K1979" s="517"/>
      <c r="L1979" s="455">
        <v>38362</v>
      </c>
      <c r="M1979" s="455"/>
      <c r="N1979" s="418" t="str">
        <f t="shared" si="60"/>
        <v/>
      </c>
    </row>
    <row r="1980" spans="1:14" ht="15.75">
      <c r="A1980" s="538"/>
      <c r="B1980" s="411">
        <f t="shared" si="61"/>
        <v>116</v>
      </c>
      <c r="C1980" s="498" t="s">
        <v>4322</v>
      </c>
      <c r="D1980" s="449" t="s">
        <v>4323</v>
      </c>
      <c r="E1980" s="144" t="s">
        <v>707</v>
      </c>
      <c r="F1980" s="449" t="s">
        <v>600</v>
      </c>
      <c r="G1980" s="450"/>
      <c r="H1980" s="415"/>
      <c r="I1980" s="451"/>
      <c r="J1980" s="144"/>
      <c r="K1980" s="517"/>
      <c r="L1980" s="455">
        <v>38362</v>
      </c>
      <c r="M1980" s="455"/>
      <c r="N1980" s="418" t="str">
        <f t="shared" si="60"/>
        <v/>
      </c>
    </row>
    <row r="1981" spans="1:14" ht="15.75">
      <c r="A1981" s="538"/>
      <c r="B1981" s="411">
        <f t="shared" si="61"/>
        <v>116</v>
      </c>
      <c r="C1981" s="498" t="s">
        <v>262</v>
      </c>
      <c r="D1981" s="449" t="s">
        <v>4324</v>
      </c>
      <c r="E1981" s="144" t="s">
        <v>707</v>
      </c>
      <c r="F1981" s="449" t="s">
        <v>600</v>
      </c>
      <c r="G1981" s="450"/>
      <c r="H1981" s="415"/>
      <c r="I1981" s="451"/>
      <c r="J1981" s="144"/>
      <c r="K1981" s="517"/>
      <c r="L1981" s="455">
        <v>38362</v>
      </c>
      <c r="M1981" s="455"/>
      <c r="N1981" s="418" t="str">
        <f t="shared" si="60"/>
        <v/>
      </c>
    </row>
    <row r="1982" spans="1:14" ht="31.5">
      <c r="A1982" s="538"/>
      <c r="B1982" s="411">
        <f t="shared" si="61"/>
        <v>116</v>
      </c>
      <c r="C1982" s="498" t="s">
        <v>4325</v>
      </c>
      <c r="D1982" s="449" t="s">
        <v>264</v>
      </c>
      <c r="E1982" s="144" t="s">
        <v>707</v>
      </c>
      <c r="F1982" s="449" t="s">
        <v>600</v>
      </c>
      <c r="G1982" s="450" t="s">
        <v>760</v>
      </c>
      <c r="H1982" s="415"/>
      <c r="I1982" s="451"/>
      <c r="J1982" s="144"/>
      <c r="K1982" s="517"/>
      <c r="L1982" s="455">
        <v>38362</v>
      </c>
      <c r="M1982" s="455"/>
      <c r="N1982" s="418" t="str">
        <f t="shared" si="60"/>
        <v/>
      </c>
    </row>
    <row r="1983" spans="1:14" ht="31.5">
      <c r="A1983" s="538"/>
      <c r="B1983" s="411">
        <f t="shared" si="61"/>
        <v>116</v>
      </c>
      <c r="C1983" s="498" t="s">
        <v>4326</v>
      </c>
      <c r="D1983" s="449" t="s">
        <v>317</v>
      </c>
      <c r="E1983" s="144" t="s">
        <v>707</v>
      </c>
      <c r="F1983" s="449" t="s">
        <v>600</v>
      </c>
      <c r="G1983" s="450" t="s">
        <v>760</v>
      </c>
      <c r="H1983" s="415"/>
      <c r="I1983" s="451"/>
      <c r="J1983" s="144"/>
      <c r="K1983" s="517"/>
      <c r="L1983" s="455">
        <v>38362</v>
      </c>
      <c r="M1983" s="455"/>
      <c r="N1983" s="418" t="str">
        <f t="shared" si="60"/>
        <v/>
      </c>
    </row>
    <row r="1984" spans="1:14" ht="31.5">
      <c r="A1984" s="538"/>
      <c r="B1984" s="411">
        <f t="shared" si="61"/>
        <v>116</v>
      </c>
      <c r="C1984" s="498" t="s">
        <v>4327</v>
      </c>
      <c r="D1984" s="449" t="s">
        <v>298</v>
      </c>
      <c r="E1984" s="144" t="s">
        <v>707</v>
      </c>
      <c r="F1984" s="449" t="s">
        <v>600</v>
      </c>
      <c r="G1984" s="450" t="s">
        <v>760</v>
      </c>
      <c r="H1984" s="415"/>
      <c r="I1984" s="451"/>
      <c r="J1984" s="144"/>
      <c r="K1984" s="517"/>
      <c r="L1984" s="455">
        <v>38362</v>
      </c>
      <c r="M1984" s="455"/>
      <c r="N1984" s="418" t="str">
        <f t="shared" si="60"/>
        <v/>
      </c>
    </row>
    <row r="1985" spans="1:14" ht="15.75">
      <c r="A1985" s="538"/>
      <c r="B1985" s="411">
        <f t="shared" si="61"/>
        <v>116</v>
      </c>
      <c r="C1985" s="498" t="s">
        <v>4328</v>
      </c>
      <c r="D1985" s="449" t="s">
        <v>4329</v>
      </c>
      <c r="E1985" s="144" t="s">
        <v>707</v>
      </c>
      <c r="F1985" s="449" t="s">
        <v>600</v>
      </c>
      <c r="G1985" s="450"/>
      <c r="H1985" s="415"/>
      <c r="I1985" s="451"/>
      <c r="J1985" s="144"/>
      <c r="K1985" s="517"/>
      <c r="L1985" s="455">
        <v>38362</v>
      </c>
      <c r="M1985" s="455"/>
      <c r="N1985" s="418" t="str">
        <f t="shared" si="60"/>
        <v/>
      </c>
    </row>
    <row r="1986" spans="1:14" ht="15.75">
      <c r="A1986" s="538"/>
      <c r="B1986" s="411">
        <f t="shared" si="61"/>
        <v>116</v>
      </c>
      <c r="C1986" s="498" t="s">
        <v>4330</v>
      </c>
      <c r="D1986" s="449" t="s">
        <v>4331</v>
      </c>
      <c r="E1986" s="144" t="s">
        <v>707</v>
      </c>
      <c r="F1986" s="449" t="s">
        <v>600</v>
      </c>
      <c r="G1986" s="450"/>
      <c r="H1986" s="415"/>
      <c r="I1986" s="451"/>
      <c r="J1986" s="144"/>
      <c r="K1986" s="517"/>
      <c r="L1986" s="455">
        <v>38362</v>
      </c>
      <c r="M1986" s="455"/>
      <c r="N1986" s="418" t="str">
        <f t="shared" si="60"/>
        <v/>
      </c>
    </row>
    <row r="1987" spans="1:14" ht="15.75">
      <c r="A1987" s="538"/>
      <c r="B1987" s="411">
        <f t="shared" si="61"/>
        <v>116</v>
      </c>
      <c r="C1987" s="498" t="s">
        <v>4332</v>
      </c>
      <c r="D1987" s="449" t="s">
        <v>4333</v>
      </c>
      <c r="E1987" s="144" t="s">
        <v>707</v>
      </c>
      <c r="F1987" s="449" t="s">
        <v>600</v>
      </c>
      <c r="G1987" s="450"/>
      <c r="H1987" s="415"/>
      <c r="I1987" s="451"/>
      <c r="J1987" s="144"/>
      <c r="K1987" s="517"/>
      <c r="L1987" s="455">
        <v>38362</v>
      </c>
      <c r="M1987" s="455"/>
      <c r="N1987" s="418" t="str">
        <f t="shared" si="60"/>
        <v>DUPLICATE</v>
      </c>
    </row>
    <row r="1988" spans="1:14" ht="15.75">
      <c r="A1988" s="538"/>
      <c r="B1988" s="411">
        <f t="shared" si="61"/>
        <v>116</v>
      </c>
      <c r="C1988" s="498" t="s">
        <v>4334</v>
      </c>
      <c r="D1988" s="449" t="s">
        <v>4335</v>
      </c>
      <c r="E1988" s="144" t="s">
        <v>707</v>
      </c>
      <c r="F1988" s="449" t="s">
        <v>600</v>
      </c>
      <c r="G1988" s="450"/>
      <c r="H1988" s="415"/>
      <c r="I1988" s="451"/>
      <c r="J1988" s="144"/>
      <c r="K1988" s="517"/>
      <c r="L1988" s="455">
        <v>38362</v>
      </c>
      <c r="M1988" s="455"/>
      <c r="N1988" s="418" t="str">
        <f t="shared" si="60"/>
        <v/>
      </c>
    </row>
    <row r="1989" spans="1:14" ht="15.75">
      <c r="A1989" s="538"/>
      <c r="B1989" s="411">
        <f t="shared" si="61"/>
        <v>116</v>
      </c>
      <c r="C1989" s="498" t="s">
        <v>4336</v>
      </c>
      <c r="D1989" s="449" t="s">
        <v>4337</v>
      </c>
      <c r="E1989" s="144" t="s">
        <v>707</v>
      </c>
      <c r="F1989" s="449" t="s">
        <v>600</v>
      </c>
      <c r="G1989" s="450"/>
      <c r="H1989" s="415"/>
      <c r="I1989" s="451"/>
      <c r="J1989" s="144"/>
      <c r="K1989" s="517"/>
      <c r="L1989" s="455">
        <v>38362</v>
      </c>
      <c r="M1989" s="455"/>
      <c r="N1989" s="418" t="str">
        <f t="shared" si="60"/>
        <v/>
      </c>
    </row>
    <row r="1990" spans="1:14" ht="15.75">
      <c r="A1990" s="538"/>
      <c r="B1990" s="411">
        <f t="shared" si="61"/>
        <v>116</v>
      </c>
      <c r="C1990" s="498" t="s">
        <v>4338</v>
      </c>
      <c r="D1990" s="449" t="s">
        <v>4339</v>
      </c>
      <c r="E1990" s="144" t="s">
        <v>707</v>
      </c>
      <c r="F1990" s="449" t="s">
        <v>600</v>
      </c>
      <c r="G1990" s="450"/>
      <c r="H1990" s="415"/>
      <c r="I1990" s="451"/>
      <c r="J1990" s="144"/>
      <c r="K1990" s="517"/>
      <c r="L1990" s="455">
        <v>38362</v>
      </c>
      <c r="M1990" s="455"/>
      <c r="N1990" s="418" t="str">
        <f t="shared" si="60"/>
        <v/>
      </c>
    </row>
    <row r="1991" spans="1:14" ht="15.75">
      <c r="A1991" s="538"/>
      <c r="B1991" s="411">
        <f t="shared" si="61"/>
        <v>116</v>
      </c>
      <c r="C1991" s="498" t="s">
        <v>4338</v>
      </c>
      <c r="D1991" s="449" t="s">
        <v>4340</v>
      </c>
      <c r="E1991" s="144" t="s">
        <v>707</v>
      </c>
      <c r="F1991" s="449" t="s">
        <v>600</v>
      </c>
      <c r="G1991" s="450"/>
      <c r="H1991" s="415"/>
      <c r="I1991" s="451"/>
      <c r="J1991" s="144"/>
      <c r="K1991" s="517"/>
      <c r="L1991" s="455">
        <v>38362</v>
      </c>
      <c r="M1991" s="455"/>
      <c r="N1991" s="418" t="str">
        <f t="shared" si="60"/>
        <v/>
      </c>
    </row>
    <row r="1992" spans="1:14" ht="15.75">
      <c r="A1992" s="538"/>
      <c r="B1992" s="411">
        <f t="shared" si="61"/>
        <v>116</v>
      </c>
      <c r="C1992" s="498" t="s">
        <v>4341</v>
      </c>
      <c r="D1992" s="449" t="s">
        <v>4342</v>
      </c>
      <c r="E1992" s="144" t="s">
        <v>707</v>
      </c>
      <c r="F1992" s="449" t="s">
        <v>600</v>
      </c>
      <c r="G1992" s="450"/>
      <c r="H1992" s="415"/>
      <c r="I1992" s="451"/>
      <c r="J1992" s="144"/>
      <c r="K1992" s="517"/>
      <c r="L1992" s="455">
        <v>38362</v>
      </c>
      <c r="M1992" s="455"/>
      <c r="N1992" s="418" t="str">
        <f t="shared" si="60"/>
        <v/>
      </c>
    </row>
    <row r="1993" spans="1:14" ht="15.75">
      <c r="A1993" s="538"/>
      <c r="B1993" s="411">
        <f t="shared" si="61"/>
        <v>116</v>
      </c>
      <c r="C1993" s="498" t="s">
        <v>4343</v>
      </c>
      <c r="D1993" s="449" t="s">
        <v>4344</v>
      </c>
      <c r="E1993" s="144" t="s">
        <v>707</v>
      </c>
      <c r="F1993" s="449" t="s">
        <v>600</v>
      </c>
      <c r="G1993" s="450"/>
      <c r="H1993" s="415"/>
      <c r="I1993" s="451"/>
      <c r="J1993" s="144"/>
      <c r="K1993" s="517"/>
      <c r="L1993" s="455">
        <v>38362</v>
      </c>
      <c r="M1993" s="455"/>
      <c r="N1993" s="418" t="str">
        <f t="shared" si="60"/>
        <v/>
      </c>
    </row>
    <row r="1994" spans="1:14" ht="15.75">
      <c r="A1994" s="538"/>
      <c r="B1994" s="411">
        <f t="shared" si="61"/>
        <v>116</v>
      </c>
      <c r="C1994" s="498" t="s">
        <v>4345</v>
      </c>
      <c r="D1994" s="449" t="s">
        <v>4346</v>
      </c>
      <c r="E1994" s="144" t="s">
        <v>707</v>
      </c>
      <c r="F1994" s="449" t="s">
        <v>600</v>
      </c>
      <c r="G1994" s="450"/>
      <c r="H1994" s="415"/>
      <c r="I1994" s="451"/>
      <c r="J1994" s="144"/>
      <c r="K1994" s="517"/>
      <c r="L1994" s="455">
        <v>38362</v>
      </c>
      <c r="M1994" s="455"/>
      <c r="N1994" s="418" t="str">
        <f t="shared" ref="N1994:N2057" si="62">IF(D1994="NA","",IF(COUNTIF($D$2:$D$5552,D1994)&gt;1,"DUPLICATE",""))</f>
        <v/>
      </c>
    </row>
    <row r="1995" spans="1:14" ht="15.75">
      <c r="A1995" s="538"/>
      <c r="B1995" s="411">
        <f t="shared" si="61"/>
        <v>116</v>
      </c>
      <c r="C1995" s="498" t="s">
        <v>4347</v>
      </c>
      <c r="D1995" s="449" t="s">
        <v>4348</v>
      </c>
      <c r="E1995" s="144" t="s">
        <v>707</v>
      </c>
      <c r="F1995" s="449" t="s">
        <v>600</v>
      </c>
      <c r="G1995" s="450"/>
      <c r="H1995" s="415"/>
      <c r="I1995" s="451"/>
      <c r="J1995" s="144"/>
      <c r="K1995" s="517"/>
      <c r="L1995" s="455">
        <v>38362</v>
      </c>
      <c r="M1995" s="455"/>
      <c r="N1995" s="418" t="str">
        <f t="shared" si="62"/>
        <v/>
      </c>
    </row>
    <row r="1996" spans="1:14" ht="15.75">
      <c r="A1996" s="538"/>
      <c r="B1996" s="411">
        <f t="shared" si="61"/>
        <v>116</v>
      </c>
      <c r="C1996" s="498" t="s">
        <v>4349</v>
      </c>
      <c r="D1996" s="449" t="s">
        <v>4350</v>
      </c>
      <c r="E1996" s="144" t="s">
        <v>707</v>
      </c>
      <c r="F1996" s="449" t="s">
        <v>600</v>
      </c>
      <c r="G1996" s="450"/>
      <c r="H1996" s="415"/>
      <c r="I1996" s="451"/>
      <c r="J1996" s="144"/>
      <c r="K1996" s="517"/>
      <c r="L1996" s="455">
        <v>38362</v>
      </c>
      <c r="M1996" s="455"/>
      <c r="N1996" s="418" t="str">
        <f t="shared" si="62"/>
        <v/>
      </c>
    </row>
    <row r="1997" spans="1:14" ht="15.75">
      <c r="A1997" s="538"/>
      <c r="B1997" s="411">
        <f t="shared" si="61"/>
        <v>116</v>
      </c>
      <c r="C1997" s="498" t="s">
        <v>4351</v>
      </c>
      <c r="D1997" s="449" t="s">
        <v>4352</v>
      </c>
      <c r="E1997" s="144" t="s">
        <v>707</v>
      </c>
      <c r="F1997" s="449" t="s">
        <v>600</v>
      </c>
      <c r="G1997" s="450"/>
      <c r="H1997" s="415"/>
      <c r="I1997" s="451"/>
      <c r="J1997" s="144"/>
      <c r="K1997" s="517"/>
      <c r="L1997" s="455">
        <v>38362</v>
      </c>
      <c r="M1997" s="455"/>
      <c r="N1997" s="418" t="str">
        <f t="shared" si="62"/>
        <v>DUPLICATE</v>
      </c>
    </row>
    <row r="1998" spans="1:14" ht="15.75">
      <c r="A1998" s="538"/>
      <c r="B1998" s="411">
        <f t="shared" si="61"/>
        <v>116</v>
      </c>
      <c r="C1998" s="498" t="s">
        <v>4353</v>
      </c>
      <c r="D1998" s="449" t="s">
        <v>4354</v>
      </c>
      <c r="E1998" s="144" t="s">
        <v>643</v>
      </c>
      <c r="F1998" s="449" t="s">
        <v>600</v>
      </c>
      <c r="G1998" s="450"/>
      <c r="H1998" s="415"/>
      <c r="I1998" s="451"/>
      <c r="J1998" s="144"/>
      <c r="K1998" s="517"/>
      <c r="L1998" s="455">
        <v>38362</v>
      </c>
      <c r="M1998" s="455">
        <v>41306</v>
      </c>
      <c r="N1998" s="418" t="str">
        <f t="shared" si="62"/>
        <v>DUPLICATE</v>
      </c>
    </row>
    <row r="1999" spans="1:14" ht="15.75">
      <c r="A1999" s="538"/>
      <c r="B1999" s="411">
        <f t="shared" si="61"/>
        <v>116</v>
      </c>
      <c r="C1999" s="498" t="s">
        <v>4355</v>
      </c>
      <c r="D1999" s="449" t="s">
        <v>4356</v>
      </c>
      <c r="E1999" s="144" t="s">
        <v>707</v>
      </c>
      <c r="F1999" s="449" t="s">
        <v>600</v>
      </c>
      <c r="G1999" s="450"/>
      <c r="H1999" s="415"/>
      <c r="I1999" s="451"/>
      <c r="J1999" s="144"/>
      <c r="K1999" s="517"/>
      <c r="L1999" s="455">
        <v>38362</v>
      </c>
      <c r="M1999" s="455"/>
      <c r="N1999" s="418" t="str">
        <f t="shared" si="62"/>
        <v>DUPLICATE</v>
      </c>
    </row>
    <row r="2000" spans="1:14" ht="31.5">
      <c r="A2000" s="538"/>
      <c r="B2000" s="411">
        <f t="shared" si="61"/>
        <v>116</v>
      </c>
      <c r="C2000" s="498" t="s">
        <v>4357</v>
      </c>
      <c r="D2000" s="449" t="s">
        <v>308</v>
      </c>
      <c r="E2000" s="144" t="s">
        <v>707</v>
      </c>
      <c r="F2000" s="449" t="s">
        <v>600</v>
      </c>
      <c r="G2000" s="450" t="s">
        <v>760</v>
      </c>
      <c r="H2000" s="415"/>
      <c r="I2000" s="451"/>
      <c r="J2000" s="144"/>
      <c r="K2000" s="517"/>
      <c r="L2000" s="455">
        <v>38362</v>
      </c>
      <c r="M2000" s="455"/>
      <c r="N2000" s="418" t="str">
        <f t="shared" si="62"/>
        <v/>
      </c>
    </row>
    <row r="2001" spans="1:14" ht="15.75">
      <c r="A2001" s="538"/>
      <c r="B2001" s="411">
        <f t="shared" si="61"/>
        <v>116</v>
      </c>
      <c r="C2001" s="498" t="s">
        <v>4357</v>
      </c>
      <c r="D2001" s="449" t="s">
        <v>4358</v>
      </c>
      <c r="E2001" s="144" t="s">
        <v>707</v>
      </c>
      <c r="F2001" s="449" t="s">
        <v>600</v>
      </c>
      <c r="G2001" s="450"/>
      <c r="H2001" s="415"/>
      <c r="I2001" s="451"/>
      <c r="J2001" s="144"/>
      <c r="K2001" s="517"/>
      <c r="L2001" s="455">
        <v>38362</v>
      </c>
      <c r="M2001" s="455"/>
      <c r="N2001" s="418" t="str">
        <f t="shared" si="62"/>
        <v/>
      </c>
    </row>
    <row r="2002" spans="1:14" ht="15.75">
      <c r="A2002" s="538"/>
      <c r="B2002" s="411">
        <f t="shared" si="61"/>
        <v>116</v>
      </c>
      <c r="C2002" s="498" t="s">
        <v>4357</v>
      </c>
      <c r="D2002" s="449" t="s">
        <v>4359</v>
      </c>
      <c r="E2002" s="144" t="s">
        <v>707</v>
      </c>
      <c r="F2002" s="449" t="s">
        <v>600</v>
      </c>
      <c r="G2002" s="450"/>
      <c r="H2002" s="415"/>
      <c r="I2002" s="451"/>
      <c r="J2002" s="144"/>
      <c r="K2002" s="517"/>
      <c r="L2002" s="455">
        <v>38362</v>
      </c>
      <c r="M2002" s="455"/>
      <c r="N2002" s="418" t="str">
        <f t="shared" si="62"/>
        <v/>
      </c>
    </row>
    <row r="2003" spans="1:14" ht="15.75">
      <c r="A2003" s="538"/>
      <c r="B2003" s="411">
        <f t="shared" si="61"/>
        <v>116</v>
      </c>
      <c r="C2003" s="498" t="s">
        <v>4360</v>
      </c>
      <c r="D2003" s="449" t="s">
        <v>4361</v>
      </c>
      <c r="E2003" s="144" t="s">
        <v>707</v>
      </c>
      <c r="F2003" s="449" t="s">
        <v>600</v>
      </c>
      <c r="G2003" s="450"/>
      <c r="H2003" s="415"/>
      <c r="I2003" s="451"/>
      <c r="J2003" s="144"/>
      <c r="K2003" s="517"/>
      <c r="L2003" s="455">
        <v>38362</v>
      </c>
      <c r="M2003" s="455"/>
      <c r="N2003" s="418" t="str">
        <f t="shared" si="62"/>
        <v/>
      </c>
    </row>
    <row r="2004" spans="1:14" ht="15.75">
      <c r="A2004" s="538"/>
      <c r="B2004" s="411">
        <f t="shared" si="61"/>
        <v>116</v>
      </c>
      <c r="C2004" s="498" t="s">
        <v>4360</v>
      </c>
      <c r="D2004" s="449" t="s">
        <v>4362</v>
      </c>
      <c r="E2004" s="144" t="s">
        <v>707</v>
      </c>
      <c r="F2004" s="449" t="s">
        <v>600</v>
      </c>
      <c r="G2004" s="450"/>
      <c r="H2004" s="415"/>
      <c r="I2004" s="451"/>
      <c r="J2004" s="144"/>
      <c r="K2004" s="517"/>
      <c r="L2004" s="455">
        <v>38362</v>
      </c>
      <c r="M2004" s="455"/>
      <c r="N2004" s="418" t="str">
        <f t="shared" si="62"/>
        <v/>
      </c>
    </row>
    <row r="2005" spans="1:14" ht="15.75">
      <c r="A2005" s="538"/>
      <c r="B2005" s="411">
        <f t="shared" si="61"/>
        <v>116</v>
      </c>
      <c r="C2005" s="498" t="s">
        <v>4363</v>
      </c>
      <c r="D2005" s="449" t="s">
        <v>4364</v>
      </c>
      <c r="E2005" s="144" t="s">
        <v>707</v>
      </c>
      <c r="F2005" s="449" t="s">
        <v>600</v>
      </c>
      <c r="G2005" s="450"/>
      <c r="H2005" s="415"/>
      <c r="I2005" s="451"/>
      <c r="J2005" s="144"/>
      <c r="K2005" s="517"/>
      <c r="L2005" s="455">
        <v>38362</v>
      </c>
      <c r="M2005" s="455"/>
      <c r="N2005" s="418" t="str">
        <f t="shared" si="62"/>
        <v/>
      </c>
    </row>
    <row r="2006" spans="1:14" ht="15.75">
      <c r="A2006" s="538"/>
      <c r="B2006" s="411">
        <f t="shared" si="61"/>
        <v>116</v>
      </c>
      <c r="C2006" s="498" t="s">
        <v>4365</v>
      </c>
      <c r="D2006" s="449" t="s">
        <v>4366</v>
      </c>
      <c r="E2006" s="144" t="s">
        <v>707</v>
      </c>
      <c r="F2006" s="449" t="s">
        <v>600</v>
      </c>
      <c r="G2006" s="450"/>
      <c r="H2006" s="415"/>
      <c r="I2006" s="451"/>
      <c r="J2006" s="144"/>
      <c r="K2006" s="517"/>
      <c r="L2006" s="455">
        <v>38362</v>
      </c>
      <c r="M2006" s="455"/>
      <c r="N2006" s="418" t="str">
        <f t="shared" si="62"/>
        <v/>
      </c>
    </row>
    <row r="2007" spans="1:14" ht="15.75">
      <c r="A2007" s="538"/>
      <c r="B2007" s="411">
        <f t="shared" si="61"/>
        <v>116</v>
      </c>
      <c r="C2007" s="498" t="s">
        <v>4367</v>
      </c>
      <c r="D2007" s="449" t="s">
        <v>4368</v>
      </c>
      <c r="E2007" s="144" t="s">
        <v>707</v>
      </c>
      <c r="F2007" s="449" t="s">
        <v>600</v>
      </c>
      <c r="G2007" s="450"/>
      <c r="H2007" s="415"/>
      <c r="I2007" s="451"/>
      <c r="J2007" s="144"/>
      <c r="K2007" s="517"/>
      <c r="L2007" s="455">
        <v>38362</v>
      </c>
      <c r="M2007" s="455"/>
      <c r="N2007" s="418" t="str">
        <f t="shared" si="62"/>
        <v/>
      </c>
    </row>
    <row r="2008" spans="1:14" ht="15.75">
      <c r="A2008" s="538"/>
      <c r="B2008" s="411">
        <f t="shared" si="61"/>
        <v>116</v>
      </c>
      <c r="C2008" s="498" t="s">
        <v>4369</v>
      </c>
      <c r="D2008" s="449" t="s">
        <v>4370</v>
      </c>
      <c r="E2008" s="144" t="s">
        <v>707</v>
      </c>
      <c r="F2008" s="449" t="s">
        <v>600</v>
      </c>
      <c r="G2008" s="450"/>
      <c r="H2008" s="415"/>
      <c r="I2008" s="451"/>
      <c r="J2008" s="144"/>
      <c r="K2008" s="517"/>
      <c r="L2008" s="455">
        <v>38362</v>
      </c>
      <c r="M2008" s="455"/>
      <c r="N2008" s="418" t="str">
        <f t="shared" si="62"/>
        <v/>
      </c>
    </row>
    <row r="2009" spans="1:14" ht="15.75">
      <c r="A2009" s="538"/>
      <c r="B2009" s="411">
        <f t="shared" si="61"/>
        <v>116</v>
      </c>
      <c r="C2009" s="498" t="s">
        <v>4371</v>
      </c>
      <c r="D2009" s="449" t="s">
        <v>4372</v>
      </c>
      <c r="E2009" s="144" t="s">
        <v>707</v>
      </c>
      <c r="F2009" s="449" t="s">
        <v>600</v>
      </c>
      <c r="G2009" s="450"/>
      <c r="H2009" s="415"/>
      <c r="I2009" s="451"/>
      <c r="J2009" s="144"/>
      <c r="K2009" s="517"/>
      <c r="L2009" s="455">
        <v>38362</v>
      </c>
      <c r="M2009" s="455"/>
      <c r="N2009" s="418" t="str">
        <f t="shared" si="62"/>
        <v/>
      </c>
    </row>
    <row r="2010" spans="1:14" ht="15.75">
      <c r="A2010" s="538"/>
      <c r="B2010" s="411">
        <f t="shared" ref="B2010:B2073" si="63">IF(A2010&gt;0,A2010,B2009)</f>
        <v>116</v>
      </c>
      <c r="C2010" s="498" t="s">
        <v>4371</v>
      </c>
      <c r="D2010" s="449" t="s">
        <v>4373</v>
      </c>
      <c r="E2010" s="144" t="s">
        <v>707</v>
      </c>
      <c r="F2010" s="449" t="s">
        <v>600</v>
      </c>
      <c r="G2010" s="450"/>
      <c r="H2010" s="415"/>
      <c r="I2010" s="451"/>
      <c r="J2010" s="144"/>
      <c r="K2010" s="517"/>
      <c r="L2010" s="455">
        <v>38362</v>
      </c>
      <c r="M2010" s="455"/>
      <c r="N2010" s="418" t="str">
        <f t="shared" si="62"/>
        <v/>
      </c>
    </row>
    <row r="2011" spans="1:14" ht="15.75">
      <c r="A2011" s="538"/>
      <c r="B2011" s="411">
        <f t="shared" si="63"/>
        <v>116</v>
      </c>
      <c r="C2011" s="498" t="s">
        <v>4374</v>
      </c>
      <c r="D2011" s="449" t="s">
        <v>4375</v>
      </c>
      <c r="E2011" s="144" t="s">
        <v>707</v>
      </c>
      <c r="F2011" s="449" t="s">
        <v>600</v>
      </c>
      <c r="G2011" s="450"/>
      <c r="H2011" s="415"/>
      <c r="I2011" s="451"/>
      <c r="J2011" s="144"/>
      <c r="K2011" s="517"/>
      <c r="L2011" s="455">
        <v>38362</v>
      </c>
      <c r="M2011" s="455"/>
      <c r="N2011" s="418" t="str">
        <f t="shared" si="62"/>
        <v/>
      </c>
    </row>
    <row r="2012" spans="1:14" ht="15.75">
      <c r="A2012" s="538"/>
      <c r="B2012" s="411">
        <f t="shared" si="63"/>
        <v>116</v>
      </c>
      <c r="C2012" s="498" t="s">
        <v>4376</v>
      </c>
      <c r="D2012" s="449" t="s">
        <v>4377</v>
      </c>
      <c r="E2012" s="144" t="s">
        <v>707</v>
      </c>
      <c r="F2012" s="449" t="s">
        <v>600</v>
      </c>
      <c r="G2012" s="450"/>
      <c r="H2012" s="415"/>
      <c r="I2012" s="451"/>
      <c r="J2012" s="144"/>
      <c r="K2012" s="517"/>
      <c r="L2012" s="455">
        <v>38362</v>
      </c>
      <c r="M2012" s="455"/>
      <c r="N2012" s="418" t="str">
        <f t="shared" si="62"/>
        <v/>
      </c>
    </row>
    <row r="2013" spans="1:14" ht="15.75">
      <c r="A2013" s="538"/>
      <c r="B2013" s="411">
        <f t="shared" si="63"/>
        <v>116</v>
      </c>
      <c r="C2013" s="498" t="s">
        <v>4378</v>
      </c>
      <c r="D2013" s="449" t="s">
        <v>4379</v>
      </c>
      <c r="E2013" s="144" t="s">
        <v>707</v>
      </c>
      <c r="F2013" s="449" t="s">
        <v>600</v>
      </c>
      <c r="G2013" s="450"/>
      <c r="H2013" s="415"/>
      <c r="I2013" s="451"/>
      <c r="J2013" s="144"/>
      <c r="K2013" s="517"/>
      <c r="L2013" s="455">
        <v>38362</v>
      </c>
      <c r="M2013" s="455"/>
      <c r="N2013" s="418" t="str">
        <f t="shared" si="62"/>
        <v/>
      </c>
    </row>
    <row r="2014" spans="1:14" ht="15.75">
      <c r="A2014" s="538"/>
      <c r="B2014" s="411">
        <f t="shared" si="63"/>
        <v>116</v>
      </c>
      <c r="C2014" s="498" t="s">
        <v>4380</v>
      </c>
      <c r="D2014" s="449" t="s">
        <v>4381</v>
      </c>
      <c r="E2014" s="144" t="s">
        <v>707</v>
      </c>
      <c r="F2014" s="449" t="s">
        <v>600</v>
      </c>
      <c r="G2014" s="450"/>
      <c r="H2014" s="415"/>
      <c r="I2014" s="451"/>
      <c r="J2014" s="144"/>
      <c r="K2014" s="517"/>
      <c r="L2014" s="455">
        <v>38362</v>
      </c>
      <c r="M2014" s="455"/>
      <c r="N2014" s="418" t="str">
        <f t="shared" si="62"/>
        <v/>
      </c>
    </row>
    <row r="2015" spans="1:14" ht="15.75">
      <c r="A2015" s="538"/>
      <c r="B2015" s="411">
        <f t="shared" si="63"/>
        <v>116</v>
      </c>
      <c r="C2015" s="498" t="s">
        <v>4382</v>
      </c>
      <c r="D2015" s="449" t="s">
        <v>4383</v>
      </c>
      <c r="E2015" s="144" t="s">
        <v>707</v>
      </c>
      <c r="F2015" s="449" t="s">
        <v>600</v>
      </c>
      <c r="G2015" s="450"/>
      <c r="H2015" s="415"/>
      <c r="I2015" s="451"/>
      <c r="J2015" s="144"/>
      <c r="K2015" s="517"/>
      <c r="L2015" s="455">
        <v>38362</v>
      </c>
      <c r="M2015" s="455"/>
      <c r="N2015" s="418" t="str">
        <f t="shared" si="62"/>
        <v/>
      </c>
    </row>
    <row r="2016" spans="1:14" ht="15.75">
      <c r="A2016" s="538"/>
      <c r="B2016" s="411">
        <f t="shared" si="63"/>
        <v>116</v>
      </c>
      <c r="C2016" s="498" t="s">
        <v>4384</v>
      </c>
      <c r="D2016" s="449" t="s">
        <v>4385</v>
      </c>
      <c r="E2016" s="144" t="s">
        <v>707</v>
      </c>
      <c r="F2016" s="449" t="s">
        <v>600</v>
      </c>
      <c r="G2016" s="450"/>
      <c r="H2016" s="415"/>
      <c r="I2016" s="451"/>
      <c r="J2016" s="144"/>
      <c r="K2016" s="517"/>
      <c r="L2016" s="455">
        <v>38362</v>
      </c>
      <c r="M2016" s="455"/>
      <c r="N2016" s="418" t="str">
        <f t="shared" si="62"/>
        <v/>
      </c>
    </row>
    <row r="2017" spans="1:14" ht="15.75">
      <c r="A2017" s="538"/>
      <c r="B2017" s="411">
        <f t="shared" si="63"/>
        <v>116</v>
      </c>
      <c r="C2017" s="498" t="s">
        <v>4386</v>
      </c>
      <c r="D2017" s="449" t="s">
        <v>4387</v>
      </c>
      <c r="E2017" s="144" t="s">
        <v>707</v>
      </c>
      <c r="F2017" s="449" t="s">
        <v>600</v>
      </c>
      <c r="G2017" s="450"/>
      <c r="H2017" s="415"/>
      <c r="I2017" s="451"/>
      <c r="J2017" s="144"/>
      <c r="K2017" s="517"/>
      <c r="L2017" s="455">
        <v>40940</v>
      </c>
      <c r="M2017" s="455"/>
      <c r="N2017" s="418" t="str">
        <f t="shared" si="62"/>
        <v/>
      </c>
    </row>
    <row r="2018" spans="1:14" ht="15.75">
      <c r="A2018" s="538"/>
      <c r="B2018" s="411">
        <f t="shared" si="63"/>
        <v>116</v>
      </c>
      <c r="C2018" s="498" t="s">
        <v>4388</v>
      </c>
      <c r="D2018" s="449" t="s">
        <v>4389</v>
      </c>
      <c r="E2018" s="144" t="s">
        <v>707</v>
      </c>
      <c r="F2018" s="449" t="s">
        <v>600</v>
      </c>
      <c r="G2018" s="450"/>
      <c r="H2018" s="415"/>
      <c r="I2018" s="451"/>
      <c r="J2018" s="144"/>
      <c r="K2018" s="517"/>
      <c r="L2018" s="455">
        <v>38362</v>
      </c>
      <c r="M2018" s="455"/>
      <c r="N2018" s="418" t="str">
        <f t="shared" si="62"/>
        <v/>
      </c>
    </row>
    <row r="2019" spans="1:14" ht="31.5">
      <c r="A2019" s="538"/>
      <c r="B2019" s="411">
        <f t="shared" si="63"/>
        <v>116</v>
      </c>
      <c r="C2019" s="498" t="s">
        <v>4390</v>
      </c>
      <c r="D2019" s="449" t="s">
        <v>292</v>
      </c>
      <c r="E2019" s="144" t="s">
        <v>707</v>
      </c>
      <c r="F2019" s="449" t="s">
        <v>600</v>
      </c>
      <c r="G2019" s="450" t="s">
        <v>760</v>
      </c>
      <c r="H2019" s="415"/>
      <c r="I2019" s="451"/>
      <c r="J2019" s="144"/>
      <c r="K2019" s="517"/>
      <c r="L2019" s="455">
        <v>38362</v>
      </c>
      <c r="M2019" s="455"/>
      <c r="N2019" s="418" t="str">
        <f t="shared" si="62"/>
        <v/>
      </c>
    </row>
    <row r="2020" spans="1:14" ht="15.75">
      <c r="A2020" s="538"/>
      <c r="B2020" s="411">
        <f t="shared" si="63"/>
        <v>116</v>
      </c>
      <c r="C2020" s="498" t="s">
        <v>4391</v>
      </c>
      <c r="D2020" s="449" t="s">
        <v>4392</v>
      </c>
      <c r="E2020" s="144" t="s">
        <v>707</v>
      </c>
      <c r="F2020" s="449" t="s">
        <v>600</v>
      </c>
      <c r="G2020" s="450"/>
      <c r="H2020" s="415"/>
      <c r="I2020" s="451"/>
      <c r="J2020" s="144"/>
      <c r="K2020" s="517"/>
      <c r="L2020" s="455">
        <v>38362</v>
      </c>
      <c r="M2020" s="455"/>
      <c r="N2020" s="418" t="str">
        <f t="shared" si="62"/>
        <v/>
      </c>
    </row>
    <row r="2021" spans="1:14" ht="15.75">
      <c r="A2021" s="538"/>
      <c r="B2021" s="411">
        <f t="shared" si="63"/>
        <v>116</v>
      </c>
      <c r="C2021" s="498" t="s">
        <v>4393</v>
      </c>
      <c r="D2021" s="449" t="s">
        <v>4394</v>
      </c>
      <c r="E2021" s="144" t="s">
        <v>707</v>
      </c>
      <c r="F2021" s="449" t="s">
        <v>600</v>
      </c>
      <c r="G2021" s="450"/>
      <c r="H2021" s="415"/>
      <c r="I2021" s="451"/>
      <c r="J2021" s="144"/>
      <c r="K2021" s="517"/>
      <c r="L2021" s="455">
        <v>38362</v>
      </c>
      <c r="M2021" s="455"/>
      <c r="N2021" s="418" t="str">
        <f t="shared" si="62"/>
        <v/>
      </c>
    </row>
    <row r="2022" spans="1:14" ht="15.75">
      <c r="A2022" s="538"/>
      <c r="B2022" s="411">
        <f t="shared" si="63"/>
        <v>116</v>
      </c>
      <c r="C2022" s="498" t="s">
        <v>4395</v>
      </c>
      <c r="D2022" s="449" t="s">
        <v>4396</v>
      </c>
      <c r="E2022" s="144" t="s">
        <v>707</v>
      </c>
      <c r="F2022" s="449" t="s">
        <v>600</v>
      </c>
      <c r="G2022" s="450"/>
      <c r="H2022" s="415"/>
      <c r="I2022" s="451"/>
      <c r="J2022" s="144"/>
      <c r="K2022" s="517"/>
      <c r="L2022" s="455">
        <v>38362</v>
      </c>
      <c r="M2022" s="455"/>
      <c r="N2022" s="418" t="str">
        <f t="shared" si="62"/>
        <v/>
      </c>
    </row>
    <row r="2023" spans="1:14" ht="31.5">
      <c r="A2023" s="538"/>
      <c r="B2023" s="411">
        <f t="shared" si="63"/>
        <v>116</v>
      </c>
      <c r="C2023" s="498" t="s">
        <v>4397</v>
      </c>
      <c r="D2023" s="449" t="s">
        <v>267</v>
      </c>
      <c r="E2023" s="144" t="s">
        <v>707</v>
      </c>
      <c r="F2023" s="449" t="s">
        <v>600</v>
      </c>
      <c r="G2023" s="450" t="s">
        <v>760</v>
      </c>
      <c r="H2023" s="415"/>
      <c r="I2023" s="451"/>
      <c r="J2023" s="144"/>
      <c r="K2023" s="517"/>
      <c r="L2023" s="455">
        <v>38362</v>
      </c>
      <c r="M2023" s="455"/>
      <c r="N2023" s="418" t="str">
        <f t="shared" si="62"/>
        <v/>
      </c>
    </row>
    <row r="2024" spans="1:14" ht="31.5">
      <c r="A2024" s="538"/>
      <c r="B2024" s="411">
        <f t="shared" si="63"/>
        <v>116</v>
      </c>
      <c r="C2024" s="498" t="s">
        <v>4398</v>
      </c>
      <c r="D2024" s="449" t="s">
        <v>270</v>
      </c>
      <c r="E2024" s="144" t="s">
        <v>707</v>
      </c>
      <c r="F2024" s="449" t="s">
        <v>600</v>
      </c>
      <c r="G2024" s="450" t="s">
        <v>760</v>
      </c>
      <c r="H2024" s="415"/>
      <c r="I2024" s="451"/>
      <c r="J2024" s="144"/>
      <c r="K2024" s="517"/>
      <c r="L2024" s="455">
        <v>38362</v>
      </c>
      <c r="M2024" s="455"/>
      <c r="N2024" s="418" t="str">
        <f t="shared" si="62"/>
        <v/>
      </c>
    </row>
    <row r="2025" spans="1:14" ht="15.75">
      <c r="A2025" s="538"/>
      <c r="B2025" s="411">
        <f t="shared" si="63"/>
        <v>116</v>
      </c>
      <c r="C2025" s="498" t="s">
        <v>4399</v>
      </c>
      <c r="D2025" s="449" t="s">
        <v>4400</v>
      </c>
      <c r="E2025" s="144" t="s">
        <v>707</v>
      </c>
      <c r="F2025" s="449" t="s">
        <v>600</v>
      </c>
      <c r="G2025" s="450"/>
      <c r="H2025" s="415"/>
      <c r="I2025" s="451"/>
      <c r="J2025" s="144"/>
      <c r="K2025" s="517"/>
      <c r="L2025" s="455">
        <v>38362</v>
      </c>
      <c r="M2025" s="455"/>
      <c r="N2025" s="418" t="str">
        <f t="shared" si="62"/>
        <v/>
      </c>
    </row>
    <row r="2026" spans="1:14" ht="15.75">
      <c r="A2026" s="538"/>
      <c r="B2026" s="411">
        <f t="shared" si="63"/>
        <v>116</v>
      </c>
      <c r="C2026" s="498" t="s">
        <v>4401</v>
      </c>
      <c r="D2026" s="449" t="s">
        <v>4402</v>
      </c>
      <c r="E2026" s="144" t="s">
        <v>707</v>
      </c>
      <c r="F2026" s="449" t="s">
        <v>600</v>
      </c>
      <c r="G2026" s="450"/>
      <c r="H2026" s="415"/>
      <c r="I2026" s="451"/>
      <c r="J2026" s="144"/>
      <c r="K2026" s="517"/>
      <c r="L2026" s="455">
        <v>38362</v>
      </c>
      <c r="M2026" s="455"/>
      <c r="N2026" s="418" t="str">
        <f t="shared" si="62"/>
        <v/>
      </c>
    </row>
    <row r="2027" spans="1:14" ht="15.75">
      <c r="A2027" s="538"/>
      <c r="B2027" s="411">
        <f t="shared" si="63"/>
        <v>116</v>
      </c>
      <c r="C2027" s="498" t="s">
        <v>4401</v>
      </c>
      <c r="D2027" s="449" t="s">
        <v>4403</v>
      </c>
      <c r="E2027" s="144" t="s">
        <v>707</v>
      </c>
      <c r="F2027" s="449" t="s">
        <v>600</v>
      </c>
      <c r="G2027" s="450"/>
      <c r="H2027" s="415"/>
      <c r="I2027" s="451"/>
      <c r="J2027" s="144"/>
      <c r="K2027" s="517"/>
      <c r="L2027" s="455">
        <v>38362</v>
      </c>
      <c r="M2027" s="455"/>
      <c r="N2027" s="418" t="str">
        <f t="shared" si="62"/>
        <v/>
      </c>
    </row>
    <row r="2028" spans="1:14" ht="15.75">
      <c r="A2028" s="538"/>
      <c r="B2028" s="411">
        <f t="shared" si="63"/>
        <v>116</v>
      </c>
      <c r="C2028" s="498" t="s">
        <v>4404</v>
      </c>
      <c r="D2028" s="449" t="s">
        <v>4405</v>
      </c>
      <c r="E2028" s="144" t="s">
        <v>707</v>
      </c>
      <c r="F2028" s="449" t="s">
        <v>600</v>
      </c>
      <c r="G2028" s="450"/>
      <c r="H2028" s="415"/>
      <c r="I2028" s="451"/>
      <c r="J2028" s="144"/>
      <c r="K2028" s="517"/>
      <c r="L2028" s="455">
        <v>38362</v>
      </c>
      <c r="M2028" s="455"/>
      <c r="N2028" s="418" t="str">
        <f t="shared" si="62"/>
        <v/>
      </c>
    </row>
    <row r="2029" spans="1:14" ht="15.75">
      <c r="A2029" s="538"/>
      <c r="B2029" s="411">
        <f t="shared" si="63"/>
        <v>116</v>
      </c>
      <c r="C2029" s="498" t="s">
        <v>4406</v>
      </c>
      <c r="D2029" s="449" t="s">
        <v>4407</v>
      </c>
      <c r="E2029" s="144" t="s">
        <v>707</v>
      </c>
      <c r="F2029" s="449" t="s">
        <v>600</v>
      </c>
      <c r="G2029" s="450"/>
      <c r="H2029" s="415"/>
      <c r="I2029" s="451"/>
      <c r="J2029" s="144"/>
      <c r="K2029" s="517"/>
      <c r="L2029" s="455">
        <v>38362</v>
      </c>
      <c r="M2029" s="455"/>
      <c r="N2029" s="418" t="str">
        <f t="shared" si="62"/>
        <v/>
      </c>
    </row>
    <row r="2030" spans="1:14" ht="15.75">
      <c r="A2030" s="538"/>
      <c r="B2030" s="411">
        <f t="shared" si="63"/>
        <v>116</v>
      </c>
      <c r="C2030" s="498" t="s">
        <v>4408</v>
      </c>
      <c r="D2030" s="449" t="s">
        <v>4409</v>
      </c>
      <c r="E2030" s="144" t="s">
        <v>707</v>
      </c>
      <c r="F2030" s="449" t="s">
        <v>600</v>
      </c>
      <c r="G2030" s="450"/>
      <c r="H2030" s="415"/>
      <c r="I2030" s="451"/>
      <c r="J2030" s="144"/>
      <c r="K2030" s="517"/>
      <c r="L2030" s="455">
        <v>38362</v>
      </c>
      <c r="M2030" s="455"/>
      <c r="N2030" s="418" t="str">
        <f t="shared" si="62"/>
        <v/>
      </c>
    </row>
    <row r="2031" spans="1:14" ht="15.75">
      <c r="A2031" s="538"/>
      <c r="B2031" s="411">
        <f t="shared" si="63"/>
        <v>116</v>
      </c>
      <c r="C2031" s="498" t="s">
        <v>4410</v>
      </c>
      <c r="D2031" s="449" t="s">
        <v>4411</v>
      </c>
      <c r="E2031" s="144" t="s">
        <v>707</v>
      </c>
      <c r="F2031" s="449" t="s">
        <v>600</v>
      </c>
      <c r="G2031" s="450"/>
      <c r="H2031" s="415"/>
      <c r="I2031" s="451"/>
      <c r="J2031" s="144"/>
      <c r="K2031" s="517"/>
      <c r="L2031" s="455">
        <v>38362</v>
      </c>
      <c r="M2031" s="455"/>
      <c r="N2031" s="418" t="str">
        <f t="shared" si="62"/>
        <v/>
      </c>
    </row>
    <row r="2032" spans="1:14" ht="15.75">
      <c r="A2032" s="538"/>
      <c r="B2032" s="411">
        <f t="shared" si="63"/>
        <v>116</v>
      </c>
      <c r="C2032" s="498" t="s">
        <v>4412</v>
      </c>
      <c r="D2032" s="449" t="s">
        <v>4413</v>
      </c>
      <c r="E2032" s="144" t="s">
        <v>707</v>
      </c>
      <c r="F2032" s="449" t="s">
        <v>600</v>
      </c>
      <c r="G2032" s="450"/>
      <c r="H2032" s="415"/>
      <c r="I2032" s="451"/>
      <c r="J2032" s="144"/>
      <c r="K2032" s="517"/>
      <c r="L2032" s="455">
        <v>38362</v>
      </c>
      <c r="M2032" s="455"/>
      <c r="N2032" s="418" t="str">
        <f t="shared" si="62"/>
        <v/>
      </c>
    </row>
    <row r="2033" spans="1:14" ht="15.75">
      <c r="A2033" s="538"/>
      <c r="B2033" s="411">
        <f t="shared" si="63"/>
        <v>116</v>
      </c>
      <c r="C2033" s="498" t="s">
        <v>4414</v>
      </c>
      <c r="D2033" s="449" t="s">
        <v>4415</v>
      </c>
      <c r="E2033" s="144" t="s">
        <v>707</v>
      </c>
      <c r="F2033" s="449" t="s">
        <v>600</v>
      </c>
      <c r="G2033" s="450"/>
      <c r="H2033" s="415"/>
      <c r="I2033" s="451"/>
      <c r="J2033" s="144"/>
      <c r="K2033" s="517"/>
      <c r="L2033" s="455">
        <v>38362</v>
      </c>
      <c r="M2033" s="455"/>
      <c r="N2033" s="418" t="str">
        <f t="shared" si="62"/>
        <v/>
      </c>
    </row>
    <row r="2034" spans="1:14" ht="15.75">
      <c r="A2034" s="538"/>
      <c r="B2034" s="411">
        <f t="shared" si="63"/>
        <v>116</v>
      </c>
      <c r="C2034" s="498" t="s">
        <v>4416</v>
      </c>
      <c r="D2034" s="449" t="s">
        <v>4417</v>
      </c>
      <c r="E2034" s="144" t="s">
        <v>707</v>
      </c>
      <c r="F2034" s="449" t="s">
        <v>600</v>
      </c>
      <c r="G2034" s="450"/>
      <c r="H2034" s="415"/>
      <c r="I2034" s="451"/>
      <c r="J2034" s="144"/>
      <c r="K2034" s="517"/>
      <c r="L2034" s="455">
        <v>38362</v>
      </c>
      <c r="M2034" s="455"/>
      <c r="N2034" s="418" t="str">
        <f t="shared" si="62"/>
        <v/>
      </c>
    </row>
    <row r="2035" spans="1:14" ht="15.75">
      <c r="A2035" s="538"/>
      <c r="B2035" s="411">
        <f t="shared" si="63"/>
        <v>116</v>
      </c>
      <c r="C2035" s="498" t="s">
        <v>4418</v>
      </c>
      <c r="D2035" s="449" t="s">
        <v>4419</v>
      </c>
      <c r="E2035" s="144" t="s">
        <v>707</v>
      </c>
      <c r="F2035" s="449" t="s">
        <v>600</v>
      </c>
      <c r="G2035" s="450"/>
      <c r="H2035" s="415"/>
      <c r="I2035" s="451"/>
      <c r="J2035" s="144"/>
      <c r="K2035" s="517"/>
      <c r="L2035" s="455">
        <v>38362</v>
      </c>
      <c r="M2035" s="455"/>
      <c r="N2035" s="418" t="str">
        <f t="shared" si="62"/>
        <v/>
      </c>
    </row>
    <row r="2036" spans="1:14" ht="15.75">
      <c r="A2036" s="538"/>
      <c r="B2036" s="411">
        <f t="shared" si="63"/>
        <v>116</v>
      </c>
      <c r="C2036" s="498" t="s">
        <v>4420</v>
      </c>
      <c r="D2036" s="449" t="s">
        <v>4421</v>
      </c>
      <c r="E2036" s="144" t="s">
        <v>707</v>
      </c>
      <c r="F2036" s="449" t="s">
        <v>600</v>
      </c>
      <c r="G2036" s="450"/>
      <c r="H2036" s="415"/>
      <c r="I2036" s="451"/>
      <c r="J2036" s="144"/>
      <c r="K2036" s="517"/>
      <c r="L2036" s="455">
        <v>38362</v>
      </c>
      <c r="M2036" s="455"/>
      <c r="N2036" s="418" t="str">
        <f t="shared" si="62"/>
        <v/>
      </c>
    </row>
    <row r="2037" spans="1:14" ht="15.75">
      <c r="A2037" s="538"/>
      <c r="B2037" s="411">
        <f t="shared" si="63"/>
        <v>116</v>
      </c>
      <c r="C2037" s="498" t="s">
        <v>4422</v>
      </c>
      <c r="D2037" s="449" t="s">
        <v>4423</v>
      </c>
      <c r="E2037" s="144" t="s">
        <v>707</v>
      </c>
      <c r="F2037" s="449" t="s">
        <v>600</v>
      </c>
      <c r="G2037" s="450"/>
      <c r="H2037" s="415"/>
      <c r="I2037" s="451"/>
      <c r="J2037" s="144"/>
      <c r="K2037" s="517"/>
      <c r="L2037" s="455">
        <v>38362</v>
      </c>
      <c r="M2037" s="455"/>
      <c r="N2037" s="418" t="str">
        <f t="shared" si="62"/>
        <v/>
      </c>
    </row>
    <row r="2038" spans="1:14" ht="15.75">
      <c r="A2038" s="538"/>
      <c r="B2038" s="411">
        <f t="shared" si="63"/>
        <v>116</v>
      </c>
      <c r="C2038" s="498" t="s">
        <v>4424</v>
      </c>
      <c r="D2038" s="449" t="s">
        <v>4425</v>
      </c>
      <c r="E2038" s="144" t="s">
        <v>707</v>
      </c>
      <c r="F2038" s="449" t="s">
        <v>600</v>
      </c>
      <c r="G2038" s="450"/>
      <c r="H2038" s="415"/>
      <c r="I2038" s="451"/>
      <c r="J2038" s="144"/>
      <c r="K2038" s="517"/>
      <c r="L2038" s="455">
        <v>38362</v>
      </c>
      <c r="M2038" s="455"/>
      <c r="N2038" s="418" t="str">
        <f t="shared" si="62"/>
        <v/>
      </c>
    </row>
    <row r="2039" spans="1:14" ht="15.75">
      <c r="A2039" s="538"/>
      <c r="B2039" s="411">
        <f t="shared" si="63"/>
        <v>116</v>
      </c>
      <c r="C2039" s="498" t="s">
        <v>4426</v>
      </c>
      <c r="D2039" s="449" t="s">
        <v>4427</v>
      </c>
      <c r="E2039" s="144" t="s">
        <v>707</v>
      </c>
      <c r="F2039" s="449" t="s">
        <v>600</v>
      </c>
      <c r="G2039" s="450"/>
      <c r="H2039" s="415"/>
      <c r="I2039" s="451"/>
      <c r="J2039" s="144"/>
      <c r="K2039" s="517"/>
      <c r="L2039" s="455">
        <v>38362</v>
      </c>
      <c r="M2039" s="455"/>
      <c r="N2039" s="418" t="str">
        <f t="shared" si="62"/>
        <v/>
      </c>
    </row>
    <row r="2040" spans="1:14" ht="15.75">
      <c r="A2040" s="538"/>
      <c r="B2040" s="411">
        <f t="shared" si="63"/>
        <v>116</v>
      </c>
      <c r="C2040" s="498" t="s">
        <v>4428</v>
      </c>
      <c r="D2040" s="449" t="s">
        <v>4429</v>
      </c>
      <c r="E2040" s="144" t="s">
        <v>707</v>
      </c>
      <c r="F2040" s="449" t="s">
        <v>600</v>
      </c>
      <c r="G2040" s="450"/>
      <c r="H2040" s="415"/>
      <c r="I2040" s="451"/>
      <c r="J2040" s="144"/>
      <c r="K2040" s="517"/>
      <c r="L2040" s="455">
        <v>38362</v>
      </c>
      <c r="M2040" s="455"/>
      <c r="N2040" s="418" t="str">
        <f t="shared" si="62"/>
        <v/>
      </c>
    </row>
    <row r="2041" spans="1:14" ht="15.75">
      <c r="A2041" s="538"/>
      <c r="B2041" s="411">
        <f t="shared" si="63"/>
        <v>116</v>
      </c>
      <c r="C2041" s="498" t="s">
        <v>4430</v>
      </c>
      <c r="D2041" s="449" t="s">
        <v>4431</v>
      </c>
      <c r="E2041" s="144" t="s">
        <v>707</v>
      </c>
      <c r="F2041" s="449" t="s">
        <v>600</v>
      </c>
      <c r="G2041" s="450"/>
      <c r="H2041" s="415"/>
      <c r="I2041" s="451"/>
      <c r="J2041" s="144"/>
      <c r="K2041" s="517"/>
      <c r="L2041" s="455">
        <v>38362</v>
      </c>
      <c r="M2041" s="455"/>
      <c r="N2041" s="418" t="str">
        <f t="shared" si="62"/>
        <v/>
      </c>
    </row>
    <row r="2042" spans="1:14" ht="15.75">
      <c r="A2042" s="538"/>
      <c r="B2042" s="411">
        <f t="shared" si="63"/>
        <v>116</v>
      </c>
      <c r="C2042" s="498" t="s">
        <v>4432</v>
      </c>
      <c r="D2042" s="449" t="s">
        <v>4433</v>
      </c>
      <c r="E2042" s="144" t="s">
        <v>707</v>
      </c>
      <c r="F2042" s="449" t="s">
        <v>600</v>
      </c>
      <c r="G2042" s="450"/>
      <c r="H2042" s="415"/>
      <c r="I2042" s="451"/>
      <c r="J2042" s="144"/>
      <c r="K2042" s="517"/>
      <c r="L2042" s="455">
        <v>38362</v>
      </c>
      <c r="M2042" s="455"/>
      <c r="N2042" s="418" t="str">
        <f t="shared" si="62"/>
        <v/>
      </c>
    </row>
    <row r="2043" spans="1:14" ht="15.75">
      <c r="A2043" s="538"/>
      <c r="B2043" s="411">
        <f t="shared" si="63"/>
        <v>116</v>
      </c>
      <c r="C2043" s="498" t="s">
        <v>4434</v>
      </c>
      <c r="D2043" s="449" t="s">
        <v>4435</v>
      </c>
      <c r="E2043" s="144" t="s">
        <v>707</v>
      </c>
      <c r="F2043" s="449" t="s">
        <v>600</v>
      </c>
      <c r="G2043" s="450"/>
      <c r="H2043" s="415"/>
      <c r="I2043" s="451"/>
      <c r="J2043" s="144"/>
      <c r="K2043" s="517"/>
      <c r="L2043" s="455">
        <v>38362</v>
      </c>
      <c r="M2043" s="455"/>
      <c r="N2043" s="418" t="str">
        <f t="shared" si="62"/>
        <v/>
      </c>
    </row>
    <row r="2044" spans="1:14" ht="15.75">
      <c r="A2044" s="538"/>
      <c r="B2044" s="411">
        <f t="shared" si="63"/>
        <v>116</v>
      </c>
      <c r="C2044" s="498" t="s">
        <v>4436</v>
      </c>
      <c r="D2044" s="449" t="s">
        <v>4437</v>
      </c>
      <c r="E2044" s="144" t="s">
        <v>707</v>
      </c>
      <c r="F2044" s="449" t="s">
        <v>600</v>
      </c>
      <c r="G2044" s="450"/>
      <c r="H2044" s="415"/>
      <c r="I2044" s="451"/>
      <c r="J2044" s="144"/>
      <c r="K2044" s="517"/>
      <c r="L2044" s="455">
        <v>38362</v>
      </c>
      <c r="M2044" s="455"/>
      <c r="N2044" s="418" t="str">
        <f t="shared" si="62"/>
        <v/>
      </c>
    </row>
    <row r="2045" spans="1:14" ht="15.75">
      <c r="A2045" s="538"/>
      <c r="B2045" s="411">
        <f t="shared" si="63"/>
        <v>116</v>
      </c>
      <c r="C2045" s="498" t="s">
        <v>4438</v>
      </c>
      <c r="D2045" s="449" t="s">
        <v>4439</v>
      </c>
      <c r="E2045" s="144" t="s">
        <v>707</v>
      </c>
      <c r="F2045" s="449" t="s">
        <v>600</v>
      </c>
      <c r="G2045" s="450"/>
      <c r="H2045" s="415"/>
      <c r="I2045" s="451"/>
      <c r="J2045" s="144"/>
      <c r="K2045" s="517"/>
      <c r="L2045" s="455">
        <v>38362</v>
      </c>
      <c r="M2045" s="455"/>
      <c r="N2045" s="418" t="str">
        <f t="shared" si="62"/>
        <v/>
      </c>
    </row>
    <row r="2046" spans="1:14" ht="15.75">
      <c r="A2046" s="538"/>
      <c r="B2046" s="411">
        <f t="shared" si="63"/>
        <v>116</v>
      </c>
      <c r="C2046" s="498" t="s">
        <v>4440</v>
      </c>
      <c r="D2046" s="449" t="s">
        <v>4441</v>
      </c>
      <c r="E2046" s="144" t="s">
        <v>707</v>
      </c>
      <c r="F2046" s="449" t="s">
        <v>600</v>
      </c>
      <c r="G2046" s="450"/>
      <c r="H2046" s="415"/>
      <c r="I2046" s="451"/>
      <c r="J2046" s="144"/>
      <c r="K2046" s="517"/>
      <c r="L2046" s="455">
        <v>38362</v>
      </c>
      <c r="M2046" s="455"/>
      <c r="N2046" s="418" t="str">
        <f t="shared" si="62"/>
        <v/>
      </c>
    </row>
    <row r="2047" spans="1:14" ht="15.75">
      <c r="A2047" s="538"/>
      <c r="B2047" s="411">
        <f t="shared" si="63"/>
        <v>116</v>
      </c>
      <c r="C2047" s="498" t="s">
        <v>4442</v>
      </c>
      <c r="D2047" s="449" t="s">
        <v>4443</v>
      </c>
      <c r="E2047" s="144" t="s">
        <v>707</v>
      </c>
      <c r="F2047" s="449" t="s">
        <v>600</v>
      </c>
      <c r="G2047" s="450"/>
      <c r="H2047" s="415"/>
      <c r="I2047" s="451"/>
      <c r="J2047" s="144"/>
      <c r="K2047" s="517"/>
      <c r="L2047" s="455">
        <v>38362</v>
      </c>
      <c r="M2047" s="455"/>
      <c r="N2047" s="418" t="str">
        <f t="shared" si="62"/>
        <v/>
      </c>
    </row>
    <row r="2048" spans="1:14" ht="15.75">
      <c r="A2048" s="538"/>
      <c r="B2048" s="411">
        <f t="shared" si="63"/>
        <v>116</v>
      </c>
      <c r="C2048" s="498" t="s">
        <v>4444</v>
      </c>
      <c r="D2048" s="449" t="s">
        <v>4445</v>
      </c>
      <c r="E2048" s="144" t="s">
        <v>707</v>
      </c>
      <c r="F2048" s="449" t="s">
        <v>600</v>
      </c>
      <c r="G2048" s="450"/>
      <c r="H2048" s="415"/>
      <c r="I2048" s="451"/>
      <c r="J2048" s="144"/>
      <c r="K2048" s="517"/>
      <c r="L2048" s="455">
        <v>38362</v>
      </c>
      <c r="M2048" s="455"/>
      <c r="N2048" s="418" t="str">
        <f t="shared" si="62"/>
        <v/>
      </c>
    </row>
    <row r="2049" spans="1:14" ht="15.75">
      <c r="A2049" s="538"/>
      <c r="B2049" s="411">
        <f t="shared" si="63"/>
        <v>116</v>
      </c>
      <c r="C2049" s="498" t="s">
        <v>4446</v>
      </c>
      <c r="D2049" s="449" t="s">
        <v>4447</v>
      </c>
      <c r="E2049" s="144" t="s">
        <v>707</v>
      </c>
      <c r="F2049" s="449" t="s">
        <v>600</v>
      </c>
      <c r="G2049" s="450"/>
      <c r="H2049" s="415"/>
      <c r="I2049" s="451"/>
      <c r="J2049" s="144"/>
      <c r="K2049" s="517"/>
      <c r="L2049" s="455">
        <v>38362</v>
      </c>
      <c r="M2049" s="455"/>
      <c r="N2049" s="418" t="str">
        <f t="shared" si="62"/>
        <v/>
      </c>
    </row>
    <row r="2050" spans="1:14" ht="15.75">
      <c r="A2050" s="538"/>
      <c r="B2050" s="411">
        <f t="shared" si="63"/>
        <v>116</v>
      </c>
      <c r="C2050" s="498" t="s">
        <v>4448</v>
      </c>
      <c r="D2050" s="449" t="s">
        <v>4449</v>
      </c>
      <c r="E2050" s="144" t="s">
        <v>707</v>
      </c>
      <c r="F2050" s="449" t="s">
        <v>600</v>
      </c>
      <c r="G2050" s="450"/>
      <c r="H2050" s="415"/>
      <c r="I2050" s="451"/>
      <c r="J2050" s="144"/>
      <c r="K2050" s="517"/>
      <c r="L2050" s="455">
        <v>38362</v>
      </c>
      <c r="M2050" s="455"/>
      <c r="N2050" s="418" t="str">
        <f t="shared" si="62"/>
        <v/>
      </c>
    </row>
    <row r="2051" spans="1:14" ht="28.5">
      <c r="A2051" s="538"/>
      <c r="B2051" s="411">
        <f t="shared" si="63"/>
        <v>116</v>
      </c>
      <c r="C2051" s="498" t="s">
        <v>4450</v>
      </c>
      <c r="D2051" s="449" t="s">
        <v>4451</v>
      </c>
      <c r="E2051" s="144" t="s">
        <v>707</v>
      </c>
      <c r="F2051" s="449" t="s">
        <v>600</v>
      </c>
      <c r="G2051" s="450"/>
      <c r="H2051" s="415"/>
      <c r="I2051" s="451"/>
      <c r="J2051" s="144"/>
      <c r="K2051" s="517"/>
      <c r="L2051" s="455">
        <v>38362</v>
      </c>
      <c r="M2051" s="455"/>
      <c r="N2051" s="418" t="str">
        <f t="shared" si="62"/>
        <v/>
      </c>
    </row>
    <row r="2052" spans="1:14" ht="28.5">
      <c r="A2052" s="538"/>
      <c r="B2052" s="411">
        <f t="shared" si="63"/>
        <v>116</v>
      </c>
      <c r="C2052" s="498" t="s">
        <v>4452</v>
      </c>
      <c r="D2052" s="449" t="s">
        <v>4453</v>
      </c>
      <c r="E2052" s="144" t="s">
        <v>707</v>
      </c>
      <c r="F2052" s="449" t="s">
        <v>600</v>
      </c>
      <c r="G2052" s="450"/>
      <c r="H2052" s="415"/>
      <c r="I2052" s="451"/>
      <c r="J2052" s="144"/>
      <c r="K2052" s="517"/>
      <c r="L2052" s="455">
        <v>38362</v>
      </c>
      <c r="M2052" s="455"/>
      <c r="N2052" s="418" t="str">
        <f t="shared" si="62"/>
        <v/>
      </c>
    </row>
    <row r="2053" spans="1:14" ht="31.5">
      <c r="A2053" s="538"/>
      <c r="B2053" s="411">
        <f t="shared" si="63"/>
        <v>116</v>
      </c>
      <c r="C2053" s="498" t="s">
        <v>4454</v>
      </c>
      <c r="D2053" s="449" t="s">
        <v>203</v>
      </c>
      <c r="E2053" s="144" t="s">
        <v>707</v>
      </c>
      <c r="F2053" s="449" t="s">
        <v>600</v>
      </c>
      <c r="G2053" s="450" t="s">
        <v>760</v>
      </c>
      <c r="H2053" s="415"/>
      <c r="I2053" s="451"/>
      <c r="J2053" s="144"/>
      <c r="K2053" s="517"/>
      <c r="L2053" s="455">
        <v>38362</v>
      </c>
      <c r="M2053" s="455"/>
      <c r="N2053" s="418" t="str">
        <f t="shared" si="62"/>
        <v/>
      </c>
    </row>
    <row r="2054" spans="1:14" ht="15.75">
      <c r="A2054" s="538"/>
      <c r="B2054" s="411">
        <f t="shared" si="63"/>
        <v>116</v>
      </c>
      <c r="C2054" s="498" t="s">
        <v>4455</v>
      </c>
      <c r="D2054" s="449" t="s">
        <v>4456</v>
      </c>
      <c r="E2054" s="144" t="s">
        <v>707</v>
      </c>
      <c r="F2054" s="449" t="s">
        <v>600</v>
      </c>
      <c r="G2054" s="450"/>
      <c r="H2054" s="415"/>
      <c r="I2054" s="451"/>
      <c r="J2054" s="144"/>
      <c r="K2054" s="517"/>
      <c r="L2054" s="455">
        <v>38362</v>
      </c>
      <c r="M2054" s="455"/>
      <c r="N2054" s="418" t="str">
        <f t="shared" si="62"/>
        <v/>
      </c>
    </row>
    <row r="2055" spans="1:14" ht="28.5">
      <c r="A2055" s="538"/>
      <c r="B2055" s="411">
        <f t="shared" si="63"/>
        <v>116</v>
      </c>
      <c r="C2055" s="498" t="s">
        <v>4457</v>
      </c>
      <c r="D2055" s="449" t="s">
        <v>4458</v>
      </c>
      <c r="E2055" s="144" t="s">
        <v>707</v>
      </c>
      <c r="F2055" s="449" t="s">
        <v>600</v>
      </c>
      <c r="G2055" s="450"/>
      <c r="H2055" s="415"/>
      <c r="I2055" s="451"/>
      <c r="J2055" s="144"/>
      <c r="K2055" s="517"/>
      <c r="L2055" s="455">
        <v>38362</v>
      </c>
      <c r="M2055" s="455"/>
      <c r="N2055" s="418" t="str">
        <f t="shared" si="62"/>
        <v/>
      </c>
    </row>
    <row r="2056" spans="1:14" ht="15.75">
      <c r="A2056" s="538"/>
      <c r="B2056" s="411">
        <f t="shared" si="63"/>
        <v>116</v>
      </c>
      <c r="C2056" s="498" t="s">
        <v>4459</v>
      </c>
      <c r="D2056" s="449" t="s">
        <v>4460</v>
      </c>
      <c r="E2056" s="144" t="s">
        <v>707</v>
      </c>
      <c r="F2056" s="449" t="s">
        <v>600</v>
      </c>
      <c r="G2056" s="450"/>
      <c r="H2056" s="415"/>
      <c r="I2056" s="451"/>
      <c r="J2056" s="144"/>
      <c r="K2056" s="517"/>
      <c r="L2056" s="455">
        <v>38362</v>
      </c>
      <c r="M2056" s="455"/>
      <c r="N2056" s="418" t="str">
        <f t="shared" si="62"/>
        <v/>
      </c>
    </row>
    <row r="2057" spans="1:14" ht="15.75">
      <c r="A2057" s="538"/>
      <c r="B2057" s="411">
        <f t="shared" si="63"/>
        <v>116</v>
      </c>
      <c r="C2057" s="498" t="s">
        <v>4461</v>
      </c>
      <c r="D2057" s="449" t="s">
        <v>4462</v>
      </c>
      <c r="E2057" s="144" t="s">
        <v>707</v>
      </c>
      <c r="F2057" s="449" t="s">
        <v>600</v>
      </c>
      <c r="G2057" s="450"/>
      <c r="H2057" s="415"/>
      <c r="I2057" s="451"/>
      <c r="J2057" s="144"/>
      <c r="K2057" s="517"/>
      <c r="L2057" s="455">
        <v>38362</v>
      </c>
      <c r="M2057" s="455"/>
      <c r="N2057" s="418" t="str">
        <f t="shared" si="62"/>
        <v/>
      </c>
    </row>
    <row r="2058" spans="1:14" ht="15.75">
      <c r="A2058" s="538"/>
      <c r="B2058" s="411">
        <f t="shared" si="63"/>
        <v>116</v>
      </c>
      <c r="C2058" s="498" t="s">
        <v>4463</v>
      </c>
      <c r="D2058" s="449" t="s">
        <v>4464</v>
      </c>
      <c r="E2058" s="144" t="s">
        <v>707</v>
      </c>
      <c r="F2058" s="449" t="s">
        <v>600</v>
      </c>
      <c r="G2058" s="450"/>
      <c r="H2058" s="415"/>
      <c r="I2058" s="451"/>
      <c r="J2058" s="144"/>
      <c r="K2058" s="517"/>
      <c r="L2058" s="455">
        <v>38362</v>
      </c>
      <c r="M2058" s="455"/>
      <c r="N2058" s="418" t="str">
        <f t="shared" ref="N2058:N2121" si="64">IF(D2058="NA","",IF(COUNTIF($D$2:$D$5552,D2058)&gt;1,"DUPLICATE",""))</f>
        <v/>
      </c>
    </row>
    <row r="2059" spans="1:14" ht="15.75">
      <c r="A2059" s="538"/>
      <c r="B2059" s="411">
        <f t="shared" si="63"/>
        <v>116</v>
      </c>
      <c r="C2059" s="498" t="s">
        <v>4465</v>
      </c>
      <c r="D2059" s="449" t="s">
        <v>4466</v>
      </c>
      <c r="E2059" s="144" t="s">
        <v>707</v>
      </c>
      <c r="F2059" s="449" t="s">
        <v>600</v>
      </c>
      <c r="G2059" s="450"/>
      <c r="H2059" s="415"/>
      <c r="I2059" s="451"/>
      <c r="J2059" s="144"/>
      <c r="K2059" s="517"/>
      <c r="L2059" s="455">
        <v>38362</v>
      </c>
      <c r="M2059" s="455"/>
      <c r="N2059" s="418" t="str">
        <f t="shared" si="64"/>
        <v/>
      </c>
    </row>
    <row r="2060" spans="1:14" ht="15.75">
      <c r="A2060" s="538"/>
      <c r="B2060" s="411">
        <f t="shared" si="63"/>
        <v>116</v>
      </c>
      <c r="C2060" s="498" t="s">
        <v>4467</v>
      </c>
      <c r="D2060" s="449" t="s">
        <v>4468</v>
      </c>
      <c r="E2060" s="144" t="s">
        <v>707</v>
      </c>
      <c r="F2060" s="449" t="s">
        <v>600</v>
      </c>
      <c r="G2060" s="450"/>
      <c r="H2060" s="415"/>
      <c r="I2060" s="451"/>
      <c r="J2060" s="144"/>
      <c r="K2060" s="517"/>
      <c r="L2060" s="455">
        <v>38362</v>
      </c>
      <c r="M2060" s="455"/>
      <c r="N2060" s="418" t="str">
        <f t="shared" si="64"/>
        <v/>
      </c>
    </row>
    <row r="2061" spans="1:14" ht="15.75">
      <c r="A2061" s="538"/>
      <c r="B2061" s="411">
        <f t="shared" si="63"/>
        <v>116</v>
      </c>
      <c r="C2061" s="498" t="s">
        <v>4469</v>
      </c>
      <c r="D2061" s="449" t="s">
        <v>4470</v>
      </c>
      <c r="E2061" s="144" t="s">
        <v>707</v>
      </c>
      <c r="F2061" s="449" t="s">
        <v>600</v>
      </c>
      <c r="G2061" s="450"/>
      <c r="H2061" s="415"/>
      <c r="I2061" s="451"/>
      <c r="J2061" s="144"/>
      <c r="K2061" s="517"/>
      <c r="L2061" s="455">
        <v>38362</v>
      </c>
      <c r="M2061" s="455"/>
      <c r="N2061" s="418" t="str">
        <f t="shared" si="64"/>
        <v/>
      </c>
    </row>
    <row r="2062" spans="1:14" ht="15.75">
      <c r="A2062" s="538"/>
      <c r="B2062" s="411">
        <f t="shared" si="63"/>
        <v>116</v>
      </c>
      <c r="C2062" s="498" t="s">
        <v>4471</v>
      </c>
      <c r="D2062" s="449" t="s">
        <v>4472</v>
      </c>
      <c r="E2062" s="144" t="s">
        <v>707</v>
      </c>
      <c r="F2062" s="449" t="s">
        <v>600</v>
      </c>
      <c r="G2062" s="450"/>
      <c r="H2062" s="415"/>
      <c r="I2062" s="451"/>
      <c r="J2062" s="144"/>
      <c r="K2062" s="517"/>
      <c r="L2062" s="455">
        <v>38362</v>
      </c>
      <c r="M2062" s="455"/>
      <c r="N2062" s="418" t="str">
        <f t="shared" si="64"/>
        <v/>
      </c>
    </row>
    <row r="2063" spans="1:14" ht="15.75">
      <c r="A2063" s="538"/>
      <c r="B2063" s="411">
        <f t="shared" si="63"/>
        <v>116</v>
      </c>
      <c r="C2063" s="498" t="s">
        <v>4473</v>
      </c>
      <c r="D2063" s="449" t="s">
        <v>4474</v>
      </c>
      <c r="E2063" s="144" t="s">
        <v>707</v>
      </c>
      <c r="F2063" s="449" t="s">
        <v>600</v>
      </c>
      <c r="G2063" s="450"/>
      <c r="H2063" s="415"/>
      <c r="I2063" s="451"/>
      <c r="J2063" s="144"/>
      <c r="K2063" s="517"/>
      <c r="L2063" s="455">
        <v>38362</v>
      </c>
      <c r="M2063" s="455"/>
      <c r="N2063" s="418" t="str">
        <f t="shared" si="64"/>
        <v/>
      </c>
    </row>
    <row r="2064" spans="1:14" ht="15.75">
      <c r="A2064" s="538"/>
      <c r="B2064" s="411">
        <f t="shared" si="63"/>
        <v>116</v>
      </c>
      <c r="C2064" s="498" t="s">
        <v>4475</v>
      </c>
      <c r="D2064" s="449" t="s">
        <v>4476</v>
      </c>
      <c r="E2064" s="144" t="s">
        <v>707</v>
      </c>
      <c r="F2064" s="449" t="s">
        <v>600</v>
      </c>
      <c r="G2064" s="450"/>
      <c r="H2064" s="415"/>
      <c r="I2064" s="451"/>
      <c r="J2064" s="144"/>
      <c r="K2064" s="517"/>
      <c r="L2064" s="455">
        <v>38362</v>
      </c>
      <c r="M2064" s="455"/>
      <c r="N2064" s="418" t="str">
        <f t="shared" si="64"/>
        <v/>
      </c>
    </row>
    <row r="2065" spans="1:14" ht="15.75">
      <c r="A2065" s="538"/>
      <c r="B2065" s="411">
        <f t="shared" si="63"/>
        <v>116</v>
      </c>
      <c r="C2065" s="498" t="s">
        <v>4477</v>
      </c>
      <c r="D2065" s="449" t="s">
        <v>4478</v>
      </c>
      <c r="E2065" s="144" t="s">
        <v>707</v>
      </c>
      <c r="F2065" s="449" t="s">
        <v>600</v>
      </c>
      <c r="G2065" s="450"/>
      <c r="H2065" s="415"/>
      <c r="I2065" s="451"/>
      <c r="J2065" s="144"/>
      <c r="K2065" s="517"/>
      <c r="L2065" s="455">
        <v>38362</v>
      </c>
      <c r="M2065" s="455"/>
      <c r="N2065" s="418" t="str">
        <f t="shared" si="64"/>
        <v/>
      </c>
    </row>
    <row r="2066" spans="1:14" ht="15.75">
      <c r="A2066" s="538"/>
      <c r="B2066" s="411">
        <f t="shared" si="63"/>
        <v>116</v>
      </c>
      <c r="C2066" s="498" t="s">
        <v>4479</v>
      </c>
      <c r="D2066" s="449" t="s">
        <v>4480</v>
      </c>
      <c r="E2066" s="144" t="s">
        <v>707</v>
      </c>
      <c r="F2066" s="449" t="s">
        <v>600</v>
      </c>
      <c r="G2066" s="450"/>
      <c r="H2066" s="415"/>
      <c r="I2066" s="451"/>
      <c r="J2066" s="144"/>
      <c r="K2066" s="517"/>
      <c r="L2066" s="455">
        <v>38362</v>
      </c>
      <c r="M2066" s="455"/>
      <c r="N2066" s="418" t="str">
        <f t="shared" si="64"/>
        <v/>
      </c>
    </row>
    <row r="2067" spans="1:14" ht="15.75">
      <c r="A2067" s="538"/>
      <c r="B2067" s="411">
        <f t="shared" si="63"/>
        <v>116</v>
      </c>
      <c r="C2067" s="498" t="s">
        <v>4481</v>
      </c>
      <c r="D2067" s="449" t="s">
        <v>4482</v>
      </c>
      <c r="E2067" s="144" t="s">
        <v>707</v>
      </c>
      <c r="F2067" s="449" t="s">
        <v>600</v>
      </c>
      <c r="G2067" s="450"/>
      <c r="H2067" s="415"/>
      <c r="I2067" s="451"/>
      <c r="J2067" s="144"/>
      <c r="K2067" s="517"/>
      <c r="L2067" s="455">
        <v>38362</v>
      </c>
      <c r="M2067" s="455"/>
      <c r="N2067" s="418" t="str">
        <f t="shared" si="64"/>
        <v/>
      </c>
    </row>
    <row r="2068" spans="1:14" ht="15.75">
      <c r="A2068" s="538"/>
      <c r="B2068" s="411">
        <f t="shared" si="63"/>
        <v>116</v>
      </c>
      <c r="C2068" s="498" t="s">
        <v>4483</v>
      </c>
      <c r="D2068" s="449" t="s">
        <v>4484</v>
      </c>
      <c r="E2068" s="144" t="s">
        <v>707</v>
      </c>
      <c r="F2068" s="449" t="s">
        <v>600</v>
      </c>
      <c r="G2068" s="450"/>
      <c r="H2068" s="415"/>
      <c r="I2068" s="451"/>
      <c r="J2068" s="144"/>
      <c r="K2068" s="517"/>
      <c r="L2068" s="455">
        <v>38362</v>
      </c>
      <c r="M2068" s="455"/>
      <c r="N2068" s="418" t="str">
        <f t="shared" si="64"/>
        <v/>
      </c>
    </row>
    <row r="2069" spans="1:14" ht="31.5">
      <c r="A2069" s="538"/>
      <c r="B2069" s="411">
        <f t="shared" si="63"/>
        <v>116</v>
      </c>
      <c r="C2069" s="498" t="s">
        <v>4485</v>
      </c>
      <c r="D2069" s="449" t="s">
        <v>235</v>
      </c>
      <c r="E2069" s="144" t="s">
        <v>707</v>
      </c>
      <c r="F2069" s="449" t="s">
        <v>600</v>
      </c>
      <c r="G2069" s="450" t="s">
        <v>760</v>
      </c>
      <c r="H2069" s="415"/>
      <c r="I2069" s="451"/>
      <c r="J2069" s="144"/>
      <c r="K2069" s="517"/>
      <c r="L2069" s="455">
        <v>38362</v>
      </c>
      <c r="M2069" s="455"/>
      <c r="N2069" s="418" t="str">
        <f t="shared" si="64"/>
        <v/>
      </c>
    </row>
    <row r="2070" spans="1:14" ht="15.75">
      <c r="A2070" s="538"/>
      <c r="B2070" s="411">
        <f t="shared" si="63"/>
        <v>116</v>
      </c>
      <c r="C2070" s="498" t="s">
        <v>4486</v>
      </c>
      <c r="D2070" s="449" t="s">
        <v>4487</v>
      </c>
      <c r="E2070" s="144" t="s">
        <v>707</v>
      </c>
      <c r="F2070" s="449" t="s">
        <v>600</v>
      </c>
      <c r="G2070" s="450"/>
      <c r="H2070" s="415"/>
      <c r="I2070" s="451"/>
      <c r="J2070" s="144"/>
      <c r="K2070" s="517"/>
      <c r="L2070" s="455">
        <v>38362</v>
      </c>
      <c r="M2070" s="455"/>
      <c r="N2070" s="418" t="str">
        <f t="shared" si="64"/>
        <v/>
      </c>
    </row>
    <row r="2071" spans="1:14" ht="15.75">
      <c r="A2071" s="538"/>
      <c r="B2071" s="411">
        <f t="shared" si="63"/>
        <v>116</v>
      </c>
      <c r="C2071" s="498" t="s">
        <v>4488</v>
      </c>
      <c r="D2071" s="449" t="s">
        <v>4489</v>
      </c>
      <c r="E2071" s="144" t="s">
        <v>707</v>
      </c>
      <c r="F2071" s="449" t="s">
        <v>600</v>
      </c>
      <c r="G2071" s="450"/>
      <c r="H2071" s="415"/>
      <c r="I2071" s="451"/>
      <c r="J2071" s="144"/>
      <c r="K2071" s="517"/>
      <c r="L2071" s="455">
        <v>38362</v>
      </c>
      <c r="M2071" s="455"/>
      <c r="N2071" s="418" t="str">
        <f t="shared" si="64"/>
        <v/>
      </c>
    </row>
    <row r="2072" spans="1:14" ht="15.75">
      <c r="A2072" s="538"/>
      <c r="B2072" s="411">
        <f t="shared" si="63"/>
        <v>116</v>
      </c>
      <c r="C2072" s="498" t="s">
        <v>4490</v>
      </c>
      <c r="D2072" s="449" t="s">
        <v>4491</v>
      </c>
      <c r="E2072" s="144" t="s">
        <v>707</v>
      </c>
      <c r="F2072" s="449" t="s">
        <v>600</v>
      </c>
      <c r="G2072" s="450"/>
      <c r="H2072" s="415"/>
      <c r="I2072" s="451"/>
      <c r="J2072" s="144"/>
      <c r="K2072" s="517"/>
      <c r="L2072" s="455">
        <v>38362</v>
      </c>
      <c r="M2072" s="455"/>
      <c r="N2072" s="418" t="str">
        <f t="shared" si="64"/>
        <v/>
      </c>
    </row>
    <row r="2073" spans="1:14" ht="15.75">
      <c r="A2073" s="538"/>
      <c r="B2073" s="411">
        <f t="shared" si="63"/>
        <v>116</v>
      </c>
      <c r="C2073" s="498" t="s">
        <v>4492</v>
      </c>
      <c r="D2073" s="449" t="s">
        <v>4493</v>
      </c>
      <c r="E2073" s="144" t="s">
        <v>707</v>
      </c>
      <c r="F2073" s="449" t="s">
        <v>600</v>
      </c>
      <c r="G2073" s="450"/>
      <c r="H2073" s="415"/>
      <c r="I2073" s="451"/>
      <c r="J2073" s="144"/>
      <c r="K2073" s="517"/>
      <c r="L2073" s="455">
        <v>38362</v>
      </c>
      <c r="M2073" s="455"/>
      <c r="N2073" s="418" t="str">
        <f t="shared" si="64"/>
        <v/>
      </c>
    </row>
    <row r="2074" spans="1:14" ht="28.5">
      <c r="A2074" s="538"/>
      <c r="B2074" s="411">
        <f t="shared" ref="B2074:B2137" si="65">IF(A2074&gt;0,A2074,B2073)</f>
        <v>116</v>
      </c>
      <c r="C2074" s="498" t="s">
        <v>4494</v>
      </c>
      <c r="D2074" s="449" t="s">
        <v>4495</v>
      </c>
      <c r="E2074" s="144" t="s">
        <v>707</v>
      </c>
      <c r="F2074" s="449" t="s">
        <v>600</v>
      </c>
      <c r="G2074" s="450"/>
      <c r="H2074" s="415"/>
      <c r="I2074" s="451"/>
      <c r="J2074" s="144"/>
      <c r="K2074" s="517"/>
      <c r="L2074" s="455">
        <v>38362</v>
      </c>
      <c r="M2074" s="455"/>
      <c r="N2074" s="418" t="str">
        <f t="shared" si="64"/>
        <v/>
      </c>
    </row>
    <row r="2075" spans="1:14" ht="28.5">
      <c r="A2075" s="538"/>
      <c r="B2075" s="411">
        <f t="shared" si="65"/>
        <v>116</v>
      </c>
      <c r="C2075" s="498" t="s">
        <v>4496</v>
      </c>
      <c r="D2075" s="449" t="s">
        <v>4497</v>
      </c>
      <c r="E2075" s="144" t="s">
        <v>707</v>
      </c>
      <c r="F2075" s="449" t="s">
        <v>600</v>
      </c>
      <c r="G2075" s="450"/>
      <c r="H2075" s="415"/>
      <c r="I2075" s="451"/>
      <c r="J2075" s="144"/>
      <c r="K2075" s="517"/>
      <c r="L2075" s="455">
        <v>38362</v>
      </c>
      <c r="M2075" s="455"/>
      <c r="N2075" s="418" t="str">
        <f t="shared" si="64"/>
        <v/>
      </c>
    </row>
    <row r="2076" spans="1:14" ht="15.75">
      <c r="A2076" s="538"/>
      <c r="B2076" s="411">
        <f t="shared" si="65"/>
        <v>116</v>
      </c>
      <c r="C2076" s="498" t="s">
        <v>4498</v>
      </c>
      <c r="D2076" s="449" t="s">
        <v>4499</v>
      </c>
      <c r="E2076" s="144" t="s">
        <v>707</v>
      </c>
      <c r="F2076" s="449" t="s">
        <v>600</v>
      </c>
      <c r="G2076" s="450"/>
      <c r="H2076" s="415"/>
      <c r="I2076" s="451"/>
      <c r="J2076" s="144"/>
      <c r="K2076" s="517"/>
      <c r="L2076" s="455">
        <v>38362</v>
      </c>
      <c r="M2076" s="455"/>
      <c r="N2076" s="418" t="str">
        <f t="shared" si="64"/>
        <v/>
      </c>
    </row>
    <row r="2077" spans="1:14" ht="28.5">
      <c r="A2077" s="538"/>
      <c r="B2077" s="411">
        <f t="shared" si="65"/>
        <v>116</v>
      </c>
      <c r="C2077" s="498" t="s">
        <v>4500</v>
      </c>
      <c r="D2077" s="449" t="s">
        <v>4501</v>
      </c>
      <c r="E2077" s="144" t="s">
        <v>707</v>
      </c>
      <c r="F2077" s="449" t="s">
        <v>600</v>
      </c>
      <c r="G2077" s="450"/>
      <c r="H2077" s="415"/>
      <c r="I2077" s="451"/>
      <c r="J2077" s="144"/>
      <c r="K2077" s="517"/>
      <c r="L2077" s="455">
        <v>38362</v>
      </c>
      <c r="M2077" s="455"/>
      <c r="N2077" s="418" t="str">
        <f t="shared" si="64"/>
        <v/>
      </c>
    </row>
    <row r="2078" spans="1:14" ht="15.75">
      <c r="A2078" s="538"/>
      <c r="B2078" s="411">
        <f t="shared" si="65"/>
        <v>116</v>
      </c>
      <c r="C2078" s="498" t="s">
        <v>4502</v>
      </c>
      <c r="D2078" s="449" t="s">
        <v>4503</v>
      </c>
      <c r="E2078" s="144" t="s">
        <v>707</v>
      </c>
      <c r="F2078" s="449" t="s">
        <v>600</v>
      </c>
      <c r="G2078" s="450"/>
      <c r="H2078" s="415"/>
      <c r="I2078" s="451"/>
      <c r="J2078" s="144"/>
      <c r="K2078" s="517"/>
      <c r="L2078" s="455">
        <v>38362</v>
      </c>
      <c r="M2078" s="455"/>
      <c r="N2078" s="418" t="str">
        <f t="shared" si="64"/>
        <v/>
      </c>
    </row>
    <row r="2079" spans="1:14" ht="15.75">
      <c r="A2079" s="538"/>
      <c r="B2079" s="411">
        <f t="shared" si="65"/>
        <v>116</v>
      </c>
      <c r="C2079" s="498" t="s">
        <v>4504</v>
      </c>
      <c r="D2079" s="449" t="s">
        <v>4505</v>
      </c>
      <c r="E2079" s="144" t="s">
        <v>707</v>
      </c>
      <c r="F2079" s="449" t="s">
        <v>600</v>
      </c>
      <c r="G2079" s="450"/>
      <c r="H2079" s="415"/>
      <c r="I2079" s="451"/>
      <c r="J2079" s="144"/>
      <c r="K2079" s="517"/>
      <c r="L2079" s="455">
        <v>38362</v>
      </c>
      <c r="M2079" s="455"/>
      <c r="N2079" s="418" t="str">
        <f t="shared" si="64"/>
        <v/>
      </c>
    </row>
    <row r="2080" spans="1:14" ht="28.5">
      <c r="A2080" s="538"/>
      <c r="B2080" s="411">
        <f t="shared" si="65"/>
        <v>116</v>
      </c>
      <c r="C2080" s="498" t="s">
        <v>4506</v>
      </c>
      <c r="D2080" s="449" t="s">
        <v>4507</v>
      </c>
      <c r="E2080" s="144" t="s">
        <v>707</v>
      </c>
      <c r="F2080" s="449" t="s">
        <v>600</v>
      </c>
      <c r="G2080" s="450"/>
      <c r="H2080" s="415"/>
      <c r="I2080" s="451"/>
      <c r="J2080" s="144"/>
      <c r="K2080" s="517"/>
      <c r="L2080" s="455">
        <v>38362</v>
      </c>
      <c r="M2080" s="455"/>
      <c r="N2080" s="418" t="str">
        <f t="shared" si="64"/>
        <v/>
      </c>
    </row>
    <row r="2081" spans="1:14" ht="28.5">
      <c r="A2081" s="538"/>
      <c r="B2081" s="411">
        <f t="shared" si="65"/>
        <v>116</v>
      </c>
      <c r="C2081" s="498" t="s">
        <v>4508</v>
      </c>
      <c r="D2081" s="449" t="s">
        <v>4509</v>
      </c>
      <c r="E2081" s="144" t="s">
        <v>707</v>
      </c>
      <c r="F2081" s="449" t="s">
        <v>600</v>
      </c>
      <c r="G2081" s="450"/>
      <c r="H2081" s="415"/>
      <c r="I2081" s="451"/>
      <c r="J2081" s="144"/>
      <c r="K2081" s="517"/>
      <c r="L2081" s="455">
        <v>38362</v>
      </c>
      <c r="M2081" s="455"/>
      <c r="N2081" s="418" t="str">
        <f t="shared" si="64"/>
        <v/>
      </c>
    </row>
    <row r="2082" spans="1:14" ht="28.5">
      <c r="A2082" s="538"/>
      <c r="B2082" s="411">
        <f t="shared" si="65"/>
        <v>116</v>
      </c>
      <c r="C2082" s="498" t="s">
        <v>4510</v>
      </c>
      <c r="D2082" s="449" t="s">
        <v>4511</v>
      </c>
      <c r="E2082" s="144" t="s">
        <v>707</v>
      </c>
      <c r="F2082" s="449" t="s">
        <v>600</v>
      </c>
      <c r="G2082" s="450"/>
      <c r="H2082" s="415"/>
      <c r="I2082" s="451"/>
      <c r="J2082" s="144"/>
      <c r="K2082" s="517"/>
      <c r="L2082" s="455">
        <v>38362</v>
      </c>
      <c r="M2082" s="455"/>
      <c r="N2082" s="418" t="str">
        <f t="shared" si="64"/>
        <v/>
      </c>
    </row>
    <row r="2083" spans="1:14" ht="15.75">
      <c r="A2083" s="538"/>
      <c r="B2083" s="411">
        <f t="shared" si="65"/>
        <v>116</v>
      </c>
      <c r="C2083" s="498" t="s">
        <v>4512</v>
      </c>
      <c r="D2083" s="449" t="s">
        <v>4513</v>
      </c>
      <c r="E2083" s="144" t="s">
        <v>707</v>
      </c>
      <c r="F2083" s="449" t="s">
        <v>600</v>
      </c>
      <c r="G2083" s="450"/>
      <c r="H2083" s="415"/>
      <c r="I2083" s="451"/>
      <c r="J2083" s="144"/>
      <c r="K2083" s="517"/>
      <c r="L2083" s="455">
        <v>38362</v>
      </c>
      <c r="M2083" s="455"/>
      <c r="N2083" s="418" t="str">
        <f t="shared" si="64"/>
        <v/>
      </c>
    </row>
    <row r="2084" spans="1:14" ht="28.5">
      <c r="A2084" s="538"/>
      <c r="B2084" s="411">
        <f t="shared" si="65"/>
        <v>116</v>
      </c>
      <c r="C2084" s="498" t="s">
        <v>4514</v>
      </c>
      <c r="D2084" s="449" t="s">
        <v>4515</v>
      </c>
      <c r="E2084" s="144" t="s">
        <v>707</v>
      </c>
      <c r="F2084" s="449" t="s">
        <v>600</v>
      </c>
      <c r="G2084" s="450"/>
      <c r="H2084" s="415"/>
      <c r="I2084" s="451"/>
      <c r="J2084" s="144"/>
      <c r="K2084" s="517"/>
      <c r="L2084" s="455">
        <v>38362</v>
      </c>
      <c r="M2084" s="455"/>
      <c r="N2084" s="418" t="str">
        <f t="shared" si="64"/>
        <v/>
      </c>
    </row>
    <row r="2085" spans="1:14" ht="15.75">
      <c r="A2085" s="538"/>
      <c r="B2085" s="411">
        <f t="shared" si="65"/>
        <v>116</v>
      </c>
      <c r="C2085" s="498" t="s">
        <v>4516</v>
      </c>
      <c r="D2085" s="449" t="s">
        <v>4517</v>
      </c>
      <c r="E2085" s="144" t="s">
        <v>707</v>
      </c>
      <c r="F2085" s="449" t="s">
        <v>600</v>
      </c>
      <c r="G2085" s="450"/>
      <c r="H2085" s="415"/>
      <c r="I2085" s="451"/>
      <c r="J2085" s="144"/>
      <c r="K2085" s="517"/>
      <c r="L2085" s="455">
        <v>38362</v>
      </c>
      <c r="M2085" s="455"/>
      <c r="N2085" s="418" t="str">
        <f t="shared" si="64"/>
        <v/>
      </c>
    </row>
    <row r="2086" spans="1:14" ht="15.75">
      <c r="A2086" s="538"/>
      <c r="B2086" s="411">
        <f t="shared" si="65"/>
        <v>116</v>
      </c>
      <c r="C2086" s="498" t="s">
        <v>4518</v>
      </c>
      <c r="D2086" s="449" t="s">
        <v>4519</v>
      </c>
      <c r="E2086" s="144" t="s">
        <v>707</v>
      </c>
      <c r="F2086" s="449" t="s">
        <v>600</v>
      </c>
      <c r="G2086" s="450"/>
      <c r="H2086" s="415"/>
      <c r="I2086" s="451"/>
      <c r="J2086" s="144"/>
      <c r="K2086" s="517"/>
      <c r="L2086" s="455">
        <v>38362</v>
      </c>
      <c r="M2086" s="455"/>
      <c r="N2086" s="418" t="str">
        <f t="shared" si="64"/>
        <v/>
      </c>
    </row>
    <row r="2087" spans="1:14" ht="15.75">
      <c r="A2087" s="538"/>
      <c r="B2087" s="411">
        <f t="shared" si="65"/>
        <v>116</v>
      </c>
      <c r="C2087" s="498" t="s">
        <v>4520</v>
      </c>
      <c r="D2087" s="449" t="s">
        <v>4521</v>
      </c>
      <c r="E2087" s="144" t="s">
        <v>707</v>
      </c>
      <c r="F2087" s="449" t="s">
        <v>600</v>
      </c>
      <c r="G2087" s="450"/>
      <c r="H2087" s="415"/>
      <c r="I2087" s="451"/>
      <c r="J2087" s="144"/>
      <c r="K2087" s="517"/>
      <c r="L2087" s="455">
        <v>38362</v>
      </c>
      <c r="M2087" s="455"/>
      <c r="N2087" s="418" t="str">
        <f t="shared" si="64"/>
        <v/>
      </c>
    </row>
    <row r="2088" spans="1:14" ht="15.75">
      <c r="A2088" s="538"/>
      <c r="B2088" s="411">
        <f t="shared" si="65"/>
        <v>116</v>
      </c>
      <c r="C2088" s="498" t="s">
        <v>4522</v>
      </c>
      <c r="D2088" s="449" t="s">
        <v>4523</v>
      </c>
      <c r="E2088" s="144" t="s">
        <v>707</v>
      </c>
      <c r="F2088" s="449" t="s">
        <v>600</v>
      </c>
      <c r="G2088" s="450"/>
      <c r="H2088" s="415"/>
      <c r="I2088" s="451"/>
      <c r="J2088" s="144"/>
      <c r="K2088" s="517"/>
      <c r="L2088" s="455">
        <v>38362</v>
      </c>
      <c r="M2088" s="455"/>
      <c r="N2088" s="418" t="str">
        <f t="shared" si="64"/>
        <v/>
      </c>
    </row>
    <row r="2089" spans="1:14" ht="15.75">
      <c r="A2089" s="538"/>
      <c r="B2089" s="411">
        <f t="shared" si="65"/>
        <v>116</v>
      </c>
      <c r="C2089" s="498" t="s">
        <v>4524</v>
      </c>
      <c r="D2089" s="449" t="s">
        <v>4525</v>
      </c>
      <c r="E2089" s="144" t="s">
        <v>707</v>
      </c>
      <c r="F2089" s="449" t="s">
        <v>600</v>
      </c>
      <c r="G2089" s="450"/>
      <c r="H2089" s="415"/>
      <c r="I2089" s="451"/>
      <c r="J2089" s="144"/>
      <c r="K2089" s="517"/>
      <c r="L2089" s="455">
        <v>38362</v>
      </c>
      <c r="M2089" s="455"/>
      <c r="N2089" s="418" t="str">
        <f t="shared" si="64"/>
        <v/>
      </c>
    </row>
    <row r="2090" spans="1:14" ht="15.75">
      <c r="A2090" s="538"/>
      <c r="B2090" s="411">
        <f t="shared" si="65"/>
        <v>116</v>
      </c>
      <c r="C2090" s="498" t="s">
        <v>4526</v>
      </c>
      <c r="D2090" s="449" t="s">
        <v>4527</v>
      </c>
      <c r="E2090" s="144" t="s">
        <v>707</v>
      </c>
      <c r="F2090" s="449" t="s">
        <v>600</v>
      </c>
      <c r="G2090" s="450"/>
      <c r="H2090" s="415"/>
      <c r="I2090" s="451"/>
      <c r="J2090" s="144"/>
      <c r="K2090" s="517"/>
      <c r="L2090" s="455">
        <v>38362</v>
      </c>
      <c r="M2090" s="455"/>
      <c r="N2090" s="418" t="str">
        <f t="shared" si="64"/>
        <v/>
      </c>
    </row>
    <row r="2091" spans="1:14" ht="15.75">
      <c r="A2091" s="538"/>
      <c r="B2091" s="411">
        <f t="shared" si="65"/>
        <v>116</v>
      </c>
      <c r="C2091" s="498" t="s">
        <v>4528</v>
      </c>
      <c r="D2091" s="449" t="s">
        <v>4529</v>
      </c>
      <c r="E2091" s="144" t="s">
        <v>707</v>
      </c>
      <c r="F2091" s="449" t="s">
        <v>600</v>
      </c>
      <c r="G2091" s="450"/>
      <c r="H2091" s="415"/>
      <c r="I2091" s="451"/>
      <c r="J2091" s="144"/>
      <c r="K2091" s="517"/>
      <c r="L2091" s="455">
        <v>38362</v>
      </c>
      <c r="M2091" s="455"/>
      <c r="N2091" s="418" t="str">
        <f t="shared" si="64"/>
        <v/>
      </c>
    </row>
    <row r="2092" spans="1:14" ht="15.75">
      <c r="A2092" s="538"/>
      <c r="B2092" s="411">
        <f t="shared" si="65"/>
        <v>116</v>
      </c>
      <c r="C2092" s="498" t="s">
        <v>4530</v>
      </c>
      <c r="D2092" s="449" t="s">
        <v>4531</v>
      </c>
      <c r="E2092" s="144" t="s">
        <v>707</v>
      </c>
      <c r="F2092" s="449" t="s">
        <v>600</v>
      </c>
      <c r="G2092" s="450"/>
      <c r="H2092" s="415"/>
      <c r="I2092" s="451"/>
      <c r="J2092" s="144"/>
      <c r="K2092" s="517"/>
      <c r="L2092" s="455">
        <v>38362</v>
      </c>
      <c r="M2092" s="455"/>
      <c r="N2092" s="418" t="str">
        <f t="shared" si="64"/>
        <v/>
      </c>
    </row>
    <row r="2093" spans="1:14" ht="15.75">
      <c r="A2093" s="538"/>
      <c r="B2093" s="411">
        <f t="shared" si="65"/>
        <v>116</v>
      </c>
      <c r="C2093" s="498" t="s">
        <v>4532</v>
      </c>
      <c r="D2093" s="449" t="s">
        <v>4533</v>
      </c>
      <c r="E2093" s="144" t="s">
        <v>707</v>
      </c>
      <c r="F2093" s="449" t="s">
        <v>600</v>
      </c>
      <c r="G2093" s="450"/>
      <c r="H2093" s="415"/>
      <c r="I2093" s="451"/>
      <c r="J2093" s="144"/>
      <c r="K2093" s="517"/>
      <c r="L2093" s="455">
        <v>38362</v>
      </c>
      <c r="M2093" s="455"/>
      <c r="N2093" s="418" t="str">
        <f t="shared" si="64"/>
        <v/>
      </c>
    </row>
    <row r="2094" spans="1:14" ht="15.75">
      <c r="A2094" s="538"/>
      <c r="B2094" s="411">
        <f t="shared" si="65"/>
        <v>116</v>
      </c>
      <c r="C2094" s="498" t="s">
        <v>4534</v>
      </c>
      <c r="D2094" s="449" t="s">
        <v>4535</v>
      </c>
      <c r="E2094" s="144" t="s">
        <v>707</v>
      </c>
      <c r="F2094" s="449" t="s">
        <v>600</v>
      </c>
      <c r="G2094" s="450"/>
      <c r="H2094" s="415"/>
      <c r="I2094" s="451"/>
      <c r="J2094" s="144"/>
      <c r="K2094" s="517"/>
      <c r="L2094" s="455">
        <v>38362</v>
      </c>
      <c r="M2094" s="455"/>
      <c r="N2094" s="418" t="str">
        <f t="shared" si="64"/>
        <v/>
      </c>
    </row>
    <row r="2095" spans="1:14" ht="15.75">
      <c r="A2095" s="538"/>
      <c r="B2095" s="411">
        <f t="shared" si="65"/>
        <v>116</v>
      </c>
      <c r="C2095" s="498" t="s">
        <v>4536</v>
      </c>
      <c r="D2095" s="449" t="s">
        <v>4537</v>
      </c>
      <c r="E2095" s="144" t="s">
        <v>707</v>
      </c>
      <c r="F2095" s="449" t="s">
        <v>600</v>
      </c>
      <c r="G2095" s="450"/>
      <c r="H2095" s="415"/>
      <c r="I2095" s="451"/>
      <c r="J2095" s="144"/>
      <c r="K2095" s="517"/>
      <c r="L2095" s="455">
        <v>38362</v>
      </c>
      <c r="M2095" s="455"/>
      <c r="N2095" s="418" t="str">
        <f t="shared" si="64"/>
        <v/>
      </c>
    </row>
    <row r="2096" spans="1:14" ht="15.75">
      <c r="A2096" s="538"/>
      <c r="B2096" s="411">
        <f t="shared" si="65"/>
        <v>116</v>
      </c>
      <c r="C2096" s="498" t="s">
        <v>4538</v>
      </c>
      <c r="D2096" s="449" t="s">
        <v>4539</v>
      </c>
      <c r="E2096" s="144" t="s">
        <v>707</v>
      </c>
      <c r="F2096" s="449" t="s">
        <v>600</v>
      </c>
      <c r="G2096" s="450"/>
      <c r="H2096" s="415"/>
      <c r="I2096" s="451"/>
      <c r="J2096" s="144"/>
      <c r="K2096" s="517"/>
      <c r="L2096" s="455">
        <v>38362</v>
      </c>
      <c r="M2096" s="455"/>
      <c r="N2096" s="418" t="str">
        <f t="shared" si="64"/>
        <v/>
      </c>
    </row>
    <row r="2097" spans="1:14" ht="15.75">
      <c r="A2097" s="538"/>
      <c r="B2097" s="411">
        <f t="shared" si="65"/>
        <v>116</v>
      </c>
      <c r="C2097" s="498" t="s">
        <v>4540</v>
      </c>
      <c r="D2097" s="449" t="s">
        <v>4541</v>
      </c>
      <c r="E2097" s="144" t="s">
        <v>707</v>
      </c>
      <c r="F2097" s="449" t="s">
        <v>600</v>
      </c>
      <c r="G2097" s="450"/>
      <c r="H2097" s="415"/>
      <c r="I2097" s="451"/>
      <c r="J2097" s="144"/>
      <c r="K2097" s="517"/>
      <c r="L2097" s="455">
        <v>38362</v>
      </c>
      <c r="M2097" s="455"/>
      <c r="N2097" s="418" t="str">
        <f t="shared" si="64"/>
        <v/>
      </c>
    </row>
    <row r="2098" spans="1:14" ht="15.75">
      <c r="A2098" s="538"/>
      <c r="B2098" s="411">
        <f t="shared" si="65"/>
        <v>116</v>
      </c>
      <c r="C2098" s="498" t="s">
        <v>4542</v>
      </c>
      <c r="D2098" s="449" t="s">
        <v>4543</v>
      </c>
      <c r="E2098" s="144" t="s">
        <v>707</v>
      </c>
      <c r="F2098" s="449" t="s">
        <v>600</v>
      </c>
      <c r="G2098" s="450"/>
      <c r="H2098" s="415"/>
      <c r="I2098" s="451"/>
      <c r="J2098" s="144"/>
      <c r="K2098" s="517"/>
      <c r="L2098" s="455">
        <v>38362</v>
      </c>
      <c r="M2098" s="455"/>
      <c r="N2098" s="418" t="str">
        <f t="shared" si="64"/>
        <v/>
      </c>
    </row>
    <row r="2099" spans="1:14" ht="15.75">
      <c r="A2099" s="538"/>
      <c r="B2099" s="411">
        <f t="shared" si="65"/>
        <v>116</v>
      </c>
      <c r="C2099" s="498" t="s">
        <v>4544</v>
      </c>
      <c r="D2099" s="449" t="s">
        <v>4545</v>
      </c>
      <c r="E2099" s="144" t="s">
        <v>707</v>
      </c>
      <c r="F2099" s="449" t="s">
        <v>600</v>
      </c>
      <c r="G2099" s="450"/>
      <c r="H2099" s="415"/>
      <c r="I2099" s="451"/>
      <c r="J2099" s="144"/>
      <c r="K2099" s="517"/>
      <c r="L2099" s="455">
        <v>38362</v>
      </c>
      <c r="M2099" s="455"/>
      <c r="N2099" s="418" t="str">
        <f t="shared" si="64"/>
        <v/>
      </c>
    </row>
    <row r="2100" spans="1:14" ht="15.75">
      <c r="A2100" s="538"/>
      <c r="B2100" s="411">
        <f t="shared" si="65"/>
        <v>116</v>
      </c>
      <c r="C2100" s="498" t="s">
        <v>4546</v>
      </c>
      <c r="D2100" s="449" t="s">
        <v>4547</v>
      </c>
      <c r="E2100" s="144" t="s">
        <v>707</v>
      </c>
      <c r="F2100" s="449" t="s">
        <v>600</v>
      </c>
      <c r="G2100" s="450"/>
      <c r="H2100" s="415"/>
      <c r="I2100" s="451"/>
      <c r="J2100" s="144"/>
      <c r="K2100" s="517"/>
      <c r="L2100" s="455">
        <v>38362</v>
      </c>
      <c r="M2100" s="455"/>
      <c r="N2100" s="418" t="str">
        <f t="shared" si="64"/>
        <v/>
      </c>
    </row>
    <row r="2101" spans="1:14" ht="15.75">
      <c r="A2101" s="538"/>
      <c r="B2101" s="411">
        <f t="shared" si="65"/>
        <v>116</v>
      </c>
      <c r="C2101" s="498" t="s">
        <v>4548</v>
      </c>
      <c r="D2101" s="449" t="s">
        <v>4549</v>
      </c>
      <c r="E2101" s="144" t="s">
        <v>707</v>
      </c>
      <c r="F2101" s="449" t="s">
        <v>600</v>
      </c>
      <c r="G2101" s="450"/>
      <c r="H2101" s="415"/>
      <c r="I2101" s="451"/>
      <c r="J2101" s="144"/>
      <c r="K2101" s="517"/>
      <c r="L2101" s="455">
        <v>38362</v>
      </c>
      <c r="M2101" s="455"/>
      <c r="N2101" s="418" t="str">
        <f t="shared" si="64"/>
        <v/>
      </c>
    </row>
    <row r="2102" spans="1:14" ht="15.75">
      <c r="A2102" s="538"/>
      <c r="B2102" s="411">
        <f t="shared" si="65"/>
        <v>116</v>
      </c>
      <c r="C2102" s="498" t="s">
        <v>4550</v>
      </c>
      <c r="D2102" s="449" t="s">
        <v>4551</v>
      </c>
      <c r="E2102" s="144" t="s">
        <v>707</v>
      </c>
      <c r="F2102" s="449" t="s">
        <v>600</v>
      </c>
      <c r="G2102" s="450"/>
      <c r="H2102" s="415"/>
      <c r="I2102" s="451"/>
      <c r="J2102" s="144"/>
      <c r="K2102" s="517"/>
      <c r="L2102" s="455">
        <v>38362</v>
      </c>
      <c r="M2102" s="455"/>
      <c r="N2102" s="418" t="str">
        <f t="shared" si="64"/>
        <v/>
      </c>
    </row>
    <row r="2103" spans="1:14" ht="15.75">
      <c r="A2103" s="538"/>
      <c r="B2103" s="411">
        <f t="shared" si="65"/>
        <v>116</v>
      </c>
      <c r="C2103" s="498" t="s">
        <v>4552</v>
      </c>
      <c r="D2103" s="449" t="s">
        <v>4553</v>
      </c>
      <c r="E2103" s="144" t="s">
        <v>707</v>
      </c>
      <c r="F2103" s="449" t="s">
        <v>600</v>
      </c>
      <c r="G2103" s="450"/>
      <c r="H2103" s="415"/>
      <c r="I2103" s="451"/>
      <c r="J2103" s="144"/>
      <c r="K2103" s="517"/>
      <c r="L2103" s="455">
        <v>38362</v>
      </c>
      <c r="M2103" s="455"/>
      <c r="N2103" s="418" t="str">
        <f t="shared" si="64"/>
        <v/>
      </c>
    </row>
    <row r="2104" spans="1:14" ht="15.75">
      <c r="A2104" s="538"/>
      <c r="B2104" s="411">
        <f t="shared" si="65"/>
        <v>116</v>
      </c>
      <c r="C2104" s="498" t="s">
        <v>4554</v>
      </c>
      <c r="D2104" s="449" t="s">
        <v>4555</v>
      </c>
      <c r="E2104" s="144" t="s">
        <v>707</v>
      </c>
      <c r="F2104" s="449" t="s">
        <v>600</v>
      </c>
      <c r="G2104" s="450"/>
      <c r="H2104" s="415"/>
      <c r="I2104" s="451"/>
      <c r="J2104" s="144"/>
      <c r="K2104" s="517"/>
      <c r="L2104" s="455">
        <v>38362</v>
      </c>
      <c r="M2104" s="455"/>
      <c r="N2104" s="418" t="str">
        <f t="shared" si="64"/>
        <v/>
      </c>
    </row>
    <row r="2105" spans="1:14" ht="15.75">
      <c r="A2105" s="538"/>
      <c r="B2105" s="411">
        <f t="shared" si="65"/>
        <v>116</v>
      </c>
      <c r="C2105" s="498" t="s">
        <v>4556</v>
      </c>
      <c r="D2105" s="449" t="s">
        <v>4557</v>
      </c>
      <c r="E2105" s="144" t="s">
        <v>707</v>
      </c>
      <c r="F2105" s="449" t="s">
        <v>600</v>
      </c>
      <c r="G2105" s="450"/>
      <c r="H2105" s="415"/>
      <c r="I2105" s="451"/>
      <c r="J2105" s="144"/>
      <c r="K2105" s="517"/>
      <c r="L2105" s="455">
        <v>38362</v>
      </c>
      <c r="M2105" s="455"/>
      <c r="N2105" s="418" t="str">
        <f t="shared" si="64"/>
        <v/>
      </c>
    </row>
    <row r="2106" spans="1:14" ht="15.75">
      <c r="A2106" s="538"/>
      <c r="B2106" s="411">
        <f t="shared" si="65"/>
        <v>116</v>
      </c>
      <c r="C2106" s="498" t="s">
        <v>4558</v>
      </c>
      <c r="D2106" s="449" t="s">
        <v>4559</v>
      </c>
      <c r="E2106" s="144" t="s">
        <v>707</v>
      </c>
      <c r="F2106" s="449" t="s">
        <v>600</v>
      </c>
      <c r="G2106" s="450"/>
      <c r="H2106" s="415"/>
      <c r="I2106" s="451"/>
      <c r="J2106" s="144"/>
      <c r="K2106" s="517"/>
      <c r="L2106" s="455">
        <v>38362</v>
      </c>
      <c r="M2106" s="455"/>
      <c r="N2106" s="418" t="str">
        <f t="shared" si="64"/>
        <v/>
      </c>
    </row>
    <row r="2107" spans="1:14" ht="15.75">
      <c r="A2107" s="538"/>
      <c r="B2107" s="411">
        <f t="shared" si="65"/>
        <v>116</v>
      </c>
      <c r="C2107" s="498" t="s">
        <v>4560</v>
      </c>
      <c r="D2107" s="449" t="s">
        <v>4561</v>
      </c>
      <c r="E2107" s="144" t="s">
        <v>707</v>
      </c>
      <c r="F2107" s="449" t="s">
        <v>600</v>
      </c>
      <c r="G2107" s="450"/>
      <c r="H2107" s="415"/>
      <c r="I2107" s="451"/>
      <c r="J2107" s="144"/>
      <c r="K2107" s="517"/>
      <c r="L2107" s="455">
        <v>38362</v>
      </c>
      <c r="M2107" s="455"/>
      <c r="N2107" s="418" t="str">
        <f t="shared" si="64"/>
        <v/>
      </c>
    </row>
    <row r="2108" spans="1:14" ht="15.75">
      <c r="A2108" s="538"/>
      <c r="B2108" s="411">
        <f t="shared" si="65"/>
        <v>116</v>
      </c>
      <c r="C2108" s="498" t="s">
        <v>4562</v>
      </c>
      <c r="D2108" s="449" t="s">
        <v>4563</v>
      </c>
      <c r="E2108" s="144" t="s">
        <v>707</v>
      </c>
      <c r="F2108" s="449" t="s">
        <v>600</v>
      </c>
      <c r="G2108" s="450"/>
      <c r="H2108" s="415"/>
      <c r="I2108" s="451"/>
      <c r="J2108" s="144"/>
      <c r="K2108" s="517"/>
      <c r="L2108" s="455">
        <v>38362</v>
      </c>
      <c r="M2108" s="455"/>
      <c r="N2108" s="418" t="str">
        <f t="shared" si="64"/>
        <v/>
      </c>
    </row>
    <row r="2109" spans="1:14" ht="28.5">
      <c r="A2109" s="538"/>
      <c r="B2109" s="411">
        <f t="shared" si="65"/>
        <v>116</v>
      </c>
      <c r="C2109" s="498" t="s">
        <v>4564</v>
      </c>
      <c r="D2109" s="449" t="s">
        <v>4565</v>
      </c>
      <c r="E2109" s="144" t="s">
        <v>707</v>
      </c>
      <c r="F2109" s="449" t="s">
        <v>600</v>
      </c>
      <c r="G2109" s="450"/>
      <c r="H2109" s="415"/>
      <c r="I2109" s="451"/>
      <c r="J2109" s="144"/>
      <c r="K2109" s="517"/>
      <c r="L2109" s="455">
        <v>38362</v>
      </c>
      <c r="M2109" s="455"/>
      <c r="N2109" s="418" t="str">
        <f t="shared" si="64"/>
        <v/>
      </c>
    </row>
    <row r="2110" spans="1:14" ht="31.5">
      <c r="A2110" s="538"/>
      <c r="B2110" s="411">
        <f t="shared" si="65"/>
        <v>116</v>
      </c>
      <c r="C2110" s="498" t="s">
        <v>4566</v>
      </c>
      <c r="D2110" s="449" t="s">
        <v>357</v>
      </c>
      <c r="E2110" s="144" t="s">
        <v>707</v>
      </c>
      <c r="F2110" s="449" t="s">
        <v>600</v>
      </c>
      <c r="G2110" s="450" t="s">
        <v>760</v>
      </c>
      <c r="H2110" s="415"/>
      <c r="I2110" s="451"/>
      <c r="J2110" s="144"/>
      <c r="K2110" s="517"/>
      <c r="L2110" s="455">
        <v>38362</v>
      </c>
      <c r="M2110" s="455"/>
      <c r="N2110" s="418" t="str">
        <f t="shared" si="64"/>
        <v/>
      </c>
    </row>
    <row r="2111" spans="1:14" ht="31.5">
      <c r="A2111" s="538"/>
      <c r="B2111" s="411">
        <f t="shared" si="65"/>
        <v>116</v>
      </c>
      <c r="C2111" s="498" t="s">
        <v>2375</v>
      </c>
      <c r="D2111" s="449" t="s">
        <v>517</v>
      </c>
      <c r="E2111" s="144" t="s">
        <v>707</v>
      </c>
      <c r="F2111" s="449" t="s">
        <v>600</v>
      </c>
      <c r="G2111" s="450" t="s">
        <v>811</v>
      </c>
      <c r="H2111" s="415">
        <v>42145</v>
      </c>
      <c r="I2111" s="451" t="s">
        <v>711</v>
      </c>
      <c r="J2111" s="144"/>
      <c r="K2111" s="517"/>
      <c r="L2111" s="455">
        <v>38362</v>
      </c>
      <c r="M2111" s="455"/>
      <c r="N2111" s="418" t="str">
        <f t="shared" si="64"/>
        <v>DUPLICATE</v>
      </c>
    </row>
    <row r="2112" spans="1:14" ht="15.75">
      <c r="A2112" s="538"/>
      <c r="B2112" s="411">
        <f t="shared" si="65"/>
        <v>116</v>
      </c>
      <c r="C2112" s="498" t="s">
        <v>4567</v>
      </c>
      <c r="D2112" s="449" t="s">
        <v>4568</v>
      </c>
      <c r="E2112" s="144" t="s">
        <v>707</v>
      </c>
      <c r="F2112" s="449" t="s">
        <v>600</v>
      </c>
      <c r="G2112" s="450"/>
      <c r="H2112" s="415"/>
      <c r="I2112" s="451"/>
      <c r="J2112" s="144"/>
      <c r="K2112" s="517"/>
      <c r="L2112" s="455">
        <v>38362</v>
      </c>
      <c r="M2112" s="455"/>
      <c r="N2112" s="418" t="str">
        <f t="shared" si="64"/>
        <v/>
      </c>
    </row>
    <row r="2113" spans="1:14" ht="15.75">
      <c r="A2113" s="538"/>
      <c r="B2113" s="411">
        <f t="shared" si="65"/>
        <v>116</v>
      </c>
      <c r="C2113" s="498" t="s">
        <v>4569</v>
      </c>
      <c r="D2113" s="449" t="s">
        <v>4570</v>
      </c>
      <c r="E2113" s="144" t="s">
        <v>707</v>
      </c>
      <c r="F2113" s="449" t="s">
        <v>600</v>
      </c>
      <c r="G2113" s="450"/>
      <c r="H2113" s="415"/>
      <c r="I2113" s="451"/>
      <c r="J2113" s="144"/>
      <c r="K2113" s="517"/>
      <c r="L2113" s="455">
        <v>38362</v>
      </c>
      <c r="M2113" s="455"/>
      <c r="N2113" s="418" t="str">
        <f t="shared" si="64"/>
        <v/>
      </c>
    </row>
    <row r="2114" spans="1:14" ht="15.75">
      <c r="A2114" s="538"/>
      <c r="B2114" s="411">
        <f t="shared" si="65"/>
        <v>116</v>
      </c>
      <c r="C2114" s="498" t="s">
        <v>4571</v>
      </c>
      <c r="D2114" s="449" t="s">
        <v>4572</v>
      </c>
      <c r="E2114" s="144" t="s">
        <v>707</v>
      </c>
      <c r="F2114" s="449" t="s">
        <v>600</v>
      </c>
      <c r="G2114" s="450"/>
      <c r="H2114" s="415"/>
      <c r="I2114" s="451"/>
      <c r="J2114" s="144"/>
      <c r="K2114" s="517"/>
      <c r="L2114" s="455">
        <v>38362</v>
      </c>
      <c r="M2114" s="455"/>
      <c r="N2114" s="418" t="str">
        <f t="shared" si="64"/>
        <v/>
      </c>
    </row>
    <row r="2115" spans="1:14" ht="15.75">
      <c r="A2115" s="538"/>
      <c r="B2115" s="411">
        <f t="shared" si="65"/>
        <v>116</v>
      </c>
      <c r="C2115" s="498" t="s">
        <v>4573</v>
      </c>
      <c r="D2115" s="449" t="s">
        <v>4574</v>
      </c>
      <c r="E2115" s="144" t="s">
        <v>707</v>
      </c>
      <c r="F2115" s="449" t="s">
        <v>600</v>
      </c>
      <c r="G2115" s="450"/>
      <c r="H2115" s="415"/>
      <c r="I2115" s="451"/>
      <c r="J2115" s="144"/>
      <c r="K2115" s="517"/>
      <c r="L2115" s="455">
        <v>38362</v>
      </c>
      <c r="M2115" s="455"/>
      <c r="N2115" s="418" t="str">
        <f t="shared" si="64"/>
        <v/>
      </c>
    </row>
    <row r="2116" spans="1:14" ht="15.75">
      <c r="A2116" s="538"/>
      <c r="B2116" s="411">
        <f t="shared" si="65"/>
        <v>116</v>
      </c>
      <c r="C2116" s="498" t="s">
        <v>4575</v>
      </c>
      <c r="D2116" s="449" t="s">
        <v>4576</v>
      </c>
      <c r="E2116" s="144" t="s">
        <v>707</v>
      </c>
      <c r="F2116" s="449" t="s">
        <v>600</v>
      </c>
      <c r="G2116" s="450"/>
      <c r="H2116" s="415"/>
      <c r="I2116" s="451"/>
      <c r="J2116" s="144"/>
      <c r="K2116" s="517"/>
      <c r="L2116" s="455">
        <v>38362</v>
      </c>
      <c r="M2116" s="455"/>
      <c r="N2116" s="418" t="str">
        <f t="shared" si="64"/>
        <v/>
      </c>
    </row>
    <row r="2117" spans="1:14" ht="15.75">
      <c r="A2117" s="538"/>
      <c r="B2117" s="411">
        <f t="shared" si="65"/>
        <v>116</v>
      </c>
      <c r="C2117" s="498" t="s">
        <v>4577</v>
      </c>
      <c r="D2117" s="449" t="s">
        <v>4578</v>
      </c>
      <c r="E2117" s="144" t="s">
        <v>707</v>
      </c>
      <c r="F2117" s="449" t="s">
        <v>600</v>
      </c>
      <c r="G2117" s="450"/>
      <c r="H2117" s="415"/>
      <c r="I2117" s="451"/>
      <c r="J2117" s="144"/>
      <c r="K2117" s="517"/>
      <c r="L2117" s="455">
        <v>38362</v>
      </c>
      <c r="M2117" s="455"/>
      <c r="N2117" s="418" t="str">
        <f t="shared" si="64"/>
        <v/>
      </c>
    </row>
    <row r="2118" spans="1:14" ht="15.75">
      <c r="A2118" s="538"/>
      <c r="B2118" s="411">
        <f t="shared" si="65"/>
        <v>116</v>
      </c>
      <c r="C2118" s="498" t="s">
        <v>4579</v>
      </c>
      <c r="D2118" s="449" t="s">
        <v>4580</v>
      </c>
      <c r="E2118" s="144" t="s">
        <v>707</v>
      </c>
      <c r="F2118" s="449" t="s">
        <v>600</v>
      </c>
      <c r="G2118" s="450"/>
      <c r="H2118" s="415"/>
      <c r="I2118" s="451"/>
      <c r="J2118" s="144"/>
      <c r="K2118" s="517"/>
      <c r="L2118" s="455">
        <v>38362</v>
      </c>
      <c r="M2118" s="455"/>
      <c r="N2118" s="418" t="str">
        <f t="shared" si="64"/>
        <v/>
      </c>
    </row>
    <row r="2119" spans="1:14" ht="15.75">
      <c r="A2119" s="538"/>
      <c r="B2119" s="411">
        <f t="shared" si="65"/>
        <v>116</v>
      </c>
      <c r="C2119" s="498" t="s">
        <v>4581</v>
      </c>
      <c r="D2119" s="449" t="s">
        <v>4582</v>
      </c>
      <c r="E2119" s="144" t="s">
        <v>707</v>
      </c>
      <c r="F2119" s="449" t="s">
        <v>600</v>
      </c>
      <c r="G2119" s="450"/>
      <c r="H2119" s="415"/>
      <c r="I2119" s="451"/>
      <c r="J2119" s="144"/>
      <c r="K2119" s="517"/>
      <c r="L2119" s="455">
        <v>38362</v>
      </c>
      <c r="M2119" s="455"/>
      <c r="N2119" s="418" t="str">
        <f t="shared" si="64"/>
        <v/>
      </c>
    </row>
    <row r="2120" spans="1:14" ht="28.5">
      <c r="A2120" s="538"/>
      <c r="B2120" s="411">
        <f t="shared" si="65"/>
        <v>116</v>
      </c>
      <c r="C2120" s="498" t="s">
        <v>4583</v>
      </c>
      <c r="D2120" s="449" t="s">
        <v>4584</v>
      </c>
      <c r="E2120" s="144" t="s">
        <v>707</v>
      </c>
      <c r="F2120" s="449" t="s">
        <v>600</v>
      </c>
      <c r="G2120" s="450"/>
      <c r="H2120" s="415"/>
      <c r="I2120" s="451"/>
      <c r="J2120" s="144"/>
      <c r="K2120" s="517"/>
      <c r="L2120" s="455">
        <v>38362</v>
      </c>
      <c r="M2120" s="455"/>
      <c r="N2120" s="418" t="str">
        <f t="shared" si="64"/>
        <v/>
      </c>
    </row>
    <row r="2121" spans="1:14" ht="15.75">
      <c r="A2121" s="538"/>
      <c r="B2121" s="411">
        <f t="shared" si="65"/>
        <v>116</v>
      </c>
      <c r="C2121" s="498" t="s">
        <v>4585</v>
      </c>
      <c r="D2121" s="449" t="s">
        <v>4586</v>
      </c>
      <c r="E2121" s="144" t="s">
        <v>707</v>
      </c>
      <c r="F2121" s="449" t="s">
        <v>600</v>
      </c>
      <c r="G2121" s="450"/>
      <c r="H2121" s="415"/>
      <c r="I2121" s="451"/>
      <c r="J2121" s="144"/>
      <c r="K2121" s="517"/>
      <c r="L2121" s="455">
        <v>38362</v>
      </c>
      <c r="M2121" s="455"/>
      <c r="N2121" s="418" t="str">
        <f t="shared" si="64"/>
        <v>DUPLICATE</v>
      </c>
    </row>
    <row r="2122" spans="1:14" ht="15.75">
      <c r="A2122" s="538"/>
      <c r="B2122" s="411">
        <f t="shared" si="65"/>
        <v>116</v>
      </c>
      <c r="C2122" s="498" t="s">
        <v>4587</v>
      </c>
      <c r="D2122" s="449" t="s">
        <v>4588</v>
      </c>
      <c r="E2122" s="144" t="s">
        <v>707</v>
      </c>
      <c r="F2122" s="449" t="s">
        <v>600</v>
      </c>
      <c r="G2122" s="450"/>
      <c r="H2122" s="415"/>
      <c r="I2122" s="451"/>
      <c r="J2122" s="144"/>
      <c r="K2122" s="517"/>
      <c r="L2122" s="455">
        <v>38362</v>
      </c>
      <c r="M2122" s="455"/>
      <c r="N2122" s="418" t="str">
        <f t="shared" ref="N2122:N2185" si="66">IF(D2122="NA","",IF(COUNTIF($D$2:$D$5552,D2122)&gt;1,"DUPLICATE",""))</f>
        <v/>
      </c>
    </row>
    <row r="2123" spans="1:14" ht="15.75">
      <c r="A2123" s="538"/>
      <c r="B2123" s="411">
        <f t="shared" si="65"/>
        <v>116</v>
      </c>
      <c r="C2123" s="498" t="s">
        <v>4589</v>
      </c>
      <c r="D2123" s="449" t="s">
        <v>4590</v>
      </c>
      <c r="E2123" s="144" t="s">
        <v>707</v>
      </c>
      <c r="F2123" s="449" t="s">
        <v>600</v>
      </c>
      <c r="G2123" s="450"/>
      <c r="H2123" s="415"/>
      <c r="I2123" s="451"/>
      <c r="J2123" s="144"/>
      <c r="K2123" s="517"/>
      <c r="L2123" s="455">
        <v>38362</v>
      </c>
      <c r="M2123" s="455"/>
      <c r="N2123" s="418" t="str">
        <f t="shared" si="66"/>
        <v/>
      </c>
    </row>
    <row r="2124" spans="1:14" ht="15.75">
      <c r="A2124" s="538"/>
      <c r="B2124" s="411">
        <f t="shared" si="65"/>
        <v>116</v>
      </c>
      <c r="C2124" s="498" t="s">
        <v>4591</v>
      </c>
      <c r="D2124" s="449" t="s">
        <v>4592</v>
      </c>
      <c r="E2124" s="144" t="s">
        <v>707</v>
      </c>
      <c r="F2124" s="449" t="s">
        <v>600</v>
      </c>
      <c r="G2124" s="450"/>
      <c r="H2124" s="415"/>
      <c r="I2124" s="451"/>
      <c r="J2124" s="144"/>
      <c r="K2124" s="517"/>
      <c r="L2124" s="455">
        <v>38362</v>
      </c>
      <c r="M2124" s="455"/>
      <c r="N2124" s="418" t="str">
        <f t="shared" si="66"/>
        <v/>
      </c>
    </row>
    <row r="2125" spans="1:14" ht="15.75">
      <c r="A2125" s="538"/>
      <c r="B2125" s="411">
        <f t="shared" si="65"/>
        <v>116</v>
      </c>
      <c r="C2125" s="498" t="s">
        <v>4593</v>
      </c>
      <c r="D2125" s="449" t="s">
        <v>4594</v>
      </c>
      <c r="E2125" s="144" t="s">
        <v>707</v>
      </c>
      <c r="F2125" s="449" t="s">
        <v>600</v>
      </c>
      <c r="G2125" s="450"/>
      <c r="H2125" s="415"/>
      <c r="I2125" s="451"/>
      <c r="J2125" s="144"/>
      <c r="K2125" s="517"/>
      <c r="L2125" s="455">
        <v>38362</v>
      </c>
      <c r="M2125" s="455"/>
      <c r="N2125" s="418" t="str">
        <f t="shared" si="66"/>
        <v/>
      </c>
    </row>
    <row r="2126" spans="1:14" ht="15.75">
      <c r="A2126" s="538"/>
      <c r="B2126" s="411">
        <f t="shared" si="65"/>
        <v>116</v>
      </c>
      <c r="C2126" s="498" t="s">
        <v>4595</v>
      </c>
      <c r="D2126" s="449" t="s">
        <v>4596</v>
      </c>
      <c r="E2126" s="144" t="s">
        <v>707</v>
      </c>
      <c r="F2126" s="449" t="s">
        <v>600</v>
      </c>
      <c r="G2126" s="450"/>
      <c r="H2126" s="415"/>
      <c r="I2126" s="451"/>
      <c r="J2126" s="144"/>
      <c r="K2126" s="517"/>
      <c r="L2126" s="455">
        <v>38362</v>
      </c>
      <c r="M2126" s="455"/>
      <c r="N2126" s="418" t="str">
        <f t="shared" si="66"/>
        <v/>
      </c>
    </row>
    <row r="2127" spans="1:14" ht="28.5">
      <c r="A2127" s="538"/>
      <c r="B2127" s="411">
        <f t="shared" si="65"/>
        <v>116</v>
      </c>
      <c r="C2127" s="498" t="s">
        <v>4597</v>
      </c>
      <c r="D2127" s="449" t="s">
        <v>4598</v>
      </c>
      <c r="E2127" s="144" t="s">
        <v>707</v>
      </c>
      <c r="F2127" s="449" t="s">
        <v>600</v>
      </c>
      <c r="G2127" s="450"/>
      <c r="H2127" s="415"/>
      <c r="I2127" s="451"/>
      <c r="J2127" s="144"/>
      <c r="K2127" s="517"/>
      <c r="L2127" s="455">
        <v>38362</v>
      </c>
      <c r="M2127" s="455"/>
      <c r="N2127" s="418" t="str">
        <f t="shared" si="66"/>
        <v>DUPLICATE</v>
      </c>
    </row>
    <row r="2128" spans="1:14" ht="15.75">
      <c r="A2128" s="538"/>
      <c r="B2128" s="411">
        <f t="shared" si="65"/>
        <v>116</v>
      </c>
      <c r="C2128" s="498" t="s">
        <v>4599</v>
      </c>
      <c r="D2128" s="449" t="s">
        <v>4600</v>
      </c>
      <c r="E2128" s="144" t="s">
        <v>707</v>
      </c>
      <c r="F2128" s="449" t="s">
        <v>600</v>
      </c>
      <c r="G2128" s="450"/>
      <c r="H2128" s="415"/>
      <c r="I2128" s="451"/>
      <c r="J2128" s="144"/>
      <c r="K2128" s="517"/>
      <c r="L2128" s="455">
        <v>38362</v>
      </c>
      <c r="M2128" s="455"/>
      <c r="N2128" s="418" t="str">
        <f t="shared" si="66"/>
        <v/>
      </c>
    </row>
    <row r="2129" spans="1:14" ht="15.75">
      <c r="A2129" s="538"/>
      <c r="B2129" s="411">
        <f t="shared" si="65"/>
        <v>116</v>
      </c>
      <c r="C2129" s="498" t="s">
        <v>4601</v>
      </c>
      <c r="D2129" s="449" t="s">
        <v>4602</v>
      </c>
      <c r="E2129" s="144" t="s">
        <v>707</v>
      </c>
      <c r="F2129" s="449" t="s">
        <v>600</v>
      </c>
      <c r="G2129" s="450"/>
      <c r="H2129" s="415"/>
      <c r="I2129" s="451"/>
      <c r="J2129" s="144"/>
      <c r="K2129" s="517"/>
      <c r="L2129" s="455">
        <v>38362</v>
      </c>
      <c r="M2129" s="455"/>
      <c r="N2129" s="418" t="str">
        <f t="shared" si="66"/>
        <v/>
      </c>
    </row>
    <row r="2130" spans="1:14" ht="15.75">
      <c r="A2130" s="538"/>
      <c r="B2130" s="411">
        <f t="shared" si="65"/>
        <v>116</v>
      </c>
      <c r="C2130" s="498" t="s">
        <v>4603</v>
      </c>
      <c r="D2130" s="449" t="s">
        <v>4604</v>
      </c>
      <c r="E2130" s="144" t="s">
        <v>707</v>
      </c>
      <c r="F2130" s="449" t="s">
        <v>600</v>
      </c>
      <c r="G2130" s="450"/>
      <c r="H2130" s="415"/>
      <c r="I2130" s="451"/>
      <c r="J2130" s="144"/>
      <c r="K2130" s="517"/>
      <c r="L2130" s="455">
        <v>38362</v>
      </c>
      <c r="M2130" s="455"/>
      <c r="N2130" s="418" t="str">
        <f t="shared" si="66"/>
        <v/>
      </c>
    </row>
    <row r="2131" spans="1:14" ht="15.75">
      <c r="A2131" s="538"/>
      <c r="B2131" s="411">
        <f t="shared" si="65"/>
        <v>116</v>
      </c>
      <c r="C2131" s="498" t="s">
        <v>4605</v>
      </c>
      <c r="D2131" s="449" t="s">
        <v>4606</v>
      </c>
      <c r="E2131" s="144" t="s">
        <v>707</v>
      </c>
      <c r="F2131" s="449" t="s">
        <v>600</v>
      </c>
      <c r="G2131" s="450"/>
      <c r="H2131" s="415"/>
      <c r="I2131" s="451"/>
      <c r="J2131" s="144"/>
      <c r="K2131" s="517"/>
      <c r="L2131" s="455">
        <v>38362</v>
      </c>
      <c r="M2131" s="455"/>
      <c r="N2131" s="418" t="str">
        <f t="shared" si="66"/>
        <v/>
      </c>
    </row>
    <row r="2132" spans="1:14" ht="15.75">
      <c r="A2132" s="538"/>
      <c r="B2132" s="411">
        <f t="shared" si="65"/>
        <v>116</v>
      </c>
      <c r="C2132" s="498" t="s">
        <v>4607</v>
      </c>
      <c r="D2132" s="449" t="s">
        <v>4608</v>
      </c>
      <c r="E2132" s="144" t="s">
        <v>707</v>
      </c>
      <c r="F2132" s="449" t="s">
        <v>600</v>
      </c>
      <c r="G2132" s="450"/>
      <c r="H2132" s="415"/>
      <c r="I2132" s="451"/>
      <c r="J2132" s="144"/>
      <c r="K2132" s="517"/>
      <c r="L2132" s="455">
        <v>38362</v>
      </c>
      <c r="M2132" s="455"/>
      <c r="N2132" s="418" t="str">
        <f t="shared" si="66"/>
        <v/>
      </c>
    </row>
    <row r="2133" spans="1:14" ht="15.75">
      <c r="A2133" s="538"/>
      <c r="B2133" s="411">
        <f t="shared" si="65"/>
        <v>116</v>
      </c>
      <c r="C2133" s="498" t="s">
        <v>4609</v>
      </c>
      <c r="D2133" s="449" t="s">
        <v>4610</v>
      </c>
      <c r="E2133" s="144" t="s">
        <v>707</v>
      </c>
      <c r="F2133" s="449" t="s">
        <v>600</v>
      </c>
      <c r="G2133" s="450"/>
      <c r="H2133" s="415"/>
      <c r="I2133" s="451"/>
      <c r="J2133" s="144"/>
      <c r="K2133" s="517"/>
      <c r="L2133" s="455">
        <v>38362</v>
      </c>
      <c r="M2133" s="455"/>
      <c r="N2133" s="418" t="str">
        <f t="shared" si="66"/>
        <v/>
      </c>
    </row>
    <row r="2134" spans="1:14" ht="15.75">
      <c r="A2134" s="538"/>
      <c r="B2134" s="411">
        <f t="shared" si="65"/>
        <v>116</v>
      </c>
      <c r="C2134" s="498" t="s">
        <v>4611</v>
      </c>
      <c r="D2134" s="449" t="s">
        <v>4612</v>
      </c>
      <c r="E2134" s="144" t="s">
        <v>707</v>
      </c>
      <c r="F2134" s="449" t="s">
        <v>600</v>
      </c>
      <c r="G2134" s="450"/>
      <c r="H2134" s="415"/>
      <c r="I2134" s="451"/>
      <c r="J2134" s="144"/>
      <c r="K2134" s="517"/>
      <c r="L2134" s="455">
        <v>38362</v>
      </c>
      <c r="M2134" s="455"/>
      <c r="N2134" s="418" t="str">
        <f t="shared" si="66"/>
        <v/>
      </c>
    </row>
    <row r="2135" spans="1:14" ht="15.75">
      <c r="A2135" s="538"/>
      <c r="B2135" s="411">
        <f t="shared" si="65"/>
        <v>116</v>
      </c>
      <c r="C2135" s="498" t="s">
        <v>4613</v>
      </c>
      <c r="D2135" s="449" t="s">
        <v>4614</v>
      </c>
      <c r="E2135" s="144" t="s">
        <v>707</v>
      </c>
      <c r="F2135" s="449" t="s">
        <v>600</v>
      </c>
      <c r="G2135" s="450"/>
      <c r="H2135" s="415"/>
      <c r="I2135" s="451"/>
      <c r="J2135" s="144"/>
      <c r="K2135" s="517"/>
      <c r="L2135" s="455">
        <v>38362</v>
      </c>
      <c r="M2135" s="455"/>
      <c r="N2135" s="418" t="str">
        <f t="shared" si="66"/>
        <v/>
      </c>
    </row>
    <row r="2136" spans="1:14" ht="15.75">
      <c r="A2136" s="538"/>
      <c r="B2136" s="411">
        <f t="shared" si="65"/>
        <v>116</v>
      </c>
      <c r="C2136" s="498" t="s">
        <v>4615</v>
      </c>
      <c r="D2136" s="449" t="s">
        <v>4616</v>
      </c>
      <c r="E2136" s="144" t="s">
        <v>707</v>
      </c>
      <c r="F2136" s="449" t="s">
        <v>600</v>
      </c>
      <c r="G2136" s="450"/>
      <c r="H2136" s="415"/>
      <c r="I2136" s="451"/>
      <c r="J2136" s="144"/>
      <c r="K2136" s="517"/>
      <c r="L2136" s="455">
        <v>38362</v>
      </c>
      <c r="M2136" s="455"/>
      <c r="N2136" s="418" t="str">
        <f t="shared" si="66"/>
        <v/>
      </c>
    </row>
    <row r="2137" spans="1:14" ht="15.75">
      <c r="A2137" s="538"/>
      <c r="B2137" s="411">
        <f t="shared" si="65"/>
        <v>116</v>
      </c>
      <c r="C2137" s="498" t="s">
        <v>4617</v>
      </c>
      <c r="D2137" s="449" t="s">
        <v>4618</v>
      </c>
      <c r="E2137" s="144" t="s">
        <v>707</v>
      </c>
      <c r="F2137" s="449" t="s">
        <v>600</v>
      </c>
      <c r="G2137" s="450"/>
      <c r="H2137" s="415"/>
      <c r="I2137" s="451"/>
      <c r="J2137" s="144"/>
      <c r="K2137" s="517"/>
      <c r="L2137" s="455">
        <v>38362</v>
      </c>
      <c r="M2137" s="455"/>
      <c r="N2137" s="418" t="str">
        <f t="shared" si="66"/>
        <v/>
      </c>
    </row>
    <row r="2138" spans="1:14" ht="28.5">
      <c r="A2138" s="538"/>
      <c r="B2138" s="411">
        <f t="shared" ref="B2138:B2201" si="67">IF(A2138&gt;0,A2138,B2137)</f>
        <v>116</v>
      </c>
      <c r="C2138" s="498" t="s">
        <v>4619</v>
      </c>
      <c r="D2138" s="449" t="s">
        <v>4620</v>
      </c>
      <c r="E2138" s="144" t="s">
        <v>707</v>
      </c>
      <c r="F2138" s="449" t="s">
        <v>600</v>
      </c>
      <c r="G2138" s="450"/>
      <c r="H2138" s="415"/>
      <c r="I2138" s="451"/>
      <c r="J2138" s="144"/>
      <c r="K2138" s="517"/>
      <c r="L2138" s="455">
        <v>38362</v>
      </c>
      <c r="M2138" s="455"/>
      <c r="N2138" s="418" t="str">
        <f t="shared" si="66"/>
        <v/>
      </c>
    </row>
    <row r="2139" spans="1:14" ht="15.75">
      <c r="A2139" s="538"/>
      <c r="B2139" s="411">
        <f t="shared" si="67"/>
        <v>116</v>
      </c>
      <c r="C2139" s="498" t="s">
        <v>4621</v>
      </c>
      <c r="D2139" s="449" t="s">
        <v>4622</v>
      </c>
      <c r="E2139" s="144" t="s">
        <v>707</v>
      </c>
      <c r="F2139" s="449" t="s">
        <v>600</v>
      </c>
      <c r="G2139" s="450"/>
      <c r="H2139" s="415"/>
      <c r="I2139" s="451"/>
      <c r="J2139" s="144"/>
      <c r="K2139" s="517"/>
      <c r="L2139" s="455">
        <v>38362</v>
      </c>
      <c r="M2139" s="455"/>
      <c r="N2139" s="418" t="str">
        <f t="shared" si="66"/>
        <v/>
      </c>
    </row>
    <row r="2140" spans="1:14" ht="28.5">
      <c r="A2140" s="538"/>
      <c r="B2140" s="411">
        <f t="shared" si="67"/>
        <v>116</v>
      </c>
      <c r="C2140" s="498" t="s">
        <v>4623</v>
      </c>
      <c r="D2140" s="449" t="s">
        <v>4624</v>
      </c>
      <c r="E2140" s="144" t="s">
        <v>707</v>
      </c>
      <c r="F2140" s="449" t="s">
        <v>600</v>
      </c>
      <c r="G2140" s="450"/>
      <c r="H2140" s="415"/>
      <c r="I2140" s="451"/>
      <c r="J2140" s="144"/>
      <c r="K2140" s="517"/>
      <c r="L2140" s="455">
        <v>38362</v>
      </c>
      <c r="M2140" s="455"/>
      <c r="N2140" s="418" t="str">
        <f t="shared" si="66"/>
        <v/>
      </c>
    </row>
    <row r="2141" spans="1:14" ht="15.75">
      <c r="A2141" s="538"/>
      <c r="B2141" s="411">
        <f t="shared" si="67"/>
        <v>116</v>
      </c>
      <c r="C2141" s="498" t="s">
        <v>4625</v>
      </c>
      <c r="D2141" s="449" t="s">
        <v>4626</v>
      </c>
      <c r="E2141" s="144" t="s">
        <v>707</v>
      </c>
      <c r="F2141" s="449" t="s">
        <v>600</v>
      </c>
      <c r="G2141" s="450"/>
      <c r="H2141" s="415"/>
      <c r="I2141" s="451"/>
      <c r="J2141" s="144"/>
      <c r="K2141" s="517"/>
      <c r="L2141" s="455">
        <v>38362</v>
      </c>
      <c r="M2141" s="455"/>
      <c r="N2141" s="418" t="str">
        <f t="shared" si="66"/>
        <v/>
      </c>
    </row>
    <row r="2142" spans="1:14" ht="15.75">
      <c r="A2142" s="538"/>
      <c r="B2142" s="411">
        <f t="shared" si="67"/>
        <v>116</v>
      </c>
      <c r="C2142" s="498" t="s">
        <v>4627</v>
      </c>
      <c r="D2142" s="449" t="s">
        <v>4628</v>
      </c>
      <c r="E2142" s="144" t="s">
        <v>707</v>
      </c>
      <c r="F2142" s="449" t="s">
        <v>600</v>
      </c>
      <c r="G2142" s="450"/>
      <c r="H2142" s="415"/>
      <c r="I2142" s="451"/>
      <c r="J2142" s="144"/>
      <c r="K2142" s="517"/>
      <c r="L2142" s="455">
        <v>38362</v>
      </c>
      <c r="M2142" s="455"/>
      <c r="N2142" s="418" t="str">
        <f t="shared" si="66"/>
        <v/>
      </c>
    </row>
    <row r="2143" spans="1:14" ht="15.75">
      <c r="A2143" s="538"/>
      <c r="B2143" s="411">
        <f t="shared" si="67"/>
        <v>116</v>
      </c>
      <c r="C2143" s="498" t="s">
        <v>4629</v>
      </c>
      <c r="D2143" s="449" t="s">
        <v>4630</v>
      </c>
      <c r="E2143" s="144" t="s">
        <v>707</v>
      </c>
      <c r="F2143" s="449" t="s">
        <v>600</v>
      </c>
      <c r="G2143" s="450"/>
      <c r="H2143" s="415"/>
      <c r="I2143" s="451"/>
      <c r="J2143" s="144"/>
      <c r="K2143" s="517"/>
      <c r="L2143" s="455">
        <v>38362</v>
      </c>
      <c r="M2143" s="455"/>
      <c r="N2143" s="418" t="str">
        <f t="shared" si="66"/>
        <v/>
      </c>
    </row>
    <row r="2144" spans="1:14" ht="15.75">
      <c r="A2144" s="538"/>
      <c r="B2144" s="411">
        <f t="shared" si="67"/>
        <v>116</v>
      </c>
      <c r="C2144" s="498" t="s">
        <v>4631</v>
      </c>
      <c r="D2144" s="449" t="s">
        <v>4632</v>
      </c>
      <c r="E2144" s="144" t="s">
        <v>707</v>
      </c>
      <c r="F2144" s="449" t="s">
        <v>600</v>
      </c>
      <c r="G2144" s="450"/>
      <c r="H2144" s="415"/>
      <c r="I2144" s="451"/>
      <c r="J2144" s="144"/>
      <c r="K2144" s="517"/>
      <c r="L2144" s="455">
        <v>38362</v>
      </c>
      <c r="M2144" s="455"/>
      <c r="N2144" s="418" t="str">
        <f t="shared" si="66"/>
        <v/>
      </c>
    </row>
    <row r="2145" spans="1:14" ht="15.75">
      <c r="A2145" s="538"/>
      <c r="B2145" s="411">
        <f t="shared" si="67"/>
        <v>116</v>
      </c>
      <c r="C2145" s="498" t="s">
        <v>4633</v>
      </c>
      <c r="D2145" s="449" t="s">
        <v>4634</v>
      </c>
      <c r="E2145" s="144" t="s">
        <v>707</v>
      </c>
      <c r="F2145" s="449" t="s">
        <v>600</v>
      </c>
      <c r="G2145" s="450"/>
      <c r="H2145" s="415"/>
      <c r="I2145" s="451"/>
      <c r="J2145" s="144"/>
      <c r="K2145" s="517"/>
      <c r="L2145" s="455">
        <v>38362</v>
      </c>
      <c r="M2145" s="455"/>
      <c r="N2145" s="418" t="str">
        <f t="shared" si="66"/>
        <v/>
      </c>
    </row>
    <row r="2146" spans="1:14" ht="15.75">
      <c r="A2146" s="538"/>
      <c r="B2146" s="411">
        <f t="shared" si="67"/>
        <v>116</v>
      </c>
      <c r="C2146" s="498" t="s">
        <v>4635</v>
      </c>
      <c r="D2146" s="449" t="s">
        <v>4636</v>
      </c>
      <c r="E2146" s="144" t="s">
        <v>707</v>
      </c>
      <c r="F2146" s="449" t="s">
        <v>600</v>
      </c>
      <c r="G2146" s="450"/>
      <c r="H2146" s="415"/>
      <c r="I2146" s="451"/>
      <c r="J2146" s="144"/>
      <c r="K2146" s="517"/>
      <c r="L2146" s="455">
        <v>38362</v>
      </c>
      <c r="M2146" s="455"/>
      <c r="N2146" s="418" t="str">
        <f t="shared" si="66"/>
        <v/>
      </c>
    </row>
    <row r="2147" spans="1:14" ht="15.75">
      <c r="A2147" s="538"/>
      <c r="B2147" s="411">
        <f t="shared" si="67"/>
        <v>116</v>
      </c>
      <c r="C2147" s="498" t="s">
        <v>4637</v>
      </c>
      <c r="D2147" s="449" t="s">
        <v>4638</v>
      </c>
      <c r="E2147" s="144" t="s">
        <v>707</v>
      </c>
      <c r="F2147" s="449" t="s">
        <v>600</v>
      </c>
      <c r="G2147" s="450"/>
      <c r="H2147" s="415"/>
      <c r="I2147" s="451"/>
      <c r="J2147" s="144"/>
      <c r="K2147" s="517"/>
      <c r="L2147" s="455">
        <v>38362</v>
      </c>
      <c r="M2147" s="455"/>
      <c r="N2147" s="418" t="str">
        <f t="shared" si="66"/>
        <v/>
      </c>
    </row>
    <row r="2148" spans="1:14" ht="15.75">
      <c r="A2148" s="538"/>
      <c r="B2148" s="411">
        <f t="shared" si="67"/>
        <v>116</v>
      </c>
      <c r="C2148" s="498" t="s">
        <v>4639</v>
      </c>
      <c r="D2148" s="449" t="s">
        <v>4640</v>
      </c>
      <c r="E2148" s="144" t="s">
        <v>707</v>
      </c>
      <c r="F2148" s="449" t="s">
        <v>600</v>
      </c>
      <c r="G2148" s="450"/>
      <c r="H2148" s="415"/>
      <c r="I2148" s="451"/>
      <c r="J2148" s="144"/>
      <c r="K2148" s="517"/>
      <c r="L2148" s="455">
        <v>38362</v>
      </c>
      <c r="M2148" s="455"/>
      <c r="N2148" s="418" t="str">
        <f t="shared" si="66"/>
        <v/>
      </c>
    </row>
    <row r="2149" spans="1:14" ht="15.75">
      <c r="A2149" s="538"/>
      <c r="B2149" s="411">
        <f t="shared" si="67"/>
        <v>116</v>
      </c>
      <c r="C2149" s="498" t="s">
        <v>4641</v>
      </c>
      <c r="D2149" s="449" t="s">
        <v>4642</v>
      </c>
      <c r="E2149" s="144" t="s">
        <v>707</v>
      </c>
      <c r="F2149" s="449" t="s">
        <v>600</v>
      </c>
      <c r="G2149" s="450"/>
      <c r="H2149" s="415"/>
      <c r="I2149" s="451"/>
      <c r="J2149" s="144"/>
      <c r="K2149" s="517"/>
      <c r="L2149" s="455">
        <v>38362</v>
      </c>
      <c r="M2149" s="455"/>
      <c r="N2149" s="418" t="str">
        <f t="shared" si="66"/>
        <v/>
      </c>
    </row>
    <row r="2150" spans="1:14" ht="15.75">
      <c r="A2150" s="538"/>
      <c r="B2150" s="411">
        <f t="shared" si="67"/>
        <v>116</v>
      </c>
      <c r="C2150" s="498" t="s">
        <v>4643</v>
      </c>
      <c r="D2150" s="449" t="s">
        <v>4644</v>
      </c>
      <c r="E2150" s="144" t="s">
        <v>707</v>
      </c>
      <c r="F2150" s="449" t="s">
        <v>600</v>
      </c>
      <c r="G2150" s="450"/>
      <c r="H2150" s="415"/>
      <c r="I2150" s="451"/>
      <c r="J2150" s="144"/>
      <c r="K2150" s="517"/>
      <c r="L2150" s="455">
        <v>38362</v>
      </c>
      <c r="M2150" s="455"/>
      <c r="N2150" s="418" t="str">
        <f t="shared" si="66"/>
        <v/>
      </c>
    </row>
    <row r="2151" spans="1:14" ht="15.75">
      <c r="A2151" s="538"/>
      <c r="B2151" s="411">
        <f t="shared" si="67"/>
        <v>116</v>
      </c>
      <c r="C2151" s="498" t="s">
        <v>4645</v>
      </c>
      <c r="D2151" s="449" t="s">
        <v>4646</v>
      </c>
      <c r="E2151" s="144" t="s">
        <v>707</v>
      </c>
      <c r="F2151" s="449" t="s">
        <v>600</v>
      </c>
      <c r="G2151" s="450"/>
      <c r="H2151" s="415"/>
      <c r="I2151" s="451"/>
      <c r="J2151" s="144"/>
      <c r="K2151" s="517"/>
      <c r="L2151" s="455">
        <v>38362</v>
      </c>
      <c r="M2151" s="455"/>
      <c r="N2151" s="418" t="str">
        <f t="shared" si="66"/>
        <v/>
      </c>
    </row>
    <row r="2152" spans="1:14" ht="15.75">
      <c r="A2152" s="538"/>
      <c r="B2152" s="411">
        <f t="shared" si="67"/>
        <v>116</v>
      </c>
      <c r="C2152" s="498" t="s">
        <v>4647</v>
      </c>
      <c r="D2152" s="449" t="s">
        <v>4648</v>
      </c>
      <c r="E2152" s="144" t="s">
        <v>707</v>
      </c>
      <c r="F2152" s="449" t="s">
        <v>600</v>
      </c>
      <c r="G2152" s="450"/>
      <c r="H2152" s="415"/>
      <c r="I2152" s="451"/>
      <c r="J2152" s="144"/>
      <c r="K2152" s="517"/>
      <c r="L2152" s="455">
        <v>38362</v>
      </c>
      <c r="M2152" s="455"/>
      <c r="N2152" s="418" t="str">
        <f t="shared" si="66"/>
        <v>DUPLICATE</v>
      </c>
    </row>
    <row r="2153" spans="1:14" ht="15.75">
      <c r="A2153" s="538"/>
      <c r="B2153" s="411">
        <f t="shared" si="67"/>
        <v>116</v>
      </c>
      <c r="C2153" s="498" t="s">
        <v>4649</v>
      </c>
      <c r="D2153" s="449" t="s">
        <v>4650</v>
      </c>
      <c r="E2153" s="144" t="s">
        <v>707</v>
      </c>
      <c r="F2153" s="449" t="s">
        <v>600</v>
      </c>
      <c r="G2153" s="450"/>
      <c r="H2153" s="415"/>
      <c r="I2153" s="451"/>
      <c r="J2153" s="144"/>
      <c r="K2153" s="517"/>
      <c r="L2153" s="455">
        <v>38362</v>
      </c>
      <c r="M2153" s="455"/>
      <c r="N2153" s="418" t="str">
        <f t="shared" si="66"/>
        <v/>
      </c>
    </row>
    <row r="2154" spans="1:14" ht="28.5">
      <c r="A2154" s="538"/>
      <c r="B2154" s="411">
        <f t="shared" si="67"/>
        <v>116</v>
      </c>
      <c r="C2154" s="498" t="s">
        <v>4651</v>
      </c>
      <c r="D2154" s="449" t="s">
        <v>4652</v>
      </c>
      <c r="E2154" s="144" t="s">
        <v>707</v>
      </c>
      <c r="F2154" s="449" t="s">
        <v>600</v>
      </c>
      <c r="G2154" s="450"/>
      <c r="H2154" s="415"/>
      <c r="I2154" s="451"/>
      <c r="J2154" s="144"/>
      <c r="K2154" s="517"/>
      <c r="L2154" s="455">
        <v>38362</v>
      </c>
      <c r="M2154" s="455"/>
      <c r="N2154" s="418" t="str">
        <f t="shared" si="66"/>
        <v/>
      </c>
    </row>
    <row r="2155" spans="1:14" ht="15.75">
      <c r="A2155" s="538"/>
      <c r="B2155" s="411">
        <f t="shared" si="67"/>
        <v>116</v>
      </c>
      <c r="C2155" s="498" t="s">
        <v>4653</v>
      </c>
      <c r="D2155" s="449" t="s">
        <v>4654</v>
      </c>
      <c r="E2155" s="144" t="s">
        <v>707</v>
      </c>
      <c r="F2155" s="449" t="s">
        <v>600</v>
      </c>
      <c r="G2155" s="450"/>
      <c r="H2155" s="415"/>
      <c r="I2155" s="451"/>
      <c r="J2155" s="144"/>
      <c r="K2155" s="517"/>
      <c r="L2155" s="455">
        <v>38362</v>
      </c>
      <c r="M2155" s="455"/>
      <c r="N2155" s="418" t="str">
        <f t="shared" si="66"/>
        <v/>
      </c>
    </row>
    <row r="2156" spans="1:14" ht="15.75">
      <c r="A2156" s="538"/>
      <c r="B2156" s="411">
        <f t="shared" si="67"/>
        <v>116</v>
      </c>
      <c r="C2156" s="498" t="s">
        <v>4655</v>
      </c>
      <c r="D2156" s="449" t="s">
        <v>4656</v>
      </c>
      <c r="E2156" s="144" t="s">
        <v>707</v>
      </c>
      <c r="F2156" s="449" t="s">
        <v>600</v>
      </c>
      <c r="G2156" s="450"/>
      <c r="H2156" s="415"/>
      <c r="I2156" s="451"/>
      <c r="J2156" s="144"/>
      <c r="K2156" s="517"/>
      <c r="L2156" s="455">
        <v>38362</v>
      </c>
      <c r="M2156" s="455"/>
      <c r="N2156" s="418" t="str">
        <f t="shared" si="66"/>
        <v/>
      </c>
    </row>
    <row r="2157" spans="1:14" ht="15.75">
      <c r="A2157" s="538"/>
      <c r="B2157" s="411">
        <f t="shared" si="67"/>
        <v>116</v>
      </c>
      <c r="C2157" s="498" t="s">
        <v>4657</v>
      </c>
      <c r="D2157" s="449" t="s">
        <v>4658</v>
      </c>
      <c r="E2157" s="144" t="s">
        <v>707</v>
      </c>
      <c r="F2157" s="449" t="s">
        <v>600</v>
      </c>
      <c r="G2157" s="450"/>
      <c r="H2157" s="415"/>
      <c r="I2157" s="451"/>
      <c r="J2157" s="144"/>
      <c r="K2157" s="517"/>
      <c r="L2157" s="455">
        <v>38362</v>
      </c>
      <c r="M2157" s="455"/>
      <c r="N2157" s="418" t="str">
        <f t="shared" si="66"/>
        <v/>
      </c>
    </row>
    <row r="2158" spans="1:14" ht="15.75">
      <c r="A2158" s="538"/>
      <c r="B2158" s="411">
        <f t="shared" si="67"/>
        <v>116</v>
      </c>
      <c r="C2158" s="498" t="s">
        <v>4659</v>
      </c>
      <c r="D2158" s="449" t="s">
        <v>4660</v>
      </c>
      <c r="E2158" s="144" t="s">
        <v>707</v>
      </c>
      <c r="F2158" s="449" t="s">
        <v>600</v>
      </c>
      <c r="G2158" s="450"/>
      <c r="H2158" s="415"/>
      <c r="I2158" s="451"/>
      <c r="J2158" s="144"/>
      <c r="K2158" s="517"/>
      <c r="L2158" s="455">
        <v>38362</v>
      </c>
      <c r="M2158" s="455"/>
      <c r="N2158" s="418" t="str">
        <f t="shared" si="66"/>
        <v>DUPLICATE</v>
      </c>
    </row>
    <row r="2159" spans="1:14" ht="15.75">
      <c r="A2159" s="538"/>
      <c r="B2159" s="411">
        <f t="shared" si="67"/>
        <v>116</v>
      </c>
      <c r="C2159" s="498" t="s">
        <v>4661</v>
      </c>
      <c r="D2159" s="449" t="s">
        <v>4662</v>
      </c>
      <c r="E2159" s="144" t="s">
        <v>707</v>
      </c>
      <c r="F2159" s="449" t="s">
        <v>600</v>
      </c>
      <c r="G2159" s="450"/>
      <c r="H2159" s="415"/>
      <c r="I2159" s="451"/>
      <c r="J2159" s="144"/>
      <c r="K2159" s="517"/>
      <c r="L2159" s="455">
        <v>38362</v>
      </c>
      <c r="M2159" s="455"/>
      <c r="N2159" s="418" t="str">
        <f t="shared" si="66"/>
        <v/>
      </c>
    </row>
    <row r="2160" spans="1:14" ht="15.75">
      <c r="A2160" s="538"/>
      <c r="B2160" s="411">
        <f t="shared" si="67"/>
        <v>116</v>
      </c>
      <c r="C2160" s="498" t="s">
        <v>4663</v>
      </c>
      <c r="D2160" s="449" t="s">
        <v>4664</v>
      </c>
      <c r="E2160" s="144" t="s">
        <v>707</v>
      </c>
      <c r="F2160" s="449" t="s">
        <v>600</v>
      </c>
      <c r="G2160" s="450"/>
      <c r="H2160" s="415"/>
      <c r="I2160" s="451"/>
      <c r="J2160" s="144"/>
      <c r="K2160" s="517"/>
      <c r="L2160" s="455">
        <v>38362</v>
      </c>
      <c r="M2160" s="455"/>
      <c r="N2160" s="418" t="str">
        <f t="shared" si="66"/>
        <v/>
      </c>
    </row>
    <row r="2161" spans="1:14" ht="28.5">
      <c r="A2161" s="538"/>
      <c r="B2161" s="411">
        <f t="shared" si="67"/>
        <v>116</v>
      </c>
      <c r="C2161" s="498" t="s">
        <v>4665</v>
      </c>
      <c r="D2161" s="449" t="s">
        <v>4666</v>
      </c>
      <c r="E2161" s="144" t="s">
        <v>707</v>
      </c>
      <c r="F2161" s="449" t="s">
        <v>600</v>
      </c>
      <c r="G2161" s="449"/>
      <c r="H2161" s="415"/>
      <c r="I2161" s="451"/>
      <c r="J2161" s="144"/>
      <c r="K2161" s="522"/>
      <c r="L2161" s="455">
        <v>38362</v>
      </c>
      <c r="M2161" s="455">
        <v>40575</v>
      </c>
      <c r="N2161" s="418" t="str">
        <f t="shared" si="66"/>
        <v/>
      </c>
    </row>
    <row r="2162" spans="1:14" ht="15.75">
      <c r="A2162" s="538"/>
      <c r="B2162" s="411">
        <f t="shared" si="67"/>
        <v>116</v>
      </c>
      <c r="C2162" s="498" t="s">
        <v>4667</v>
      </c>
      <c r="D2162" s="449" t="s">
        <v>4668</v>
      </c>
      <c r="E2162" s="144" t="s">
        <v>707</v>
      </c>
      <c r="F2162" s="449" t="s">
        <v>600</v>
      </c>
      <c r="G2162" s="450"/>
      <c r="H2162" s="415"/>
      <c r="I2162" s="451"/>
      <c r="J2162" s="144"/>
      <c r="K2162" s="517"/>
      <c r="L2162" s="455">
        <v>38362</v>
      </c>
      <c r="M2162" s="455"/>
      <c r="N2162" s="418" t="str">
        <f t="shared" si="66"/>
        <v/>
      </c>
    </row>
    <row r="2163" spans="1:14" ht="15.75">
      <c r="A2163" s="538"/>
      <c r="B2163" s="411">
        <f t="shared" si="67"/>
        <v>116</v>
      </c>
      <c r="C2163" s="498" t="s">
        <v>4669</v>
      </c>
      <c r="D2163" s="449" t="s">
        <v>4670</v>
      </c>
      <c r="E2163" s="144" t="s">
        <v>707</v>
      </c>
      <c r="F2163" s="449" t="s">
        <v>600</v>
      </c>
      <c r="G2163" s="450"/>
      <c r="H2163" s="415"/>
      <c r="I2163" s="451"/>
      <c r="J2163" s="144"/>
      <c r="K2163" s="517"/>
      <c r="L2163" s="455">
        <v>38362</v>
      </c>
      <c r="M2163" s="455"/>
      <c r="N2163" s="418" t="str">
        <f t="shared" si="66"/>
        <v/>
      </c>
    </row>
    <row r="2164" spans="1:14" ht="15.75">
      <c r="A2164" s="538"/>
      <c r="B2164" s="411">
        <f t="shared" si="67"/>
        <v>116</v>
      </c>
      <c r="C2164" s="498" t="s">
        <v>4671</v>
      </c>
      <c r="D2164" s="449" t="s">
        <v>4672</v>
      </c>
      <c r="E2164" s="144" t="s">
        <v>707</v>
      </c>
      <c r="F2164" s="449" t="s">
        <v>600</v>
      </c>
      <c r="G2164" s="450"/>
      <c r="H2164" s="415"/>
      <c r="I2164" s="451"/>
      <c r="J2164" s="144"/>
      <c r="K2164" s="517"/>
      <c r="L2164" s="455">
        <v>38362</v>
      </c>
      <c r="M2164" s="455"/>
      <c r="N2164" s="418" t="str">
        <f t="shared" si="66"/>
        <v/>
      </c>
    </row>
    <row r="2165" spans="1:14" ht="15.75">
      <c r="A2165" s="538"/>
      <c r="B2165" s="411">
        <f t="shared" si="67"/>
        <v>116</v>
      </c>
      <c r="C2165" s="498" t="s">
        <v>4673</v>
      </c>
      <c r="D2165" s="449" t="s">
        <v>4674</v>
      </c>
      <c r="E2165" s="144" t="s">
        <v>707</v>
      </c>
      <c r="F2165" s="449" t="s">
        <v>600</v>
      </c>
      <c r="G2165" s="450"/>
      <c r="H2165" s="415"/>
      <c r="I2165" s="451"/>
      <c r="J2165" s="144"/>
      <c r="K2165" s="517"/>
      <c r="L2165" s="455">
        <v>38362</v>
      </c>
      <c r="M2165" s="455"/>
      <c r="N2165" s="418" t="str">
        <f t="shared" si="66"/>
        <v/>
      </c>
    </row>
    <row r="2166" spans="1:14" ht="15.75">
      <c r="A2166" s="538"/>
      <c r="B2166" s="411">
        <f t="shared" si="67"/>
        <v>116</v>
      </c>
      <c r="C2166" s="498" t="s">
        <v>4675</v>
      </c>
      <c r="D2166" s="449" t="s">
        <v>4676</v>
      </c>
      <c r="E2166" s="144" t="s">
        <v>707</v>
      </c>
      <c r="F2166" s="449" t="s">
        <v>600</v>
      </c>
      <c r="G2166" s="450"/>
      <c r="H2166" s="415"/>
      <c r="I2166" s="451"/>
      <c r="J2166" s="144"/>
      <c r="K2166" s="517"/>
      <c r="L2166" s="455">
        <v>38362</v>
      </c>
      <c r="M2166" s="455"/>
      <c r="N2166" s="418" t="str">
        <f t="shared" si="66"/>
        <v/>
      </c>
    </row>
    <row r="2167" spans="1:14" ht="15.75">
      <c r="A2167" s="538"/>
      <c r="B2167" s="411">
        <f t="shared" si="67"/>
        <v>116</v>
      </c>
      <c r="C2167" s="498" t="s">
        <v>4677</v>
      </c>
      <c r="D2167" s="449" t="s">
        <v>4678</v>
      </c>
      <c r="E2167" s="144" t="s">
        <v>707</v>
      </c>
      <c r="F2167" s="449" t="s">
        <v>600</v>
      </c>
      <c r="G2167" s="450"/>
      <c r="H2167" s="415"/>
      <c r="I2167" s="451"/>
      <c r="J2167" s="144"/>
      <c r="K2167" s="517"/>
      <c r="L2167" s="455">
        <v>38362</v>
      </c>
      <c r="M2167" s="455"/>
      <c r="N2167" s="418" t="str">
        <f t="shared" si="66"/>
        <v/>
      </c>
    </row>
    <row r="2168" spans="1:14" ht="31.5">
      <c r="A2168" s="538"/>
      <c r="B2168" s="411">
        <f t="shared" si="67"/>
        <v>116</v>
      </c>
      <c r="C2168" s="498" t="s">
        <v>309</v>
      </c>
      <c r="D2168" s="449" t="s">
        <v>311</v>
      </c>
      <c r="E2168" s="144" t="s">
        <v>707</v>
      </c>
      <c r="F2168" s="449" t="s">
        <v>600</v>
      </c>
      <c r="G2168" s="450" t="s">
        <v>760</v>
      </c>
      <c r="H2168" s="415"/>
      <c r="I2168" s="451"/>
      <c r="J2168" s="144"/>
      <c r="K2168" s="517"/>
      <c r="L2168" s="455">
        <v>38362</v>
      </c>
      <c r="M2168" s="455"/>
      <c r="N2168" s="418" t="str">
        <f t="shared" si="66"/>
        <v/>
      </c>
    </row>
    <row r="2169" spans="1:14" ht="15.75">
      <c r="A2169" s="538"/>
      <c r="B2169" s="411">
        <f t="shared" si="67"/>
        <v>116</v>
      </c>
      <c r="C2169" s="498" t="s">
        <v>4679</v>
      </c>
      <c r="D2169" s="449" t="s">
        <v>4680</v>
      </c>
      <c r="E2169" s="144" t="s">
        <v>707</v>
      </c>
      <c r="F2169" s="449" t="s">
        <v>600</v>
      </c>
      <c r="G2169" s="450"/>
      <c r="H2169" s="415"/>
      <c r="I2169" s="451"/>
      <c r="J2169" s="144"/>
      <c r="K2169" s="517"/>
      <c r="L2169" s="455">
        <v>38362</v>
      </c>
      <c r="M2169" s="455"/>
      <c r="N2169" s="418" t="str">
        <f t="shared" si="66"/>
        <v/>
      </c>
    </row>
    <row r="2170" spans="1:14" ht="15.75">
      <c r="A2170" s="538"/>
      <c r="B2170" s="411">
        <f t="shared" si="67"/>
        <v>116</v>
      </c>
      <c r="C2170" s="498" t="s">
        <v>4681</v>
      </c>
      <c r="D2170" s="449" t="s">
        <v>4682</v>
      </c>
      <c r="E2170" s="144" t="s">
        <v>707</v>
      </c>
      <c r="F2170" s="449" t="s">
        <v>600</v>
      </c>
      <c r="G2170" s="450"/>
      <c r="H2170" s="415"/>
      <c r="I2170" s="451"/>
      <c r="J2170" s="144"/>
      <c r="K2170" s="517"/>
      <c r="L2170" s="455">
        <v>38362</v>
      </c>
      <c r="M2170" s="455"/>
      <c r="N2170" s="418" t="str">
        <f t="shared" si="66"/>
        <v/>
      </c>
    </row>
    <row r="2171" spans="1:14" ht="15.75">
      <c r="A2171" s="538"/>
      <c r="B2171" s="411">
        <f t="shared" si="67"/>
        <v>116</v>
      </c>
      <c r="C2171" s="498" t="s">
        <v>4683</v>
      </c>
      <c r="D2171" s="449" t="s">
        <v>4684</v>
      </c>
      <c r="E2171" s="144" t="s">
        <v>707</v>
      </c>
      <c r="F2171" s="449" t="s">
        <v>600</v>
      </c>
      <c r="G2171" s="450"/>
      <c r="H2171" s="415"/>
      <c r="I2171" s="451"/>
      <c r="J2171" s="144"/>
      <c r="K2171" s="517"/>
      <c r="L2171" s="455">
        <v>38362</v>
      </c>
      <c r="M2171" s="455"/>
      <c r="N2171" s="418" t="str">
        <f t="shared" si="66"/>
        <v/>
      </c>
    </row>
    <row r="2172" spans="1:14" ht="15.75">
      <c r="A2172" s="538"/>
      <c r="B2172" s="411">
        <f t="shared" si="67"/>
        <v>116</v>
      </c>
      <c r="C2172" s="498" t="s">
        <v>4685</v>
      </c>
      <c r="D2172" s="449" t="s">
        <v>4686</v>
      </c>
      <c r="E2172" s="144" t="s">
        <v>707</v>
      </c>
      <c r="F2172" s="449" t="s">
        <v>600</v>
      </c>
      <c r="G2172" s="450"/>
      <c r="H2172" s="415"/>
      <c r="I2172" s="451"/>
      <c r="J2172" s="144"/>
      <c r="K2172" s="517"/>
      <c r="L2172" s="455">
        <v>38362</v>
      </c>
      <c r="M2172" s="455"/>
      <c r="N2172" s="418" t="str">
        <f t="shared" si="66"/>
        <v/>
      </c>
    </row>
    <row r="2173" spans="1:14" ht="31.5">
      <c r="A2173" s="538"/>
      <c r="B2173" s="411">
        <f t="shared" si="67"/>
        <v>116</v>
      </c>
      <c r="C2173" s="498" t="s">
        <v>312</v>
      </c>
      <c r="D2173" s="449" t="s">
        <v>314</v>
      </c>
      <c r="E2173" s="144" t="s">
        <v>707</v>
      </c>
      <c r="F2173" s="449" t="s">
        <v>600</v>
      </c>
      <c r="G2173" s="450" t="s">
        <v>760</v>
      </c>
      <c r="H2173" s="415"/>
      <c r="I2173" s="451"/>
      <c r="J2173" s="144"/>
      <c r="K2173" s="517"/>
      <c r="L2173" s="455">
        <v>38362</v>
      </c>
      <c r="M2173" s="455"/>
      <c r="N2173" s="418" t="str">
        <f t="shared" si="66"/>
        <v/>
      </c>
    </row>
    <row r="2174" spans="1:14" ht="15.75">
      <c r="A2174" s="538"/>
      <c r="B2174" s="411">
        <f t="shared" si="67"/>
        <v>116</v>
      </c>
      <c r="C2174" s="498" t="s">
        <v>4687</v>
      </c>
      <c r="D2174" s="449" t="s">
        <v>4688</v>
      </c>
      <c r="E2174" s="144" t="s">
        <v>707</v>
      </c>
      <c r="F2174" s="449" t="s">
        <v>600</v>
      </c>
      <c r="G2174" s="450"/>
      <c r="H2174" s="415"/>
      <c r="I2174" s="451"/>
      <c r="J2174" s="144"/>
      <c r="K2174" s="517"/>
      <c r="L2174" s="455">
        <v>38362</v>
      </c>
      <c r="M2174" s="455"/>
      <c r="N2174" s="418" t="str">
        <f t="shared" si="66"/>
        <v/>
      </c>
    </row>
    <row r="2175" spans="1:14" ht="15.75">
      <c r="A2175" s="538"/>
      <c r="B2175" s="411">
        <f t="shared" si="67"/>
        <v>116</v>
      </c>
      <c r="C2175" s="498" t="s">
        <v>4689</v>
      </c>
      <c r="D2175" s="449" t="s">
        <v>4690</v>
      </c>
      <c r="E2175" s="144" t="s">
        <v>707</v>
      </c>
      <c r="F2175" s="449" t="s">
        <v>600</v>
      </c>
      <c r="G2175" s="450"/>
      <c r="H2175" s="415"/>
      <c r="I2175" s="451"/>
      <c r="J2175" s="144"/>
      <c r="K2175" s="517"/>
      <c r="L2175" s="455">
        <v>38362</v>
      </c>
      <c r="M2175" s="455"/>
      <c r="N2175" s="418" t="str">
        <f t="shared" si="66"/>
        <v/>
      </c>
    </row>
    <row r="2176" spans="1:14" ht="15.75">
      <c r="A2176" s="538"/>
      <c r="B2176" s="411">
        <f t="shared" si="67"/>
        <v>116</v>
      </c>
      <c r="C2176" s="498" t="s">
        <v>4691</v>
      </c>
      <c r="D2176" s="449" t="s">
        <v>4692</v>
      </c>
      <c r="E2176" s="144" t="s">
        <v>707</v>
      </c>
      <c r="F2176" s="449" t="s">
        <v>600</v>
      </c>
      <c r="G2176" s="450"/>
      <c r="H2176" s="415"/>
      <c r="I2176" s="451"/>
      <c r="J2176" s="144"/>
      <c r="K2176" s="517"/>
      <c r="L2176" s="455">
        <v>38362</v>
      </c>
      <c r="M2176" s="455"/>
      <c r="N2176" s="418" t="str">
        <f t="shared" si="66"/>
        <v/>
      </c>
    </row>
    <row r="2177" spans="1:14" ht="15.75">
      <c r="A2177" s="538"/>
      <c r="B2177" s="411">
        <f t="shared" si="67"/>
        <v>116</v>
      </c>
      <c r="C2177" s="498" t="s">
        <v>4693</v>
      </c>
      <c r="D2177" s="449" t="s">
        <v>4694</v>
      </c>
      <c r="E2177" s="144" t="s">
        <v>707</v>
      </c>
      <c r="F2177" s="449" t="s">
        <v>600</v>
      </c>
      <c r="G2177" s="450"/>
      <c r="H2177" s="415"/>
      <c r="I2177" s="451"/>
      <c r="J2177" s="144"/>
      <c r="K2177" s="517"/>
      <c r="L2177" s="455">
        <v>38362</v>
      </c>
      <c r="M2177" s="455"/>
      <c r="N2177" s="418" t="str">
        <f t="shared" si="66"/>
        <v/>
      </c>
    </row>
    <row r="2178" spans="1:14" ht="15.75">
      <c r="A2178" s="538"/>
      <c r="B2178" s="411">
        <f t="shared" si="67"/>
        <v>116</v>
      </c>
      <c r="C2178" s="498" t="s">
        <v>4695</v>
      </c>
      <c r="D2178" s="449" t="s">
        <v>4696</v>
      </c>
      <c r="E2178" s="144" t="s">
        <v>707</v>
      </c>
      <c r="F2178" s="449" t="s">
        <v>600</v>
      </c>
      <c r="G2178" s="450"/>
      <c r="H2178" s="415"/>
      <c r="I2178" s="451"/>
      <c r="J2178" s="144"/>
      <c r="K2178" s="517"/>
      <c r="L2178" s="455">
        <v>38362</v>
      </c>
      <c r="M2178" s="455"/>
      <c r="N2178" s="418" t="str">
        <f t="shared" si="66"/>
        <v/>
      </c>
    </row>
    <row r="2179" spans="1:14" ht="15.75">
      <c r="A2179" s="538"/>
      <c r="B2179" s="411">
        <f t="shared" si="67"/>
        <v>116</v>
      </c>
      <c r="C2179" s="498" t="s">
        <v>4697</v>
      </c>
      <c r="D2179" s="449" t="s">
        <v>4698</v>
      </c>
      <c r="E2179" s="144" t="s">
        <v>707</v>
      </c>
      <c r="F2179" s="449" t="s">
        <v>600</v>
      </c>
      <c r="G2179" s="450"/>
      <c r="H2179" s="415"/>
      <c r="I2179" s="451"/>
      <c r="J2179" s="144"/>
      <c r="K2179" s="517"/>
      <c r="L2179" s="455">
        <v>38362</v>
      </c>
      <c r="M2179" s="455"/>
      <c r="N2179" s="418" t="str">
        <f t="shared" si="66"/>
        <v/>
      </c>
    </row>
    <row r="2180" spans="1:14" ht="15.75">
      <c r="A2180" s="538"/>
      <c r="B2180" s="411">
        <f t="shared" si="67"/>
        <v>116</v>
      </c>
      <c r="C2180" s="498" t="s">
        <v>3167</v>
      </c>
      <c r="D2180" s="449" t="s">
        <v>3168</v>
      </c>
      <c r="E2180" s="144" t="s">
        <v>707</v>
      </c>
      <c r="F2180" s="449" t="s">
        <v>600</v>
      </c>
      <c r="G2180" s="450"/>
      <c r="H2180" s="415"/>
      <c r="I2180" s="451"/>
      <c r="J2180" s="144"/>
      <c r="K2180" s="517"/>
      <c r="L2180" s="455">
        <v>39845</v>
      </c>
      <c r="M2180" s="455"/>
      <c r="N2180" s="418" t="str">
        <f t="shared" si="66"/>
        <v>DUPLICATE</v>
      </c>
    </row>
    <row r="2181" spans="1:14" ht="31.5">
      <c r="A2181" s="538"/>
      <c r="B2181" s="411">
        <f t="shared" si="67"/>
        <v>116</v>
      </c>
      <c r="C2181" s="498" t="s">
        <v>4699</v>
      </c>
      <c r="D2181" s="449" t="s">
        <v>323</v>
      </c>
      <c r="E2181" s="144" t="s">
        <v>707</v>
      </c>
      <c r="F2181" s="449" t="s">
        <v>600</v>
      </c>
      <c r="G2181" s="450" t="s">
        <v>760</v>
      </c>
      <c r="H2181" s="415"/>
      <c r="I2181" s="451"/>
      <c r="J2181" s="144"/>
      <c r="K2181" s="517"/>
      <c r="L2181" s="455">
        <v>39845</v>
      </c>
      <c r="M2181" s="455">
        <v>42401</v>
      </c>
      <c r="N2181" s="418" t="str">
        <f t="shared" si="66"/>
        <v/>
      </c>
    </row>
    <row r="2182" spans="1:14" ht="15.75">
      <c r="A2182" s="538"/>
      <c r="B2182" s="411">
        <f t="shared" si="67"/>
        <v>116</v>
      </c>
      <c r="C2182" s="498" t="s">
        <v>4700</v>
      </c>
      <c r="D2182" s="449" t="s">
        <v>4701</v>
      </c>
      <c r="E2182" s="144" t="s">
        <v>707</v>
      </c>
      <c r="F2182" s="449" t="s">
        <v>600</v>
      </c>
      <c r="G2182" s="450"/>
      <c r="H2182" s="415"/>
      <c r="I2182" s="451"/>
      <c r="J2182" s="144"/>
      <c r="K2182" s="517"/>
      <c r="L2182" s="455">
        <v>39845</v>
      </c>
      <c r="M2182" s="455"/>
      <c r="N2182" s="418" t="str">
        <f t="shared" si="66"/>
        <v/>
      </c>
    </row>
    <row r="2183" spans="1:14" ht="15.75">
      <c r="A2183" s="538"/>
      <c r="B2183" s="411">
        <f t="shared" si="67"/>
        <v>116</v>
      </c>
      <c r="C2183" s="498" t="s">
        <v>4702</v>
      </c>
      <c r="D2183" s="449" t="s">
        <v>4703</v>
      </c>
      <c r="E2183" s="144" t="s">
        <v>707</v>
      </c>
      <c r="F2183" s="449" t="s">
        <v>600</v>
      </c>
      <c r="G2183" s="450"/>
      <c r="H2183" s="415"/>
      <c r="I2183" s="451"/>
      <c r="J2183" s="144"/>
      <c r="K2183" s="517"/>
      <c r="L2183" s="455">
        <v>39845</v>
      </c>
      <c r="M2183" s="455"/>
      <c r="N2183" s="418" t="str">
        <f t="shared" si="66"/>
        <v/>
      </c>
    </row>
    <row r="2184" spans="1:14" ht="15.75">
      <c r="A2184" s="538"/>
      <c r="B2184" s="411">
        <f t="shared" si="67"/>
        <v>116</v>
      </c>
      <c r="C2184" s="498" t="s">
        <v>4704</v>
      </c>
      <c r="D2184" s="449" t="s">
        <v>4705</v>
      </c>
      <c r="E2184" s="144" t="s">
        <v>707</v>
      </c>
      <c r="F2184" s="449" t="s">
        <v>600</v>
      </c>
      <c r="G2184" s="450"/>
      <c r="H2184" s="415"/>
      <c r="I2184" s="451"/>
      <c r="J2184" s="144"/>
      <c r="K2184" s="517"/>
      <c r="L2184" s="455">
        <v>39845</v>
      </c>
      <c r="M2184" s="455"/>
      <c r="N2184" s="418" t="str">
        <f t="shared" si="66"/>
        <v/>
      </c>
    </row>
    <row r="2185" spans="1:14" ht="141.75">
      <c r="A2185" s="536">
        <v>117</v>
      </c>
      <c r="B2185" s="411">
        <f t="shared" si="67"/>
        <v>117</v>
      </c>
      <c r="C2185" s="424" t="s">
        <v>4706</v>
      </c>
      <c r="D2185" s="414"/>
      <c r="E2185" s="414" t="s">
        <v>707</v>
      </c>
      <c r="F2185" s="414" t="s">
        <v>600</v>
      </c>
      <c r="G2185" s="414" t="s">
        <v>26638</v>
      </c>
      <c r="H2185" s="415"/>
      <c r="I2185" s="415"/>
      <c r="J2185" s="416" t="s">
        <v>4707</v>
      </c>
      <c r="K2185" s="422" t="s">
        <v>3931</v>
      </c>
      <c r="L2185" s="417">
        <v>38362</v>
      </c>
      <c r="M2185" s="417">
        <v>43132</v>
      </c>
      <c r="N2185" s="418" t="str">
        <f t="shared" si="66"/>
        <v/>
      </c>
    </row>
    <row r="2186" spans="1:14" ht="28.5">
      <c r="A2186" s="574"/>
      <c r="B2186" s="411">
        <f t="shared" si="67"/>
        <v>117</v>
      </c>
      <c r="C2186" s="633" t="s">
        <v>4708</v>
      </c>
      <c r="D2186" s="445" t="s">
        <v>4709</v>
      </c>
      <c r="E2186" s="510" t="s">
        <v>707</v>
      </c>
      <c r="F2186" s="144" t="s">
        <v>600</v>
      </c>
      <c r="G2186" s="442"/>
      <c r="H2186" s="415"/>
      <c r="I2186" s="481"/>
      <c r="J2186" s="144"/>
      <c r="K2186" s="539"/>
      <c r="L2186" s="448">
        <v>38362</v>
      </c>
      <c r="M2186" s="448">
        <v>42767</v>
      </c>
      <c r="N2186" s="418" t="str">
        <f t="shared" ref="N2186:N2249" si="68">IF(D2186="NA","",IF(COUNTIF($D$2:$D$5552,D2186)&gt;1,"DUPLICATE",""))</f>
        <v/>
      </c>
    </row>
    <row r="2187" spans="1:14" ht="15.75">
      <c r="A2187" s="538"/>
      <c r="B2187" s="411">
        <f t="shared" si="67"/>
        <v>117</v>
      </c>
      <c r="C2187" s="498" t="s">
        <v>2092</v>
      </c>
      <c r="D2187" s="449" t="s">
        <v>2093</v>
      </c>
      <c r="E2187" s="510" t="s">
        <v>707</v>
      </c>
      <c r="F2187" s="140" t="s">
        <v>600</v>
      </c>
      <c r="G2187" s="449"/>
      <c r="H2187" s="415"/>
      <c r="I2187" s="481"/>
      <c r="J2187" s="144"/>
      <c r="K2187" s="522"/>
      <c r="L2187" s="455">
        <v>42036</v>
      </c>
      <c r="M2187" s="455">
        <v>42036</v>
      </c>
      <c r="N2187" s="418" t="str">
        <f t="shared" si="68"/>
        <v>DUPLICATE</v>
      </c>
    </row>
    <row r="2188" spans="1:14" ht="15.75">
      <c r="A2188" s="538"/>
      <c r="B2188" s="411">
        <f t="shared" si="67"/>
        <v>117</v>
      </c>
      <c r="C2188" s="440" t="s">
        <v>4710</v>
      </c>
      <c r="D2188" s="452" t="s">
        <v>4711</v>
      </c>
      <c r="E2188" s="510" t="s">
        <v>707</v>
      </c>
      <c r="F2188" s="140" t="s">
        <v>600</v>
      </c>
      <c r="G2188" s="450"/>
      <c r="H2188" s="415"/>
      <c r="I2188" s="481"/>
      <c r="J2188" s="144"/>
      <c r="K2188" s="517"/>
      <c r="L2188" s="455">
        <v>38362</v>
      </c>
      <c r="M2188" s="455"/>
      <c r="N2188" s="418" t="str">
        <f t="shared" si="68"/>
        <v/>
      </c>
    </row>
    <row r="2189" spans="1:14" ht="15.75">
      <c r="A2189" s="538"/>
      <c r="B2189" s="411">
        <f t="shared" si="67"/>
        <v>117</v>
      </c>
      <c r="C2189" s="440" t="s">
        <v>4712</v>
      </c>
      <c r="D2189" s="452" t="s">
        <v>4713</v>
      </c>
      <c r="E2189" s="510" t="s">
        <v>707</v>
      </c>
      <c r="F2189" s="140" t="s">
        <v>600</v>
      </c>
      <c r="G2189" s="450"/>
      <c r="H2189" s="415"/>
      <c r="I2189" s="481"/>
      <c r="J2189" s="144"/>
      <c r="K2189" s="517"/>
      <c r="L2189" s="455">
        <v>38362</v>
      </c>
      <c r="M2189" s="455"/>
      <c r="N2189" s="418" t="str">
        <f t="shared" si="68"/>
        <v/>
      </c>
    </row>
    <row r="2190" spans="1:14" ht="15.75">
      <c r="A2190" s="538"/>
      <c r="B2190" s="411">
        <f t="shared" si="67"/>
        <v>117</v>
      </c>
      <c r="C2190" s="440" t="s">
        <v>4714</v>
      </c>
      <c r="D2190" s="452" t="s">
        <v>4715</v>
      </c>
      <c r="E2190" s="510" t="s">
        <v>707</v>
      </c>
      <c r="F2190" s="140" t="s">
        <v>600</v>
      </c>
      <c r="G2190" s="450"/>
      <c r="H2190" s="415"/>
      <c r="I2190" s="481"/>
      <c r="J2190" s="144"/>
      <c r="K2190" s="517"/>
      <c r="L2190" s="455">
        <v>38362</v>
      </c>
      <c r="M2190" s="455"/>
      <c r="N2190" s="418" t="str">
        <f t="shared" si="68"/>
        <v/>
      </c>
    </row>
    <row r="2191" spans="1:14" ht="15.75">
      <c r="A2191" s="538"/>
      <c r="B2191" s="411">
        <f t="shared" si="67"/>
        <v>117</v>
      </c>
      <c r="C2191" s="440" t="s">
        <v>4716</v>
      </c>
      <c r="D2191" s="452" t="s">
        <v>4717</v>
      </c>
      <c r="E2191" s="510" t="s">
        <v>707</v>
      </c>
      <c r="F2191" s="140" t="s">
        <v>600</v>
      </c>
      <c r="G2191" s="450"/>
      <c r="H2191" s="415"/>
      <c r="I2191" s="481"/>
      <c r="J2191" s="144"/>
      <c r="K2191" s="517"/>
      <c r="L2191" s="455">
        <v>38362</v>
      </c>
      <c r="M2191" s="455"/>
      <c r="N2191" s="418" t="str">
        <f t="shared" si="68"/>
        <v/>
      </c>
    </row>
    <row r="2192" spans="1:14" ht="15.75">
      <c r="A2192" s="538"/>
      <c r="B2192" s="411">
        <f t="shared" si="67"/>
        <v>117</v>
      </c>
      <c r="C2192" s="440" t="s">
        <v>4718</v>
      </c>
      <c r="D2192" s="452" t="s">
        <v>4719</v>
      </c>
      <c r="E2192" s="510" t="s">
        <v>707</v>
      </c>
      <c r="F2192" s="140" t="s">
        <v>600</v>
      </c>
      <c r="G2192" s="450"/>
      <c r="H2192" s="415"/>
      <c r="I2192" s="481"/>
      <c r="J2192" s="144"/>
      <c r="K2192" s="517"/>
      <c r="L2192" s="455">
        <v>38362</v>
      </c>
      <c r="M2192" s="455"/>
      <c r="N2192" s="418" t="str">
        <f t="shared" si="68"/>
        <v/>
      </c>
    </row>
    <row r="2193" spans="1:14" ht="15.75">
      <c r="A2193" s="538"/>
      <c r="B2193" s="411">
        <f t="shared" si="67"/>
        <v>117</v>
      </c>
      <c r="C2193" s="440" t="s">
        <v>4720</v>
      </c>
      <c r="D2193" s="452" t="s">
        <v>4721</v>
      </c>
      <c r="E2193" s="510" t="s">
        <v>707</v>
      </c>
      <c r="F2193" s="140" t="s">
        <v>600</v>
      </c>
      <c r="G2193" s="450"/>
      <c r="H2193" s="415"/>
      <c r="I2193" s="481"/>
      <c r="J2193" s="144"/>
      <c r="K2193" s="517"/>
      <c r="L2193" s="455">
        <v>38362</v>
      </c>
      <c r="M2193" s="455"/>
      <c r="N2193" s="418" t="str">
        <f t="shared" si="68"/>
        <v/>
      </c>
    </row>
    <row r="2194" spans="1:14" ht="15.75">
      <c r="A2194" s="538"/>
      <c r="B2194" s="411">
        <f t="shared" si="67"/>
        <v>117</v>
      </c>
      <c r="C2194" s="440" t="s">
        <v>4722</v>
      </c>
      <c r="D2194" s="452" t="s">
        <v>4723</v>
      </c>
      <c r="E2194" s="510" t="s">
        <v>707</v>
      </c>
      <c r="F2194" s="140" t="s">
        <v>600</v>
      </c>
      <c r="G2194" s="450"/>
      <c r="H2194" s="415"/>
      <c r="I2194" s="481"/>
      <c r="J2194" s="144"/>
      <c r="K2194" s="517"/>
      <c r="L2194" s="455">
        <v>38362</v>
      </c>
      <c r="M2194" s="455"/>
      <c r="N2194" s="418" t="str">
        <f t="shared" si="68"/>
        <v/>
      </c>
    </row>
    <row r="2195" spans="1:14" ht="15.75">
      <c r="A2195" s="538"/>
      <c r="B2195" s="411">
        <f t="shared" si="67"/>
        <v>117</v>
      </c>
      <c r="C2195" s="440" t="s">
        <v>4724</v>
      </c>
      <c r="D2195" s="452" t="s">
        <v>4725</v>
      </c>
      <c r="E2195" s="510" t="s">
        <v>707</v>
      </c>
      <c r="F2195" s="140" t="s">
        <v>600</v>
      </c>
      <c r="G2195" s="450"/>
      <c r="H2195" s="415"/>
      <c r="I2195" s="481"/>
      <c r="J2195" s="144"/>
      <c r="K2195" s="517"/>
      <c r="L2195" s="455">
        <v>38362</v>
      </c>
      <c r="M2195" s="455"/>
      <c r="N2195" s="418" t="str">
        <f t="shared" si="68"/>
        <v/>
      </c>
    </row>
    <row r="2196" spans="1:14" ht="15.75">
      <c r="A2196" s="538"/>
      <c r="B2196" s="411">
        <f t="shared" si="67"/>
        <v>117</v>
      </c>
      <c r="C2196" s="440" t="s">
        <v>4726</v>
      </c>
      <c r="D2196" s="452" t="s">
        <v>4727</v>
      </c>
      <c r="E2196" s="510" t="s">
        <v>707</v>
      </c>
      <c r="F2196" s="140" t="s">
        <v>600</v>
      </c>
      <c r="G2196" s="450"/>
      <c r="H2196" s="415"/>
      <c r="I2196" s="481"/>
      <c r="J2196" s="144"/>
      <c r="K2196" s="517"/>
      <c r="L2196" s="455">
        <v>38362</v>
      </c>
      <c r="M2196" s="455"/>
      <c r="N2196" s="418" t="str">
        <f t="shared" si="68"/>
        <v/>
      </c>
    </row>
    <row r="2197" spans="1:14" ht="15.75">
      <c r="A2197" s="538"/>
      <c r="B2197" s="411">
        <f t="shared" si="67"/>
        <v>117</v>
      </c>
      <c r="C2197" s="440" t="s">
        <v>4728</v>
      </c>
      <c r="D2197" s="452" t="s">
        <v>4729</v>
      </c>
      <c r="E2197" s="510" t="s">
        <v>707</v>
      </c>
      <c r="F2197" s="140" t="s">
        <v>600</v>
      </c>
      <c r="G2197" s="450"/>
      <c r="H2197" s="415"/>
      <c r="I2197" s="481"/>
      <c r="J2197" s="144"/>
      <c r="K2197" s="517"/>
      <c r="L2197" s="455">
        <v>38362</v>
      </c>
      <c r="M2197" s="455"/>
      <c r="N2197" s="418" t="str">
        <f t="shared" si="68"/>
        <v/>
      </c>
    </row>
    <row r="2198" spans="1:14" ht="15.75">
      <c r="A2198" s="538"/>
      <c r="B2198" s="411">
        <f t="shared" si="67"/>
        <v>117</v>
      </c>
      <c r="C2198" s="440" t="s">
        <v>4730</v>
      </c>
      <c r="D2198" s="452" t="s">
        <v>4731</v>
      </c>
      <c r="E2198" s="510" t="s">
        <v>707</v>
      </c>
      <c r="F2198" s="140" t="s">
        <v>600</v>
      </c>
      <c r="G2198" s="450"/>
      <c r="H2198" s="415"/>
      <c r="I2198" s="481"/>
      <c r="J2198" s="144"/>
      <c r="K2198" s="517"/>
      <c r="L2198" s="455">
        <v>38362</v>
      </c>
      <c r="M2198" s="455"/>
      <c r="N2198" s="418" t="str">
        <f t="shared" si="68"/>
        <v/>
      </c>
    </row>
    <row r="2199" spans="1:14" ht="28.5">
      <c r="A2199" s="538"/>
      <c r="B2199" s="411">
        <f t="shared" si="67"/>
        <v>117</v>
      </c>
      <c r="C2199" s="440" t="s">
        <v>4732</v>
      </c>
      <c r="D2199" s="452" t="s">
        <v>4733</v>
      </c>
      <c r="E2199" s="510" t="s">
        <v>707</v>
      </c>
      <c r="F2199" s="140" t="s">
        <v>600</v>
      </c>
      <c r="G2199" s="450"/>
      <c r="H2199" s="415"/>
      <c r="I2199" s="481"/>
      <c r="J2199" s="144"/>
      <c r="K2199" s="517"/>
      <c r="L2199" s="455">
        <v>38362</v>
      </c>
      <c r="M2199" s="455"/>
      <c r="N2199" s="418" t="str">
        <f t="shared" si="68"/>
        <v/>
      </c>
    </row>
    <row r="2200" spans="1:14" ht="28.5">
      <c r="A2200" s="538"/>
      <c r="B2200" s="411">
        <f t="shared" si="67"/>
        <v>117</v>
      </c>
      <c r="C2200" s="440" t="s">
        <v>4734</v>
      </c>
      <c r="D2200" s="452" t="s">
        <v>4735</v>
      </c>
      <c r="E2200" s="452" t="s">
        <v>707</v>
      </c>
      <c r="F2200" s="144" t="s">
        <v>600</v>
      </c>
      <c r="G2200" s="450"/>
      <c r="H2200" s="415"/>
      <c r="I2200" s="481"/>
      <c r="J2200" s="144"/>
      <c r="K2200" s="517"/>
      <c r="L2200" s="455">
        <v>38362</v>
      </c>
      <c r="M2200" s="455"/>
      <c r="N2200" s="418" t="str">
        <f t="shared" si="68"/>
        <v/>
      </c>
    </row>
    <row r="2201" spans="1:14" ht="15.75">
      <c r="A2201" s="538"/>
      <c r="B2201" s="411">
        <f t="shared" si="67"/>
        <v>117</v>
      </c>
      <c r="C2201" s="440" t="s">
        <v>4736</v>
      </c>
      <c r="D2201" s="452" t="s">
        <v>4737</v>
      </c>
      <c r="E2201" s="510" t="s">
        <v>707</v>
      </c>
      <c r="F2201" s="140" t="s">
        <v>600</v>
      </c>
      <c r="G2201" s="450"/>
      <c r="H2201" s="415"/>
      <c r="I2201" s="481"/>
      <c r="J2201" s="144"/>
      <c r="K2201" s="517"/>
      <c r="L2201" s="455">
        <v>38362</v>
      </c>
      <c r="M2201" s="455"/>
      <c r="N2201" s="418" t="str">
        <f t="shared" si="68"/>
        <v/>
      </c>
    </row>
    <row r="2202" spans="1:14" ht="15.75">
      <c r="A2202" s="538"/>
      <c r="B2202" s="411">
        <f t="shared" ref="B2202:B2265" si="69">IF(A2202&gt;0,A2202,B2201)</f>
        <v>117</v>
      </c>
      <c r="C2202" s="440" t="s">
        <v>4738</v>
      </c>
      <c r="D2202" s="452" t="s">
        <v>4739</v>
      </c>
      <c r="E2202" s="510" t="s">
        <v>707</v>
      </c>
      <c r="F2202" s="140" t="s">
        <v>600</v>
      </c>
      <c r="G2202" s="450"/>
      <c r="H2202" s="415"/>
      <c r="I2202" s="481"/>
      <c r="J2202" s="144"/>
      <c r="K2202" s="517"/>
      <c r="L2202" s="455">
        <v>38362</v>
      </c>
      <c r="M2202" s="455"/>
      <c r="N2202" s="418" t="str">
        <f t="shared" si="68"/>
        <v/>
      </c>
    </row>
    <row r="2203" spans="1:14" ht="15.75">
      <c r="A2203" s="538"/>
      <c r="B2203" s="411">
        <f t="shared" si="69"/>
        <v>117</v>
      </c>
      <c r="C2203" s="440" t="s">
        <v>4740</v>
      </c>
      <c r="D2203" s="452" t="s">
        <v>4741</v>
      </c>
      <c r="E2203" s="510" t="s">
        <v>707</v>
      </c>
      <c r="F2203" s="140" t="s">
        <v>600</v>
      </c>
      <c r="G2203" s="450"/>
      <c r="H2203" s="415"/>
      <c r="I2203" s="481"/>
      <c r="J2203" s="144"/>
      <c r="K2203" s="517"/>
      <c r="L2203" s="455">
        <v>38362</v>
      </c>
      <c r="M2203" s="455"/>
      <c r="N2203" s="418" t="str">
        <f t="shared" si="68"/>
        <v/>
      </c>
    </row>
    <row r="2204" spans="1:14" ht="15.75">
      <c r="A2204" s="538"/>
      <c r="B2204" s="411">
        <f t="shared" si="69"/>
        <v>117</v>
      </c>
      <c r="C2204" s="440" t="s">
        <v>4742</v>
      </c>
      <c r="D2204" s="452" t="s">
        <v>4743</v>
      </c>
      <c r="E2204" s="510" t="s">
        <v>707</v>
      </c>
      <c r="F2204" s="140" t="s">
        <v>600</v>
      </c>
      <c r="G2204" s="450"/>
      <c r="H2204" s="415"/>
      <c r="I2204" s="481"/>
      <c r="J2204" s="144"/>
      <c r="K2204" s="517"/>
      <c r="L2204" s="455">
        <v>38362</v>
      </c>
      <c r="M2204" s="455"/>
      <c r="N2204" s="418" t="str">
        <f t="shared" si="68"/>
        <v/>
      </c>
    </row>
    <row r="2205" spans="1:14" ht="15.75">
      <c r="A2205" s="538"/>
      <c r="B2205" s="411">
        <f t="shared" si="69"/>
        <v>117</v>
      </c>
      <c r="C2205" s="440" t="s">
        <v>4744</v>
      </c>
      <c r="D2205" s="452" t="s">
        <v>4745</v>
      </c>
      <c r="E2205" s="510" t="s">
        <v>707</v>
      </c>
      <c r="F2205" s="140" t="s">
        <v>600</v>
      </c>
      <c r="G2205" s="450"/>
      <c r="H2205" s="415"/>
      <c r="I2205" s="481"/>
      <c r="J2205" s="144"/>
      <c r="K2205" s="517"/>
      <c r="L2205" s="455">
        <v>38362</v>
      </c>
      <c r="M2205" s="455"/>
      <c r="N2205" s="418" t="str">
        <f t="shared" si="68"/>
        <v/>
      </c>
    </row>
    <row r="2206" spans="1:14" ht="15.75">
      <c r="A2206" s="538"/>
      <c r="B2206" s="411">
        <f t="shared" si="69"/>
        <v>117</v>
      </c>
      <c r="C2206" s="440" t="s">
        <v>4746</v>
      </c>
      <c r="D2206" s="452" t="s">
        <v>4747</v>
      </c>
      <c r="E2206" s="510" t="s">
        <v>707</v>
      </c>
      <c r="F2206" s="140" t="s">
        <v>600</v>
      </c>
      <c r="G2206" s="450"/>
      <c r="H2206" s="415"/>
      <c r="I2206" s="481"/>
      <c r="J2206" s="144"/>
      <c r="K2206" s="517"/>
      <c r="L2206" s="455">
        <v>38362</v>
      </c>
      <c r="M2206" s="455"/>
      <c r="N2206" s="418" t="str">
        <f t="shared" si="68"/>
        <v/>
      </c>
    </row>
    <row r="2207" spans="1:14" ht="15.75">
      <c r="A2207" s="538"/>
      <c r="B2207" s="411">
        <f t="shared" si="69"/>
        <v>117</v>
      </c>
      <c r="C2207" s="440" t="s">
        <v>4748</v>
      </c>
      <c r="D2207" s="452" t="s">
        <v>4749</v>
      </c>
      <c r="E2207" s="510" t="s">
        <v>707</v>
      </c>
      <c r="F2207" s="140" t="s">
        <v>600</v>
      </c>
      <c r="G2207" s="450"/>
      <c r="H2207" s="415"/>
      <c r="I2207" s="481"/>
      <c r="J2207" s="144"/>
      <c r="K2207" s="517"/>
      <c r="L2207" s="455">
        <v>38362</v>
      </c>
      <c r="M2207" s="455"/>
      <c r="N2207" s="418" t="str">
        <f t="shared" si="68"/>
        <v/>
      </c>
    </row>
    <row r="2208" spans="1:14" ht="15.75">
      <c r="A2208" s="538"/>
      <c r="B2208" s="411">
        <f t="shared" si="69"/>
        <v>117</v>
      </c>
      <c r="C2208" s="440" t="s">
        <v>4750</v>
      </c>
      <c r="D2208" s="452" t="s">
        <v>4751</v>
      </c>
      <c r="E2208" s="510" t="s">
        <v>707</v>
      </c>
      <c r="F2208" s="140" t="s">
        <v>600</v>
      </c>
      <c r="G2208" s="450"/>
      <c r="H2208" s="415"/>
      <c r="I2208" s="481"/>
      <c r="J2208" s="144"/>
      <c r="K2208" s="517"/>
      <c r="L2208" s="455">
        <v>38362</v>
      </c>
      <c r="M2208" s="455"/>
      <c r="N2208" s="418" t="str">
        <f t="shared" si="68"/>
        <v/>
      </c>
    </row>
    <row r="2209" spans="1:14" ht="15.75">
      <c r="A2209" s="538"/>
      <c r="B2209" s="411">
        <f t="shared" si="69"/>
        <v>117</v>
      </c>
      <c r="C2209" s="440" t="s">
        <v>4752</v>
      </c>
      <c r="D2209" s="452" t="s">
        <v>4753</v>
      </c>
      <c r="E2209" s="510" t="s">
        <v>707</v>
      </c>
      <c r="F2209" s="140" t="s">
        <v>600</v>
      </c>
      <c r="G2209" s="450"/>
      <c r="H2209" s="415"/>
      <c r="I2209" s="481"/>
      <c r="J2209" s="144"/>
      <c r="K2209" s="517"/>
      <c r="L2209" s="455">
        <v>38362</v>
      </c>
      <c r="M2209" s="455"/>
      <c r="N2209" s="418" t="str">
        <f t="shared" si="68"/>
        <v/>
      </c>
    </row>
    <row r="2210" spans="1:14" ht="28.5">
      <c r="A2210" s="538"/>
      <c r="B2210" s="411">
        <f t="shared" si="69"/>
        <v>117</v>
      </c>
      <c r="C2210" s="440" t="s">
        <v>4754</v>
      </c>
      <c r="D2210" s="452" t="s">
        <v>4755</v>
      </c>
      <c r="E2210" s="510" t="s">
        <v>707</v>
      </c>
      <c r="F2210" s="140" t="s">
        <v>600</v>
      </c>
      <c r="G2210" s="450"/>
      <c r="H2210" s="415"/>
      <c r="I2210" s="481"/>
      <c r="J2210" s="144"/>
      <c r="K2210" s="517"/>
      <c r="L2210" s="455">
        <v>38362</v>
      </c>
      <c r="M2210" s="455"/>
      <c r="N2210" s="418" t="str">
        <f t="shared" si="68"/>
        <v/>
      </c>
    </row>
    <row r="2211" spans="1:14" ht="15.75">
      <c r="A2211" s="538"/>
      <c r="B2211" s="411">
        <f t="shared" si="69"/>
        <v>117</v>
      </c>
      <c r="C2211" s="440" t="s">
        <v>4756</v>
      </c>
      <c r="D2211" s="452" t="s">
        <v>4757</v>
      </c>
      <c r="E2211" s="510" t="s">
        <v>707</v>
      </c>
      <c r="F2211" s="140" t="s">
        <v>600</v>
      </c>
      <c r="G2211" s="450"/>
      <c r="H2211" s="415"/>
      <c r="I2211" s="481"/>
      <c r="J2211" s="144"/>
      <c r="K2211" s="517"/>
      <c r="L2211" s="455">
        <v>38362</v>
      </c>
      <c r="M2211" s="455"/>
      <c r="N2211" s="418" t="str">
        <f t="shared" si="68"/>
        <v/>
      </c>
    </row>
    <row r="2212" spans="1:14" ht="15.75">
      <c r="A2212" s="538"/>
      <c r="B2212" s="411">
        <f t="shared" si="69"/>
        <v>117</v>
      </c>
      <c r="C2212" s="440" t="s">
        <v>4758</v>
      </c>
      <c r="D2212" s="452" t="s">
        <v>4759</v>
      </c>
      <c r="E2212" s="510" t="s">
        <v>707</v>
      </c>
      <c r="F2212" s="140" t="s">
        <v>600</v>
      </c>
      <c r="G2212" s="450"/>
      <c r="H2212" s="415"/>
      <c r="I2212" s="481"/>
      <c r="J2212" s="144"/>
      <c r="K2212" s="517"/>
      <c r="L2212" s="455">
        <v>38362</v>
      </c>
      <c r="M2212" s="455"/>
      <c r="N2212" s="418" t="str">
        <f t="shared" si="68"/>
        <v/>
      </c>
    </row>
    <row r="2213" spans="1:14" ht="15.75">
      <c r="A2213" s="538"/>
      <c r="B2213" s="411">
        <f t="shared" si="69"/>
        <v>117</v>
      </c>
      <c r="C2213" s="440" t="s">
        <v>4760</v>
      </c>
      <c r="D2213" s="452" t="s">
        <v>4761</v>
      </c>
      <c r="E2213" s="510" t="s">
        <v>707</v>
      </c>
      <c r="F2213" s="140" t="s">
        <v>600</v>
      </c>
      <c r="G2213" s="450"/>
      <c r="H2213" s="415"/>
      <c r="I2213" s="481"/>
      <c r="J2213" s="144"/>
      <c r="K2213" s="517"/>
      <c r="L2213" s="455">
        <v>38362</v>
      </c>
      <c r="M2213" s="455"/>
      <c r="N2213" s="418" t="str">
        <f t="shared" si="68"/>
        <v/>
      </c>
    </row>
    <row r="2214" spans="1:14" ht="15.75">
      <c r="A2214" s="538"/>
      <c r="B2214" s="411">
        <f t="shared" si="69"/>
        <v>117</v>
      </c>
      <c r="C2214" s="440" t="s">
        <v>4762</v>
      </c>
      <c r="D2214" s="452" t="s">
        <v>4763</v>
      </c>
      <c r="E2214" s="510" t="s">
        <v>707</v>
      </c>
      <c r="F2214" s="140" t="s">
        <v>600</v>
      </c>
      <c r="G2214" s="450"/>
      <c r="H2214" s="415"/>
      <c r="I2214" s="481"/>
      <c r="J2214" s="144"/>
      <c r="K2214" s="517"/>
      <c r="L2214" s="455">
        <v>38362</v>
      </c>
      <c r="M2214" s="455"/>
      <c r="N2214" s="418" t="str">
        <f t="shared" si="68"/>
        <v/>
      </c>
    </row>
    <row r="2215" spans="1:14" ht="15.75">
      <c r="A2215" s="538"/>
      <c r="B2215" s="411">
        <f t="shared" si="69"/>
        <v>117</v>
      </c>
      <c r="C2215" s="440" t="s">
        <v>4764</v>
      </c>
      <c r="D2215" s="452" t="s">
        <v>4765</v>
      </c>
      <c r="E2215" s="510" t="s">
        <v>707</v>
      </c>
      <c r="F2215" s="140" t="s">
        <v>600</v>
      </c>
      <c r="G2215" s="450"/>
      <c r="H2215" s="415"/>
      <c r="I2215" s="481"/>
      <c r="J2215" s="144"/>
      <c r="K2215" s="517"/>
      <c r="L2215" s="455">
        <v>38362</v>
      </c>
      <c r="M2215" s="455"/>
      <c r="N2215" s="418" t="str">
        <f t="shared" si="68"/>
        <v/>
      </c>
    </row>
    <row r="2216" spans="1:14" ht="28.5">
      <c r="A2216" s="538"/>
      <c r="B2216" s="411">
        <f t="shared" si="69"/>
        <v>117</v>
      </c>
      <c r="C2216" s="440" t="s">
        <v>4766</v>
      </c>
      <c r="D2216" s="452" t="s">
        <v>4767</v>
      </c>
      <c r="E2216" s="452" t="s">
        <v>707</v>
      </c>
      <c r="F2216" s="144" t="s">
        <v>600</v>
      </c>
      <c r="G2216" s="450"/>
      <c r="H2216" s="415"/>
      <c r="I2216" s="481"/>
      <c r="J2216" s="144"/>
      <c r="K2216" s="517"/>
      <c r="L2216" s="455">
        <v>38362</v>
      </c>
      <c r="M2216" s="455"/>
      <c r="N2216" s="418" t="str">
        <f t="shared" si="68"/>
        <v/>
      </c>
    </row>
    <row r="2217" spans="1:14" ht="15.75">
      <c r="A2217" s="538"/>
      <c r="B2217" s="411">
        <f t="shared" si="69"/>
        <v>117</v>
      </c>
      <c r="C2217" s="440" t="s">
        <v>4768</v>
      </c>
      <c r="D2217" s="452" t="s">
        <v>4769</v>
      </c>
      <c r="E2217" s="510" t="s">
        <v>707</v>
      </c>
      <c r="F2217" s="140" t="s">
        <v>600</v>
      </c>
      <c r="G2217" s="450"/>
      <c r="H2217" s="415"/>
      <c r="I2217" s="481"/>
      <c r="J2217" s="144"/>
      <c r="K2217" s="517"/>
      <c r="L2217" s="455">
        <v>38362</v>
      </c>
      <c r="M2217" s="455"/>
      <c r="N2217" s="418" t="str">
        <f t="shared" si="68"/>
        <v/>
      </c>
    </row>
    <row r="2218" spans="1:14" ht="15.75">
      <c r="A2218" s="538"/>
      <c r="B2218" s="411">
        <f t="shared" si="69"/>
        <v>117</v>
      </c>
      <c r="C2218" s="440" t="s">
        <v>4770</v>
      </c>
      <c r="D2218" s="452" t="s">
        <v>4771</v>
      </c>
      <c r="E2218" s="510" t="s">
        <v>707</v>
      </c>
      <c r="F2218" s="140" t="s">
        <v>600</v>
      </c>
      <c r="G2218" s="450"/>
      <c r="H2218" s="415"/>
      <c r="I2218" s="481"/>
      <c r="J2218" s="144"/>
      <c r="K2218" s="517"/>
      <c r="L2218" s="455">
        <v>38362</v>
      </c>
      <c r="M2218" s="455"/>
      <c r="N2218" s="418" t="str">
        <f t="shared" si="68"/>
        <v/>
      </c>
    </row>
    <row r="2219" spans="1:14" ht="15.75">
      <c r="A2219" s="538"/>
      <c r="B2219" s="411">
        <f t="shared" si="69"/>
        <v>117</v>
      </c>
      <c r="C2219" s="440" t="s">
        <v>4772</v>
      </c>
      <c r="D2219" s="452" t="s">
        <v>4773</v>
      </c>
      <c r="E2219" s="510" t="s">
        <v>707</v>
      </c>
      <c r="F2219" s="140" t="s">
        <v>600</v>
      </c>
      <c r="G2219" s="450"/>
      <c r="H2219" s="415"/>
      <c r="I2219" s="481"/>
      <c r="J2219" s="144"/>
      <c r="K2219" s="517"/>
      <c r="L2219" s="455">
        <v>38362</v>
      </c>
      <c r="M2219" s="455"/>
      <c r="N2219" s="418" t="str">
        <f t="shared" si="68"/>
        <v/>
      </c>
    </row>
    <row r="2220" spans="1:14" ht="15.75">
      <c r="A2220" s="538"/>
      <c r="B2220" s="411">
        <f t="shared" si="69"/>
        <v>117</v>
      </c>
      <c r="C2220" s="440" t="s">
        <v>4774</v>
      </c>
      <c r="D2220" s="452" t="s">
        <v>4775</v>
      </c>
      <c r="E2220" s="510" t="s">
        <v>707</v>
      </c>
      <c r="F2220" s="140" t="s">
        <v>600</v>
      </c>
      <c r="G2220" s="450"/>
      <c r="H2220" s="415"/>
      <c r="I2220" s="481"/>
      <c r="J2220" s="144"/>
      <c r="K2220" s="517"/>
      <c r="L2220" s="455">
        <v>38362</v>
      </c>
      <c r="M2220" s="455"/>
      <c r="N2220" s="418" t="str">
        <f t="shared" si="68"/>
        <v/>
      </c>
    </row>
    <row r="2221" spans="1:14" ht="15.75">
      <c r="A2221" s="538"/>
      <c r="B2221" s="411">
        <f t="shared" si="69"/>
        <v>117</v>
      </c>
      <c r="C2221" s="440" t="s">
        <v>4776</v>
      </c>
      <c r="D2221" s="452" t="s">
        <v>4777</v>
      </c>
      <c r="E2221" s="510" t="s">
        <v>707</v>
      </c>
      <c r="F2221" s="140" t="s">
        <v>600</v>
      </c>
      <c r="G2221" s="450"/>
      <c r="H2221" s="415"/>
      <c r="I2221" s="481"/>
      <c r="J2221" s="144"/>
      <c r="K2221" s="517"/>
      <c r="L2221" s="455">
        <v>38362</v>
      </c>
      <c r="M2221" s="455"/>
      <c r="N2221" s="418" t="str">
        <f t="shared" si="68"/>
        <v/>
      </c>
    </row>
    <row r="2222" spans="1:14" ht="15.75">
      <c r="A2222" s="538"/>
      <c r="B2222" s="411">
        <f t="shared" si="69"/>
        <v>117</v>
      </c>
      <c r="C2222" s="440" t="s">
        <v>4778</v>
      </c>
      <c r="D2222" s="452" t="s">
        <v>4779</v>
      </c>
      <c r="E2222" s="510" t="s">
        <v>707</v>
      </c>
      <c r="F2222" s="140" t="s">
        <v>600</v>
      </c>
      <c r="G2222" s="450"/>
      <c r="H2222" s="415"/>
      <c r="I2222" s="481"/>
      <c r="J2222" s="144"/>
      <c r="K2222" s="517"/>
      <c r="L2222" s="455">
        <v>38362</v>
      </c>
      <c r="M2222" s="455"/>
      <c r="N2222" s="418" t="str">
        <f t="shared" si="68"/>
        <v/>
      </c>
    </row>
    <row r="2223" spans="1:14" ht="15.75">
      <c r="A2223" s="538"/>
      <c r="B2223" s="411">
        <f t="shared" si="69"/>
        <v>117</v>
      </c>
      <c r="C2223" s="440" t="s">
        <v>4780</v>
      </c>
      <c r="D2223" s="452" t="s">
        <v>4781</v>
      </c>
      <c r="E2223" s="510" t="s">
        <v>707</v>
      </c>
      <c r="F2223" s="140" t="s">
        <v>600</v>
      </c>
      <c r="G2223" s="450"/>
      <c r="H2223" s="415"/>
      <c r="I2223" s="481"/>
      <c r="J2223" s="144"/>
      <c r="K2223" s="517"/>
      <c r="L2223" s="455">
        <v>38362</v>
      </c>
      <c r="M2223" s="455"/>
      <c r="N2223" s="418" t="str">
        <f t="shared" si="68"/>
        <v/>
      </c>
    </row>
    <row r="2224" spans="1:14" ht="15.75">
      <c r="A2224" s="538"/>
      <c r="B2224" s="411">
        <f t="shared" si="69"/>
        <v>117</v>
      </c>
      <c r="C2224" s="440" t="s">
        <v>4782</v>
      </c>
      <c r="D2224" s="452" t="s">
        <v>4783</v>
      </c>
      <c r="E2224" s="510" t="s">
        <v>707</v>
      </c>
      <c r="F2224" s="140" t="s">
        <v>600</v>
      </c>
      <c r="G2224" s="450"/>
      <c r="H2224" s="415"/>
      <c r="I2224" s="481"/>
      <c r="J2224" s="144"/>
      <c r="K2224" s="517"/>
      <c r="L2224" s="455">
        <v>38362</v>
      </c>
      <c r="M2224" s="455"/>
      <c r="N2224" s="418" t="str">
        <f t="shared" si="68"/>
        <v/>
      </c>
    </row>
    <row r="2225" spans="1:14" ht="15.75">
      <c r="A2225" s="538"/>
      <c r="B2225" s="411">
        <f t="shared" si="69"/>
        <v>117</v>
      </c>
      <c r="C2225" s="440" t="s">
        <v>4784</v>
      </c>
      <c r="D2225" s="452" t="s">
        <v>4785</v>
      </c>
      <c r="E2225" s="510" t="s">
        <v>707</v>
      </c>
      <c r="F2225" s="140" t="s">
        <v>600</v>
      </c>
      <c r="G2225" s="450"/>
      <c r="H2225" s="415"/>
      <c r="I2225" s="481"/>
      <c r="J2225" s="144"/>
      <c r="K2225" s="517"/>
      <c r="L2225" s="455">
        <v>38362</v>
      </c>
      <c r="M2225" s="455"/>
      <c r="N2225" s="418" t="str">
        <f t="shared" si="68"/>
        <v/>
      </c>
    </row>
    <row r="2226" spans="1:14" ht="15.75">
      <c r="A2226" s="538"/>
      <c r="B2226" s="411">
        <f t="shared" si="69"/>
        <v>117</v>
      </c>
      <c r="C2226" s="440" t="s">
        <v>4786</v>
      </c>
      <c r="D2226" s="452" t="s">
        <v>4787</v>
      </c>
      <c r="E2226" s="510" t="s">
        <v>707</v>
      </c>
      <c r="F2226" s="140" t="s">
        <v>600</v>
      </c>
      <c r="G2226" s="450"/>
      <c r="H2226" s="415"/>
      <c r="I2226" s="481"/>
      <c r="J2226" s="144"/>
      <c r="K2226" s="517"/>
      <c r="L2226" s="455">
        <v>38362</v>
      </c>
      <c r="M2226" s="455"/>
      <c r="N2226" s="418" t="str">
        <f t="shared" si="68"/>
        <v/>
      </c>
    </row>
    <row r="2227" spans="1:14" ht="15.75">
      <c r="A2227" s="538"/>
      <c r="B2227" s="411">
        <f t="shared" si="69"/>
        <v>117</v>
      </c>
      <c r="C2227" s="440" t="s">
        <v>4788</v>
      </c>
      <c r="D2227" s="452" t="s">
        <v>4789</v>
      </c>
      <c r="E2227" s="510" t="s">
        <v>707</v>
      </c>
      <c r="F2227" s="140" t="s">
        <v>600</v>
      </c>
      <c r="G2227" s="450"/>
      <c r="H2227" s="415"/>
      <c r="I2227" s="481"/>
      <c r="J2227" s="144"/>
      <c r="K2227" s="517"/>
      <c r="L2227" s="455">
        <v>38362</v>
      </c>
      <c r="M2227" s="455"/>
      <c r="N2227" s="418" t="str">
        <f t="shared" si="68"/>
        <v/>
      </c>
    </row>
    <row r="2228" spans="1:14" ht="15.75">
      <c r="A2228" s="538"/>
      <c r="B2228" s="411">
        <f t="shared" si="69"/>
        <v>117</v>
      </c>
      <c r="C2228" s="440" t="s">
        <v>4790</v>
      </c>
      <c r="D2228" s="452" t="s">
        <v>4791</v>
      </c>
      <c r="E2228" s="510" t="s">
        <v>707</v>
      </c>
      <c r="F2228" s="140" t="s">
        <v>600</v>
      </c>
      <c r="G2228" s="450"/>
      <c r="H2228" s="415"/>
      <c r="I2228" s="481"/>
      <c r="J2228" s="144"/>
      <c r="K2228" s="517"/>
      <c r="L2228" s="455">
        <v>38362</v>
      </c>
      <c r="M2228" s="455"/>
      <c r="N2228" s="418" t="str">
        <f t="shared" si="68"/>
        <v/>
      </c>
    </row>
    <row r="2229" spans="1:14" ht="15.75">
      <c r="A2229" s="538"/>
      <c r="B2229" s="411">
        <f t="shared" si="69"/>
        <v>117</v>
      </c>
      <c r="C2229" s="440" t="s">
        <v>4792</v>
      </c>
      <c r="D2229" s="452" t="s">
        <v>4793</v>
      </c>
      <c r="E2229" s="510" t="s">
        <v>707</v>
      </c>
      <c r="F2229" s="140" t="s">
        <v>600</v>
      </c>
      <c r="G2229" s="450"/>
      <c r="H2229" s="415"/>
      <c r="I2229" s="481"/>
      <c r="J2229" s="144"/>
      <c r="K2229" s="517"/>
      <c r="L2229" s="455">
        <v>38362</v>
      </c>
      <c r="M2229" s="455"/>
      <c r="N2229" s="418" t="str">
        <f t="shared" si="68"/>
        <v/>
      </c>
    </row>
    <row r="2230" spans="1:14" ht="15.75">
      <c r="A2230" s="538"/>
      <c r="B2230" s="411">
        <f t="shared" si="69"/>
        <v>117</v>
      </c>
      <c r="C2230" s="440" t="s">
        <v>4794</v>
      </c>
      <c r="D2230" s="452" t="s">
        <v>4795</v>
      </c>
      <c r="E2230" s="510" t="s">
        <v>707</v>
      </c>
      <c r="F2230" s="140" t="s">
        <v>600</v>
      </c>
      <c r="G2230" s="450"/>
      <c r="H2230" s="415"/>
      <c r="I2230" s="481"/>
      <c r="J2230" s="144"/>
      <c r="K2230" s="517"/>
      <c r="L2230" s="455">
        <v>38362</v>
      </c>
      <c r="M2230" s="455"/>
      <c r="N2230" s="418" t="str">
        <f t="shared" si="68"/>
        <v/>
      </c>
    </row>
    <row r="2231" spans="1:14" ht="15.75">
      <c r="A2231" s="538"/>
      <c r="B2231" s="411">
        <f t="shared" si="69"/>
        <v>117</v>
      </c>
      <c r="C2231" s="440" t="s">
        <v>4796</v>
      </c>
      <c r="D2231" s="452" t="s">
        <v>4797</v>
      </c>
      <c r="E2231" s="510" t="s">
        <v>707</v>
      </c>
      <c r="F2231" s="140" t="s">
        <v>600</v>
      </c>
      <c r="G2231" s="450"/>
      <c r="H2231" s="415"/>
      <c r="I2231" s="481"/>
      <c r="J2231" s="144"/>
      <c r="K2231" s="517"/>
      <c r="L2231" s="455">
        <v>38362</v>
      </c>
      <c r="M2231" s="455"/>
      <c r="N2231" s="418" t="str">
        <f t="shared" si="68"/>
        <v/>
      </c>
    </row>
    <row r="2232" spans="1:14" ht="28.5">
      <c r="A2232" s="538"/>
      <c r="B2232" s="411">
        <f t="shared" si="69"/>
        <v>117</v>
      </c>
      <c r="C2232" s="440" t="s">
        <v>4798</v>
      </c>
      <c r="D2232" s="452" t="s">
        <v>4799</v>
      </c>
      <c r="E2232" s="510" t="s">
        <v>707</v>
      </c>
      <c r="F2232" s="140" t="s">
        <v>600</v>
      </c>
      <c r="G2232" s="450"/>
      <c r="H2232" s="415"/>
      <c r="I2232" s="481"/>
      <c r="J2232" s="144"/>
      <c r="K2232" s="517"/>
      <c r="L2232" s="455">
        <v>38362</v>
      </c>
      <c r="M2232" s="455"/>
      <c r="N2232" s="418" t="str">
        <f t="shared" si="68"/>
        <v/>
      </c>
    </row>
    <row r="2233" spans="1:14" ht="15.75">
      <c r="A2233" s="538"/>
      <c r="B2233" s="411">
        <f t="shared" si="69"/>
        <v>117</v>
      </c>
      <c r="C2233" s="440" t="s">
        <v>4800</v>
      </c>
      <c r="D2233" s="452" t="s">
        <v>4801</v>
      </c>
      <c r="E2233" s="510" t="s">
        <v>707</v>
      </c>
      <c r="F2233" s="140" t="s">
        <v>600</v>
      </c>
      <c r="G2233" s="450"/>
      <c r="H2233" s="415"/>
      <c r="I2233" s="481"/>
      <c r="J2233" s="144"/>
      <c r="K2233" s="517"/>
      <c r="L2233" s="455">
        <v>38362</v>
      </c>
      <c r="M2233" s="455"/>
      <c r="N2233" s="418" t="str">
        <f t="shared" si="68"/>
        <v/>
      </c>
    </row>
    <row r="2234" spans="1:14" ht="15.75">
      <c r="A2234" s="538"/>
      <c r="B2234" s="411">
        <f t="shared" si="69"/>
        <v>117</v>
      </c>
      <c r="C2234" s="440" t="s">
        <v>4802</v>
      </c>
      <c r="D2234" s="452" t="s">
        <v>4803</v>
      </c>
      <c r="E2234" s="510" t="s">
        <v>707</v>
      </c>
      <c r="F2234" s="140" t="s">
        <v>600</v>
      </c>
      <c r="G2234" s="450"/>
      <c r="H2234" s="415"/>
      <c r="I2234" s="481"/>
      <c r="J2234" s="144"/>
      <c r="K2234" s="517"/>
      <c r="L2234" s="455">
        <v>38362</v>
      </c>
      <c r="M2234" s="455"/>
      <c r="N2234" s="418" t="str">
        <f t="shared" si="68"/>
        <v/>
      </c>
    </row>
    <row r="2235" spans="1:14" ht="15.75">
      <c r="A2235" s="538"/>
      <c r="B2235" s="411">
        <f t="shared" si="69"/>
        <v>117</v>
      </c>
      <c r="C2235" s="440" t="s">
        <v>4804</v>
      </c>
      <c r="D2235" s="452" t="s">
        <v>4805</v>
      </c>
      <c r="E2235" s="510" t="s">
        <v>707</v>
      </c>
      <c r="F2235" s="140" t="s">
        <v>600</v>
      </c>
      <c r="G2235" s="450"/>
      <c r="H2235" s="415"/>
      <c r="I2235" s="481"/>
      <c r="J2235" s="144"/>
      <c r="K2235" s="517"/>
      <c r="L2235" s="455">
        <v>38362</v>
      </c>
      <c r="M2235" s="455"/>
      <c r="N2235" s="418" t="str">
        <f t="shared" si="68"/>
        <v/>
      </c>
    </row>
    <row r="2236" spans="1:14" ht="15.75">
      <c r="A2236" s="538"/>
      <c r="B2236" s="411">
        <f t="shared" si="69"/>
        <v>117</v>
      </c>
      <c r="C2236" s="440" t="s">
        <v>4806</v>
      </c>
      <c r="D2236" s="452" t="s">
        <v>4807</v>
      </c>
      <c r="E2236" s="510" t="s">
        <v>707</v>
      </c>
      <c r="F2236" s="140" t="s">
        <v>600</v>
      </c>
      <c r="G2236" s="450"/>
      <c r="H2236" s="415"/>
      <c r="I2236" s="481"/>
      <c r="J2236" s="144"/>
      <c r="K2236" s="517"/>
      <c r="L2236" s="455">
        <v>38362</v>
      </c>
      <c r="M2236" s="455"/>
      <c r="N2236" s="418" t="str">
        <f t="shared" si="68"/>
        <v/>
      </c>
    </row>
    <row r="2237" spans="1:14" ht="15.75">
      <c r="A2237" s="538"/>
      <c r="B2237" s="411">
        <f t="shared" si="69"/>
        <v>117</v>
      </c>
      <c r="C2237" s="440" t="s">
        <v>4808</v>
      </c>
      <c r="D2237" s="452" t="s">
        <v>4809</v>
      </c>
      <c r="E2237" s="510" t="s">
        <v>707</v>
      </c>
      <c r="F2237" s="140" t="s">
        <v>600</v>
      </c>
      <c r="G2237" s="450"/>
      <c r="H2237" s="415"/>
      <c r="I2237" s="481"/>
      <c r="J2237" s="144"/>
      <c r="K2237" s="517"/>
      <c r="L2237" s="455">
        <v>38362</v>
      </c>
      <c r="M2237" s="455"/>
      <c r="N2237" s="418" t="str">
        <f t="shared" si="68"/>
        <v/>
      </c>
    </row>
    <row r="2238" spans="1:14" ht="15.75">
      <c r="A2238" s="538"/>
      <c r="B2238" s="411">
        <f t="shared" si="69"/>
        <v>117</v>
      </c>
      <c r="C2238" s="440" t="s">
        <v>4810</v>
      </c>
      <c r="D2238" s="452" t="s">
        <v>4811</v>
      </c>
      <c r="E2238" s="510" t="s">
        <v>707</v>
      </c>
      <c r="F2238" s="140" t="s">
        <v>600</v>
      </c>
      <c r="G2238" s="450"/>
      <c r="H2238" s="415"/>
      <c r="I2238" s="481"/>
      <c r="J2238" s="144"/>
      <c r="K2238" s="517"/>
      <c r="L2238" s="455">
        <v>38362</v>
      </c>
      <c r="M2238" s="455"/>
      <c r="N2238" s="418" t="str">
        <f t="shared" si="68"/>
        <v/>
      </c>
    </row>
    <row r="2239" spans="1:14" ht="15.75">
      <c r="A2239" s="538"/>
      <c r="B2239" s="411">
        <f t="shared" si="69"/>
        <v>117</v>
      </c>
      <c r="C2239" s="440" t="s">
        <v>4812</v>
      </c>
      <c r="D2239" s="452" t="s">
        <v>4813</v>
      </c>
      <c r="E2239" s="510" t="s">
        <v>707</v>
      </c>
      <c r="F2239" s="140" t="s">
        <v>600</v>
      </c>
      <c r="G2239" s="450"/>
      <c r="H2239" s="415"/>
      <c r="I2239" s="481"/>
      <c r="J2239" s="144"/>
      <c r="K2239" s="517"/>
      <c r="L2239" s="455">
        <v>38362</v>
      </c>
      <c r="M2239" s="455"/>
      <c r="N2239" s="418" t="str">
        <f t="shared" si="68"/>
        <v/>
      </c>
    </row>
    <row r="2240" spans="1:14" ht="15.75">
      <c r="A2240" s="538"/>
      <c r="B2240" s="411">
        <f t="shared" si="69"/>
        <v>117</v>
      </c>
      <c r="C2240" s="440" t="s">
        <v>4814</v>
      </c>
      <c r="D2240" s="452" t="s">
        <v>4815</v>
      </c>
      <c r="E2240" s="510" t="s">
        <v>707</v>
      </c>
      <c r="F2240" s="140" t="s">
        <v>600</v>
      </c>
      <c r="G2240" s="450"/>
      <c r="H2240" s="415"/>
      <c r="I2240" s="481"/>
      <c r="J2240" s="144"/>
      <c r="K2240" s="517"/>
      <c r="L2240" s="455">
        <v>38362</v>
      </c>
      <c r="M2240" s="455"/>
      <c r="N2240" s="418" t="str">
        <f t="shared" si="68"/>
        <v/>
      </c>
    </row>
    <row r="2241" spans="1:14" ht="15.75">
      <c r="A2241" s="538"/>
      <c r="B2241" s="411">
        <f t="shared" si="69"/>
        <v>117</v>
      </c>
      <c r="C2241" s="440" t="s">
        <v>4816</v>
      </c>
      <c r="D2241" s="452" t="s">
        <v>4817</v>
      </c>
      <c r="E2241" s="510" t="s">
        <v>707</v>
      </c>
      <c r="F2241" s="140" t="s">
        <v>600</v>
      </c>
      <c r="G2241" s="450"/>
      <c r="H2241" s="415"/>
      <c r="I2241" s="481"/>
      <c r="J2241" s="144"/>
      <c r="K2241" s="517"/>
      <c r="L2241" s="455">
        <v>38362</v>
      </c>
      <c r="M2241" s="455"/>
      <c r="N2241" s="418" t="str">
        <f t="shared" si="68"/>
        <v/>
      </c>
    </row>
    <row r="2242" spans="1:14" ht="15.75">
      <c r="A2242" s="538"/>
      <c r="B2242" s="411">
        <f t="shared" si="69"/>
        <v>117</v>
      </c>
      <c r="C2242" s="440" t="s">
        <v>4818</v>
      </c>
      <c r="D2242" s="452" t="s">
        <v>4819</v>
      </c>
      <c r="E2242" s="510" t="s">
        <v>707</v>
      </c>
      <c r="F2242" s="140" t="s">
        <v>600</v>
      </c>
      <c r="G2242" s="450"/>
      <c r="H2242" s="415"/>
      <c r="I2242" s="481"/>
      <c r="J2242" s="144"/>
      <c r="K2242" s="517"/>
      <c r="L2242" s="455">
        <v>38362</v>
      </c>
      <c r="M2242" s="455"/>
      <c r="N2242" s="418" t="str">
        <f t="shared" si="68"/>
        <v/>
      </c>
    </row>
    <row r="2243" spans="1:14" ht="15.75">
      <c r="A2243" s="538"/>
      <c r="B2243" s="411">
        <f t="shared" si="69"/>
        <v>117</v>
      </c>
      <c r="C2243" s="440" t="s">
        <v>4820</v>
      </c>
      <c r="D2243" s="452" t="s">
        <v>4821</v>
      </c>
      <c r="E2243" s="510" t="s">
        <v>707</v>
      </c>
      <c r="F2243" s="140" t="s">
        <v>600</v>
      </c>
      <c r="G2243" s="450"/>
      <c r="H2243" s="415"/>
      <c r="I2243" s="481"/>
      <c r="J2243" s="144"/>
      <c r="K2243" s="517"/>
      <c r="L2243" s="455">
        <v>38362</v>
      </c>
      <c r="M2243" s="455"/>
      <c r="N2243" s="418" t="str">
        <f t="shared" si="68"/>
        <v/>
      </c>
    </row>
    <row r="2244" spans="1:14" ht="15.75">
      <c r="A2244" s="538"/>
      <c r="B2244" s="411">
        <f t="shared" si="69"/>
        <v>117</v>
      </c>
      <c r="C2244" s="440" t="s">
        <v>4822</v>
      </c>
      <c r="D2244" s="452" t="s">
        <v>4823</v>
      </c>
      <c r="E2244" s="510" t="s">
        <v>707</v>
      </c>
      <c r="F2244" s="140" t="s">
        <v>600</v>
      </c>
      <c r="G2244" s="450"/>
      <c r="H2244" s="415"/>
      <c r="I2244" s="481"/>
      <c r="J2244" s="144"/>
      <c r="K2244" s="517"/>
      <c r="L2244" s="455">
        <v>38362</v>
      </c>
      <c r="M2244" s="455"/>
      <c r="N2244" s="418" t="str">
        <f t="shared" si="68"/>
        <v/>
      </c>
    </row>
    <row r="2245" spans="1:14" ht="28.5">
      <c r="A2245" s="538"/>
      <c r="B2245" s="411">
        <f t="shared" si="69"/>
        <v>117</v>
      </c>
      <c r="C2245" s="440" t="s">
        <v>4824</v>
      </c>
      <c r="D2245" s="452" t="s">
        <v>4825</v>
      </c>
      <c r="E2245" s="510" t="s">
        <v>707</v>
      </c>
      <c r="F2245" s="140" t="s">
        <v>600</v>
      </c>
      <c r="G2245" s="450"/>
      <c r="H2245" s="415"/>
      <c r="I2245" s="481"/>
      <c r="J2245" s="144"/>
      <c r="K2245" s="517"/>
      <c r="L2245" s="455">
        <v>38362</v>
      </c>
      <c r="M2245" s="455"/>
      <c r="N2245" s="418" t="str">
        <f t="shared" si="68"/>
        <v/>
      </c>
    </row>
    <row r="2246" spans="1:14" ht="15.75">
      <c r="A2246" s="538"/>
      <c r="B2246" s="411">
        <f t="shared" si="69"/>
        <v>117</v>
      </c>
      <c r="C2246" s="440" t="s">
        <v>4826</v>
      </c>
      <c r="D2246" s="452" t="s">
        <v>4827</v>
      </c>
      <c r="E2246" s="510" t="s">
        <v>707</v>
      </c>
      <c r="F2246" s="140" t="s">
        <v>600</v>
      </c>
      <c r="G2246" s="450"/>
      <c r="H2246" s="415"/>
      <c r="I2246" s="481"/>
      <c r="J2246" s="144"/>
      <c r="K2246" s="517"/>
      <c r="L2246" s="455">
        <v>38362</v>
      </c>
      <c r="M2246" s="455"/>
      <c r="N2246" s="418" t="str">
        <f t="shared" si="68"/>
        <v/>
      </c>
    </row>
    <row r="2247" spans="1:14" ht="15.75">
      <c r="A2247" s="538"/>
      <c r="B2247" s="411">
        <f t="shared" si="69"/>
        <v>117</v>
      </c>
      <c r="C2247" s="440" t="s">
        <v>4828</v>
      </c>
      <c r="D2247" s="452" t="s">
        <v>4829</v>
      </c>
      <c r="E2247" s="510" t="s">
        <v>707</v>
      </c>
      <c r="F2247" s="140" t="s">
        <v>600</v>
      </c>
      <c r="G2247" s="450"/>
      <c r="H2247" s="415"/>
      <c r="I2247" s="481"/>
      <c r="J2247" s="144"/>
      <c r="K2247" s="517"/>
      <c r="L2247" s="455">
        <v>38362</v>
      </c>
      <c r="M2247" s="455"/>
      <c r="N2247" s="418" t="str">
        <f t="shared" si="68"/>
        <v/>
      </c>
    </row>
    <row r="2248" spans="1:14" ht="15.75">
      <c r="A2248" s="538"/>
      <c r="B2248" s="411">
        <f t="shared" si="69"/>
        <v>117</v>
      </c>
      <c r="C2248" s="440" t="s">
        <v>4830</v>
      </c>
      <c r="D2248" s="452" t="s">
        <v>4831</v>
      </c>
      <c r="E2248" s="510" t="s">
        <v>707</v>
      </c>
      <c r="F2248" s="140" t="s">
        <v>600</v>
      </c>
      <c r="G2248" s="450"/>
      <c r="H2248" s="415"/>
      <c r="I2248" s="481"/>
      <c r="J2248" s="144"/>
      <c r="K2248" s="517"/>
      <c r="L2248" s="455">
        <v>38362</v>
      </c>
      <c r="M2248" s="455"/>
      <c r="N2248" s="418" t="str">
        <f t="shared" si="68"/>
        <v/>
      </c>
    </row>
    <row r="2249" spans="1:14" ht="15.75">
      <c r="A2249" s="538"/>
      <c r="B2249" s="411">
        <f t="shared" si="69"/>
        <v>117</v>
      </c>
      <c r="C2249" s="440" t="s">
        <v>4832</v>
      </c>
      <c r="D2249" s="452" t="s">
        <v>4833</v>
      </c>
      <c r="E2249" s="510" t="s">
        <v>707</v>
      </c>
      <c r="F2249" s="140" t="s">
        <v>600</v>
      </c>
      <c r="G2249" s="450"/>
      <c r="H2249" s="415"/>
      <c r="I2249" s="481"/>
      <c r="J2249" s="144"/>
      <c r="K2249" s="517"/>
      <c r="L2249" s="455">
        <v>38362</v>
      </c>
      <c r="M2249" s="455"/>
      <c r="N2249" s="418" t="str">
        <f t="shared" si="68"/>
        <v/>
      </c>
    </row>
    <row r="2250" spans="1:14" ht="15.75">
      <c r="A2250" s="538"/>
      <c r="B2250" s="411">
        <f t="shared" si="69"/>
        <v>117</v>
      </c>
      <c r="C2250" s="440" t="s">
        <v>4834</v>
      </c>
      <c r="D2250" s="452" t="s">
        <v>4835</v>
      </c>
      <c r="E2250" s="510" t="s">
        <v>707</v>
      </c>
      <c r="F2250" s="140" t="s">
        <v>600</v>
      </c>
      <c r="G2250" s="450"/>
      <c r="H2250" s="415"/>
      <c r="I2250" s="481"/>
      <c r="J2250" s="144"/>
      <c r="K2250" s="517"/>
      <c r="L2250" s="455">
        <v>38362</v>
      </c>
      <c r="M2250" s="455"/>
      <c r="N2250" s="418" t="str">
        <f t="shared" ref="N2250:N2313" si="70">IF(D2250="NA","",IF(COUNTIF($D$2:$D$5552,D2250)&gt;1,"DUPLICATE",""))</f>
        <v/>
      </c>
    </row>
    <row r="2251" spans="1:14" ht="15.75">
      <c r="A2251" s="538"/>
      <c r="B2251" s="411">
        <f t="shared" si="69"/>
        <v>117</v>
      </c>
      <c r="C2251" s="440" t="s">
        <v>4836</v>
      </c>
      <c r="D2251" s="452" t="s">
        <v>4837</v>
      </c>
      <c r="E2251" s="510" t="s">
        <v>707</v>
      </c>
      <c r="F2251" s="140" t="s">
        <v>600</v>
      </c>
      <c r="G2251" s="450"/>
      <c r="H2251" s="415"/>
      <c r="I2251" s="481"/>
      <c r="J2251" s="144"/>
      <c r="K2251" s="517"/>
      <c r="L2251" s="455">
        <v>38362</v>
      </c>
      <c r="M2251" s="455"/>
      <c r="N2251" s="418" t="str">
        <f t="shared" si="70"/>
        <v/>
      </c>
    </row>
    <row r="2252" spans="1:14" ht="15.75">
      <c r="A2252" s="538"/>
      <c r="B2252" s="411">
        <f t="shared" si="69"/>
        <v>117</v>
      </c>
      <c r="C2252" s="440" t="s">
        <v>4838</v>
      </c>
      <c r="D2252" s="452" t="s">
        <v>4839</v>
      </c>
      <c r="E2252" s="510" t="s">
        <v>707</v>
      </c>
      <c r="F2252" s="140" t="s">
        <v>600</v>
      </c>
      <c r="G2252" s="450"/>
      <c r="H2252" s="415"/>
      <c r="I2252" s="481"/>
      <c r="J2252" s="144"/>
      <c r="K2252" s="517"/>
      <c r="L2252" s="455">
        <v>38362</v>
      </c>
      <c r="M2252" s="455"/>
      <c r="N2252" s="418" t="str">
        <f t="shared" si="70"/>
        <v/>
      </c>
    </row>
    <row r="2253" spans="1:14" ht="15.75">
      <c r="A2253" s="538"/>
      <c r="B2253" s="411">
        <f t="shared" si="69"/>
        <v>117</v>
      </c>
      <c r="C2253" s="440" t="s">
        <v>4840</v>
      </c>
      <c r="D2253" s="452" t="s">
        <v>4841</v>
      </c>
      <c r="E2253" s="510" t="s">
        <v>707</v>
      </c>
      <c r="F2253" s="140" t="s">
        <v>600</v>
      </c>
      <c r="G2253" s="450"/>
      <c r="H2253" s="415"/>
      <c r="I2253" s="481"/>
      <c r="J2253" s="144"/>
      <c r="K2253" s="517"/>
      <c r="L2253" s="455">
        <v>38362</v>
      </c>
      <c r="M2253" s="455"/>
      <c r="N2253" s="418" t="str">
        <f t="shared" si="70"/>
        <v/>
      </c>
    </row>
    <row r="2254" spans="1:14" ht="15.75">
      <c r="A2254" s="538"/>
      <c r="B2254" s="411">
        <f t="shared" si="69"/>
        <v>117</v>
      </c>
      <c r="C2254" s="440" t="s">
        <v>4842</v>
      </c>
      <c r="D2254" s="452" t="s">
        <v>4843</v>
      </c>
      <c r="E2254" s="510" t="s">
        <v>707</v>
      </c>
      <c r="F2254" s="140" t="s">
        <v>600</v>
      </c>
      <c r="G2254" s="450"/>
      <c r="H2254" s="415"/>
      <c r="I2254" s="481"/>
      <c r="J2254" s="144"/>
      <c r="K2254" s="517"/>
      <c r="L2254" s="455">
        <v>38362</v>
      </c>
      <c r="M2254" s="455"/>
      <c r="N2254" s="418" t="str">
        <f t="shared" si="70"/>
        <v/>
      </c>
    </row>
    <row r="2255" spans="1:14" ht="28.5">
      <c r="A2255" s="538"/>
      <c r="B2255" s="411">
        <f t="shared" si="69"/>
        <v>117</v>
      </c>
      <c r="C2255" s="440" t="s">
        <v>4844</v>
      </c>
      <c r="D2255" s="452" t="s">
        <v>4845</v>
      </c>
      <c r="E2255" s="510" t="s">
        <v>707</v>
      </c>
      <c r="F2255" s="140" t="s">
        <v>600</v>
      </c>
      <c r="G2255" s="450"/>
      <c r="H2255" s="415"/>
      <c r="I2255" s="481"/>
      <c r="J2255" s="144"/>
      <c r="K2255" s="517"/>
      <c r="L2255" s="455">
        <v>38362</v>
      </c>
      <c r="M2255" s="455"/>
      <c r="N2255" s="418" t="str">
        <f t="shared" si="70"/>
        <v/>
      </c>
    </row>
    <row r="2256" spans="1:14" ht="28.5">
      <c r="A2256" s="538"/>
      <c r="B2256" s="411">
        <f t="shared" si="69"/>
        <v>117</v>
      </c>
      <c r="C2256" s="440" t="s">
        <v>4846</v>
      </c>
      <c r="D2256" s="452" t="s">
        <v>4847</v>
      </c>
      <c r="E2256" s="452" t="s">
        <v>707</v>
      </c>
      <c r="F2256" s="144" t="s">
        <v>600</v>
      </c>
      <c r="G2256" s="450"/>
      <c r="H2256" s="415"/>
      <c r="I2256" s="481"/>
      <c r="J2256" s="144"/>
      <c r="K2256" s="517"/>
      <c r="L2256" s="455">
        <v>38362</v>
      </c>
      <c r="M2256" s="455"/>
      <c r="N2256" s="418" t="str">
        <f t="shared" si="70"/>
        <v/>
      </c>
    </row>
    <row r="2257" spans="1:14" ht="28.5">
      <c r="A2257" s="538"/>
      <c r="B2257" s="411">
        <f t="shared" si="69"/>
        <v>117</v>
      </c>
      <c r="C2257" s="440" t="s">
        <v>4848</v>
      </c>
      <c r="D2257" s="452" t="s">
        <v>4849</v>
      </c>
      <c r="E2257" s="452" t="s">
        <v>707</v>
      </c>
      <c r="F2257" s="144" t="s">
        <v>600</v>
      </c>
      <c r="G2257" s="450"/>
      <c r="H2257" s="415"/>
      <c r="I2257" s="481"/>
      <c r="J2257" s="144"/>
      <c r="K2257" s="517"/>
      <c r="L2257" s="455">
        <v>38362</v>
      </c>
      <c r="M2257" s="455"/>
      <c r="N2257" s="418" t="str">
        <f t="shared" si="70"/>
        <v/>
      </c>
    </row>
    <row r="2258" spans="1:14" ht="15.75">
      <c r="A2258" s="538"/>
      <c r="B2258" s="411">
        <f t="shared" si="69"/>
        <v>117</v>
      </c>
      <c r="C2258" s="440" t="s">
        <v>4850</v>
      </c>
      <c r="D2258" s="452" t="s">
        <v>4851</v>
      </c>
      <c r="E2258" s="510" t="s">
        <v>707</v>
      </c>
      <c r="F2258" s="140" t="s">
        <v>600</v>
      </c>
      <c r="G2258" s="450"/>
      <c r="H2258" s="415"/>
      <c r="I2258" s="481"/>
      <c r="J2258" s="144"/>
      <c r="K2258" s="517"/>
      <c r="L2258" s="455">
        <v>38362</v>
      </c>
      <c r="M2258" s="455"/>
      <c r="N2258" s="418" t="str">
        <f t="shared" si="70"/>
        <v/>
      </c>
    </row>
    <row r="2259" spans="1:14" ht="15.75">
      <c r="A2259" s="538"/>
      <c r="B2259" s="411">
        <f t="shared" si="69"/>
        <v>117</v>
      </c>
      <c r="C2259" s="440" t="s">
        <v>4852</v>
      </c>
      <c r="D2259" s="452" t="s">
        <v>4853</v>
      </c>
      <c r="E2259" s="510" t="s">
        <v>707</v>
      </c>
      <c r="F2259" s="140" t="s">
        <v>600</v>
      </c>
      <c r="G2259" s="450"/>
      <c r="H2259" s="415"/>
      <c r="I2259" s="481"/>
      <c r="J2259" s="144"/>
      <c r="K2259" s="517"/>
      <c r="L2259" s="455">
        <v>38362</v>
      </c>
      <c r="M2259" s="455"/>
      <c r="N2259" s="418" t="str">
        <f t="shared" si="70"/>
        <v/>
      </c>
    </row>
    <row r="2260" spans="1:14" ht="15.75">
      <c r="A2260" s="538"/>
      <c r="B2260" s="411">
        <f t="shared" si="69"/>
        <v>117</v>
      </c>
      <c r="C2260" s="440" t="s">
        <v>4854</v>
      </c>
      <c r="D2260" s="452" t="s">
        <v>4855</v>
      </c>
      <c r="E2260" s="510" t="s">
        <v>707</v>
      </c>
      <c r="F2260" s="140" t="s">
        <v>600</v>
      </c>
      <c r="G2260" s="450"/>
      <c r="H2260" s="415"/>
      <c r="I2260" s="481"/>
      <c r="J2260" s="144"/>
      <c r="K2260" s="517"/>
      <c r="L2260" s="455">
        <v>38362</v>
      </c>
      <c r="M2260" s="455"/>
      <c r="N2260" s="418" t="str">
        <f t="shared" si="70"/>
        <v/>
      </c>
    </row>
    <row r="2261" spans="1:14" ht="15.75">
      <c r="A2261" s="538"/>
      <c r="B2261" s="411">
        <f t="shared" si="69"/>
        <v>117</v>
      </c>
      <c r="C2261" s="440" t="s">
        <v>4856</v>
      </c>
      <c r="D2261" s="452" t="s">
        <v>4857</v>
      </c>
      <c r="E2261" s="510" t="s">
        <v>707</v>
      </c>
      <c r="F2261" s="140" t="s">
        <v>600</v>
      </c>
      <c r="G2261" s="450"/>
      <c r="H2261" s="415"/>
      <c r="I2261" s="481"/>
      <c r="J2261" s="144"/>
      <c r="K2261" s="517"/>
      <c r="L2261" s="455">
        <v>38362</v>
      </c>
      <c r="M2261" s="455"/>
      <c r="N2261" s="418" t="str">
        <f t="shared" si="70"/>
        <v/>
      </c>
    </row>
    <row r="2262" spans="1:14" ht="15.75">
      <c r="A2262" s="538"/>
      <c r="B2262" s="411">
        <f t="shared" si="69"/>
        <v>117</v>
      </c>
      <c r="C2262" s="440" t="s">
        <v>4858</v>
      </c>
      <c r="D2262" s="452" t="s">
        <v>4859</v>
      </c>
      <c r="E2262" s="510" t="s">
        <v>707</v>
      </c>
      <c r="F2262" s="140" t="s">
        <v>600</v>
      </c>
      <c r="G2262" s="450"/>
      <c r="H2262" s="415"/>
      <c r="I2262" s="481"/>
      <c r="J2262" s="144"/>
      <c r="K2262" s="517"/>
      <c r="L2262" s="455">
        <v>38362</v>
      </c>
      <c r="M2262" s="455"/>
      <c r="N2262" s="418" t="str">
        <f t="shared" si="70"/>
        <v/>
      </c>
    </row>
    <row r="2263" spans="1:14" ht="15.75">
      <c r="A2263" s="538"/>
      <c r="B2263" s="411">
        <f t="shared" si="69"/>
        <v>117</v>
      </c>
      <c r="C2263" s="440" t="s">
        <v>4860</v>
      </c>
      <c r="D2263" s="452" t="s">
        <v>4861</v>
      </c>
      <c r="E2263" s="510" t="s">
        <v>707</v>
      </c>
      <c r="F2263" s="140" t="s">
        <v>600</v>
      </c>
      <c r="G2263" s="450"/>
      <c r="H2263" s="415"/>
      <c r="I2263" s="481"/>
      <c r="J2263" s="144"/>
      <c r="K2263" s="517"/>
      <c r="L2263" s="455">
        <v>38362</v>
      </c>
      <c r="M2263" s="455"/>
      <c r="N2263" s="418" t="str">
        <f t="shared" si="70"/>
        <v/>
      </c>
    </row>
    <row r="2264" spans="1:14" ht="15.75">
      <c r="A2264" s="538"/>
      <c r="B2264" s="411">
        <f t="shared" si="69"/>
        <v>117</v>
      </c>
      <c r="C2264" s="440" t="s">
        <v>4862</v>
      </c>
      <c r="D2264" s="452" t="s">
        <v>4863</v>
      </c>
      <c r="E2264" s="510" t="s">
        <v>707</v>
      </c>
      <c r="F2264" s="140" t="s">
        <v>600</v>
      </c>
      <c r="G2264" s="450"/>
      <c r="H2264" s="415"/>
      <c r="I2264" s="481"/>
      <c r="J2264" s="144"/>
      <c r="K2264" s="517"/>
      <c r="L2264" s="455">
        <v>38362</v>
      </c>
      <c r="M2264" s="455"/>
      <c r="N2264" s="418" t="str">
        <f t="shared" si="70"/>
        <v/>
      </c>
    </row>
    <row r="2265" spans="1:14" ht="28.5">
      <c r="A2265" s="538"/>
      <c r="B2265" s="411">
        <f t="shared" si="69"/>
        <v>117</v>
      </c>
      <c r="C2265" s="440" t="s">
        <v>4864</v>
      </c>
      <c r="D2265" s="452" t="s">
        <v>4865</v>
      </c>
      <c r="E2265" s="452" t="s">
        <v>707</v>
      </c>
      <c r="F2265" s="144" t="s">
        <v>600</v>
      </c>
      <c r="G2265" s="450"/>
      <c r="H2265" s="415"/>
      <c r="I2265" s="481"/>
      <c r="J2265" s="144"/>
      <c r="K2265" s="517"/>
      <c r="L2265" s="455">
        <v>38362</v>
      </c>
      <c r="M2265" s="455"/>
      <c r="N2265" s="418" t="str">
        <f t="shared" si="70"/>
        <v/>
      </c>
    </row>
    <row r="2266" spans="1:14" ht="15.75">
      <c r="A2266" s="538"/>
      <c r="B2266" s="411">
        <f t="shared" ref="B2266:B2329" si="71">IF(A2266&gt;0,A2266,B2265)</f>
        <v>117</v>
      </c>
      <c r="C2266" s="440" t="s">
        <v>4866</v>
      </c>
      <c r="D2266" s="452" t="s">
        <v>4867</v>
      </c>
      <c r="E2266" s="510" t="s">
        <v>707</v>
      </c>
      <c r="F2266" s="140" t="s">
        <v>600</v>
      </c>
      <c r="G2266" s="450"/>
      <c r="H2266" s="415"/>
      <c r="I2266" s="481"/>
      <c r="J2266" s="144"/>
      <c r="K2266" s="517"/>
      <c r="L2266" s="455">
        <v>38362</v>
      </c>
      <c r="M2266" s="455"/>
      <c r="N2266" s="418" t="str">
        <f t="shared" si="70"/>
        <v/>
      </c>
    </row>
    <row r="2267" spans="1:14" ht="28.5">
      <c r="A2267" s="538"/>
      <c r="B2267" s="411">
        <f t="shared" si="71"/>
        <v>117</v>
      </c>
      <c r="C2267" s="440" t="s">
        <v>4868</v>
      </c>
      <c r="D2267" s="452" t="s">
        <v>4869</v>
      </c>
      <c r="E2267" s="452" t="s">
        <v>707</v>
      </c>
      <c r="F2267" s="144" t="s">
        <v>600</v>
      </c>
      <c r="G2267" s="450"/>
      <c r="H2267" s="415"/>
      <c r="I2267" s="481"/>
      <c r="J2267" s="144"/>
      <c r="K2267" s="517"/>
      <c r="L2267" s="455">
        <v>38362</v>
      </c>
      <c r="M2267" s="455"/>
      <c r="N2267" s="418" t="str">
        <f t="shared" si="70"/>
        <v/>
      </c>
    </row>
    <row r="2268" spans="1:14" ht="15.75">
      <c r="A2268" s="538"/>
      <c r="B2268" s="411">
        <f t="shared" si="71"/>
        <v>117</v>
      </c>
      <c r="C2268" s="440" t="s">
        <v>4870</v>
      </c>
      <c r="D2268" s="452" t="s">
        <v>4871</v>
      </c>
      <c r="E2268" s="510" t="s">
        <v>707</v>
      </c>
      <c r="F2268" s="140" t="s">
        <v>600</v>
      </c>
      <c r="G2268" s="450"/>
      <c r="H2268" s="415"/>
      <c r="I2268" s="481"/>
      <c r="J2268" s="144"/>
      <c r="K2268" s="517"/>
      <c r="L2268" s="455">
        <v>38362</v>
      </c>
      <c r="M2268" s="455"/>
      <c r="N2268" s="418" t="str">
        <f t="shared" si="70"/>
        <v/>
      </c>
    </row>
    <row r="2269" spans="1:14" ht="15.75">
      <c r="A2269" s="538"/>
      <c r="B2269" s="411">
        <f t="shared" si="71"/>
        <v>117</v>
      </c>
      <c r="C2269" s="440" t="s">
        <v>4872</v>
      </c>
      <c r="D2269" s="452" t="s">
        <v>4873</v>
      </c>
      <c r="E2269" s="510" t="s">
        <v>707</v>
      </c>
      <c r="F2269" s="140" t="s">
        <v>600</v>
      </c>
      <c r="G2269" s="450"/>
      <c r="H2269" s="415"/>
      <c r="I2269" s="481"/>
      <c r="J2269" s="144"/>
      <c r="K2269" s="517"/>
      <c r="L2269" s="455">
        <v>38362</v>
      </c>
      <c r="M2269" s="455"/>
      <c r="N2269" s="418" t="str">
        <f t="shared" si="70"/>
        <v/>
      </c>
    </row>
    <row r="2270" spans="1:14" ht="15.75">
      <c r="A2270" s="538"/>
      <c r="B2270" s="411">
        <f t="shared" si="71"/>
        <v>117</v>
      </c>
      <c r="C2270" s="440" t="s">
        <v>725</v>
      </c>
      <c r="D2270" s="452" t="s">
        <v>726</v>
      </c>
      <c r="E2270" s="510" t="s">
        <v>707</v>
      </c>
      <c r="F2270" s="140" t="s">
        <v>600</v>
      </c>
      <c r="G2270" s="450"/>
      <c r="H2270" s="415"/>
      <c r="I2270" s="481"/>
      <c r="J2270" s="144"/>
      <c r="K2270" s="517"/>
      <c r="L2270" s="455">
        <v>38362</v>
      </c>
      <c r="M2270" s="455"/>
      <c r="N2270" s="418" t="str">
        <f t="shared" si="70"/>
        <v>DUPLICATE</v>
      </c>
    </row>
    <row r="2271" spans="1:14" ht="15.75">
      <c r="A2271" s="538"/>
      <c r="B2271" s="411">
        <f t="shared" si="71"/>
        <v>117</v>
      </c>
      <c r="C2271" s="440" t="s">
        <v>4874</v>
      </c>
      <c r="D2271" s="452" t="s">
        <v>4875</v>
      </c>
      <c r="E2271" s="510" t="s">
        <v>707</v>
      </c>
      <c r="F2271" s="140" t="s">
        <v>600</v>
      </c>
      <c r="G2271" s="450"/>
      <c r="H2271" s="415"/>
      <c r="I2271" s="481"/>
      <c r="J2271" s="144"/>
      <c r="K2271" s="517"/>
      <c r="L2271" s="455">
        <v>38362</v>
      </c>
      <c r="M2271" s="455"/>
      <c r="N2271" s="418" t="str">
        <f t="shared" si="70"/>
        <v/>
      </c>
    </row>
    <row r="2272" spans="1:14" ht="15.75">
      <c r="A2272" s="538"/>
      <c r="B2272" s="411">
        <f t="shared" si="71"/>
        <v>117</v>
      </c>
      <c r="C2272" s="440" t="s">
        <v>4876</v>
      </c>
      <c r="D2272" s="452" t="s">
        <v>4877</v>
      </c>
      <c r="E2272" s="510" t="s">
        <v>707</v>
      </c>
      <c r="F2272" s="140" t="s">
        <v>600</v>
      </c>
      <c r="G2272" s="450"/>
      <c r="H2272" s="415"/>
      <c r="I2272" s="481"/>
      <c r="J2272" s="144"/>
      <c r="K2272" s="517"/>
      <c r="L2272" s="455">
        <v>38362</v>
      </c>
      <c r="M2272" s="455"/>
      <c r="N2272" s="418" t="str">
        <f t="shared" si="70"/>
        <v/>
      </c>
    </row>
    <row r="2273" spans="1:14" ht="15.75">
      <c r="A2273" s="538"/>
      <c r="B2273" s="411">
        <f t="shared" si="71"/>
        <v>117</v>
      </c>
      <c r="C2273" s="440" t="s">
        <v>4878</v>
      </c>
      <c r="D2273" s="452" t="s">
        <v>4879</v>
      </c>
      <c r="E2273" s="510" t="s">
        <v>707</v>
      </c>
      <c r="F2273" s="140" t="s">
        <v>600</v>
      </c>
      <c r="G2273" s="450"/>
      <c r="H2273" s="415"/>
      <c r="I2273" s="481"/>
      <c r="J2273" s="144"/>
      <c r="K2273" s="517"/>
      <c r="L2273" s="455">
        <v>38362</v>
      </c>
      <c r="M2273" s="455"/>
      <c r="N2273" s="418" t="str">
        <f t="shared" si="70"/>
        <v/>
      </c>
    </row>
    <row r="2274" spans="1:14" ht="15.75">
      <c r="A2274" s="538"/>
      <c r="B2274" s="411">
        <f t="shared" si="71"/>
        <v>117</v>
      </c>
      <c r="C2274" s="440" t="s">
        <v>4880</v>
      </c>
      <c r="D2274" s="452" t="s">
        <v>4881</v>
      </c>
      <c r="E2274" s="510" t="s">
        <v>707</v>
      </c>
      <c r="F2274" s="140" t="s">
        <v>600</v>
      </c>
      <c r="G2274" s="450"/>
      <c r="H2274" s="415"/>
      <c r="I2274" s="481"/>
      <c r="J2274" s="144"/>
      <c r="K2274" s="517"/>
      <c r="L2274" s="455">
        <v>38362</v>
      </c>
      <c r="M2274" s="455"/>
      <c r="N2274" s="418" t="str">
        <f t="shared" si="70"/>
        <v/>
      </c>
    </row>
    <row r="2275" spans="1:14" ht="15.75">
      <c r="A2275" s="538"/>
      <c r="B2275" s="411">
        <f t="shared" si="71"/>
        <v>117</v>
      </c>
      <c r="C2275" s="440" t="s">
        <v>4882</v>
      </c>
      <c r="D2275" s="452" t="s">
        <v>4883</v>
      </c>
      <c r="E2275" s="510" t="s">
        <v>707</v>
      </c>
      <c r="F2275" s="140" t="s">
        <v>600</v>
      </c>
      <c r="G2275" s="450"/>
      <c r="H2275" s="415"/>
      <c r="I2275" s="481"/>
      <c r="J2275" s="144"/>
      <c r="K2275" s="517"/>
      <c r="L2275" s="455">
        <v>38362</v>
      </c>
      <c r="M2275" s="455"/>
      <c r="N2275" s="418" t="str">
        <f t="shared" si="70"/>
        <v/>
      </c>
    </row>
    <row r="2276" spans="1:14" ht="15.75">
      <c r="A2276" s="538"/>
      <c r="B2276" s="411">
        <f t="shared" si="71"/>
        <v>117</v>
      </c>
      <c r="C2276" s="440" t="s">
        <v>4884</v>
      </c>
      <c r="D2276" s="452" t="s">
        <v>4885</v>
      </c>
      <c r="E2276" s="510" t="s">
        <v>707</v>
      </c>
      <c r="F2276" s="140" t="s">
        <v>600</v>
      </c>
      <c r="G2276" s="450"/>
      <c r="H2276" s="415"/>
      <c r="I2276" s="481"/>
      <c r="J2276" s="144"/>
      <c r="K2276" s="517"/>
      <c r="L2276" s="455">
        <v>38362</v>
      </c>
      <c r="M2276" s="455"/>
      <c r="N2276" s="418" t="str">
        <f t="shared" si="70"/>
        <v/>
      </c>
    </row>
    <row r="2277" spans="1:14" ht="15.75">
      <c r="A2277" s="538"/>
      <c r="B2277" s="411">
        <f t="shared" si="71"/>
        <v>117</v>
      </c>
      <c r="C2277" s="440" t="s">
        <v>4886</v>
      </c>
      <c r="D2277" s="452" t="s">
        <v>4887</v>
      </c>
      <c r="E2277" s="510" t="s">
        <v>707</v>
      </c>
      <c r="F2277" s="140" t="s">
        <v>600</v>
      </c>
      <c r="G2277" s="450"/>
      <c r="H2277" s="415"/>
      <c r="I2277" s="481"/>
      <c r="J2277" s="144"/>
      <c r="K2277" s="517"/>
      <c r="L2277" s="455">
        <v>38362</v>
      </c>
      <c r="M2277" s="455"/>
      <c r="N2277" s="418" t="str">
        <f t="shared" si="70"/>
        <v/>
      </c>
    </row>
    <row r="2278" spans="1:14" ht="15.75">
      <c r="A2278" s="538"/>
      <c r="B2278" s="411">
        <f t="shared" si="71"/>
        <v>117</v>
      </c>
      <c r="C2278" s="440" t="s">
        <v>4888</v>
      </c>
      <c r="D2278" s="452" t="s">
        <v>4889</v>
      </c>
      <c r="E2278" s="510" t="s">
        <v>707</v>
      </c>
      <c r="F2278" s="140" t="s">
        <v>600</v>
      </c>
      <c r="G2278" s="450"/>
      <c r="H2278" s="415"/>
      <c r="I2278" s="481"/>
      <c r="J2278" s="144"/>
      <c r="K2278" s="517"/>
      <c r="L2278" s="455">
        <v>38362</v>
      </c>
      <c r="M2278" s="455"/>
      <c r="N2278" s="418" t="str">
        <f t="shared" si="70"/>
        <v/>
      </c>
    </row>
    <row r="2279" spans="1:14" ht="15.75">
      <c r="A2279" s="538"/>
      <c r="B2279" s="411">
        <f t="shared" si="71"/>
        <v>117</v>
      </c>
      <c r="C2279" s="440" t="s">
        <v>4890</v>
      </c>
      <c r="D2279" s="452" t="s">
        <v>4891</v>
      </c>
      <c r="E2279" s="510" t="s">
        <v>707</v>
      </c>
      <c r="F2279" s="140" t="s">
        <v>600</v>
      </c>
      <c r="G2279" s="450"/>
      <c r="H2279" s="415"/>
      <c r="I2279" s="481"/>
      <c r="J2279" s="144"/>
      <c r="K2279" s="517"/>
      <c r="L2279" s="455">
        <v>38362</v>
      </c>
      <c r="M2279" s="455"/>
      <c r="N2279" s="418" t="str">
        <f t="shared" si="70"/>
        <v/>
      </c>
    </row>
    <row r="2280" spans="1:14" ht="15.75">
      <c r="A2280" s="538"/>
      <c r="B2280" s="411">
        <f t="shared" si="71"/>
        <v>117</v>
      </c>
      <c r="C2280" s="440" t="s">
        <v>4892</v>
      </c>
      <c r="D2280" s="452" t="s">
        <v>4893</v>
      </c>
      <c r="E2280" s="510" t="s">
        <v>707</v>
      </c>
      <c r="F2280" s="140" t="s">
        <v>600</v>
      </c>
      <c r="G2280" s="450"/>
      <c r="H2280" s="415"/>
      <c r="I2280" s="481"/>
      <c r="J2280" s="144"/>
      <c r="K2280" s="517"/>
      <c r="L2280" s="455">
        <v>38362</v>
      </c>
      <c r="M2280" s="455"/>
      <c r="N2280" s="418" t="str">
        <f t="shared" si="70"/>
        <v/>
      </c>
    </row>
    <row r="2281" spans="1:14" ht="15.75">
      <c r="A2281" s="538"/>
      <c r="B2281" s="411">
        <f t="shared" si="71"/>
        <v>117</v>
      </c>
      <c r="C2281" s="440" t="s">
        <v>4894</v>
      </c>
      <c r="D2281" s="452" t="s">
        <v>4895</v>
      </c>
      <c r="E2281" s="510" t="s">
        <v>707</v>
      </c>
      <c r="F2281" s="140" t="s">
        <v>600</v>
      </c>
      <c r="G2281" s="450"/>
      <c r="H2281" s="415"/>
      <c r="I2281" s="481"/>
      <c r="J2281" s="144"/>
      <c r="K2281" s="517"/>
      <c r="L2281" s="455">
        <v>38362</v>
      </c>
      <c r="M2281" s="455"/>
      <c r="N2281" s="418" t="str">
        <f t="shared" si="70"/>
        <v/>
      </c>
    </row>
    <row r="2282" spans="1:14" ht="15.75">
      <c r="A2282" s="538"/>
      <c r="B2282" s="411">
        <f t="shared" si="71"/>
        <v>117</v>
      </c>
      <c r="C2282" s="440" t="s">
        <v>4896</v>
      </c>
      <c r="D2282" s="452" t="s">
        <v>4897</v>
      </c>
      <c r="E2282" s="510" t="s">
        <v>707</v>
      </c>
      <c r="F2282" s="140" t="s">
        <v>600</v>
      </c>
      <c r="G2282" s="450"/>
      <c r="H2282" s="415"/>
      <c r="I2282" s="481"/>
      <c r="J2282" s="144"/>
      <c r="K2282" s="517"/>
      <c r="L2282" s="455">
        <v>38362</v>
      </c>
      <c r="M2282" s="455"/>
      <c r="N2282" s="418" t="str">
        <f t="shared" si="70"/>
        <v/>
      </c>
    </row>
    <row r="2283" spans="1:14" ht="15.75">
      <c r="A2283" s="538"/>
      <c r="B2283" s="411">
        <f t="shared" si="71"/>
        <v>117</v>
      </c>
      <c r="C2283" s="440" t="s">
        <v>4898</v>
      </c>
      <c r="D2283" s="452" t="s">
        <v>4899</v>
      </c>
      <c r="E2283" s="510" t="s">
        <v>707</v>
      </c>
      <c r="F2283" s="140" t="s">
        <v>600</v>
      </c>
      <c r="G2283" s="450"/>
      <c r="H2283" s="415"/>
      <c r="I2283" s="481"/>
      <c r="J2283" s="144"/>
      <c r="K2283" s="517"/>
      <c r="L2283" s="455">
        <v>38362</v>
      </c>
      <c r="M2283" s="455"/>
      <c r="N2283" s="418" t="str">
        <f t="shared" si="70"/>
        <v/>
      </c>
    </row>
    <row r="2284" spans="1:14" ht="15.75">
      <c r="A2284" s="538"/>
      <c r="B2284" s="411">
        <f t="shared" si="71"/>
        <v>117</v>
      </c>
      <c r="C2284" s="440" t="s">
        <v>4900</v>
      </c>
      <c r="D2284" s="452" t="s">
        <v>4901</v>
      </c>
      <c r="E2284" s="510" t="s">
        <v>707</v>
      </c>
      <c r="F2284" s="140" t="s">
        <v>600</v>
      </c>
      <c r="G2284" s="450"/>
      <c r="H2284" s="415"/>
      <c r="I2284" s="481"/>
      <c r="J2284" s="144"/>
      <c r="K2284" s="517"/>
      <c r="L2284" s="455">
        <v>38362</v>
      </c>
      <c r="M2284" s="455"/>
      <c r="N2284" s="418" t="str">
        <f t="shared" si="70"/>
        <v/>
      </c>
    </row>
    <row r="2285" spans="1:14" ht="15.75">
      <c r="A2285" s="538"/>
      <c r="B2285" s="411">
        <f t="shared" si="71"/>
        <v>117</v>
      </c>
      <c r="C2285" s="440" t="s">
        <v>4902</v>
      </c>
      <c r="D2285" s="452" t="s">
        <v>4903</v>
      </c>
      <c r="E2285" s="510" t="s">
        <v>707</v>
      </c>
      <c r="F2285" s="140" t="s">
        <v>600</v>
      </c>
      <c r="G2285" s="450"/>
      <c r="H2285" s="415"/>
      <c r="I2285" s="481"/>
      <c r="J2285" s="144"/>
      <c r="K2285" s="517"/>
      <c r="L2285" s="455">
        <v>38362</v>
      </c>
      <c r="M2285" s="455"/>
      <c r="N2285" s="418" t="str">
        <f t="shared" si="70"/>
        <v/>
      </c>
    </row>
    <row r="2286" spans="1:14" ht="15.75">
      <c r="A2286" s="538"/>
      <c r="B2286" s="411">
        <f t="shared" si="71"/>
        <v>117</v>
      </c>
      <c r="C2286" s="440" t="s">
        <v>4904</v>
      </c>
      <c r="D2286" s="452" t="s">
        <v>4905</v>
      </c>
      <c r="E2286" s="510" t="s">
        <v>707</v>
      </c>
      <c r="F2286" s="140" t="s">
        <v>600</v>
      </c>
      <c r="G2286" s="450"/>
      <c r="H2286" s="415"/>
      <c r="I2286" s="481"/>
      <c r="J2286" s="144"/>
      <c r="K2286" s="517"/>
      <c r="L2286" s="455">
        <v>38362</v>
      </c>
      <c r="M2286" s="455"/>
      <c r="N2286" s="418" t="str">
        <f t="shared" si="70"/>
        <v/>
      </c>
    </row>
    <row r="2287" spans="1:14" ht="15.75">
      <c r="A2287" s="538"/>
      <c r="B2287" s="411">
        <f t="shared" si="71"/>
        <v>117</v>
      </c>
      <c r="C2287" s="440" t="s">
        <v>4906</v>
      </c>
      <c r="D2287" s="452" t="s">
        <v>4907</v>
      </c>
      <c r="E2287" s="510" t="s">
        <v>707</v>
      </c>
      <c r="F2287" s="140" t="s">
        <v>600</v>
      </c>
      <c r="G2287" s="450"/>
      <c r="H2287" s="415"/>
      <c r="I2287" s="481"/>
      <c r="J2287" s="144"/>
      <c r="K2287" s="517"/>
      <c r="L2287" s="455">
        <v>38362</v>
      </c>
      <c r="M2287" s="455"/>
      <c r="N2287" s="418" t="str">
        <f t="shared" si="70"/>
        <v/>
      </c>
    </row>
    <row r="2288" spans="1:14" ht="15.75">
      <c r="A2288" s="538"/>
      <c r="B2288" s="411">
        <f t="shared" si="71"/>
        <v>117</v>
      </c>
      <c r="C2288" s="440" t="s">
        <v>4908</v>
      </c>
      <c r="D2288" s="452" t="s">
        <v>4909</v>
      </c>
      <c r="E2288" s="510" t="s">
        <v>707</v>
      </c>
      <c r="F2288" s="140" t="s">
        <v>600</v>
      </c>
      <c r="G2288" s="450"/>
      <c r="H2288" s="415"/>
      <c r="I2288" s="481"/>
      <c r="J2288" s="144"/>
      <c r="K2288" s="517"/>
      <c r="L2288" s="455">
        <v>38362</v>
      </c>
      <c r="M2288" s="455"/>
      <c r="N2288" s="418" t="str">
        <f t="shared" si="70"/>
        <v/>
      </c>
    </row>
    <row r="2289" spans="1:14" ht="15.75">
      <c r="A2289" s="538"/>
      <c r="B2289" s="411">
        <f t="shared" si="71"/>
        <v>117</v>
      </c>
      <c r="C2289" s="440" t="s">
        <v>4910</v>
      </c>
      <c r="D2289" s="452" t="s">
        <v>4911</v>
      </c>
      <c r="E2289" s="510" t="s">
        <v>707</v>
      </c>
      <c r="F2289" s="140" t="s">
        <v>600</v>
      </c>
      <c r="G2289" s="450"/>
      <c r="H2289" s="415"/>
      <c r="I2289" s="481"/>
      <c r="J2289" s="144"/>
      <c r="K2289" s="517"/>
      <c r="L2289" s="455">
        <v>38362</v>
      </c>
      <c r="M2289" s="455"/>
      <c r="N2289" s="418" t="str">
        <f t="shared" si="70"/>
        <v/>
      </c>
    </row>
    <row r="2290" spans="1:14" ht="15.75">
      <c r="A2290" s="538"/>
      <c r="B2290" s="411">
        <f t="shared" si="71"/>
        <v>117</v>
      </c>
      <c r="C2290" s="440" t="s">
        <v>4912</v>
      </c>
      <c r="D2290" s="452" t="s">
        <v>4913</v>
      </c>
      <c r="E2290" s="510" t="s">
        <v>707</v>
      </c>
      <c r="F2290" s="140" t="s">
        <v>600</v>
      </c>
      <c r="G2290" s="450"/>
      <c r="H2290" s="415"/>
      <c r="I2290" s="481"/>
      <c r="J2290" s="144"/>
      <c r="K2290" s="517"/>
      <c r="L2290" s="455">
        <v>38362</v>
      </c>
      <c r="M2290" s="455"/>
      <c r="N2290" s="418" t="str">
        <f t="shared" si="70"/>
        <v/>
      </c>
    </row>
    <row r="2291" spans="1:14" ht="15.75">
      <c r="A2291" s="538"/>
      <c r="B2291" s="411">
        <f t="shared" si="71"/>
        <v>117</v>
      </c>
      <c r="C2291" s="440" t="s">
        <v>4914</v>
      </c>
      <c r="D2291" s="452" t="s">
        <v>4915</v>
      </c>
      <c r="E2291" s="510" t="s">
        <v>707</v>
      </c>
      <c r="F2291" s="140" t="s">
        <v>600</v>
      </c>
      <c r="G2291" s="450"/>
      <c r="H2291" s="415"/>
      <c r="I2291" s="481"/>
      <c r="J2291" s="144"/>
      <c r="K2291" s="517"/>
      <c r="L2291" s="455">
        <v>38362</v>
      </c>
      <c r="M2291" s="455"/>
      <c r="N2291" s="418" t="str">
        <f t="shared" si="70"/>
        <v/>
      </c>
    </row>
    <row r="2292" spans="1:14" ht="28.5">
      <c r="A2292" s="538"/>
      <c r="B2292" s="411">
        <f t="shared" si="71"/>
        <v>117</v>
      </c>
      <c r="C2292" s="440" t="s">
        <v>4916</v>
      </c>
      <c r="D2292" s="452" t="s">
        <v>4917</v>
      </c>
      <c r="E2292" s="510" t="s">
        <v>707</v>
      </c>
      <c r="F2292" s="140" t="s">
        <v>600</v>
      </c>
      <c r="G2292" s="449"/>
      <c r="H2292" s="415"/>
      <c r="I2292" s="481"/>
      <c r="J2292" s="144"/>
      <c r="K2292" s="522"/>
      <c r="L2292" s="455">
        <v>41852</v>
      </c>
      <c r="M2292" s="455"/>
      <c r="N2292" s="418" t="str">
        <f t="shared" si="70"/>
        <v/>
      </c>
    </row>
    <row r="2293" spans="1:14" ht="15.75">
      <c r="A2293" s="538"/>
      <c r="B2293" s="411">
        <f t="shared" si="71"/>
        <v>117</v>
      </c>
      <c r="C2293" s="440" t="s">
        <v>2371</v>
      </c>
      <c r="D2293" s="452" t="s">
        <v>2372</v>
      </c>
      <c r="E2293" s="510" t="s">
        <v>707</v>
      </c>
      <c r="F2293" s="140" t="s">
        <v>600</v>
      </c>
      <c r="G2293" s="450"/>
      <c r="H2293" s="415"/>
      <c r="I2293" s="481"/>
      <c r="J2293" s="144"/>
      <c r="K2293" s="517"/>
      <c r="L2293" s="455">
        <v>38362</v>
      </c>
      <c r="M2293" s="455"/>
      <c r="N2293" s="418" t="str">
        <f t="shared" si="70"/>
        <v>DUPLICATE</v>
      </c>
    </row>
    <row r="2294" spans="1:14" ht="15.75">
      <c r="A2294" s="538"/>
      <c r="B2294" s="411">
        <f t="shared" si="71"/>
        <v>117</v>
      </c>
      <c r="C2294" s="440" t="s">
        <v>4918</v>
      </c>
      <c r="D2294" s="452" t="s">
        <v>4919</v>
      </c>
      <c r="E2294" s="510" t="s">
        <v>707</v>
      </c>
      <c r="F2294" s="140" t="s">
        <v>600</v>
      </c>
      <c r="G2294" s="450"/>
      <c r="H2294" s="415"/>
      <c r="I2294" s="481"/>
      <c r="J2294" s="144"/>
      <c r="K2294" s="517"/>
      <c r="L2294" s="455">
        <v>38362</v>
      </c>
      <c r="M2294" s="455"/>
      <c r="N2294" s="418" t="str">
        <f t="shared" si="70"/>
        <v/>
      </c>
    </row>
    <row r="2295" spans="1:14" ht="15.75">
      <c r="A2295" s="538"/>
      <c r="B2295" s="411">
        <f t="shared" si="71"/>
        <v>117</v>
      </c>
      <c r="C2295" s="440" t="s">
        <v>2373</v>
      </c>
      <c r="D2295" s="452" t="s">
        <v>2374</v>
      </c>
      <c r="E2295" s="510" t="s">
        <v>707</v>
      </c>
      <c r="F2295" s="140" t="s">
        <v>600</v>
      </c>
      <c r="G2295" s="450"/>
      <c r="H2295" s="415"/>
      <c r="I2295" s="481"/>
      <c r="J2295" s="144"/>
      <c r="K2295" s="517"/>
      <c r="L2295" s="455">
        <v>38362</v>
      </c>
      <c r="M2295" s="455"/>
      <c r="N2295" s="418" t="str">
        <f t="shared" si="70"/>
        <v>DUPLICATE</v>
      </c>
    </row>
    <row r="2296" spans="1:14" ht="15.75">
      <c r="A2296" s="538"/>
      <c r="B2296" s="411">
        <f t="shared" si="71"/>
        <v>117</v>
      </c>
      <c r="C2296" s="440" t="s">
        <v>4920</v>
      </c>
      <c r="D2296" s="452" t="s">
        <v>4921</v>
      </c>
      <c r="E2296" s="510" t="s">
        <v>707</v>
      </c>
      <c r="F2296" s="140" t="s">
        <v>600</v>
      </c>
      <c r="G2296" s="450"/>
      <c r="H2296" s="415"/>
      <c r="I2296" s="481"/>
      <c r="J2296" s="144"/>
      <c r="K2296" s="517"/>
      <c r="L2296" s="455">
        <v>38362</v>
      </c>
      <c r="M2296" s="455"/>
      <c r="N2296" s="418" t="str">
        <f t="shared" si="70"/>
        <v/>
      </c>
    </row>
    <row r="2297" spans="1:14" ht="15.75">
      <c r="A2297" s="538"/>
      <c r="B2297" s="411">
        <f t="shared" si="71"/>
        <v>117</v>
      </c>
      <c r="C2297" s="440" t="s">
        <v>4922</v>
      </c>
      <c r="D2297" s="452" t="s">
        <v>4923</v>
      </c>
      <c r="E2297" s="510" t="s">
        <v>707</v>
      </c>
      <c r="F2297" s="140" t="s">
        <v>600</v>
      </c>
      <c r="G2297" s="450"/>
      <c r="H2297" s="415"/>
      <c r="I2297" s="481"/>
      <c r="J2297" s="144"/>
      <c r="K2297" s="517"/>
      <c r="L2297" s="455">
        <v>38362</v>
      </c>
      <c r="M2297" s="455"/>
      <c r="N2297" s="418" t="str">
        <f t="shared" si="70"/>
        <v/>
      </c>
    </row>
    <row r="2298" spans="1:14" ht="15.75">
      <c r="A2298" s="538"/>
      <c r="B2298" s="411">
        <f t="shared" si="71"/>
        <v>117</v>
      </c>
      <c r="C2298" s="440" t="s">
        <v>4924</v>
      </c>
      <c r="D2298" s="452" t="s">
        <v>4925</v>
      </c>
      <c r="E2298" s="510" t="s">
        <v>707</v>
      </c>
      <c r="F2298" s="140" t="s">
        <v>600</v>
      </c>
      <c r="G2298" s="450"/>
      <c r="H2298" s="415"/>
      <c r="I2298" s="481"/>
      <c r="J2298" s="144"/>
      <c r="K2298" s="517"/>
      <c r="L2298" s="455">
        <v>38362</v>
      </c>
      <c r="M2298" s="455"/>
      <c r="N2298" s="418" t="str">
        <f t="shared" si="70"/>
        <v/>
      </c>
    </row>
    <row r="2299" spans="1:14" ht="15.75">
      <c r="A2299" s="538"/>
      <c r="B2299" s="411">
        <f t="shared" si="71"/>
        <v>117</v>
      </c>
      <c r="C2299" s="440" t="s">
        <v>4926</v>
      </c>
      <c r="D2299" s="452" t="s">
        <v>4927</v>
      </c>
      <c r="E2299" s="510" t="s">
        <v>707</v>
      </c>
      <c r="F2299" s="140" t="s">
        <v>600</v>
      </c>
      <c r="G2299" s="450"/>
      <c r="H2299" s="415"/>
      <c r="I2299" s="481"/>
      <c r="J2299" s="144"/>
      <c r="K2299" s="517"/>
      <c r="L2299" s="455">
        <v>38362</v>
      </c>
      <c r="M2299" s="455"/>
      <c r="N2299" s="418" t="str">
        <f t="shared" si="70"/>
        <v/>
      </c>
    </row>
    <row r="2300" spans="1:14" ht="15.75">
      <c r="A2300" s="538"/>
      <c r="B2300" s="411">
        <f t="shared" si="71"/>
        <v>117</v>
      </c>
      <c r="C2300" s="440" t="s">
        <v>4928</v>
      </c>
      <c r="D2300" s="452" t="s">
        <v>4929</v>
      </c>
      <c r="E2300" s="510" t="s">
        <v>707</v>
      </c>
      <c r="F2300" s="140" t="s">
        <v>600</v>
      </c>
      <c r="G2300" s="450"/>
      <c r="H2300" s="415"/>
      <c r="I2300" s="481"/>
      <c r="J2300" s="144"/>
      <c r="K2300" s="517"/>
      <c r="L2300" s="455">
        <v>38362</v>
      </c>
      <c r="M2300" s="455"/>
      <c r="N2300" s="418" t="str">
        <f t="shared" si="70"/>
        <v/>
      </c>
    </row>
    <row r="2301" spans="1:14" ht="15.75">
      <c r="A2301" s="538"/>
      <c r="B2301" s="411">
        <f t="shared" si="71"/>
        <v>117</v>
      </c>
      <c r="C2301" s="440" t="s">
        <v>4930</v>
      </c>
      <c r="D2301" s="452" t="s">
        <v>4931</v>
      </c>
      <c r="E2301" s="510" t="s">
        <v>707</v>
      </c>
      <c r="F2301" s="140" t="s">
        <v>600</v>
      </c>
      <c r="G2301" s="450"/>
      <c r="H2301" s="415"/>
      <c r="I2301" s="481"/>
      <c r="J2301" s="144"/>
      <c r="K2301" s="517"/>
      <c r="L2301" s="455">
        <v>38362</v>
      </c>
      <c r="M2301" s="455"/>
      <c r="N2301" s="418" t="str">
        <f t="shared" si="70"/>
        <v/>
      </c>
    </row>
    <row r="2302" spans="1:14" ht="15.75">
      <c r="A2302" s="538"/>
      <c r="B2302" s="411">
        <f t="shared" si="71"/>
        <v>117</v>
      </c>
      <c r="C2302" s="440" t="s">
        <v>4932</v>
      </c>
      <c r="D2302" s="452" t="s">
        <v>4933</v>
      </c>
      <c r="E2302" s="510" t="s">
        <v>707</v>
      </c>
      <c r="F2302" s="140" t="s">
        <v>600</v>
      </c>
      <c r="G2302" s="450"/>
      <c r="H2302" s="415"/>
      <c r="I2302" s="481"/>
      <c r="J2302" s="144"/>
      <c r="K2302" s="517"/>
      <c r="L2302" s="455">
        <v>38362</v>
      </c>
      <c r="M2302" s="455"/>
      <c r="N2302" s="418" t="str">
        <f t="shared" si="70"/>
        <v/>
      </c>
    </row>
    <row r="2303" spans="1:14" ht="15.75">
      <c r="A2303" s="538"/>
      <c r="B2303" s="411">
        <f t="shared" si="71"/>
        <v>117</v>
      </c>
      <c r="C2303" s="440" t="s">
        <v>4934</v>
      </c>
      <c r="D2303" s="452" t="s">
        <v>4935</v>
      </c>
      <c r="E2303" s="510" t="s">
        <v>707</v>
      </c>
      <c r="F2303" s="140" t="s">
        <v>600</v>
      </c>
      <c r="G2303" s="450"/>
      <c r="H2303" s="415"/>
      <c r="I2303" s="481"/>
      <c r="J2303" s="144"/>
      <c r="K2303" s="517"/>
      <c r="L2303" s="455">
        <v>38362</v>
      </c>
      <c r="M2303" s="455"/>
      <c r="N2303" s="418" t="str">
        <f t="shared" si="70"/>
        <v/>
      </c>
    </row>
    <row r="2304" spans="1:14" ht="15.75">
      <c r="A2304" s="538"/>
      <c r="B2304" s="411">
        <f t="shared" si="71"/>
        <v>117</v>
      </c>
      <c r="C2304" s="440" t="s">
        <v>4936</v>
      </c>
      <c r="D2304" s="452" t="s">
        <v>4937</v>
      </c>
      <c r="E2304" s="510" t="s">
        <v>707</v>
      </c>
      <c r="F2304" s="140" t="s">
        <v>600</v>
      </c>
      <c r="G2304" s="450"/>
      <c r="H2304" s="415"/>
      <c r="I2304" s="481"/>
      <c r="J2304" s="144"/>
      <c r="K2304" s="517"/>
      <c r="L2304" s="455">
        <v>38362</v>
      </c>
      <c r="M2304" s="455"/>
      <c r="N2304" s="418" t="str">
        <f t="shared" si="70"/>
        <v/>
      </c>
    </row>
    <row r="2305" spans="1:14" ht="15.75">
      <c r="A2305" s="538"/>
      <c r="B2305" s="411">
        <f t="shared" si="71"/>
        <v>117</v>
      </c>
      <c r="C2305" s="440" t="s">
        <v>2369</v>
      </c>
      <c r="D2305" s="452" t="s">
        <v>2370</v>
      </c>
      <c r="E2305" s="510" t="s">
        <v>707</v>
      </c>
      <c r="F2305" s="140" t="s">
        <v>600</v>
      </c>
      <c r="G2305" s="450"/>
      <c r="H2305" s="415"/>
      <c r="I2305" s="481"/>
      <c r="J2305" s="144"/>
      <c r="K2305" s="517"/>
      <c r="L2305" s="455">
        <v>38362</v>
      </c>
      <c r="M2305" s="455"/>
      <c r="N2305" s="418" t="str">
        <f t="shared" si="70"/>
        <v>DUPLICATE</v>
      </c>
    </row>
    <row r="2306" spans="1:14" ht="15.75">
      <c r="A2306" s="538"/>
      <c r="B2306" s="411">
        <f t="shared" si="71"/>
        <v>117</v>
      </c>
      <c r="C2306" s="440" t="s">
        <v>4938</v>
      </c>
      <c r="D2306" s="452" t="s">
        <v>4939</v>
      </c>
      <c r="E2306" s="510" t="s">
        <v>707</v>
      </c>
      <c r="F2306" s="140" t="s">
        <v>600</v>
      </c>
      <c r="G2306" s="450"/>
      <c r="H2306" s="415"/>
      <c r="I2306" s="481"/>
      <c r="J2306" s="144"/>
      <c r="K2306" s="517"/>
      <c r="L2306" s="455">
        <v>38362</v>
      </c>
      <c r="M2306" s="455"/>
      <c r="N2306" s="418" t="str">
        <f t="shared" si="70"/>
        <v/>
      </c>
    </row>
    <row r="2307" spans="1:14" ht="15.75">
      <c r="A2307" s="538"/>
      <c r="B2307" s="411">
        <f t="shared" si="71"/>
        <v>117</v>
      </c>
      <c r="C2307" s="440" t="s">
        <v>4940</v>
      </c>
      <c r="D2307" s="452" t="s">
        <v>4941</v>
      </c>
      <c r="E2307" s="510" t="s">
        <v>707</v>
      </c>
      <c r="F2307" s="140" t="s">
        <v>600</v>
      </c>
      <c r="G2307" s="450"/>
      <c r="H2307" s="415"/>
      <c r="I2307" s="481"/>
      <c r="J2307" s="144"/>
      <c r="K2307" s="517"/>
      <c r="L2307" s="455">
        <v>38362</v>
      </c>
      <c r="M2307" s="455"/>
      <c r="N2307" s="418" t="str">
        <f t="shared" si="70"/>
        <v/>
      </c>
    </row>
    <row r="2308" spans="1:14" ht="15.75">
      <c r="A2308" s="538"/>
      <c r="B2308" s="411">
        <f t="shared" si="71"/>
        <v>117</v>
      </c>
      <c r="C2308" s="440" t="s">
        <v>4942</v>
      </c>
      <c r="D2308" s="452" t="s">
        <v>4943</v>
      </c>
      <c r="E2308" s="510" t="s">
        <v>707</v>
      </c>
      <c r="F2308" s="140" t="s">
        <v>600</v>
      </c>
      <c r="G2308" s="450"/>
      <c r="H2308" s="415"/>
      <c r="I2308" s="481"/>
      <c r="J2308" s="144"/>
      <c r="K2308" s="517"/>
      <c r="L2308" s="455">
        <v>38362</v>
      </c>
      <c r="M2308" s="455"/>
      <c r="N2308" s="418" t="str">
        <f t="shared" si="70"/>
        <v/>
      </c>
    </row>
    <row r="2309" spans="1:14" ht="15.75">
      <c r="A2309" s="538"/>
      <c r="B2309" s="411">
        <f t="shared" si="71"/>
        <v>117</v>
      </c>
      <c r="C2309" s="440" t="s">
        <v>4944</v>
      </c>
      <c r="D2309" s="452" t="s">
        <v>4945</v>
      </c>
      <c r="E2309" s="510" t="s">
        <v>707</v>
      </c>
      <c r="F2309" s="140" t="s">
        <v>600</v>
      </c>
      <c r="G2309" s="450"/>
      <c r="H2309" s="415"/>
      <c r="I2309" s="481"/>
      <c r="J2309" s="144"/>
      <c r="K2309" s="517"/>
      <c r="L2309" s="455">
        <v>38362</v>
      </c>
      <c r="M2309" s="455"/>
      <c r="N2309" s="418" t="str">
        <f t="shared" si="70"/>
        <v/>
      </c>
    </row>
    <row r="2310" spans="1:14" ht="15.75">
      <c r="A2310" s="538"/>
      <c r="B2310" s="411">
        <f t="shared" si="71"/>
        <v>117</v>
      </c>
      <c r="C2310" s="440" t="s">
        <v>4946</v>
      </c>
      <c r="D2310" s="452" t="s">
        <v>4947</v>
      </c>
      <c r="E2310" s="510" t="s">
        <v>707</v>
      </c>
      <c r="F2310" s="140" t="s">
        <v>600</v>
      </c>
      <c r="G2310" s="450"/>
      <c r="H2310" s="415"/>
      <c r="I2310" s="481"/>
      <c r="J2310" s="144"/>
      <c r="K2310" s="517"/>
      <c r="L2310" s="455">
        <v>38362</v>
      </c>
      <c r="M2310" s="455"/>
      <c r="N2310" s="418" t="str">
        <f t="shared" si="70"/>
        <v/>
      </c>
    </row>
    <row r="2311" spans="1:14" ht="15.75">
      <c r="A2311" s="538"/>
      <c r="B2311" s="411">
        <f t="shared" si="71"/>
        <v>117</v>
      </c>
      <c r="C2311" s="440" t="s">
        <v>4948</v>
      </c>
      <c r="D2311" s="452" t="s">
        <v>4949</v>
      </c>
      <c r="E2311" s="510" t="s">
        <v>707</v>
      </c>
      <c r="F2311" s="140" t="s">
        <v>600</v>
      </c>
      <c r="G2311" s="450"/>
      <c r="H2311" s="415"/>
      <c r="I2311" s="481"/>
      <c r="J2311" s="144"/>
      <c r="K2311" s="517"/>
      <c r="L2311" s="455">
        <v>38362</v>
      </c>
      <c r="M2311" s="455"/>
      <c r="N2311" s="418" t="str">
        <f t="shared" si="70"/>
        <v/>
      </c>
    </row>
    <row r="2312" spans="1:14" ht="15.75">
      <c r="A2312" s="538"/>
      <c r="B2312" s="411">
        <f t="shared" si="71"/>
        <v>117</v>
      </c>
      <c r="C2312" s="440" t="s">
        <v>4950</v>
      </c>
      <c r="D2312" s="452" t="s">
        <v>4951</v>
      </c>
      <c r="E2312" s="510" t="s">
        <v>707</v>
      </c>
      <c r="F2312" s="140" t="s">
        <v>600</v>
      </c>
      <c r="G2312" s="450"/>
      <c r="H2312" s="415"/>
      <c r="I2312" s="481"/>
      <c r="J2312" s="144"/>
      <c r="K2312" s="517"/>
      <c r="L2312" s="455">
        <v>38362</v>
      </c>
      <c r="M2312" s="455"/>
      <c r="N2312" s="418" t="str">
        <f t="shared" si="70"/>
        <v/>
      </c>
    </row>
    <row r="2313" spans="1:14" ht="15.75">
      <c r="A2313" s="538"/>
      <c r="B2313" s="411">
        <f t="shared" si="71"/>
        <v>117</v>
      </c>
      <c r="C2313" s="440" t="s">
        <v>4952</v>
      </c>
      <c r="D2313" s="452" t="s">
        <v>4953</v>
      </c>
      <c r="E2313" s="510" t="s">
        <v>707</v>
      </c>
      <c r="F2313" s="140" t="s">
        <v>600</v>
      </c>
      <c r="G2313" s="450"/>
      <c r="H2313" s="415"/>
      <c r="I2313" s="481"/>
      <c r="J2313" s="144"/>
      <c r="K2313" s="517"/>
      <c r="L2313" s="455">
        <v>38362</v>
      </c>
      <c r="M2313" s="455"/>
      <c r="N2313" s="418" t="str">
        <f t="shared" si="70"/>
        <v/>
      </c>
    </row>
    <row r="2314" spans="1:14" ht="15.75">
      <c r="A2314" s="538"/>
      <c r="B2314" s="411">
        <f t="shared" si="71"/>
        <v>117</v>
      </c>
      <c r="C2314" s="440" t="s">
        <v>4954</v>
      </c>
      <c r="D2314" s="452" t="s">
        <v>4955</v>
      </c>
      <c r="E2314" s="510" t="s">
        <v>707</v>
      </c>
      <c r="F2314" s="140" t="s">
        <v>600</v>
      </c>
      <c r="G2314" s="450"/>
      <c r="H2314" s="415"/>
      <c r="I2314" s="481"/>
      <c r="J2314" s="144"/>
      <c r="K2314" s="517"/>
      <c r="L2314" s="455">
        <v>38362</v>
      </c>
      <c r="M2314" s="455"/>
      <c r="N2314" s="418" t="str">
        <f t="shared" ref="N2314:N2377" si="72">IF(D2314="NA","",IF(COUNTIF($D$2:$D$5552,D2314)&gt;1,"DUPLICATE",""))</f>
        <v/>
      </c>
    </row>
    <row r="2315" spans="1:14" ht="15.75">
      <c r="A2315" s="538"/>
      <c r="B2315" s="411">
        <f t="shared" si="71"/>
        <v>117</v>
      </c>
      <c r="C2315" s="440" t="s">
        <v>4956</v>
      </c>
      <c r="D2315" s="452" t="s">
        <v>4957</v>
      </c>
      <c r="E2315" s="510" t="s">
        <v>707</v>
      </c>
      <c r="F2315" s="140" t="s">
        <v>600</v>
      </c>
      <c r="G2315" s="450"/>
      <c r="H2315" s="415"/>
      <c r="I2315" s="481"/>
      <c r="J2315" s="144"/>
      <c r="K2315" s="517"/>
      <c r="L2315" s="455">
        <v>38362</v>
      </c>
      <c r="M2315" s="455"/>
      <c r="N2315" s="418" t="str">
        <f t="shared" si="72"/>
        <v/>
      </c>
    </row>
    <row r="2316" spans="1:14" ht="15.75">
      <c r="A2316" s="538"/>
      <c r="B2316" s="411">
        <f t="shared" si="71"/>
        <v>117</v>
      </c>
      <c r="C2316" s="440" t="s">
        <v>4958</v>
      </c>
      <c r="D2316" s="452" t="s">
        <v>4959</v>
      </c>
      <c r="E2316" s="510" t="s">
        <v>707</v>
      </c>
      <c r="F2316" s="140" t="s">
        <v>600</v>
      </c>
      <c r="G2316" s="450"/>
      <c r="H2316" s="415"/>
      <c r="I2316" s="481"/>
      <c r="J2316" s="144"/>
      <c r="K2316" s="517"/>
      <c r="L2316" s="455">
        <v>38362</v>
      </c>
      <c r="M2316" s="455"/>
      <c r="N2316" s="418" t="str">
        <f t="shared" si="72"/>
        <v>DUPLICATE</v>
      </c>
    </row>
    <row r="2317" spans="1:14" ht="15.75">
      <c r="A2317" s="538"/>
      <c r="B2317" s="411">
        <f t="shared" si="71"/>
        <v>117</v>
      </c>
      <c r="C2317" s="440" t="s">
        <v>4960</v>
      </c>
      <c r="D2317" s="452" t="s">
        <v>4961</v>
      </c>
      <c r="E2317" s="510" t="s">
        <v>707</v>
      </c>
      <c r="F2317" s="140" t="s">
        <v>600</v>
      </c>
      <c r="G2317" s="450"/>
      <c r="H2317" s="415"/>
      <c r="I2317" s="481"/>
      <c r="J2317" s="144"/>
      <c r="K2317" s="517"/>
      <c r="L2317" s="455">
        <v>38362</v>
      </c>
      <c r="M2317" s="455"/>
      <c r="N2317" s="418" t="str">
        <f t="shared" si="72"/>
        <v/>
      </c>
    </row>
    <row r="2318" spans="1:14" ht="15.75">
      <c r="A2318" s="538"/>
      <c r="B2318" s="411">
        <f t="shared" si="71"/>
        <v>117</v>
      </c>
      <c r="C2318" s="440" t="s">
        <v>4962</v>
      </c>
      <c r="D2318" s="452" t="s">
        <v>4963</v>
      </c>
      <c r="E2318" s="510" t="s">
        <v>707</v>
      </c>
      <c r="F2318" s="140" t="s">
        <v>600</v>
      </c>
      <c r="G2318" s="450"/>
      <c r="H2318" s="415"/>
      <c r="I2318" s="481"/>
      <c r="J2318" s="144"/>
      <c r="K2318" s="517"/>
      <c r="L2318" s="455">
        <v>38362</v>
      </c>
      <c r="M2318" s="455"/>
      <c r="N2318" s="418" t="str">
        <f t="shared" si="72"/>
        <v/>
      </c>
    </row>
    <row r="2319" spans="1:14" ht="15.75">
      <c r="A2319" s="538"/>
      <c r="B2319" s="411">
        <f t="shared" si="71"/>
        <v>117</v>
      </c>
      <c r="C2319" s="440" t="s">
        <v>4964</v>
      </c>
      <c r="D2319" s="452" t="s">
        <v>4965</v>
      </c>
      <c r="E2319" s="510" t="s">
        <v>707</v>
      </c>
      <c r="F2319" s="140" t="s">
        <v>600</v>
      </c>
      <c r="G2319" s="450"/>
      <c r="H2319" s="415"/>
      <c r="I2319" s="481"/>
      <c r="J2319" s="144"/>
      <c r="K2319" s="517"/>
      <c r="L2319" s="455">
        <v>38362</v>
      </c>
      <c r="M2319" s="455"/>
      <c r="N2319" s="418" t="str">
        <f t="shared" si="72"/>
        <v/>
      </c>
    </row>
    <row r="2320" spans="1:14" ht="15.75">
      <c r="A2320" s="538"/>
      <c r="B2320" s="411">
        <f t="shared" si="71"/>
        <v>117</v>
      </c>
      <c r="C2320" s="440" t="s">
        <v>4966</v>
      </c>
      <c r="D2320" s="452" t="s">
        <v>4967</v>
      </c>
      <c r="E2320" s="510" t="s">
        <v>707</v>
      </c>
      <c r="F2320" s="140" t="s">
        <v>600</v>
      </c>
      <c r="G2320" s="450"/>
      <c r="H2320" s="415"/>
      <c r="I2320" s="481"/>
      <c r="J2320" s="144"/>
      <c r="K2320" s="517"/>
      <c r="L2320" s="455">
        <v>38362</v>
      </c>
      <c r="M2320" s="455"/>
      <c r="N2320" s="418" t="str">
        <f t="shared" si="72"/>
        <v/>
      </c>
    </row>
    <row r="2321" spans="1:14" ht="15.75">
      <c r="A2321" s="538"/>
      <c r="B2321" s="411">
        <f t="shared" si="71"/>
        <v>117</v>
      </c>
      <c r="C2321" s="440" t="s">
        <v>4968</v>
      </c>
      <c r="D2321" s="452" t="s">
        <v>4969</v>
      </c>
      <c r="E2321" s="510" t="s">
        <v>707</v>
      </c>
      <c r="F2321" s="140" t="s">
        <v>600</v>
      </c>
      <c r="G2321" s="450"/>
      <c r="H2321" s="415"/>
      <c r="I2321" s="481"/>
      <c r="J2321" s="144"/>
      <c r="K2321" s="517"/>
      <c r="L2321" s="455">
        <v>38362</v>
      </c>
      <c r="M2321" s="455"/>
      <c r="N2321" s="418" t="str">
        <f t="shared" si="72"/>
        <v/>
      </c>
    </row>
    <row r="2322" spans="1:14" ht="15.75">
      <c r="A2322" s="538"/>
      <c r="B2322" s="411">
        <f t="shared" si="71"/>
        <v>117</v>
      </c>
      <c r="C2322" s="440" t="s">
        <v>4970</v>
      </c>
      <c r="D2322" s="452" t="s">
        <v>4971</v>
      </c>
      <c r="E2322" s="510" t="s">
        <v>707</v>
      </c>
      <c r="F2322" s="140" t="s">
        <v>600</v>
      </c>
      <c r="G2322" s="450"/>
      <c r="H2322" s="415"/>
      <c r="I2322" s="481"/>
      <c r="J2322" s="144"/>
      <c r="K2322" s="517"/>
      <c r="L2322" s="455">
        <v>38362</v>
      </c>
      <c r="M2322" s="455"/>
      <c r="N2322" s="418" t="str">
        <f t="shared" si="72"/>
        <v/>
      </c>
    </row>
    <row r="2323" spans="1:14" ht="15.75">
      <c r="A2323" s="538"/>
      <c r="B2323" s="411">
        <f t="shared" si="71"/>
        <v>117</v>
      </c>
      <c r="C2323" s="440" t="s">
        <v>4972</v>
      </c>
      <c r="D2323" s="452" t="s">
        <v>4973</v>
      </c>
      <c r="E2323" s="510" t="s">
        <v>707</v>
      </c>
      <c r="F2323" s="140" t="s">
        <v>600</v>
      </c>
      <c r="G2323" s="450"/>
      <c r="H2323" s="415"/>
      <c r="I2323" s="481"/>
      <c r="J2323" s="144"/>
      <c r="K2323" s="517"/>
      <c r="L2323" s="455">
        <v>38362</v>
      </c>
      <c r="M2323" s="455"/>
      <c r="N2323" s="418" t="str">
        <f t="shared" si="72"/>
        <v/>
      </c>
    </row>
    <row r="2324" spans="1:14" ht="15.75">
      <c r="A2324" s="538"/>
      <c r="B2324" s="411">
        <f t="shared" si="71"/>
        <v>117</v>
      </c>
      <c r="C2324" s="440" t="s">
        <v>4974</v>
      </c>
      <c r="D2324" s="452" t="s">
        <v>4975</v>
      </c>
      <c r="E2324" s="510" t="s">
        <v>707</v>
      </c>
      <c r="F2324" s="140" t="s">
        <v>600</v>
      </c>
      <c r="G2324" s="450"/>
      <c r="H2324" s="415"/>
      <c r="I2324" s="481"/>
      <c r="J2324" s="144"/>
      <c r="K2324" s="517"/>
      <c r="L2324" s="455">
        <v>38362</v>
      </c>
      <c r="M2324" s="455"/>
      <c r="N2324" s="418" t="str">
        <f t="shared" si="72"/>
        <v/>
      </c>
    </row>
    <row r="2325" spans="1:14" ht="15.75">
      <c r="A2325" s="538"/>
      <c r="B2325" s="411">
        <f t="shared" si="71"/>
        <v>117</v>
      </c>
      <c r="C2325" s="440" t="s">
        <v>4976</v>
      </c>
      <c r="D2325" s="452" t="s">
        <v>4977</v>
      </c>
      <c r="E2325" s="510" t="s">
        <v>707</v>
      </c>
      <c r="F2325" s="140" t="s">
        <v>600</v>
      </c>
      <c r="G2325" s="450"/>
      <c r="H2325" s="415"/>
      <c r="I2325" s="481"/>
      <c r="J2325" s="144"/>
      <c r="K2325" s="517"/>
      <c r="L2325" s="455">
        <v>38362</v>
      </c>
      <c r="M2325" s="455"/>
      <c r="N2325" s="418" t="str">
        <f t="shared" si="72"/>
        <v/>
      </c>
    </row>
    <row r="2326" spans="1:14" ht="15.75">
      <c r="A2326" s="538"/>
      <c r="B2326" s="411">
        <f t="shared" si="71"/>
        <v>117</v>
      </c>
      <c r="C2326" s="440" t="s">
        <v>4978</v>
      </c>
      <c r="D2326" s="452" t="s">
        <v>4979</v>
      </c>
      <c r="E2326" s="510" t="s">
        <v>707</v>
      </c>
      <c r="F2326" s="140" t="s">
        <v>600</v>
      </c>
      <c r="G2326" s="450"/>
      <c r="H2326" s="415"/>
      <c r="I2326" s="481"/>
      <c r="J2326" s="144"/>
      <c r="K2326" s="517"/>
      <c r="L2326" s="455">
        <v>38362</v>
      </c>
      <c r="M2326" s="455"/>
      <c r="N2326" s="418" t="str">
        <f t="shared" si="72"/>
        <v/>
      </c>
    </row>
    <row r="2327" spans="1:14" ht="15.75">
      <c r="A2327" s="538"/>
      <c r="B2327" s="411">
        <f t="shared" si="71"/>
        <v>117</v>
      </c>
      <c r="C2327" s="440" t="s">
        <v>4980</v>
      </c>
      <c r="D2327" s="452" t="s">
        <v>4981</v>
      </c>
      <c r="E2327" s="510" t="s">
        <v>707</v>
      </c>
      <c r="F2327" s="140" t="s">
        <v>600</v>
      </c>
      <c r="G2327" s="450"/>
      <c r="H2327" s="415"/>
      <c r="I2327" s="481"/>
      <c r="J2327" s="144"/>
      <c r="K2327" s="517"/>
      <c r="L2327" s="455">
        <v>38362</v>
      </c>
      <c r="M2327" s="455"/>
      <c r="N2327" s="418" t="str">
        <f t="shared" si="72"/>
        <v/>
      </c>
    </row>
    <row r="2328" spans="1:14" ht="28.5">
      <c r="A2328" s="538"/>
      <c r="B2328" s="411">
        <f t="shared" si="71"/>
        <v>117</v>
      </c>
      <c r="C2328" s="440" t="s">
        <v>4982</v>
      </c>
      <c r="D2328" s="452" t="s">
        <v>4983</v>
      </c>
      <c r="E2328" s="510" t="s">
        <v>707</v>
      </c>
      <c r="F2328" s="140" t="s">
        <v>600</v>
      </c>
      <c r="G2328" s="450"/>
      <c r="H2328" s="415"/>
      <c r="I2328" s="481"/>
      <c r="J2328" s="144"/>
      <c r="K2328" s="517"/>
      <c r="L2328" s="455">
        <v>38362</v>
      </c>
      <c r="M2328" s="455"/>
      <c r="N2328" s="418" t="str">
        <f t="shared" si="72"/>
        <v/>
      </c>
    </row>
    <row r="2329" spans="1:14" ht="15.75">
      <c r="A2329" s="538"/>
      <c r="B2329" s="411">
        <f t="shared" si="71"/>
        <v>117</v>
      </c>
      <c r="C2329" s="440" t="s">
        <v>4984</v>
      </c>
      <c r="D2329" s="452" t="s">
        <v>4985</v>
      </c>
      <c r="E2329" s="510" t="s">
        <v>707</v>
      </c>
      <c r="F2329" s="140" t="s">
        <v>600</v>
      </c>
      <c r="G2329" s="450"/>
      <c r="H2329" s="415"/>
      <c r="I2329" s="481"/>
      <c r="J2329" s="144"/>
      <c r="K2329" s="517"/>
      <c r="L2329" s="455">
        <v>38362</v>
      </c>
      <c r="M2329" s="455"/>
      <c r="N2329" s="418" t="str">
        <f t="shared" si="72"/>
        <v/>
      </c>
    </row>
    <row r="2330" spans="1:14" ht="15.75">
      <c r="A2330" s="538"/>
      <c r="B2330" s="411">
        <f t="shared" ref="B2330:B2393" si="73">IF(A2330&gt;0,A2330,B2329)</f>
        <v>117</v>
      </c>
      <c r="C2330" s="440" t="s">
        <v>4986</v>
      </c>
      <c r="D2330" s="452" t="s">
        <v>4987</v>
      </c>
      <c r="E2330" s="510" t="s">
        <v>707</v>
      </c>
      <c r="F2330" s="140" t="s">
        <v>600</v>
      </c>
      <c r="G2330" s="450"/>
      <c r="H2330" s="415"/>
      <c r="I2330" s="481"/>
      <c r="J2330" s="144"/>
      <c r="K2330" s="517"/>
      <c r="L2330" s="455">
        <v>38362</v>
      </c>
      <c r="M2330" s="455"/>
      <c r="N2330" s="418" t="str">
        <f t="shared" si="72"/>
        <v/>
      </c>
    </row>
    <row r="2331" spans="1:14" ht="15.75">
      <c r="A2331" s="538"/>
      <c r="B2331" s="411">
        <f t="shared" si="73"/>
        <v>117</v>
      </c>
      <c r="C2331" s="440" t="s">
        <v>4988</v>
      </c>
      <c r="D2331" s="452" t="s">
        <v>4989</v>
      </c>
      <c r="E2331" s="510" t="s">
        <v>707</v>
      </c>
      <c r="F2331" s="140" t="s">
        <v>600</v>
      </c>
      <c r="G2331" s="450"/>
      <c r="H2331" s="415"/>
      <c r="I2331" s="481"/>
      <c r="J2331" s="144"/>
      <c r="K2331" s="517"/>
      <c r="L2331" s="455">
        <v>38362</v>
      </c>
      <c r="M2331" s="455"/>
      <c r="N2331" s="418" t="str">
        <f t="shared" si="72"/>
        <v/>
      </c>
    </row>
    <row r="2332" spans="1:14" ht="15.75">
      <c r="A2332" s="538"/>
      <c r="B2332" s="411">
        <f t="shared" si="73"/>
        <v>117</v>
      </c>
      <c r="C2332" s="440" t="s">
        <v>4990</v>
      </c>
      <c r="D2332" s="452" t="s">
        <v>4991</v>
      </c>
      <c r="E2332" s="510" t="s">
        <v>707</v>
      </c>
      <c r="F2332" s="140" t="s">
        <v>600</v>
      </c>
      <c r="G2332" s="450"/>
      <c r="H2332" s="415"/>
      <c r="I2332" s="481"/>
      <c r="J2332" s="144"/>
      <c r="K2332" s="517"/>
      <c r="L2332" s="455">
        <v>38362</v>
      </c>
      <c r="M2332" s="455"/>
      <c r="N2332" s="418" t="str">
        <f t="shared" si="72"/>
        <v/>
      </c>
    </row>
    <row r="2333" spans="1:14" ht="15.75">
      <c r="A2333" s="538"/>
      <c r="B2333" s="411">
        <f t="shared" si="73"/>
        <v>117</v>
      </c>
      <c r="C2333" s="440" t="s">
        <v>4992</v>
      </c>
      <c r="D2333" s="452" t="s">
        <v>4993</v>
      </c>
      <c r="E2333" s="510" t="s">
        <v>707</v>
      </c>
      <c r="F2333" s="140" t="s">
        <v>600</v>
      </c>
      <c r="G2333" s="450"/>
      <c r="H2333" s="415"/>
      <c r="I2333" s="481"/>
      <c r="J2333" s="144"/>
      <c r="K2333" s="517"/>
      <c r="L2333" s="455">
        <v>38362</v>
      </c>
      <c r="M2333" s="455"/>
      <c r="N2333" s="418" t="str">
        <f t="shared" si="72"/>
        <v/>
      </c>
    </row>
    <row r="2334" spans="1:14" ht="15.75">
      <c r="A2334" s="538"/>
      <c r="B2334" s="411">
        <f t="shared" si="73"/>
        <v>117</v>
      </c>
      <c r="C2334" s="440" t="s">
        <v>4994</v>
      </c>
      <c r="D2334" s="452" t="s">
        <v>4995</v>
      </c>
      <c r="E2334" s="510" t="s">
        <v>707</v>
      </c>
      <c r="F2334" s="140" t="s">
        <v>600</v>
      </c>
      <c r="G2334" s="450"/>
      <c r="H2334" s="415"/>
      <c r="I2334" s="481"/>
      <c r="J2334" s="144"/>
      <c r="K2334" s="517"/>
      <c r="L2334" s="455">
        <v>38362</v>
      </c>
      <c r="M2334" s="455"/>
      <c r="N2334" s="418" t="str">
        <f t="shared" si="72"/>
        <v/>
      </c>
    </row>
    <row r="2335" spans="1:14" ht="15.75">
      <c r="A2335" s="538"/>
      <c r="B2335" s="411">
        <f t="shared" si="73"/>
        <v>117</v>
      </c>
      <c r="C2335" s="440" t="s">
        <v>4996</v>
      </c>
      <c r="D2335" s="452" t="s">
        <v>4997</v>
      </c>
      <c r="E2335" s="510" t="s">
        <v>707</v>
      </c>
      <c r="F2335" s="140" t="s">
        <v>600</v>
      </c>
      <c r="G2335" s="450"/>
      <c r="H2335" s="415"/>
      <c r="I2335" s="481"/>
      <c r="J2335" s="144"/>
      <c r="K2335" s="517"/>
      <c r="L2335" s="455">
        <v>38362</v>
      </c>
      <c r="M2335" s="455"/>
      <c r="N2335" s="418" t="str">
        <f t="shared" si="72"/>
        <v/>
      </c>
    </row>
    <row r="2336" spans="1:14" ht="15.75">
      <c r="A2336" s="538"/>
      <c r="B2336" s="411">
        <f t="shared" si="73"/>
        <v>117</v>
      </c>
      <c r="C2336" s="440" t="s">
        <v>4998</v>
      </c>
      <c r="D2336" s="452" t="s">
        <v>4999</v>
      </c>
      <c r="E2336" s="510" t="s">
        <v>707</v>
      </c>
      <c r="F2336" s="140" t="s">
        <v>600</v>
      </c>
      <c r="G2336" s="450"/>
      <c r="H2336" s="415"/>
      <c r="I2336" s="481"/>
      <c r="J2336" s="144"/>
      <c r="K2336" s="517"/>
      <c r="L2336" s="455">
        <v>38362</v>
      </c>
      <c r="M2336" s="455"/>
      <c r="N2336" s="418" t="str">
        <f t="shared" si="72"/>
        <v/>
      </c>
    </row>
    <row r="2337" spans="1:14" ht="42.75">
      <c r="A2337" s="538"/>
      <c r="B2337" s="411">
        <f t="shared" si="73"/>
        <v>117</v>
      </c>
      <c r="C2337" s="440" t="s">
        <v>5000</v>
      </c>
      <c r="D2337" s="452" t="s">
        <v>5001</v>
      </c>
      <c r="E2337" s="452" t="s">
        <v>707</v>
      </c>
      <c r="F2337" s="144" t="s">
        <v>600</v>
      </c>
      <c r="G2337" s="449"/>
      <c r="H2337" s="415"/>
      <c r="I2337" s="481"/>
      <c r="J2337" s="144"/>
      <c r="K2337" s="522"/>
      <c r="L2337" s="455">
        <v>38362</v>
      </c>
      <c r="M2337" s="455">
        <v>40575</v>
      </c>
      <c r="N2337" s="418" t="str">
        <f t="shared" si="72"/>
        <v/>
      </c>
    </row>
    <row r="2338" spans="1:14" ht="31.5">
      <c r="A2338" s="538"/>
      <c r="B2338" s="411">
        <f t="shared" si="73"/>
        <v>117</v>
      </c>
      <c r="C2338" s="440" t="s">
        <v>5002</v>
      </c>
      <c r="D2338" s="452" t="s">
        <v>5003</v>
      </c>
      <c r="E2338" s="510" t="s">
        <v>643</v>
      </c>
      <c r="F2338" s="140" t="s">
        <v>600</v>
      </c>
      <c r="G2338" s="449" t="s">
        <v>2310</v>
      </c>
      <c r="H2338" s="415"/>
      <c r="I2338" s="481"/>
      <c r="J2338" s="144"/>
      <c r="K2338" s="450" t="s">
        <v>26639</v>
      </c>
      <c r="L2338" s="455">
        <v>38362</v>
      </c>
      <c r="M2338" s="455">
        <v>43497</v>
      </c>
      <c r="N2338" s="418" t="str">
        <f t="shared" si="72"/>
        <v/>
      </c>
    </row>
    <row r="2339" spans="1:14" ht="15.75">
      <c r="A2339" s="538"/>
      <c r="B2339" s="411">
        <f t="shared" si="73"/>
        <v>117</v>
      </c>
      <c r="C2339" s="440" t="s">
        <v>5004</v>
      </c>
      <c r="D2339" s="452" t="s">
        <v>5005</v>
      </c>
      <c r="E2339" s="510" t="s">
        <v>707</v>
      </c>
      <c r="F2339" s="140" t="s">
        <v>600</v>
      </c>
      <c r="G2339" s="450"/>
      <c r="H2339" s="415"/>
      <c r="I2339" s="481"/>
      <c r="J2339" s="144"/>
      <c r="K2339" s="517"/>
      <c r="L2339" s="455">
        <v>38362</v>
      </c>
      <c r="M2339" s="455"/>
      <c r="N2339" s="418" t="str">
        <f t="shared" si="72"/>
        <v/>
      </c>
    </row>
    <row r="2340" spans="1:14" ht="15.75">
      <c r="A2340" s="538"/>
      <c r="B2340" s="411">
        <f t="shared" si="73"/>
        <v>117</v>
      </c>
      <c r="C2340" s="440" t="s">
        <v>5006</v>
      </c>
      <c r="D2340" s="452" t="s">
        <v>5007</v>
      </c>
      <c r="E2340" s="510" t="s">
        <v>707</v>
      </c>
      <c r="F2340" s="140" t="s">
        <v>600</v>
      </c>
      <c r="G2340" s="450"/>
      <c r="H2340" s="415"/>
      <c r="I2340" s="481"/>
      <c r="J2340" s="144"/>
      <c r="K2340" s="517"/>
      <c r="L2340" s="455">
        <v>38362</v>
      </c>
      <c r="M2340" s="455"/>
      <c r="N2340" s="418" t="str">
        <f t="shared" si="72"/>
        <v/>
      </c>
    </row>
    <row r="2341" spans="1:14" ht="15.75">
      <c r="A2341" s="538"/>
      <c r="B2341" s="411">
        <f t="shared" si="73"/>
        <v>117</v>
      </c>
      <c r="C2341" s="440" t="s">
        <v>5008</v>
      </c>
      <c r="D2341" s="452" t="s">
        <v>5009</v>
      </c>
      <c r="E2341" s="510" t="s">
        <v>707</v>
      </c>
      <c r="F2341" s="140" t="s">
        <v>600</v>
      </c>
      <c r="G2341" s="450"/>
      <c r="H2341" s="415"/>
      <c r="I2341" s="481"/>
      <c r="J2341" s="144"/>
      <c r="K2341" s="517"/>
      <c r="L2341" s="455">
        <v>38362</v>
      </c>
      <c r="M2341" s="455"/>
      <c r="N2341" s="418" t="str">
        <f t="shared" si="72"/>
        <v/>
      </c>
    </row>
    <row r="2342" spans="1:14" ht="15.75">
      <c r="A2342" s="538"/>
      <c r="B2342" s="411">
        <f t="shared" si="73"/>
        <v>117</v>
      </c>
      <c r="C2342" s="440" t="s">
        <v>5010</v>
      </c>
      <c r="D2342" s="452" t="s">
        <v>5011</v>
      </c>
      <c r="E2342" s="510" t="s">
        <v>707</v>
      </c>
      <c r="F2342" s="140" t="s">
        <v>600</v>
      </c>
      <c r="G2342" s="450"/>
      <c r="H2342" s="415"/>
      <c r="I2342" s="481"/>
      <c r="J2342" s="144"/>
      <c r="K2342" s="517"/>
      <c r="L2342" s="455">
        <v>38362</v>
      </c>
      <c r="M2342" s="455"/>
      <c r="N2342" s="418" t="str">
        <f t="shared" si="72"/>
        <v/>
      </c>
    </row>
    <row r="2343" spans="1:14" ht="28.5">
      <c r="A2343" s="538"/>
      <c r="B2343" s="411">
        <f t="shared" si="73"/>
        <v>117</v>
      </c>
      <c r="C2343" s="440" t="s">
        <v>5012</v>
      </c>
      <c r="D2343" s="452" t="s">
        <v>5013</v>
      </c>
      <c r="E2343" s="510" t="s">
        <v>707</v>
      </c>
      <c r="F2343" s="140" t="s">
        <v>600</v>
      </c>
      <c r="G2343" s="450"/>
      <c r="H2343" s="415"/>
      <c r="I2343" s="481"/>
      <c r="J2343" s="144"/>
      <c r="K2343" s="517"/>
      <c r="L2343" s="455">
        <v>38362</v>
      </c>
      <c r="M2343" s="455"/>
      <c r="N2343" s="418" t="str">
        <f t="shared" si="72"/>
        <v/>
      </c>
    </row>
    <row r="2344" spans="1:14" ht="15.75">
      <c r="A2344" s="538"/>
      <c r="B2344" s="411">
        <f t="shared" si="73"/>
        <v>117</v>
      </c>
      <c r="C2344" s="440" t="s">
        <v>5014</v>
      </c>
      <c r="D2344" s="452" t="s">
        <v>5015</v>
      </c>
      <c r="E2344" s="510" t="s">
        <v>707</v>
      </c>
      <c r="F2344" s="140" t="s">
        <v>600</v>
      </c>
      <c r="G2344" s="450"/>
      <c r="H2344" s="415"/>
      <c r="I2344" s="481"/>
      <c r="J2344" s="144"/>
      <c r="K2344" s="517"/>
      <c r="L2344" s="455">
        <v>38362</v>
      </c>
      <c r="M2344" s="455"/>
      <c r="N2344" s="418" t="str">
        <f t="shared" si="72"/>
        <v/>
      </c>
    </row>
    <row r="2345" spans="1:14" ht="31.5">
      <c r="A2345" s="538"/>
      <c r="B2345" s="411">
        <f t="shared" si="73"/>
        <v>117</v>
      </c>
      <c r="C2345" s="440" t="s">
        <v>5016</v>
      </c>
      <c r="D2345" s="452" t="s">
        <v>5017</v>
      </c>
      <c r="E2345" s="510" t="s">
        <v>643</v>
      </c>
      <c r="F2345" s="140" t="s">
        <v>600</v>
      </c>
      <c r="G2345" s="449" t="s">
        <v>2310</v>
      </c>
      <c r="H2345" s="415"/>
      <c r="I2345" s="481"/>
      <c r="J2345" s="144"/>
      <c r="K2345" s="450" t="s">
        <v>26639</v>
      </c>
      <c r="L2345" s="455">
        <v>38362</v>
      </c>
      <c r="M2345" s="455">
        <v>43497</v>
      </c>
      <c r="N2345" s="418" t="str">
        <f t="shared" si="72"/>
        <v/>
      </c>
    </row>
    <row r="2346" spans="1:14" ht="15.75">
      <c r="A2346" s="538"/>
      <c r="B2346" s="411">
        <f t="shared" si="73"/>
        <v>117</v>
      </c>
      <c r="C2346" s="440" t="s">
        <v>5018</v>
      </c>
      <c r="D2346" s="452" t="s">
        <v>5019</v>
      </c>
      <c r="E2346" s="510" t="s">
        <v>707</v>
      </c>
      <c r="F2346" s="140" t="s">
        <v>600</v>
      </c>
      <c r="G2346" s="450"/>
      <c r="H2346" s="415"/>
      <c r="I2346" s="481"/>
      <c r="J2346" s="144"/>
      <c r="K2346" s="517"/>
      <c r="L2346" s="455">
        <v>38362</v>
      </c>
      <c r="M2346" s="455"/>
      <c r="N2346" s="418" t="str">
        <f t="shared" si="72"/>
        <v/>
      </c>
    </row>
    <row r="2347" spans="1:14" ht="28.5">
      <c r="A2347" s="538"/>
      <c r="B2347" s="411">
        <f t="shared" si="73"/>
        <v>117</v>
      </c>
      <c r="C2347" s="440" t="s">
        <v>5020</v>
      </c>
      <c r="D2347" s="452" t="s">
        <v>5021</v>
      </c>
      <c r="E2347" s="452" t="s">
        <v>707</v>
      </c>
      <c r="F2347" s="144" t="s">
        <v>600</v>
      </c>
      <c r="G2347" s="450"/>
      <c r="H2347" s="415"/>
      <c r="I2347" s="481"/>
      <c r="J2347" s="144"/>
      <c r="K2347" s="517"/>
      <c r="L2347" s="455">
        <v>38362</v>
      </c>
      <c r="M2347" s="455"/>
      <c r="N2347" s="418" t="str">
        <f t="shared" si="72"/>
        <v/>
      </c>
    </row>
    <row r="2348" spans="1:14" ht="15.75">
      <c r="A2348" s="538"/>
      <c r="B2348" s="411">
        <f t="shared" si="73"/>
        <v>117</v>
      </c>
      <c r="C2348" s="440" t="s">
        <v>5022</v>
      </c>
      <c r="D2348" s="452" t="s">
        <v>5023</v>
      </c>
      <c r="E2348" s="510" t="s">
        <v>707</v>
      </c>
      <c r="F2348" s="140" t="s">
        <v>600</v>
      </c>
      <c r="G2348" s="450"/>
      <c r="H2348" s="415"/>
      <c r="I2348" s="481"/>
      <c r="J2348" s="144"/>
      <c r="K2348" s="517"/>
      <c r="L2348" s="455">
        <v>38362</v>
      </c>
      <c r="M2348" s="455"/>
      <c r="N2348" s="418" t="str">
        <f t="shared" si="72"/>
        <v/>
      </c>
    </row>
    <row r="2349" spans="1:14" ht="15.75">
      <c r="A2349" s="538"/>
      <c r="B2349" s="411">
        <f t="shared" si="73"/>
        <v>117</v>
      </c>
      <c r="C2349" s="440" t="s">
        <v>5024</v>
      </c>
      <c r="D2349" s="452" t="s">
        <v>5025</v>
      </c>
      <c r="E2349" s="510" t="s">
        <v>707</v>
      </c>
      <c r="F2349" s="140" t="s">
        <v>600</v>
      </c>
      <c r="G2349" s="450"/>
      <c r="H2349" s="415"/>
      <c r="I2349" s="481"/>
      <c r="J2349" s="144"/>
      <c r="K2349" s="517"/>
      <c r="L2349" s="455">
        <v>38362</v>
      </c>
      <c r="M2349" s="455"/>
      <c r="N2349" s="418" t="str">
        <f t="shared" si="72"/>
        <v/>
      </c>
    </row>
    <row r="2350" spans="1:14" ht="28.5">
      <c r="A2350" s="538"/>
      <c r="B2350" s="411">
        <f t="shared" si="73"/>
        <v>117</v>
      </c>
      <c r="C2350" s="440" t="s">
        <v>5026</v>
      </c>
      <c r="D2350" s="452" t="s">
        <v>5027</v>
      </c>
      <c r="E2350" s="452" t="s">
        <v>707</v>
      </c>
      <c r="F2350" s="144" t="s">
        <v>600</v>
      </c>
      <c r="G2350" s="450"/>
      <c r="H2350" s="415"/>
      <c r="I2350" s="481"/>
      <c r="J2350" s="144"/>
      <c r="K2350" s="517"/>
      <c r="L2350" s="455">
        <v>38362</v>
      </c>
      <c r="M2350" s="455"/>
      <c r="N2350" s="418" t="str">
        <f t="shared" si="72"/>
        <v/>
      </c>
    </row>
    <row r="2351" spans="1:14" ht="15.75">
      <c r="A2351" s="538"/>
      <c r="B2351" s="411">
        <f t="shared" si="73"/>
        <v>117</v>
      </c>
      <c r="C2351" s="440" t="s">
        <v>5028</v>
      </c>
      <c r="D2351" s="452" t="s">
        <v>5029</v>
      </c>
      <c r="E2351" s="510" t="s">
        <v>707</v>
      </c>
      <c r="F2351" s="140" t="s">
        <v>600</v>
      </c>
      <c r="G2351" s="450"/>
      <c r="H2351" s="415"/>
      <c r="I2351" s="481"/>
      <c r="J2351" s="144"/>
      <c r="K2351" s="517"/>
      <c r="L2351" s="455">
        <v>38362</v>
      </c>
      <c r="M2351" s="455"/>
      <c r="N2351" s="418" t="str">
        <f t="shared" si="72"/>
        <v/>
      </c>
    </row>
    <row r="2352" spans="1:14" ht="15.75">
      <c r="A2352" s="538"/>
      <c r="B2352" s="411">
        <f t="shared" si="73"/>
        <v>117</v>
      </c>
      <c r="C2352" s="440" t="s">
        <v>5030</v>
      </c>
      <c r="D2352" s="452" t="s">
        <v>5031</v>
      </c>
      <c r="E2352" s="510" t="s">
        <v>707</v>
      </c>
      <c r="F2352" s="140" t="s">
        <v>600</v>
      </c>
      <c r="G2352" s="450"/>
      <c r="H2352" s="415"/>
      <c r="I2352" s="481"/>
      <c r="J2352" s="144"/>
      <c r="K2352" s="517"/>
      <c r="L2352" s="455">
        <v>38362</v>
      </c>
      <c r="M2352" s="455"/>
      <c r="N2352" s="418" t="str">
        <f t="shared" si="72"/>
        <v/>
      </c>
    </row>
    <row r="2353" spans="1:14" ht="15.75">
      <c r="A2353" s="538"/>
      <c r="B2353" s="411">
        <f t="shared" si="73"/>
        <v>117</v>
      </c>
      <c r="C2353" s="440" t="s">
        <v>5032</v>
      </c>
      <c r="D2353" s="452" t="s">
        <v>5033</v>
      </c>
      <c r="E2353" s="510" t="s">
        <v>707</v>
      </c>
      <c r="F2353" s="140" t="s">
        <v>600</v>
      </c>
      <c r="G2353" s="450"/>
      <c r="H2353" s="415"/>
      <c r="I2353" s="481"/>
      <c r="J2353" s="144"/>
      <c r="K2353" s="517"/>
      <c r="L2353" s="455">
        <v>38362</v>
      </c>
      <c r="M2353" s="455"/>
      <c r="N2353" s="418" t="str">
        <f t="shared" si="72"/>
        <v/>
      </c>
    </row>
    <row r="2354" spans="1:14" ht="15.75">
      <c r="A2354" s="538"/>
      <c r="B2354" s="411">
        <f t="shared" si="73"/>
        <v>117</v>
      </c>
      <c r="C2354" s="440" t="s">
        <v>5034</v>
      </c>
      <c r="D2354" s="452" t="s">
        <v>5035</v>
      </c>
      <c r="E2354" s="510" t="s">
        <v>707</v>
      </c>
      <c r="F2354" s="140" t="s">
        <v>600</v>
      </c>
      <c r="G2354" s="450"/>
      <c r="H2354" s="415"/>
      <c r="I2354" s="481"/>
      <c r="J2354" s="144"/>
      <c r="K2354" s="517"/>
      <c r="L2354" s="455">
        <v>38362</v>
      </c>
      <c r="M2354" s="455"/>
      <c r="N2354" s="418" t="str">
        <f t="shared" si="72"/>
        <v/>
      </c>
    </row>
    <row r="2355" spans="1:14" ht="15.75">
      <c r="A2355" s="538"/>
      <c r="B2355" s="411">
        <f t="shared" si="73"/>
        <v>117</v>
      </c>
      <c r="C2355" s="440" t="s">
        <v>5036</v>
      </c>
      <c r="D2355" s="452" t="s">
        <v>5037</v>
      </c>
      <c r="E2355" s="510" t="s">
        <v>707</v>
      </c>
      <c r="F2355" s="140" t="s">
        <v>600</v>
      </c>
      <c r="G2355" s="450"/>
      <c r="H2355" s="415"/>
      <c r="I2355" s="481"/>
      <c r="J2355" s="144"/>
      <c r="K2355" s="517"/>
      <c r="L2355" s="455">
        <v>38362</v>
      </c>
      <c r="M2355" s="455"/>
      <c r="N2355" s="418" t="str">
        <f t="shared" si="72"/>
        <v/>
      </c>
    </row>
    <row r="2356" spans="1:14" ht="15.75">
      <c r="A2356" s="538"/>
      <c r="B2356" s="411">
        <f t="shared" si="73"/>
        <v>117</v>
      </c>
      <c r="C2356" s="440" t="s">
        <v>5038</v>
      </c>
      <c r="D2356" s="452" t="s">
        <v>5039</v>
      </c>
      <c r="E2356" s="510" t="s">
        <v>707</v>
      </c>
      <c r="F2356" s="140" t="s">
        <v>600</v>
      </c>
      <c r="G2356" s="450"/>
      <c r="H2356" s="415"/>
      <c r="I2356" s="481"/>
      <c r="J2356" s="144"/>
      <c r="K2356" s="517"/>
      <c r="L2356" s="455">
        <v>38362</v>
      </c>
      <c r="M2356" s="455"/>
      <c r="N2356" s="418" t="str">
        <f t="shared" si="72"/>
        <v/>
      </c>
    </row>
    <row r="2357" spans="1:14" ht="15.75">
      <c r="A2357" s="538"/>
      <c r="B2357" s="411">
        <f t="shared" si="73"/>
        <v>117</v>
      </c>
      <c r="C2357" s="440" t="s">
        <v>5040</v>
      </c>
      <c r="D2357" s="452" t="s">
        <v>5041</v>
      </c>
      <c r="E2357" s="510" t="s">
        <v>707</v>
      </c>
      <c r="F2357" s="140" t="s">
        <v>600</v>
      </c>
      <c r="G2357" s="450"/>
      <c r="H2357" s="415"/>
      <c r="I2357" s="481"/>
      <c r="J2357" s="144"/>
      <c r="K2357" s="517"/>
      <c r="L2357" s="455">
        <v>38362</v>
      </c>
      <c r="M2357" s="455"/>
      <c r="N2357" s="418" t="str">
        <f t="shared" si="72"/>
        <v/>
      </c>
    </row>
    <row r="2358" spans="1:14" ht="15.75">
      <c r="A2358" s="538"/>
      <c r="B2358" s="411">
        <f t="shared" si="73"/>
        <v>117</v>
      </c>
      <c r="C2358" s="440" t="s">
        <v>5042</v>
      </c>
      <c r="D2358" s="452" t="s">
        <v>5043</v>
      </c>
      <c r="E2358" s="510" t="s">
        <v>707</v>
      </c>
      <c r="F2358" s="140" t="s">
        <v>600</v>
      </c>
      <c r="G2358" s="450"/>
      <c r="H2358" s="415"/>
      <c r="I2358" s="481"/>
      <c r="J2358" s="144"/>
      <c r="K2358" s="517"/>
      <c r="L2358" s="455">
        <v>38362</v>
      </c>
      <c r="M2358" s="455"/>
      <c r="N2358" s="418" t="str">
        <f t="shared" si="72"/>
        <v/>
      </c>
    </row>
    <row r="2359" spans="1:14" ht="15.75">
      <c r="A2359" s="538"/>
      <c r="B2359" s="411">
        <f t="shared" si="73"/>
        <v>117</v>
      </c>
      <c r="C2359" s="440" t="s">
        <v>5044</v>
      </c>
      <c r="D2359" s="452" t="s">
        <v>5045</v>
      </c>
      <c r="E2359" s="510" t="s">
        <v>707</v>
      </c>
      <c r="F2359" s="140" t="s">
        <v>600</v>
      </c>
      <c r="G2359" s="450"/>
      <c r="H2359" s="415"/>
      <c r="I2359" s="481"/>
      <c r="J2359" s="144"/>
      <c r="K2359" s="517"/>
      <c r="L2359" s="455">
        <v>38362</v>
      </c>
      <c r="M2359" s="455"/>
      <c r="N2359" s="418" t="str">
        <f t="shared" si="72"/>
        <v/>
      </c>
    </row>
    <row r="2360" spans="1:14" ht="15.75">
      <c r="A2360" s="538"/>
      <c r="B2360" s="411">
        <f t="shared" si="73"/>
        <v>117</v>
      </c>
      <c r="C2360" s="440" t="s">
        <v>5046</v>
      </c>
      <c r="D2360" s="452" t="s">
        <v>5047</v>
      </c>
      <c r="E2360" s="510" t="s">
        <v>707</v>
      </c>
      <c r="F2360" s="140" t="s">
        <v>600</v>
      </c>
      <c r="G2360" s="450"/>
      <c r="H2360" s="415"/>
      <c r="I2360" s="481"/>
      <c r="J2360" s="144"/>
      <c r="K2360" s="517"/>
      <c r="L2360" s="455">
        <v>38362</v>
      </c>
      <c r="M2360" s="455"/>
      <c r="N2360" s="418" t="str">
        <f t="shared" si="72"/>
        <v/>
      </c>
    </row>
    <row r="2361" spans="1:14" ht="15.75">
      <c r="A2361" s="538"/>
      <c r="B2361" s="411">
        <f t="shared" si="73"/>
        <v>117</v>
      </c>
      <c r="C2361" s="440" t="s">
        <v>5048</v>
      </c>
      <c r="D2361" s="452" t="s">
        <v>5049</v>
      </c>
      <c r="E2361" s="510" t="s">
        <v>707</v>
      </c>
      <c r="F2361" s="140" t="s">
        <v>600</v>
      </c>
      <c r="G2361" s="450"/>
      <c r="H2361" s="415"/>
      <c r="I2361" s="481"/>
      <c r="J2361" s="144"/>
      <c r="K2361" s="517"/>
      <c r="L2361" s="455">
        <v>38362</v>
      </c>
      <c r="M2361" s="455"/>
      <c r="N2361" s="418" t="str">
        <f t="shared" si="72"/>
        <v/>
      </c>
    </row>
    <row r="2362" spans="1:14" ht="15.75">
      <c r="A2362" s="538"/>
      <c r="B2362" s="411">
        <f t="shared" si="73"/>
        <v>117</v>
      </c>
      <c r="C2362" s="440" t="s">
        <v>5050</v>
      </c>
      <c r="D2362" s="452" t="s">
        <v>5051</v>
      </c>
      <c r="E2362" s="510" t="s">
        <v>707</v>
      </c>
      <c r="F2362" s="140" t="s">
        <v>600</v>
      </c>
      <c r="G2362" s="450"/>
      <c r="H2362" s="415"/>
      <c r="I2362" s="481"/>
      <c r="J2362" s="144"/>
      <c r="K2362" s="517"/>
      <c r="L2362" s="455">
        <v>38362</v>
      </c>
      <c r="M2362" s="455"/>
      <c r="N2362" s="418" t="str">
        <f t="shared" si="72"/>
        <v/>
      </c>
    </row>
    <row r="2363" spans="1:14" ht="28.5">
      <c r="A2363" s="538"/>
      <c r="B2363" s="411">
        <f t="shared" si="73"/>
        <v>117</v>
      </c>
      <c r="C2363" s="440" t="s">
        <v>5052</v>
      </c>
      <c r="D2363" s="452" t="s">
        <v>5053</v>
      </c>
      <c r="E2363" s="510" t="s">
        <v>707</v>
      </c>
      <c r="F2363" s="140" t="s">
        <v>600</v>
      </c>
      <c r="G2363" s="450"/>
      <c r="H2363" s="415"/>
      <c r="I2363" s="481"/>
      <c r="J2363" s="144"/>
      <c r="K2363" s="517"/>
      <c r="L2363" s="455">
        <v>38362</v>
      </c>
      <c r="M2363" s="455"/>
      <c r="N2363" s="418" t="str">
        <f t="shared" si="72"/>
        <v/>
      </c>
    </row>
    <row r="2364" spans="1:14" ht="31.5">
      <c r="A2364" s="538"/>
      <c r="B2364" s="411">
        <f t="shared" si="73"/>
        <v>117</v>
      </c>
      <c r="C2364" s="440" t="s">
        <v>5054</v>
      </c>
      <c r="D2364" s="452" t="s">
        <v>5055</v>
      </c>
      <c r="E2364" s="510" t="s">
        <v>643</v>
      </c>
      <c r="F2364" s="140" t="s">
        <v>600</v>
      </c>
      <c r="G2364" s="449" t="s">
        <v>2310</v>
      </c>
      <c r="H2364" s="415"/>
      <c r="I2364" s="481"/>
      <c r="J2364" s="144"/>
      <c r="K2364" s="450" t="s">
        <v>26639</v>
      </c>
      <c r="L2364" s="455">
        <v>38362</v>
      </c>
      <c r="M2364" s="455">
        <v>43497</v>
      </c>
      <c r="N2364" s="418" t="str">
        <f t="shared" si="72"/>
        <v/>
      </c>
    </row>
    <row r="2365" spans="1:14" ht="15.75">
      <c r="A2365" s="538"/>
      <c r="B2365" s="411">
        <f t="shared" si="73"/>
        <v>117</v>
      </c>
      <c r="C2365" s="440" t="s">
        <v>5056</v>
      </c>
      <c r="D2365" s="452" t="s">
        <v>5057</v>
      </c>
      <c r="E2365" s="510" t="s">
        <v>707</v>
      </c>
      <c r="F2365" s="140" t="s">
        <v>600</v>
      </c>
      <c r="G2365" s="450"/>
      <c r="H2365" s="415"/>
      <c r="I2365" s="481"/>
      <c r="J2365" s="144"/>
      <c r="K2365" s="517"/>
      <c r="L2365" s="455">
        <v>38362</v>
      </c>
      <c r="M2365" s="455"/>
      <c r="N2365" s="418" t="str">
        <f t="shared" si="72"/>
        <v/>
      </c>
    </row>
    <row r="2366" spans="1:14" ht="15.75">
      <c r="A2366" s="538"/>
      <c r="B2366" s="411">
        <f t="shared" si="73"/>
        <v>117</v>
      </c>
      <c r="C2366" s="440" t="s">
        <v>5058</v>
      </c>
      <c r="D2366" s="452" t="s">
        <v>5059</v>
      </c>
      <c r="E2366" s="510" t="s">
        <v>707</v>
      </c>
      <c r="F2366" s="140" t="s">
        <v>600</v>
      </c>
      <c r="G2366" s="450"/>
      <c r="H2366" s="415"/>
      <c r="I2366" s="481"/>
      <c r="J2366" s="144"/>
      <c r="K2366" s="517"/>
      <c r="L2366" s="455">
        <v>38362</v>
      </c>
      <c r="M2366" s="455"/>
      <c r="N2366" s="418" t="str">
        <f t="shared" si="72"/>
        <v/>
      </c>
    </row>
    <row r="2367" spans="1:14" ht="15.75">
      <c r="A2367" s="538"/>
      <c r="B2367" s="411">
        <f t="shared" si="73"/>
        <v>117</v>
      </c>
      <c r="C2367" s="440" t="s">
        <v>5060</v>
      </c>
      <c r="D2367" s="452" t="s">
        <v>5061</v>
      </c>
      <c r="E2367" s="510" t="s">
        <v>707</v>
      </c>
      <c r="F2367" s="140" t="s">
        <v>600</v>
      </c>
      <c r="G2367" s="450"/>
      <c r="H2367" s="415"/>
      <c r="I2367" s="481"/>
      <c r="J2367" s="144"/>
      <c r="K2367" s="517"/>
      <c r="L2367" s="455">
        <v>38362</v>
      </c>
      <c r="M2367" s="455"/>
      <c r="N2367" s="418" t="str">
        <f t="shared" si="72"/>
        <v/>
      </c>
    </row>
    <row r="2368" spans="1:14" ht="15.75">
      <c r="A2368" s="538"/>
      <c r="B2368" s="411">
        <f t="shared" si="73"/>
        <v>117</v>
      </c>
      <c r="C2368" s="440" t="s">
        <v>5062</v>
      </c>
      <c r="D2368" s="452" t="s">
        <v>5063</v>
      </c>
      <c r="E2368" s="510" t="s">
        <v>707</v>
      </c>
      <c r="F2368" s="140" t="s">
        <v>600</v>
      </c>
      <c r="G2368" s="450"/>
      <c r="H2368" s="415"/>
      <c r="I2368" s="481"/>
      <c r="J2368" s="144"/>
      <c r="K2368" s="517"/>
      <c r="L2368" s="455">
        <v>38362</v>
      </c>
      <c r="M2368" s="455"/>
      <c r="N2368" s="418" t="str">
        <f t="shared" si="72"/>
        <v/>
      </c>
    </row>
    <row r="2369" spans="1:14" ht="15.75">
      <c r="A2369" s="538"/>
      <c r="B2369" s="411">
        <f t="shared" si="73"/>
        <v>117</v>
      </c>
      <c r="C2369" s="440" t="s">
        <v>5064</v>
      </c>
      <c r="D2369" s="452" t="s">
        <v>5065</v>
      </c>
      <c r="E2369" s="510" t="s">
        <v>707</v>
      </c>
      <c r="F2369" s="140" t="s">
        <v>600</v>
      </c>
      <c r="G2369" s="450"/>
      <c r="H2369" s="415"/>
      <c r="I2369" s="481"/>
      <c r="J2369" s="144"/>
      <c r="K2369" s="517"/>
      <c r="L2369" s="455">
        <v>38362</v>
      </c>
      <c r="M2369" s="455"/>
      <c r="N2369" s="418" t="str">
        <f t="shared" si="72"/>
        <v/>
      </c>
    </row>
    <row r="2370" spans="1:14" ht="15.75">
      <c r="A2370" s="538"/>
      <c r="B2370" s="411">
        <f t="shared" si="73"/>
        <v>117</v>
      </c>
      <c r="C2370" s="440" t="s">
        <v>5066</v>
      </c>
      <c r="D2370" s="452" t="s">
        <v>5067</v>
      </c>
      <c r="E2370" s="510" t="s">
        <v>707</v>
      </c>
      <c r="F2370" s="140" t="s">
        <v>600</v>
      </c>
      <c r="G2370" s="450"/>
      <c r="H2370" s="415"/>
      <c r="I2370" s="481"/>
      <c r="J2370" s="144"/>
      <c r="K2370" s="517"/>
      <c r="L2370" s="455">
        <v>38362</v>
      </c>
      <c r="M2370" s="455"/>
      <c r="N2370" s="418" t="str">
        <f t="shared" si="72"/>
        <v/>
      </c>
    </row>
    <row r="2371" spans="1:14" ht="31.5">
      <c r="A2371" s="538"/>
      <c r="B2371" s="411">
        <f t="shared" si="73"/>
        <v>117</v>
      </c>
      <c r="C2371" s="440" t="s">
        <v>5068</v>
      </c>
      <c r="D2371" s="452" t="s">
        <v>5069</v>
      </c>
      <c r="E2371" s="510" t="s">
        <v>643</v>
      </c>
      <c r="F2371" s="140" t="s">
        <v>600</v>
      </c>
      <c r="G2371" s="450" t="s">
        <v>5070</v>
      </c>
      <c r="H2371" s="415"/>
      <c r="I2371" s="481"/>
      <c r="J2371" s="144"/>
      <c r="K2371" s="517"/>
      <c r="L2371" s="455">
        <v>38362</v>
      </c>
      <c r="M2371" s="455">
        <v>42767</v>
      </c>
      <c r="N2371" s="418" t="str">
        <f t="shared" si="72"/>
        <v>DUPLICATE</v>
      </c>
    </row>
    <row r="2372" spans="1:14" ht="15.75">
      <c r="A2372" s="538"/>
      <c r="B2372" s="411">
        <f t="shared" si="73"/>
        <v>117</v>
      </c>
      <c r="C2372" s="440" t="s">
        <v>5071</v>
      </c>
      <c r="D2372" s="452" t="s">
        <v>5072</v>
      </c>
      <c r="E2372" s="510" t="s">
        <v>707</v>
      </c>
      <c r="F2372" s="140" t="s">
        <v>600</v>
      </c>
      <c r="G2372" s="450"/>
      <c r="H2372" s="415"/>
      <c r="I2372" s="481"/>
      <c r="J2372" s="144"/>
      <c r="K2372" s="517"/>
      <c r="L2372" s="455">
        <v>38362</v>
      </c>
      <c r="M2372" s="455"/>
      <c r="N2372" s="418" t="str">
        <f t="shared" si="72"/>
        <v/>
      </c>
    </row>
    <row r="2373" spans="1:14" ht="15.75">
      <c r="A2373" s="538"/>
      <c r="B2373" s="411">
        <f t="shared" si="73"/>
        <v>117</v>
      </c>
      <c r="C2373" s="440" t="s">
        <v>5073</v>
      </c>
      <c r="D2373" s="452" t="s">
        <v>5074</v>
      </c>
      <c r="E2373" s="510" t="s">
        <v>707</v>
      </c>
      <c r="F2373" s="140" t="s">
        <v>600</v>
      </c>
      <c r="G2373" s="450"/>
      <c r="H2373" s="415"/>
      <c r="I2373" s="481"/>
      <c r="J2373" s="144"/>
      <c r="K2373" s="517"/>
      <c r="L2373" s="455">
        <v>38362</v>
      </c>
      <c r="M2373" s="455"/>
      <c r="N2373" s="418" t="str">
        <f t="shared" si="72"/>
        <v/>
      </c>
    </row>
    <row r="2374" spans="1:14" ht="15.75">
      <c r="A2374" s="538"/>
      <c r="B2374" s="411">
        <f t="shared" si="73"/>
        <v>117</v>
      </c>
      <c r="C2374" s="440" t="s">
        <v>5075</v>
      </c>
      <c r="D2374" s="452" t="s">
        <v>5076</v>
      </c>
      <c r="E2374" s="510" t="s">
        <v>707</v>
      </c>
      <c r="F2374" s="140" t="s">
        <v>600</v>
      </c>
      <c r="G2374" s="450"/>
      <c r="H2374" s="415"/>
      <c r="I2374" s="481"/>
      <c r="J2374" s="144"/>
      <c r="K2374" s="517"/>
      <c r="L2374" s="455">
        <v>38362</v>
      </c>
      <c r="M2374" s="455"/>
      <c r="N2374" s="418" t="str">
        <f t="shared" si="72"/>
        <v/>
      </c>
    </row>
    <row r="2375" spans="1:14" ht="15.75">
      <c r="A2375" s="538"/>
      <c r="B2375" s="411">
        <f t="shared" si="73"/>
        <v>117</v>
      </c>
      <c r="C2375" s="440" t="s">
        <v>5077</v>
      </c>
      <c r="D2375" s="452" t="s">
        <v>5078</v>
      </c>
      <c r="E2375" s="510" t="s">
        <v>707</v>
      </c>
      <c r="F2375" s="140" t="s">
        <v>600</v>
      </c>
      <c r="G2375" s="450"/>
      <c r="H2375" s="415"/>
      <c r="I2375" s="481"/>
      <c r="J2375" s="144"/>
      <c r="K2375" s="517"/>
      <c r="L2375" s="455">
        <v>38362</v>
      </c>
      <c r="M2375" s="455"/>
      <c r="N2375" s="418" t="str">
        <f t="shared" si="72"/>
        <v/>
      </c>
    </row>
    <row r="2376" spans="1:14" ht="15.75">
      <c r="A2376" s="538"/>
      <c r="B2376" s="411">
        <f t="shared" si="73"/>
        <v>117</v>
      </c>
      <c r="C2376" s="440" t="s">
        <v>5079</v>
      </c>
      <c r="D2376" s="452" t="s">
        <v>5080</v>
      </c>
      <c r="E2376" s="510" t="s">
        <v>707</v>
      </c>
      <c r="F2376" s="140" t="s">
        <v>600</v>
      </c>
      <c r="G2376" s="450"/>
      <c r="H2376" s="415"/>
      <c r="I2376" s="481"/>
      <c r="J2376" s="144"/>
      <c r="K2376" s="517"/>
      <c r="L2376" s="455">
        <v>38362</v>
      </c>
      <c r="M2376" s="455"/>
      <c r="N2376" s="418" t="str">
        <f t="shared" si="72"/>
        <v/>
      </c>
    </row>
    <row r="2377" spans="1:14" ht="15.75">
      <c r="A2377" s="538"/>
      <c r="B2377" s="411">
        <f t="shared" si="73"/>
        <v>117</v>
      </c>
      <c r="C2377" s="440" t="s">
        <v>5081</v>
      </c>
      <c r="D2377" s="452" t="s">
        <v>5082</v>
      </c>
      <c r="E2377" s="510" t="s">
        <v>707</v>
      </c>
      <c r="F2377" s="140" t="s">
        <v>600</v>
      </c>
      <c r="G2377" s="450"/>
      <c r="H2377" s="415"/>
      <c r="I2377" s="481"/>
      <c r="J2377" s="144"/>
      <c r="K2377" s="517"/>
      <c r="L2377" s="455">
        <v>38362</v>
      </c>
      <c r="M2377" s="455"/>
      <c r="N2377" s="418" t="str">
        <f t="shared" si="72"/>
        <v/>
      </c>
    </row>
    <row r="2378" spans="1:14" ht="15.75">
      <c r="A2378" s="538"/>
      <c r="B2378" s="411">
        <f t="shared" si="73"/>
        <v>117</v>
      </c>
      <c r="C2378" s="440" t="s">
        <v>5083</v>
      </c>
      <c r="D2378" s="452" t="s">
        <v>5084</v>
      </c>
      <c r="E2378" s="510" t="s">
        <v>707</v>
      </c>
      <c r="F2378" s="140" t="s">
        <v>600</v>
      </c>
      <c r="G2378" s="450"/>
      <c r="H2378" s="415"/>
      <c r="I2378" s="481"/>
      <c r="J2378" s="144"/>
      <c r="K2378" s="517"/>
      <c r="L2378" s="455">
        <v>38362</v>
      </c>
      <c r="M2378" s="455"/>
      <c r="N2378" s="418" t="str">
        <f t="shared" ref="N2378:N2441" si="74">IF(D2378="NA","",IF(COUNTIF($D$2:$D$5552,D2378)&gt;1,"DUPLICATE",""))</f>
        <v/>
      </c>
    </row>
    <row r="2379" spans="1:14" ht="15.75">
      <c r="A2379" s="538"/>
      <c r="B2379" s="411">
        <f t="shared" si="73"/>
        <v>117</v>
      </c>
      <c r="C2379" s="440" t="s">
        <v>5085</v>
      </c>
      <c r="D2379" s="452" t="s">
        <v>5086</v>
      </c>
      <c r="E2379" s="510" t="s">
        <v>707</v>
      </c>
      <c r="F2379" s="140" t="s">
        <v>600</v>
      </c>
      <c r="G2379" s="450"/>
      <c r="H2379" s="415"/>
      <c r="I2379" s="481"/>
      <c r="J2379" s="144"/>
      <c r="K2379" s="517"/>
      <c r="L2379" s="455">
        <v>38362</v>
      </c>
      <c r="M2379" s="455"/>
      <c r="N2379" s="418" t="str">
        <f t="shared" si="74"/>
        <v>DUPLICATE</v>
      </c>
    </row>
    <row r="2380" spans="1:14" ht="15.75">
      <c r="A2380" s="538"/>
      <c r="B2380" s="411">
        <f t="shared" si="73"/>
        <v>117</v>
      </c>
      <c r="C2380" s="440" t="s">
        <v>5087</v>
      </c>
      <c r="D2380" s="452" t="s">
        <v>5088</v>
      </c>
      <c r="E2380" s="510" t="s">
        <v>707</v>
      </c>
      <c r="F2380" s="140" t="s">
        <v>600</v>
      </c>
      <c r="G2380" s="450"/>
      <c r="H2380" s="415"/>
      <c r="I2380" s="481"/>
      <c r="J2380" s="144"/>
      <c r="K2380" s="517"/>
      <c r="L2380" s="455">
        <v>38362</v>
      </c>
      <c r="M2380" s="455"/>
      <c r="N2380" s="418" t="str">
        <f t="shared" si="74"/>
        <v/>
      </c>
    </row>
    <row r="2381" spans="1:14" ht="15.75">
      <c r="A2381" s="538"/>
      <c r="B2381" s="411">
        <f t="shared" si="73"/>
        <v>117</v>
      </c>
      <c r="C2381" s="440" t="s">
        <v>5089</v>
      </c>
      <c r="D2381" s="452" t="s">
        <v>5090</v>
      </c>
      <c r="E2381" s="510" t="s">
        <v>707</v>
      </c>
      <c r="F2381" s="140" t="s">
        <v>600</v>
      </c>
      <c r="G2381" s="450"/>
      <c r="H2381" s="415"/>
      <c r="I2381" s="481"/>
      <c r="J2381" s="144"/>
      <c r="K2381" s="517"/>
      <c r="L2381" s="455">
        <v>38362</v>
      </c>
      <c r="M2381" s="455"/>
      <c r="N2381" s="418" t="str">
        <f t="shared" si="74"/>
        <v/>
      </c>
    </row>
    <row r="2382" spans="1:14" ht="47.25">
      <c r="A2382" s="563"/>
      <c r="B2382" s="411">
        <f t="shared" si="73"/>
        <v>117</v>
      </c>
      <c r="C2382" s="492" t="s">
        <v>5091</v>
      </c>
      <c r="D2382" s="493" t="s">
        <v>5092</v>
      </c>
      <c r="E2382" s="512" t="s">
        <v>643</v>
      </c>
      <c r="F2382" s="599" t="s">
        <v>600</v>
      </c>
      <c r="G2382" s="494" t="s">
        <v>28526</v>
      </c>
      <c r="H2382" s="432"/>
      <c r="I2382" s="513"/>
      <c r="J2382" s="514"/>
      <c r="K2382" s="518" t="s">
        <v>26639</v>
      </c>
      <c r="L2382" s="502">
        <v>38362</v>
      </c>
      <c r="M2382" s="502">
        <v>43862</v>
      </c>
      <c r="N2382" s="418" t="str">
        <f t="shared" si="74"/>
        <v/>
      </c>
    </row>
    <row r="2383" spans="1:14" ht="15.75">
      <c r="A2383" s="538"/>
      <c r="B2383" s="411">
        <f t="shared" si="73"/>
        <v>117</v>
      </c>
      <c r="C2383" s="440" t="s">
        <v>5093</v>
      </c>
      <c r="D2383" s="452" t="s">
        <v>5094</v>
      </c>
      <c r="E2383" s="510" t="s">
        <v>707</v>
      </c>
      <c r="F2383" s="140" t="s">
        <v>600</v>
      </c>
      <c r="G2383" s="450"/>
      <c r="H2383" s="415"/>
      <c r="I2383" s="481"/>
      <c r="J2383" s="144"/>
      <c r="K2383" s="517"/>
      <c r="L2383" s="455">
        <v>38362</v>
      </c>
      <c r="M2383" s="455"/>
      <c r="N2383" s="418" t="str">
        <f t="shared" si="74"/>
        <v/>
      </c>
    </row>
    <row r="2384" spans="1:14" ht="15.75">
      <c r="A2384" s="538"/>
      <c r="B2384" s="411">
        <f t="shared" si="73"/>
        <v>117</v>
      </c>
      <c r="C2384" s="440" t="s">
        <v>5095</v>
      </c>
      <c r="D2384" s="452" t="s">
        <v>5096</v>
      </c>
      <c r="E2384" s="510" t="s">
        <v>707</v>
      </c>
      <c r="F2384" s="140" t="s">
        <v>600</v>
      </c>
      <c r="G2384" s="450"/>
      <c r="H2384" s="415"/>
      <c r="I2384" s="481"/>
      <c r="J2384" s="144"/>
      <c r="K2384" s="517"/>
      <c r="L2384" s="455">
        <v>38362</v>
      </c>
      <c r="M2384" s="455"/>
      <c r="N2384" s="418" t="str">
        <f t="shared" si="74"/>
        <v/>
      </c>
    </row>
    <row r="2385" spans="1:14" ht="15.75">
      <c r="A2385" s="538"/>
      <c r="B2385" s="411">
        <f t="shared" si="73"/>
        <v>117</v>
      </c>
      <c r="C2385" s="440" t="s">
        <v>5097</v>
      </c>
      <c r="D2385" s="452" t="s">
        <v>5098</v>
      </c>
      <c r="E2385" s="510" t="s">
        <v>707</v>
      </c>
      <c r="F2385" s="140" t="s">
        <v>600</v>
      </c>
      <c r="G2385" s="450"/>
      <c r="H2385" s="415"/>
      <c r="I2385" s="481"/>
      <c r="J2385" s="144"/>
      <c r="K2385" s="517"/>
      <c r="L2385" s="455">
        <v>38362</v>
      </c>
      <c r="M2385" s="455"/>
      <c r="N2385" s="418" t="str">
        <f t="shared" si="74"/>
        <v/>
      </c>
    </row>
    <row r="2386" spans="1:14" ht="15.75">
      <c r="A2386" s="538"/>
      <c r="B2386" s="411">
        <f t="shared" si="73"/>
        <v>117</v>
      </c>
      <c r="C2386" s="440" t="s">
        <v>5099</v>
      </c>
      <c r="D2386" s="452" t="s">
        <v>5100</v>
      </c>
      <c r="E2386" s="510" t="s">
        <v>707</v>
      </c>
      <c r="F2386" s="140" t="s">
        <v>600</v>
      </c>
      <c r="G2386" s="450"/>
      <c r="H2386" s="415"/>
      <c r="I2386" s="481"/>
      <c r="J2386" s="144"/>
      <c r="K2386" s="517"/>
      <c r="L2386" s="455">
        <v>38362</v>
      </c>
      <c r="M2386" s="455"/>
      <c r="N2386" s="418" t="str">
        <f t="shared" si="74"/>
        <v/>
      </c>
    </row>
    <row r="2387" spans="1:14" ht="15.75">
      <c r="A2387" s="538"/>
      <c r="B2387" s="411">
        <f t="shared" si="73"/>
        <v>117</v>
      </c>
      <c r="C2387" s="440" t="s">
        <v>5101</v>
      </c>
      <c r="D2387" s="452" t="s">
        <v>5102</v>
      </c>
      <c r="E2387" s="510" t="s">
        <v>707</v>
      </c>
      <c r="F2387" s="140" t="s">
        <v>600</v>
      </c>
      <c r="G2387" s="450"/>
      <c r="H2387" s="415"/>
      <c r="I2387" s="481"/>
      <c r="J2387" s="144"/>
      <c r="K2387" s="517"/>
      <c r="L2387" s="455">
        <v>38362</v>
      </c>
      <c r="M2387" s="455"/>
      <c r="N2387" s="418" t="str">
        <f t="shared" si="74"/>
        <v/>
      </c>
    </row>
    <row r="2388" spans="1:14" ht="15.75">
      <c r="A2388" s="538"/>
      <c r="B2388" s="411">
        <f t="shared" si="73"/>
        <v>117</v>
      </c>
      <c r="C2388" s="440" t="s">
        <v>5103</v>
      </c>
      <c r="D2388" s="452" t="s">
        <v>5104</v>
      </c>
      <c r="E2388" s="510" t="s">
        <v>707</v>
      </c>
      <c r="F2388" s="140" t="s">
        <v>600</v>
      </c>
      <c r="G2388" s="450"/>
      <c r="H2388" s="415"/>
      <c r="I2388" s="481"/>
      <c r="J2388" s="144"/>
      <c r="K2388" s="517"/>
      <c r="L2388" s="455">
        <v>38362</v>
      </c>
      <c r="M2388" s="455"/>
      <c r="N2388" s="418" t="str">
        <f t="shared" si="74"/>
        <v/>
      </c>
    </row>
    <row r="2389" spans="1:14" ht="15.75">
      <c r="A2389" s="538"/>
      <c r="B2389" s="411">
        <f t="shared" si="73"/>
        <v>117</v>
      </c>
      <c r="C2389" s="440" t="s">
        <v>5105</v>
      </c>
      <c r="D2389" s="452" t="s">
        <v>5106</v>
      </c>
      <c r="E2389" s="510" t="s">
        <v>707</v>
      </c>
      <c r="F2389" s="140" t="s">
        <v>600</v>
      </c>
      <c r="G2389" s="450"/>
      <c r="H2389" s="415"/>
      <c r="I2389" s="481"/>
      <c r="J2389" s="144"/>
      <c r="K2389" s="517"/>
      <c r="L2389" s="455">
        <v>38362</v>
      </c>
      <c r="M2389" s="455"/>
      <c r="N2389" s="418" t="str">
        <f t="shared" si="74"/>
        <v/>
      </c>
    </row>
    <row r="2390" spans="1:14" ht="15.75">
      <c r="A2390" s="538"/>
      <c r="B2390" s="411">
        <f t="shared" si="73"/>
        <v>117</v>
      </c>
      <c r="C2390" s="440" t="s">
        <v>5107</v>
      </c>
      <c r="D2390" s="452" t="s">
        <v>5108</v>
      </c>
      <c r="E2390" s="510" t="s">
        <v>707</v>
      </c>
      <c r="F2390" s="140" t="s">
        <v>600</v>
      </c>
      <c r="G2390" s="450"/>
      <c r="H2390" s="415"/>
      <c r="I2390" s="481"/>
      <c r="J2390" s="144"/>
      <c r="K2390" s="517"/>
      <c r="L2390" s="455">
        <v>38362</v>
      </c>
      <c r="M2390" s="455"/>
      <c r="N2390" s="418" t="str">
        <f t="shared" si="74"/>
        <v/>
      </c>
    </row>
    <row r="2391" spans="1:14" ht="15.75">
      <c r="A2391" s="538"/>
      <c r="B2391" s="411">
        <f t="shared" si="73"/>
        <v>117</v>
      </c>
      <c r="C2391" s="440" t="s">
        <v>5109</v>
      </c>
      <c r="D2391" s="452" t="s">
        <v>5110</v>
      </c>
      <c r="E2391" s="510" t="s">
        <v>707</v>
      </c>
      <c r="F2391" s="140" t="s">
        <v>600</v>
      </c>
      <c r="G2391" s="450"/>
      <c r="H2391" s="415"/>
      <c r="I2391" s="481"/>
      <c r="J2391" s="144"/>
      <c r="K2391" s="517"/>
      <c r="L2391" s="455">
        <v>38362</v>
      </c>
      <c r="M2391" s="455"/>
      <c r="N2391" s="418" t="str">
        <f t="shared" si="74"/>
        <v/>
      </c>
    </row>
    <row r="2392" spans="1:14" ht="15.75">
      <c r="A2392" s="538"/>
      <c r="B2392" s="411">
        <f t="shared" si="73"/>
        <v>117</v>
      </c>
      <c r="C2392" s="440" t="s">
        <v>5111</v>
      </c>
      <c r="D2392" s="452" t="s">
        <v>5112</v>
      </c>
      <c r="E2392" s="510" t="s">
        <v>707</v>
      </c>
      <c r="F2392" s="140" t="s">
        <v>600</v>
      </c>
      <c r="G2392" s="450"/>
      <c r="H2392" s="415"/>
      <c r="I2392" s="481"/>
      <c r="J2392" s="144"/>
      <c r="K2392" s="517"/>
      <c r="L2392" s="455">
        <v>38362</v>
      </c>
      <c r="M2392" s="455"/>
      <c r="N2392" s="418" t="str">
        <f t="shared" si="74"/>
        <v/>
      </c>
    </row>
    <row r="2393" spans="1:14" ht="28.5">
      <c r="A2393" s="538"/>
      <c r="B2393" s="411">
        <f t="shared" si="73"/>
        <v>117</v>
      </c>
      <c r="C2393" s="440" t="s">
        <v>5113</v>
      </c>
      <c r="D2393" s="452" t="s">
        <v>5114</v>
      </c>
      <c r="E2393" s="452" t="s">
        <v>707</v>
      </c>
      <c r="F2393" s="144" t="s">
        <v>600</v>
      </c>
      <c r="G2393" s="450"/>
      <c r="H2393" s="415"/>
      <c r="I2393" s="481"/>
      <c r="J2393" s="144"/>
      <c r="K2393" s="517"/>
      <c r="L2393" s="455">
        <v>38362</v>
      </c>
      <c r="M2393" s="455"/>
      <c r="N2393" s="418" t="str">
        <f t="shared" si="74"/>
        <v/>
      </c>
    </row>
    <row r="2394" spans="1:14" ht="15.75">
      <c r="A2394" s="538"/>
      <c r="B2394" s="411">
        <f t="shared" ref="B2394:B2457" si="75">IF(A2394&gt;0,A2394,B2393)</f>
        <v>117</v>
      </c>
      <c r="C2394" s="440" t="s">
        <v>5115</v>
      </c>
      <c r="D2394" s="452" t="s">
        <v>5116</v>
      </c>
      <c r="E2394" s="510" t="s">
        <v>707</v>
      </c>
      <c r="F2394" s="140" t="s">
        <v>600</v>
      </c>
      <c r="G2394" s="450"/>
      <c r="H2394" s="415"/>
      <c r="I2394" s="481"/>
      <c r="J2394" s="144"/>
      <c r="K2394" s="517"/>
      <c r="L2394" s="455">
        <v>38362</v>
      </c>
      <c r="M2394" s="455"/>
      <c r="N2394" s="418" t="str">
        <f t="shared" si="74"/>
        <v/>
      </c>
    </row>
    <row r="2395" spans="1:14" ht="15.75">
      <c r="A2395" s="538"/>
      <c r="B2395" s="411">
        <f t="shared" si="75"/>
        <v>117</v>
      </c>
      <c r="C2395" s="440" t="s">
        <v>5117</v>
      </c>
      <c r="D2395" s="452" t="s">
        <v>5118</v>
      </c>
      <c r="E2395" s="510" t="s">
        <v>707</v>
      </c>
      <c r="F2395" s="140" t="s">
        <v>600</v>
      </c>
      <c r="G2395" s="450"/>
      <c r="H2395" s="415"/>
      <c r="I2395" s="481"/>
      <c r="J2395" s="144"/>
      <c r="K2395" s="517"/>
      <c r="L2395" s="455">
        <v>38362</v>
      </c>
      <c r="M2395" s="455"/>
      <c r="N2395" s="418" t="str">
        <f t="shared" si="74"/>
        <v/>
      </c>
    </row>
    <row r="2396" spans="1:14" ht="15.75">
      <c r="A2396" s="538"/>
      <c r="B2396" s="411">
        <f t="shared" si="75"/>
        <v>117</v>
      </c>
      <c r="C2396" s="440" t="s">
        <v>5119</v>
      </c>
      <c r="D2396" s="452" t="s">
        <v>5120</v>
      </c>
      <c r="E2396" s="510" t="s">
        <v>707</v>
      </c>
      <c r="F2396" s="140" t="s">
        <v>600</v>
      </c>
      <c r="G2396" s="450"/>
      <c r="H2396" s="415"/>
      <c r="I2396" s="481"/>
      <c r="J2396" s="144"/>
      <c r="K2396" s="517"/>
      <c r="L2396" s="455">
        <v>38362</v>
      </c>
      <c r="M2396" s="455"/>
      <c r="N2396" s="418" t="str">
        <f t="shared" si="74"/>
        <v/>
      </c>
    </row>
    <row r="2397" spans="1:14" ht="42.75">
      <c r="A2397" s="538"/>
      <c r="B2397" s="411">
        <f t="shared" si="75"/>
        <v>117</v>
      </c>
      <c r="C2397" s="440" t="s">
        <v>5121</v>
      </c>
      <c r="D2397" s="452" t="s">
        <v>5122</v>
      </c>
      <c r="E2397" s="452" t="s">
        <v>707</v>
      </c>
      <c r="F2397" s="144" t="s">
        <v>600</v>
      </c>
      <c r="G2397" s="450"/>
      <c r="H2397" s="415"/>
      <c r="I2397" s="481"/>
      <c r="J2397" s="144"/>
      <c r="K2397" s="517"/>
      <c r="L2397" s="455">
        <v>38362</v>
      </c>
      <c r="M2397" s="455"/>
      <c r="N2397" s="418" t="str">
        <f t="shared" si="74"/>
        <v/>
      </c>
    </row>
    <row r="2398" spans="1:14" ht="15.75">
      <c r="A2398" s="538"/>
      <c r="B2398" s="411">
        <f t="shared" si="75"/>
        <v>117</v>
      </c>
      <c r="C2398" s="440" t="s">
        <v>5123</v>
      </c>
      <c r="D2398" s="449" t="s">
        <v>5124</v>
      </c>
      <c r="E2398" s="510" t="s">
        <v>707</v>
      </c>
      <c r="F2398" s="140" t="s">
        <v>600</v>
      </c>
      <c r="G2398" s="450"/>
      <c r="H2398" s="415"/>
      <c r="I2398" s="481"/>
      <c r="J2398" s="144"/>
      <c r="K2398" s="517"/>
      <c r="L2398" s="455">
        <v>38362</v>
      </c>
      <c r="M2398" s="455"/>
      <c r="N2398" s="418" t="str">
        <f t="shared" si="74"/>
        <v/>
      </c>
    </row>
    <row r="2399" spans="1:14" ht="15.75">
      <c r="A2399" s="538"/>
      <c r="B2399" s="411">
        <f t="shared" si="75"/>
        <v>117</v>
      </c>
      <c r="C2399" s="440" t="s">
        <v>2090</v>
      </c>
      <c r="D2399" s="452" t="s">
        <v>2091</v>
      </c>
      <c r="E2399" s="510" t="s">
        <v>707</v>
      </c>
      <c r="F2399" s="140" t="s">
        <v>600</v>
      </c>
      <c r="G2399" s="450"/>
      <c r="H2399" s="415"/>
      <c r="I2399" s="451"/>
      <c r="J2399" s="144"/>
      <c r="K2399" s="517"/>
      <c r="L2399" s="455">
        <v>39845</v>
      </c>
      <c r="M2399" s="455"/>
      <c r="N2399" s="418" t="str">
        <f t="shared" si="74"/>
        <v>DUPLICATE</v>
      </c>
    </row>
    <row r="2400" spans="1:14" ht="15.75">
      <c r="A2400" s="538"/>
      <c r="B2400" s="411">
        <f t="shared" si="75"/>
        <v>117</v>
      </c>
      <c r="C2400" s="440" t="s">
        <v>5125</v>
      </c>
      <c r="D2400" s="452" t="s">
        <v>5126</v>
      </c>
      <c r="E2400" s="510" t="s">
        <v>707</v>
      </c>
      <c r="F2400" s="140" t="s">
        <v>600</v>
      </c>
      <c r="G2400" s="450"/>
      <c r="H2400" s="415"/>
      <c r="I2400" s="451"/>
      <c r="J2400" s="144"/>
      <c r="K2400" s="517"/>
      <c r="L2400" s="455">
        <v>39845</v>
      </c>
      <c r="M2400" s="455"/>
      <c r="N2400" s="418" t="str">
        <f t="shared" si="74"/>
        <v/>
      </c>
    </row>
    <row r="2401" spans="1:14" ht="15.75">
      <c r="A2401" s="538"/>
      <c r="B2401" s="411">
        <f t="shared" si="75"/>
        <v>117</v>
      </c>
      <c r="C2401" s="456" t="s">
        <v>5127</v>
      </c>
      <c r="D2401" s="461" t="s">
        <v>5128</v>
      </c>
      <c r="E2401" s="510" t="s">
        <v>707</v>
      </c>
      <c r="F2401" s="140" t="s">
        <v>600</v>
      </c>
      <c r="G2401" s="450"/>
      <c r="H2401" s="415"/>
      <c r="I2401" s="451"/>
      <c r="J2401" s="144"/>
      <c r="K2401" s="517"/>
      <c r="L2401" s="455">
        <v>39845</v>
      </c>
      <c r="M2401" s="455"/>
      <c r="N2401" s="418" t="str">
        <f t="shared" si="74"/>
        <v/>
      </c>
    </row>
    <row r="2402" spans="1:14" ht="47.25">
      <c r="A2402" s="536">
        <v>118</v>
      </c>
      <c r="B2402" s="411">
        <f t="shared" si="75"/>
        <v>118</v>
      </c>
      <c r="C2402" s="550" t="s">
        <v>5129</v>
      </c>
      <c r="D2402" s="421" t="s">
        <v>5130</v>
      </c>
      <c r="E2402" s="414" t="s">
        <v>595</v>
      </c>
      <c r="F2402" s="414" t="s">
        <v>596</v>
      </c>
      <c r="G2402" s="414" t="s">
        <v>614</v>
      </c>
      <c r="H2402" s="415"/>
      <c r="I2402" s="415"/>
      <c r="J2402" s="437"/>
      <c r="K2402" s="414"/>
      <c r="L2402" s="417">
        <v>42767</v>
      </c>
      <c r="M2402" s="417"/>
      <c r="N2402" s="418" t="str">
        <f t="shared" si="74"/>
        <v/>
      </c>
    </row>
    <row r="2403" spans="1:14" ht="110.25">
      <c r="A2403" s="536">
        <v>119</v>
      </c>
      <c r="B2403" s="411">
        <f t="shared" si="75"/>
        <v>119</v>
      </c>
      <c r="C2403" s="707" t="s">
        <v>5131</v>
      </c>
      <c r="D2403" s="554" t="s">
        <v>5132</v>
      </c>
      <c r="E2403" s="421" t="s">
        <v>707</v>
      </c>
      <c r="F2403" s="421" t="s">
        <v>676</v>
      </c>
      <c r="G2403" s="414" t="s">
        <v>26640</v>
      </c>
      <c r="H2403" s="415" t="s">
        <v>26641</v>
      </c>
      <c r="I2403" s="415" t="s">
        <v>14025</v>
      </c>
      <c r="J2403" s="416" t="s">
        <v>5133</v>
      </c>
      <c r="K2403" s="414" t="s">
        <v>26642</v>
      </c>
      <c r="L2403" s="417">
        <v>38362</v>
      </c>
      <c r="M2403" s="477">
        <v>43497</v>
      </c>
      <c r="N2403" s="418" t="str">
        <f t="shared" si="74"/>
        <v/>
      </c>
    </row>
    <row r="2404" spans="1:14" ht="31.5">
      <c r="A2404" s="574">
        <v>120</v>
      </c>
      <c r="B2404" s="411">
        <f t="shared" si="75"/>
        <v>120</v>
      </c>
      <c r="C2404" s="707" t="s">
        <v>14168</v>
      </c>
      <c r="D2404" s="554" t="s">
        <v>13950</v>
      </c>
      <c r="E2404" s="421" t="s">
        <v>595</v>
      </c>
      <c r="F2404" s="421" t="s">
        <v>596</v>
      </c>
      <c r="G2404" s="414" t="s">
        <v>1390</v>
      </c>
      <c r="H2404" s="415"/>
      <c r="I2404" s="415"/>
      <c r="J2404" s="416" t="s">
        <v>26643</v>
      </c>
      <c r="K2404" s="414"/>
      <c r="L2404" s="477">
        <v>43497</v>
      </c>
      <c r="M2404" s="477"/>
      <c r="N2404" s="418" t="str">
        <f t="shared" si="74"/>
        <v/>
      </c>
    </row>
    <row r="2405" spans="1:14" ht="31.5">
      <c r="A2405" s="574">
        <v>121</v>
      </c>
      <c r="B2405" s="411">
        <f t="shared" si="75"/>
        <v>121</v>
      </c>
      <c r="C2405" s="557" t="s">
        <v>14026</v>
      </c>
      <c r="D2405" s="554" t="s">
        <v>14027</v>
      </c>
      <c r="E2405" s="427" t="s">
        <v>595</v>
      </c>
      <c r="F2405" s="427" t="s">
        <v>596</v>
      </c>
      <c r="G2405" s="427" t="s">
        <v>1390</v>
      </c>
      <c r="H2405" s="558"/>
      <c r="I2405" s="558"/>
      <c r="J2405" s="554" t="s">
        <v>14028</v>
      </c>
      <c r="K2405" s="558"/>
      <c r="L2405" s="556">
        <v>43132</v>
      </c>
      <c r="M2405" s="555"/>
      <c r="N2405" s="418" t="str">
        <f t="shared" si="74"/>
        <v/>
      </c>
    </row>
    <row r="2406" spans="1:14" ht="31.5">
      <c r="A2406" s="574">
        <v>122</v>
      </c>
      <c r="B2406" s="411">
        <f t="shared" si="75"/>
        <v>122</v>
      </c>
      <c r="C2406" s="557" t="s">
        <v>14029</v>
      </c>
      <c r="D2406" s="554" t="s">
        <v>14030</v>
      </c>
      <c r="E2406" s="427" t="s">
        <v>595</v>
      </c>
      <c r="F2406" s="427" t="s">
        <v>596</v>
      </c>
      <c r="G2406" s="427" t="s">
        <v>1390</v>
      </c>
      <c r="H2406" s="558"/>
      <c r="I2406" s="558"/>
      <c r="J2406" s="708"/>
      <c r="K2406" s="558"/>
      <c r="L2406" s="556">
        <v>43132</v>
      </c>
      <c r="M2406" s="555"/>
      <c r="N2406" s="418" t="str">
        <f t="shared" si="74"/>
        <v/>
      </c>
    </row>
    <row r="2407" spans="1:14" ht="15.75">
      <c r="A2407" s="574">
        <v>123</v>
      </c>
      <c r="B2407" s="411">
        <f t="shared" si="75"/>
        <v>123</v>
      </c>
      <c r="C2407" s="687" t="s">
        <v>26644</v>
      </c>
      <c r="D2407" s="421" t="s">
        <v>17497</v>
      </c>
      <c r="E2407" s="709" t="s">
        <v>595</v>
      </c>
      <c r="F2407" s="710" t="s">
        <v>596</v>
      </c>
      <c r="G2407" s="458" t="s">
        <v>26538</v>
      </c>
      <c r="H2407" s="558"/>
      <c r="I2407" s="711"/>
      <c r="J2407" s="712" t="s">
        <v>26645</v>
      </c>
      <c r="K2407" s="711"/>
      <c r="L2407" s="477">
        <v>43497</v>
      </c>
      <c r="M2407" s="713"/>
      <c r="N2407" s="418" t="str">
        <f t="shared" si="74"/>
        <v/>
      </c>
    </row>
    <row r="2408" spans="1:14" ht="204.75">
      <c r="A2408" s="574">
        <v>124</v>
      </c>
      <c r="B2408" s="411">
        <f t="shared" si="75"/>
        <v>124</v>
      </c>
      <c r="C2408" s="424" t="s">
        <v>5134</v>
      </c>
      <c r="D2408" s="414"/>
      <c r="E2408" s="442" t="s">
        <v>595</v>
      </c>
      <c r="F2408" s="445" t="s">
        <v>600</v>
      </c>
      <c r="G2408" s="442" t="s">
        <v>5135</v>
      </c>
      <c r="H2408" s="415"/>
      <c r="I2408" s="444"/>
      <c r="J2408" s="445" t="s">
        <v>5136</v>
      </c>
      <c r="K2408" s="714" t="s">
        <v>5137</v>
      </c>
      <c r="L2408" s="477">
        <v>38362</v>
      </c>
      <c r="M2408" s="477">
        <v>43497</v>
      </c>
      <c r="N2408" s="418" t="str">
        <f t="shared" si="74"/>
        <v/>
      </c>
    </row>
    <row r="2409" spans="1:14" ht="15.75">
      <c r="A2409" s="574"/>
      <c r="B2409" s="411">
        <f t="shared" si="75"/>
        <v>124</v>
      </c>
      <c r="C2409" s="440" t="s">
        <v>5138</v>
      </c>
      <c r="D2409" s="577" t="s">
        <v>5139</v>
      </c>
      <c r="E2409" s="442" t="s">
        <v>595</v>
      </c>
      <c r="F2409" s="445" t="s">
        <v>600</v>
      </c>
      <c r="G2409" s="442"/>
      <c r="H2409" s="415"/>
      <c r="I2409" s="648"/>
      <c r="J2409" s="577" t="s">
        <v>5140</v>
      </c>
      <c r="K2409" s="442"/>
      <c r="L2409" s="581">
        <v>38362</v>
      </c>
      <c r="M2409" s="477">
        <v>43497</v>
      </c>
      <c r="N2409" s="418" t="str">
        <f t="shared" si="74"/>
        <v/>
      </c>
    </row>
    <row r="2410" spans="1:14" ht="15.75">
      <c r="A2410" s="538"/>
      <c r="B2410" s="411">
        <f t="shared" si="75"/>
        <v>124</v>
      </c>
      <c r="C2410" s="440" t="s">
        <v>5141</v>
      </c>
      <c r="D2410" s="144" t="s">
        <v>5142</v>
      </c>
      <c r="E2410" s="449" t="s">
        <v>595</v>
      </c>
      <c r="F2410" s="445" t="s">
        <v>600</v>
      </c>
      <c r="G2410" s="449"/>
      <c r="H2410" s="415"/>
      <c r="I2410" s="481"/>
      <c r="J2410" s="144"/>
      <c r="K2410" s="449"/>
      <c r="L2410" s="468">
        <v>39845</v>
      </c>
      <c r="M2410" s="477">
        <v>43497</v>
      </c>
      <c r="N2410" s="418" t="str">
        <f t="shared" si="74"/>
        <v/>
      </c>
    </row>
    <row r="2411" spans="1:14" ht="15.75">
      <c r="A2411" s="538"/>
      <c r="B2411" s="411">
        <f t="shared" si="75"/>
        <v>124</v>
      </c>
      <c r="C2411" s="440" t="s">
        <v>5143</v>
      </c>
      <c r="D2411" s="144" t="s">
        <v>5144</v>
      </c>
      <c r="E2411" s="449" t="s">
        <v>595</v>
      </c>
      <c r="F2411" s="445" t="s">
        <v>600</v>
      </c>
      <c r="G2411" s="449"/>
      <c r="H2411" s="415"/>
      <c r="I2411" s="481"/>
      <c r="J2411" s="144"/>
      <c r="K2411" s="449"/>
      <c r="L2411" s="468"/>
      <c r="M2411" s="477">
        <v>43497</v>
      </c>
      <c r="N2411" s="418" t="str">
        <f t="shared" si="74"/>
        <v/>
      </c>
    </row>
    <row r="2412" spans="1:14" ht="47.25">
      <c r="A2412" s="572">
        <v>125</v>
      </c>
      <c r="B2412" s="411">
        <f t="shared" si="75"/>
        <v>125</v>
      </c>
      <c r="C2412" s="424" t="s">
        <v>5145</v>
      </c>
      <c r="D2412" s="414" t="s">
        <v>1842</v>
      </c>
      <c r="E2412" s="438" t="s">
        <v>595</v>
      </c>
      <c r="F2412" s="414" t="s">
        <v>596</v>
      </c>
      <c r="G2412" s="414" t="s">
        <v>614</v>
      </c>
      <c r="H2412" s="415"/>
      <c r="I2412" s="415"/>
      <c r="J2412" s="437"/>
      <c r="K2412" s="414"/>
      <c r="L2412" s="417">
        <v>42767</v>
      </c>
      <c r="M2412" s="417"/>
      <c r="N2412" s="418" t="str">
        <f t="shared" si="74"/>
        <v>DUPLICATE</v>
      </c>
    </row>
    <row r="2413" spans="1:14" ht="31.5">
      <c r="A2413" s="572">
        <v>126</v>
      </c>
      <c r="B2413" s="411">
        <f t="shared" si="75"/>
        <v>126</v>
      </c>
      <c r="C2413" s="557" t="s">
        <v>14031</v>
      </c>
      <c r="D2413" s="554" t="s">
        <v>14032</v>
      </c>
      <c r="E2413" s="427" t="s">
        <v>595</v>
      </c>
      <c r="F2413" s="427" t="s">
        <v>596</v>
      </c>
      <c r="G2413" s="427" t="s">
        <v>1390</v>
      </c>
      <c r="H2413" s="558"/>
      <c r="I2413" s="558"/>
      <c r="J2413" s="554" t="s">
        <v>14033</v>
      </c>
      <c r="K2413" s="558"/>
      <c r="L2413" s="556">
        <v>43132</v>
      </c>
      <c r="M2413" s="555"/>
      <c r="N2413" s="418" t="str">
        <f t="shared" si="74"/>
        <v/>
      </c>
    </row>
    <row r="2414" spans="1:14" ht="31.5">
      <c r="A2414" s="536">
        <v>127</v>
      </c>
      <c r="B2414" s="411">
        <f t="shared" si="75"/>
        <v>127</v>
      </c>
      <c r="C2414" s="419" t="s">
        <v>5146</v>
      </c>
      <c r="D2414" s="420" t="s">
        <v>5147</v>
      </c>
      <c r="E2414" s="414" t="s">
        <v>643</v>
      </c>
      <c r="F2414" s="414" t="s">
        <v>600</v>
      </c>
      <c r="G2414" s="414" t="s">
        <v>26646</v>
      </c>
      <c r="H2414" s="415"/>
      <c r="I2414" s="415"/>
      <c r="J2414" s="416" t="s">
        <v>5148</v>
      </c>
      <c r="K2414" s="414"/>
      <c r="L2414" s="417">
        <v>38362</v>
      </c>
      <c r="M2414" s="417">
        <v>43497</v>
      </c>
      <c r="N2414" s="418" t="str">
        <f t="shared" si="74"/>
        <v/>
      </c>
    </row>
    <row r="2415" spans="1:14" ht="31.5">
      <c r="A2415" s="536">
        <v>128</v>
      </c>
      <c r="B2415" s="411">
        <f t="shared" si="75"/>
        <v>128</v>
      </c>
      <c r="C2415" s="419" t="s">
        <v>5149</v>
      </c>
      <c r="D2415" s="420" t="s">
        <v>5150</v>
      </c>
      <c r="E2415" s="414" t="s">
        <v>643</v>
      </c>
      <c r="F2415" s="414" t="s">
        <v>600</v>
      </c>
      <c r="G2415" s="414" t="s">
        <v>26646</v>
      </c>
      <c r="H2415" s="415"/>
      <c r="I2415" s="415"/>
      <c r="J2415" s="416" t="s">
        <v>5148</v>
      </c>
      <c r="K2415" s="414"/>
      <c r="L2415" s="417">
        <v>38362</v>
      </c>
      <c r="M2415" s="417">
        <v>43497</v>
      </c>
      <c r="N2415" s="418" t="str">
        <f t="shared" si="74"/>
        <v/>
      </c>
    </row>
    <row r="2416" spans="1:14" ht="31.5">
      <c r="A2416" s="536">
        <v>129</v>
      </c>
      <c r="B2416" s="411">
        <f t="shared" si="75"/>
        <v>129</v>
      </c>
      <c r="C2416" s="419" t="s">
        <v>5151</v>
      </c>
      <c r="D2416" s="420" t="s">
        <v>5152</v>
      </c>
      <c r="E2416" s="414" t="s">
        <v>643</v>
      </c>
      <c r="F2416" s="414" t="s">
        <v>600</v>
      </c>
      <c r="G2416" s="414" t="s">
        <v>26646</v>
      </c>
      <c r="H2416" s="415"/>
      <c r="I2416" s="415"/>
      <c r="J2416" s="416" t="s">
        <v>5153</v>
      </c>
      <c r="K2416" s="414"/>
      <c r="L2416" s="417">
        <v>38362</v>
      </c>
      <c r="M2416" s="417">
        <v>43497</v>
      </c>
      <c r="N2416" s="418" t="str">
        <f t="shared" si="74"/>
        <v/>
      </c>
    </row>
    <row r="2417" spans="1:14" ht="47.25">
      <c r="A2417" s="536">
        <v>130</v>
      </c>
      <c r="B2417" s="411">
        <f t="shared" si="75"/>
        <v>130</v>
      </c>
      <c r="C2417" s="550" t="s">
        <v>5154</v>
      </c>
      <c r="D2417" s="421" t="s">
        <v>5155</v>
      </c>
      <c r="E2417" s="414" t="s">
        <v>595</v>
      </c>
      <c r="F2417" s="414" t="s">
        <v>596</v>
      </c>
      <c r="G2417" s="414" t="s">
        <v>614</v>
      </c>
      <c r="H2417" s="415"/>
      <c r="I2417" s="415"/>
      <c r="J2417" s="437"/>
      <c r="K2417" s="414"/>
      <c r="L2417" s="417">
        <v>42767</v>
      </c>
      <c r="M2417" s="417"/>
      <c r="N2417" s="418" t="str">
        <f t="shared" si="74"/>
        <v/>
      </c>
    </row>
    <row r="2418" spans="1:14" ht="47.25">
      <c r="A2418" s="536">
        <v>131</v>
      </c>
      <c r="B2418" s="411">
        <f t="shared" si="75"/>
        <v>131</v>
      </c>
      <c r="C2418" s="550" t="s">
        <v>5156</v>
      </c>
      <c r="D2418" s="421" t="s">
        <v>5157</v>
      </c>
      <c r="E2418" s="414" t="s">
        <v>595</v>
      </c>
      <c r="F2418" s="414" t="s">
        <v>596</v>
      </c>
      <c r="G2418" s="414" t="s">
        <v>614</v>
      </c>
      <c r="H2418" s="415"/>
      <c r="I2418" s="415"/>
      <c r="J2418" s="437"/>
      <c r="K2418" s="414"/>
      <c r="L2418" s="417">
        <v>42767</v>
      </c>
      <c r="M2418" s="417"/>
      <c r="N2418" s="418" t="str">
        <f t="shared" si="74"/>
        <v/>
      </c>
    </row>
    <row r="2419" spans="1:14" ht="47.25">
      <c r="A2419" s="536">
        <v>132</v>
      </c>
      <c r="B2419" s="411">
        <f t="shared" si="75"/>
        <v>132</v>
      </c>
      <c r="C2419" s="550" t="s">
        <v>5158</v>
      </c>
      <c r="D2419" s="421" t="s">
        <v>5159</v>
      </c>
      <c r="E2419" s="414" t="s">
        <v>595</v>
      </c>
      <c r="F2419" s="414" t="s">
        <v>596</v>
      </c>
      <c r="G2419" s="414" t="s">
        <v>614</v>
      </c>
      <c r="H2419" s="415"/>
      <c r="I2419" s="415"/>
      <c r="J2419" s="437"/>
      <c r="K2419" s="414"/>
      <c r="L2419" s="417">
        <v>42767</v>
      </c>
      <c r="M2419" s="417"/>
      <c r="N2419" s="418" t="str">
        <f t="shared" si="74"/>
        <v/>
      </c>
    </row>
    <row r="2420" spans="1:14" ht="47.25">
      <c r="A2420" s="543">
        <v>133</v>
      </c>
      <c r="B2420" s="484">
        <f t="shared" si="75"/>
        <v>133</v>
      </c>
      <c r="C2420" s="715" t="s">
        <v>5160</v>
      </c>
      <c r="D2420" s="486"/>
      <c r="E2420" s="430" t="s">
        <v>643</v>
      </c>
      <c r="F2420" s="487" t="s">
        <v>600</v>
      </c>
      <c r="G2420" s="487" t="s">
        <v>34159</v>
      </c>
      <c r="H2420" s="432"/>
      <c r="I2420" s="432"/>
      <c r="J2420" s="487" t="s">
        <v>645</v>
      </c>
      <c r="K2420" s="544" t="s">
        <v>646</v>
      </c>
      <c r="L2420" s="716">
        <v>38362</v>
      </c>
      <c r="M2420" s="434">
        <v>44228</v>
      </c>
      <c r="N2420" s="418" t="str">
        <f t="shared" si="74"/>
        <v/>
      </c>
    </row>
    <row r="2421" spans="1:14" ht="15.75">
      <c r="A2421" s="717"/>
      <c r="B2421" s="411">
        <f t="shared" si="75"/>
        <v>133</v>
      </c>
      <c r="C2421" s="564" t="s">
        <v>5162</v>
      </c>
      <c r="D2421" s="566" t="s">
        <v>5163</v>
      </c>
      <c r="E2421" s="565" t="s">
        <v>643</v>
      </c>
      <c r="F2421" s="566" t="s">
        <v>600</v>
      </c>
      <c r="G2421" s="565" t="s">
        <v>28498</v>
      </c>
      <c r="H2421" s="531"/>
      <c r="I2421" s="567"/>
      <c r="J2421" s="565"/>
      <c r="K2421" s="566"/>
      <c r="L2421" s="718">
        <v>38362</v>
      </c>
      <c r="M2421" s="569">
        <v>43862</v>
      </c>
      <c r="N2421" s="418" t="str">
        <f t="shared" si="74"/>
        <v/>
      </c>
    </row>
    <row r="2422" spans="1:14" ht="126">
      <c r="A2422" s="563"/>
      <c r="B2422" s="484">
        <f t="shared" si="75"/>
        <v>133</v>
      </c>
      <c r="C2422" s="492" t="s">
        <v>5164</v>
      </c>
      <c r="D2422" s="494" t="s">
        <v>5165</v>
      </c>
      <c r="E2422" s="514" t="s">
        <v>643</v>
      </c>
      <c r="F2422" s="494" t="s">
        <v>600</v>
      </c>
      <c r="G2422" s="514" t="s">
        <v>34160</v>
      </c>
      <c r="H2422" s="505"/>
      <c r="I2422" s="513"/>
      <c r="J2422" s="514"/>
      <c r="K2422" s="494" t="s">
        <v>34138</v>
      </c>
      <c r="L2422" s="612">
        <v>39845</v>
      </c>
      <c r="M2422" s="434">
        <v>44228</v>
      </c>
      <c r="N2422" s="418" t="str">
        <f t="shared" si="74"/>
        <v/>
      </c>
    </row>
    <row r="2423" spans="1:14" ht="31.5">
      <c r="A2423" s="536">
        <v>134</v>
      </c>
      <c r="B2423" s="411">
        <f t="shared" si="75"/>
        <v>134</v>
      </c>
      <c r="C2423" s="677" t="s">
        <v>5166</v>
      </c>
      <c r="D2423" s="472" t="s">
        <v>5167</v>
      </c>
      <c r="E2423" s="414" t="s">
        <v>595</v>
      </c>
      <c r="F2423" s="414" t="s">
        <v>596</v>
      </c>
      <c r="G2423" s="414" t="s">
        <v>1390</v>
      </c>
      <c r="H2423" s="415"/>
      <c r="I2423" s="415"/>
      <c r="J2423" s="437" t="s">
        <v>5168</v>
      </c>
      <c r="K2423" s="414"/>
      <c r="L2423" s="417">
        <v>42767</v>
      </c>
      <c r="M2423" s="417"/>
      <c r="N2423" s="418" t="str">
        <f t="shared" si="74"/>
        <v/>
      </c>
    </row>
    <row r="2424" spans="1:14" ht="31.5">
      <c r="A2424" s="536">
        <v>135</v>
      </c>
      <c r="B2424" s="411">
        <f t="shared" si="75"/>
        <v>135</v>
      </c>
      <c r="C2424" s="424" t="s">
        <v>5169</v>
      </c>
      <c r="D2424" s="421"/>
      <c r="E2424" s="421" t="s">
        <v>707</v>
      </c>
      <c r="F2424" s="414" t="s">
        <v>2404</v>
      </c>
      <c r="G2424" s="414" t="s">
        <v>1056</v>
      </c>
      <c r="H2424" s="415"/>
      <c r="I2424" s="415"/>
      <c r="J2424" s="416" t="s">
        <v>5170</v>
      </c>
      <c r="K2424" s="414"/>
      <c r="L2424" s="417">
        <v>38362</v>
      </c>
      <c r="M2424" s="417">
        <v>42401</v>
      </c>
      <c r="N2424" s="418" t="str">
        <f t="shared" si="74"/>
        <v/>
      </c>
    </row>
    <row r="2425" spans="1:14" ht="15.75">
      <c r="A2425" s="383"/>
      <c r="B2425" s="411">
        <f t="shared" si="75"/>
        <v>135</v>
      </c>
      <c r="C2425" s="575" t="s">
        <v>5171</v>
      </c>
      <c r="D2425" s="442" t="s">
        <v>5172</v>
      </c>
      <c r="E2425" s="510" t="s">
        <v>595</v>
      </c>
      <c r="F2425" s="522" t="s">
        <v>596</v>
      </c>
      <c r="G2425" s="443"/>
      <c r="H2425" s="444"/>
      <c r="I2425" s="444"/>
      <c r="J2425" s="577"/>
      <c r="K2425" s="517"/>
      <c r="L2425" s="455">
        <v>38362</v>
      </c>
      <c r="M2425" s="455"/>
      <c r="N2425" s="418" t="str">
        <f t="shared" si="74"/>
        <v/>
      </c>
    </row>
    <row r="2426" spans="1:14" ht="15.75">
      <c r="A2426" s="383"/>
      <c r="B2426" s="411">
        <f t="shared" si="75"/>
        <v>135</v>
      </c>
      <c r="C2426" s="498" t="s">
        <v>5173</v>
      </c>
      <c r="D2426" s="449" t="s">
        <v>5174</v>
      </c>
      <c r="E2426" s="510" t="s">
        <v>595</v>
      </c>
      <c r="F2426" s="522" t="s">
        <v>596</v>
      </c>
      <c r="G2426" s="450"/>
      <c r="H2426" s="451"/>
      <c r="I2426" s="451"/>
      <c r="J2426" s="144"/>
      <c r="K2426" s="517"/>
      <c r="L2426" s="455">
        <v>38362</v>
      </c>
      <c r="M2426" s="455"/>
      <c r="N2426" s="418" t="str">
        <f t="shared" si="74"/>
        <v/>
      </c>
    </row>
    <row r="2427" spans="1:14" ht="15.75">
      <c r="A2427" s="383"/>
      <c r="B2427" s="411">
        <f t="shared" si="75"/>
        <v>135</v>
      </c>
      <c r="C2427" s="498" t="s">
        <v>5175</v>
      </c>
      <c r="D2427" s="449" t="s">
        <v>5176</v>
      </c>
      <c r="E2427" s="510" t="s">
        <v>595</v>
      </c>
      <c r="F2427" s="522" t="s">
        <v>596</v>
      </c>
      <c r="G2427" s="450"/>
      <c r="H2427" s="451"/>
      <c r="I2427" s="451"/>
      <c r="J2427" s="144"/>
      <c r="K2427" s="517"/>
      <c r="L2427" s="455">
        <v>38362</v>
      </c>
      <c r="M2427" s="455"/>
      <c r="N2427" s="418" t="str">
        <f t="shared" si="74"/>
        <v/>
      </c>
    </row>
    <row r="2428" spans="1:14" ht="15.75">
      <c r="A2428" s="383"/>
      <c r="B2428" s="411">
        <f t="shared" si="75"/>
        <v>135</v>
      </c>
      <c r="C2428" s="498" t="s">
        <v>5177</v>
      </c>
      <c r="D2428" s="449" t="s">
        <v>5178</v>
      </c>
      <c r="E2428" s="510" t="s">
        <v>595</v>
      </c>
      <c r="F2428" s="522" t="s">
        <v>596</v>
      </c>
      <c r="G2428" s="450"/>
      <c r="H2428" s="451"/>
      <c r="I2428" s="451"/>
      <c r="J2428" s="144"/>
      <c r="K2428" s="517"/>
      <c r="L2428" s="455">
        <v>38362</v>
      </c>
      <c r="M2428" s="455"/>
      <c r="N2428" s="418" t="str">
        <f t="shared" si="74"/>
        <v/>
      </c>
    </row>
    <row r="2429" spans="1:14" ht="15.75">
      <c r="A2429" s="383"/>
      <c r="B2429" s="411">
        <f t="shared" si="75"/>
        <v>135</v>
      </c>
      <c r="C2429" s="498" t="s">
        <v>5179</v>
      </c>
      <c r="D2429" s="449" t="s">
        <v>5180</v>
      </c>
      <c r="E2429" s="510" t="s">
        <v>595</v>
      </c>
      <c r="F2429" s="522" t="s">
        <v>596</v>
      </c>
      <c r="G2429" s="450"/>
      <c r="H2429" s="451"/>
      <c r="I2429" s="451"/>
      <c r="J2429" s="144"/>
      <c r="K2429" s="517"/>
      <c r="L2429" s="455">
        <v>38362</v>
      </c>
      <c r="M2429" s="455"/>
      <c r="N2429" s="418" t="str">
        <f t="shared" si="74"/>
        <v/>
      </c>
    </row>
    <row r="2430" spans="1:14" ht="15.75">
      <c r="A2430" s="383"/>
      <c r="B2430" s="411">
        <f t="shared" si="75"/>
        <v>135</v>
      </c>
      <c r="C2430" s="498" t="s">
        <v>5181</v>
      </c>
      <c r="D2430" s="449" t="s">
        <v>5182</v>
      </c>
      <c r="E2430" s="510" t="s">
        <v>595</v>
      </c>
      <c r="F2430" s="522" t="s">
        <v>596</v>
      </c>
      <c r="G2430" s="450"/>
      <c r="H2430" s="451"/>
      <c r="I2430" s="451"/>
      <c r="J2430" s="144"/>
      <c r="K2430" s="517"/>
      <c r="L2430" s="455">
        <v>38362</v>
      </c>
      <c r="M2430" s="455"/>
      <c r="N2430" s="418" t="str">
        <f t="shared" si="74"/>
        <v/>
      </c>
    </row>
    <row r="2431" spans="1:14" ht="15.75">
      <c r="A2431" s="383"/>
      <c r="B2431" s="411">
        <f t="shared" si="75"/>
        <v>135</v>
      </c>
      <c r="C2431" s="498" t="s">
        <v>5183</v>
      </c>
      <c r="D2431" s="449" t="s">
        <v>5184</v>
      </c>
      <c r="E2431" s="510" t="s">
        <v>595</v>
      </c>
      <c r="F2431" s="522" t="s">
        <v>596</v>
      </c>
      <c r="G2431" s="450"/>
      <c r="H2431" s="451"/>
      <c r="I2431" s="451"/>
      <c r="J2431" s="144"/>
      <c r="K2431" s="517"/>
      <c r="L2431" s="455">
        <v>38362</v>
      </c>
      <c r="M2431" s="455"/>
      <c r="N2431" s="418" t="str">
        <f t="shared" si="74"/>
        <v/>
      </c>
    </row>
    <row r="2432" spans="1:14" ht="15.75">
      <c r="A2432" s="383"/>
      <c r="B2432" s="411">
        <f t="shared" si="75"/>
        <v>135</v>
      </c>
      <c r="C2432" s="498" t="s">
        <v>5185</v>
      </c>
      <c r="D2432" s="449" t="s">
        <v>5186</v>
      </c>
      <c r="E2432" s="510" t="s">
        <v>595</v>
      </c>
      <c r="F2432" s="522" t="s">
        <v>596</v>
      </c>
      <c r="G2432" s="450"/>
      <c r="H2432" s="451"/>
      <c r="I2432" s="451"/>
      <c r="J2432" s="144"/>
      <c r="K2432" s="517"/>
      <c r="L2432" s="455">
        <v>38362</v>
      </c>
      <c r="M2432" s="455"/>
      <c r="N2432" s="418" t="str">
        <f t="shared" si="74"/>
        <v/>
      </c>
    </row>
    <row r="2433" spans="1:14" ht="15.75">
      <c r="A2433" s="383"/>
      <c r="B2433" s="411">
        <f t="shared" si="75"/>
        <v>135</v>
      </c>
      <c r="C2433" s="498" t="s">
        <v>5187</v>
      </c>
      <c r="D2433" s="449" t="s">
        <v>5188</v>
      </c>
      <c r="E2433" s="510" t="s">
        <v>595</v>
      </c>
      <c r="F2433" s="522" t="s">
        <v>596</v>
      </c>
      <c r="G2433" s="450"/>
      <c r="H2433" s="451"/>
      <c r="I2433" s="451"/>
      <c r="J2433" s="144"/>
      <c r="K2433" s="517"/>
      <c r="L2433" s="455">
        <v>38362</v>
      </c>
      <c r="M2433" s="455"/>
      <c r="N2433" s="418" t="str">
        <f t="shared" si="74"/>
        <v/>
      </c>
    </row>
    <row r="2434" spans="1:14" ht="15.75">
      <c r="A2434" s="383"/>
      <c r="B2434" s="411">
        <f t="shared" si="75"/>
        <v>135</v>
      </c>
      <c r="C2434" s="498" t="s">
        <v>5189</v>
      </c>
      <c r="D2434" s="449" t="s">
        <v>5190</v>
      </c>
      <c r="E2434" s="510" t="s">
        <v>595</v>
      </c>
      <c r="F2434" s="522" t="s">
        <v>596</v>
      </c>
      <c r="G2434" s="450"/>
      <c r="H2434" s="451"/>
      <c r="I2434" s="451"/>
      <c r="J2434" s="144"/>
      <c r="K2434" s="517"/>
      <c r="L2434" s="455">
        <v>38362</v>
      </c>
      <c r="M2434" s="455"/>
      <c r="N2434" s="418" t="str">
        <f t="shared" si="74"/>
        <v/>
      </c>
    </row>
    <row r="2435" spans="1:14" ht="15.75">
      <c r="A2435" s="383"/>
      <c r="B2435" s="411">
        <f t="shared" si="75"/>
        <v>135</v>
      </c>
      <c r="C2435" s="498" t="s">
        <v>5191</v>
      </c>
      <c r="D2435" s="449" t="s">
        <v>5192</v>
      </c>
      <c r="E2435" s="510" t="s">
        <v>595</v>
      </c>
      <c r="F2435" s="522" t="s">
        <v>596</v>
      </c>
      <c r="G2435" s="450"/>
      <c r="H2435" s="451"/>
      <c r="I2435" s="451"/>
      <c r="J2435" s="144"/>
      <c r="K2435" s="517"/>
      <c r="L2435" s="455">
        <v>38362</v>
      </c>
      <c r="M2435" s="455"/>
      <c r="N2435" s="418" t="str">
        <f t="shared" si="74"/>
        <v/>
      </c>
    </row>
    <row r="2436" spans="1:14" ht="42.75">
      <c r="A2436" s="383"/>
      <c r="B2436" s="411">
        <f t="shared" si="75"/>
        <v>135</v>
      </c>
      <c r="C2436" s="498" t="s">
        <v>5193</v>
      </c>
      <c r="D2436" s="449" t="s">
        <v>5194</v>
      </c>
      <c r="E2436" s="452" t="s">
        <v>595</v>
      </c>
      <c r="F2436" s="449" t="s">
        <v>596</v>
      </c>
      <c r="G2436" s="450"/>
      <c r="H2436" s="451"/>
      <c r="I2436" s="451"/>
      <c r="J2436" s="144"/>
      <c r="K2436" s="517"/>
      <c r="L2436" s="455">
        <v>38362</v>
      </c>
      <c r="M2436" s="455"/>
      <c r="N2436" s="418" t="str">
        <f t="shared" si="74"/>
        <v/>
      </c>
    </row>
    <row r="2437" spans="1:14" ht="15.75">
      <c r="A2437" s="383"/>
      <c r="B2437" s="411">
        <f t="shared" si="75"/>
        <v>135</v>
      </c>
      <c r="C2437" s="498" t="s">
        <v>5195</v>
      </c>
      <c r="D2437" s="449" t="s">
        <v>5196</v>
      </c>
      <c r="E2437" s="510" t="s">
        <v>595</v>
      </c>
      <c r="F2437" s="522" t="s">
        <v>596</v>
      </c>
      <c r="G2437" s="450"/>
      <c r="H2437" s="451"/>
      <c r="I2437" s="451"/>
      <c r="J2437" s="144"/>
      <c r="K2437" s="517"/>
      <c r="L2437" s="455">
        <v>38362</v>
      </c>
      <c r="M2437" s="455"/>
      <c r="N2437" s="418" t="str">
        <f t="shared" si="74"/>
        <v/>
      </c>
    </row>
    <row r="2438" spans="1:14" ht="28.5">
      <c r="A2438" s="383"/>
      <c r="B2438" s="411">
        <f t="shared" si="75"/>
        <v>135</v>
      </c>
      <c r="C2438" s="498" t="s">
        <v>5197</v>
      </c>
      <c r="D2438" s="449" t="s">
        <v>5198</v>
      </c>
      <c r="E2438" s="452" t="s">
        <v>595</v>
      </c>
      <c r="F2438" s="449" t="s">
        <v>596</v>
      </c>
      <c r="G2438" s="450"/>
      <c r="H2438" s="451"/>
      <c r="I2438" s="451"/>
      <c r="J2438" s="144"/>
      <c r="K2438" s="517"/>
      <c r="L2438" s="455">
        <v>38362</v>
      </c>
      <c r="M2438" s="455"/>
      <c r="N2438" s="418" t="str">
        <f t="shared" si="74"/>
        <v/>
      </c>
    </row>
    <row r="2439" spans="1:14" ht="15.75">
      <c r="A2439" s="383"/>
      <c r="B2439" s="411">
        <f t="shared" si="75"/>
        <v>135</v>
      </c>
      <c r="C2439" s="498" t="s">
        <v>5199</v>
      </c>
      <c r="D2439" s="449" t="s">
        <v>5200</v>
      </c>
      <c r="E2439" s="510" t="s">
        <v>595</v>
      </c>
      <c r="F2439" s="522" t="s">
        <v>596</v>
      </c>
      <c r="G2439" s="450"/>
      <c r="H2439" s="451"/>
      <c r="I2439" s="451"/>
      <c r="J2439" s="144"/>
      <c r="K2439" s="517"/>
      <c r="L2439" s="455">
        <v>38362</v>
      </c>
      <c r="M2439" s="455"/>
      <c r="N2439" s="418" t="str">
        <f t="shared" si="74"/>
        <v/>
      </c>
    </row>
    <row r="2440" spans="1:14" ht="57">
      <c r="A2440" s="719"/>
      <c r="B2440" s="411">
        <f t="shared" si="75"/>
        <v>135</v>
      </c>
      <c r="C2440" s="498" t="s">
        <v>5201</v>
      </c>
      <c r="D2440" s="449" t="s">
        <v>5202</v>
      </c>
      <c r="E2440" s="452" t="s">
        <v>595</v>
      </c>
      <c r="F2440" s="449" t="s">
        <v>596</v>
      </c>
      <c r="G2440" s="450"/>
      <c r="H2440" s="720"/>
      <c r="I2440" s="720"/>
      <c r="J2440" s="532"/>
      <c r="K2440" s="517"/>
      <c r="L2440" s="455">
        <v>38362</v>
      </c>
      <c r="M2440" s="455"/>
      <c r="N2440" s="418" t="str">
        <f t="shared" si="74"/>
        <v/>
      </c>
    </row>
    <row r="2441" spans="1:14" ht="42.75">
      <c r="A2441" s="383"/>
      <c r="B2441" s="411">
        <f t="shared" si="75"/>
        <v>135</v>
      </c>
      <c r="C2441" s="498" t="s">
        <v>5203</v>
      </c>
      <c r="D2441" s="449" t="s">
        <v>5204</v>
      </c>
      <c r="E2441" s="452" t="s">
        <v>595</v>
      </c>
      <c r="F2441" s="449" t="s">
        <v>596</v>
      </c>
      <c r="G2441" s="450"/>
      <c r="H2441" s="451"/>
      <c r="I2441" s="451"/>
      <c r="J2441" s="144"/>
      <c r="K2441" s="517"/>
      <c r="L2441" s="455">
        <v>38362</v>
      </c>
      <c r="M2441" s="455"/>
      <c r="N2441" s="418" t="str">
        <f t="shared" si="74"/>
        <v/>
      </c>
    </row>
    <row r="2442" spans="1:14" ht="28.5">
      <c r="A2442" s="383"/>
      <c r="B2442" s="411">
        <f t="shared" si="75"/>
        <v>135</v>
      </c>
      <c r="C2442" s="498" t="s">
        <v>5205</v>
      </c>
      <c r="D2442" s="449" t="s">
        <v>5206</v>
      </c>
      <c r="E2442" s="452" t="s">
        <v>595</v>
      </c>
      <c r="F2442" s="449" t="s">
        <v>596</v>
      </c>
      <c r="G2442" s="450"/>
      <c r="H2442" s="451"/>
      <c r="I2442" s="451"/>
      <c r="J2442" s="144"/>
      <c r="K2442" s="517"/>
      <c r="L2442" s="455">
        <v>38362</v>
      </c>
      <c r="M2442" s="455"/>
      <c r="N2442" s="418" t="str">
        <f t="shared" ref="N2442:N2505" si="76">IF(D2442="NA","",IF(COUNTIF($D$2:$D$5552,D2442)&gt;1,"DUPLICATE",""))</f>
        <v/>
      </c>
    </row>
    <row r="2443" spans="1:14" ht="28.5">
      <c r="A2443" s="383"/>
      <c r="B2443" s="411">
        <f t="shared" si="75"/>
        <v>135</v>
      </c>
      <c r="C2443" s="498" t="s">
        <v>5207</v>
      </c>
      <c r="D2443" s="449" t="s">
        <v>5208</v>
      </c>
      <c r="E2443" s="510" t="s">
        <v>595</v>
      </c>
      <c r="F2443" s="522" t="s">
        <v>596</v>
      </c>
      <c r="G2443" s="450"/>
      <c r="H2443" s="451"/>
      <c r="I2443" s="451"/>
      <c r="J2443" s="144"/>
      <c r="K2443" s="517"/>
      <c r="L2443" s="455">
        <v>38362</v>
      </c>
      <c r="M2443" s="455"/>
      <c r="N2443" s="418" t="str">
        <f t="shared" si="76"/>
        <v/>
      </c>
    </row>
    <row r="2444" spans="1:14" ht="28.5">
      <c r="A2444" s="383"/>
      <c r="B2444" s="411">
        <f t="shared" si="75"/>
        <v>135</v>
      </c>
      <c r="C2444" s="498" t="s">
        <v>5209</v>
      </c>
      <c r="D2444" s="449" t="s">
        <v>5210</v>
      </c>
      <c r="E2444" s="510" t="s">
        <v>595</v>
      </c>
      <c r="F2444" s="522" t="s">
        <v>596</v>
      </c>
      <c r="G2444" s="450"/>
      <c r="H2444" s="451"/>
      <c r="I2444" s="451"/>
      <c r="J2444" s="144"/>
      <c r="K2444" s="517"/>
      <c r="L2444" s="455">
        <v>38362</v>
      </c>
      <c r="M2444" s="455"/>
      <c r="N2444" s="418" t="str">
        <f t="shared" si="76"/>
        <v/>
      </c>
    </row>
    <row r="2445" spans="1:14" ht="28.5">
      <c r="A2445" s="383"/>
      <c r="B2445" s="411">
        <f t="shared" si="75"/>
        <v>135</v>
      </c>
      <c r="C2445" s="498" t="s">
        <v>5211</v>
      </c>
      <c r="D2445" s="449" t="s">
        <v>5212</v>
      </c>
      <c r="E2445" s="510" t="s">
        <v>595</v>
      </c>
      <c r="F2445" s="522" t="s">
        <v>596</v>
      </c>
      <c r="G2445" s="450"/>
      <c r="H2445" s="451"/>
      <c r="I2445" s="451"/>
      <c r="J2445" s="144"/>
      <c r="K2445" s="517"/>
      <c r="L2445" s="455">
        <v>38362</v>
      </c>
      <c r="M2445" s="455"/>
      <c r="N2445" s="418" t="str">
        <f t="shared" si="76"/>
        <v/>
      </c>
    </row>
    <row r="2446" spans="1:14" ht="15.75">
      <c r="A2446" s="383"/>
      <c r="B2446" s="411">
        <f t="shared" si="75"/>
        <v>135</v>
      </c>
      <c r="C2446" s="440" t="s">
        <v>1423</v>
      </c>
      <c r="D2446" s="144" t="s">
        <v>1424</v>
      </c>
      <c r="E2446" s="449" t="s">
        <v>643</v>
      </c>
      <c r="F2446" s="449" t="s">
        <v>600</v>
      </c>
      <c r="G2446" s="450"/>
      <c r="H2446" s="451"/>
      <c r="I2446" s="451"/>
      <c r="J2446" s="144"/>
      <c r="K2446" s="517"/>
      <c r="L2446" s="455">
        <v>41671</v>
      </c>
      <c r="M2446" s="455"/>
      <c r="N2446" s="418" t="str">
        <f t="shared" si="76"/>
        <v>DUPLICATE</v>
      </c>
    </row>
    <row r="2447" spans="1:14" ht="15.75">
      <c r="A2447" s="383"/>
      <c r="B2447" s="411">
        <f t="shared" si="75"/>
        <v>135</v>
      </c>
      <c r="C2447" s="498" t="s">
        <v>5213</v>
      </c>
      <c r="D2447" s="449" t="s">
        <v>5214</v>
      </c>
      <c r="E2447" s="510" t="s">
        <v>595</v>
      </c>
      <c r="F2447" s="522" t="s">
        <v>596</v>
      </c>
      <c r="G2447" s="450"/>
      <c r="H2447" s="451"/>
      <c r="I2447" s="451"/>
      <c r="J2447" s="144"/>
      <c r="K2447" s="517"/>
      <c r="L2447" s="455">
        <v>38362</v>
      </c>
      <c r="M2447" s="455"/>
      <c r="N2447" s="418" t="str">
        <f t="shared" si="76"/>
        <v/>
      </c>
    </row>
    <row r="2448" spans="1:14" ht="15.75">
      <c r="A2448" s="383"/>
      <c r="B2448" s="411">
        <f t="shared" si="75"/>
        <v>135</v>
      </c>
      <c r="C2448" s="498" t="s">
        <v>5215</v>
      </c>
      <c r="D2448" s="449" t="s">
        <v>5216</v>
      </c>
      <c r="E2448" s="510" t="s">
        <v>595</v>
      </c>
      <c r="F2448" s="522" t="s">
        <v>596</v>
      </c>
      <c r="G2448" s="450"/>
      <c r="H2448" s="451"/>
      <c r="I2448" s="451"/>
      <c r="J2448" s="144"/>
      <c r="K2448" s="517"/>
      <c r="L2448" s="455">
        <v>38362</v>
      </c>
      <c r="M2448" s="455"/>
      <c r="N2448" s="418" t="str">
        <f t="shared" si="76"/>
        <v/>
      </c>
    </row>
    <row r="2449" spans="1:14" ht="28.5">
      <c r="A2449" s="383"/>
      <c r="B2449" s="411">
        <f t="shared" si="75"/>
        <v>135</v>
      </c>
      <c r="C2449" s="498" t="s">
        <v>5217</v>
      </c>
      <c r="D2449" s="449" t="s">
        <v>5218</v>
      </c>
      <c r="E2449" s="452" t="s">
        <v>595</v>
      </c>
      <c r="F2449" s="449" t="s">
        <v>596</v>
      </c>
      <c r="G2449" s="450"/>
      <c r="H2449" s="451"/>
      <c r="I2449" s="451"/>
      <c r="J2449" s="144"/>
      <c r="K2449" s="517"/>
      <c r="L2449" s="455">
        <v>38362</v>
      </c>
      <c r="M2449" s="455"/>
      <c r="N2449" s="418" t="str">
        <f t="shared" si="76"/>
        <v/>
      </c>
    </row>
    <row r="2450" spans="1:14" ht="15.75">
      <c r="A2450" s="383"/>
      <c r="B2450" s="411">
        <f t="shared" si="75"/>
        <v>135</v>
      </c>
      <c r="C2450" s="498" t="s">
        <v>2441</v>
      </c>
      <c r="D2450" s="449" t="s">
        <v>2442</v>
      </c>
      <c r="E2450" s="452" t="s">
        <v>595</v>
      </c>
      <c r="F2450" s="449" t="s">
        <v>596</v>
      </c>
      <c r="G2450" s="450"/>
      <c r="H2450" s="451"/>
      <c r="I2450" s="451"/>
      <c r="J2450" s="144"/>
      <c r="K2450" s="517"/>
      <c r="L2450" s="455">
        <v>40940</v>
      </c>
      <c r="M2450" s="455"/>
      <c r="N2450" s="418" t="str">
        <f t="shared" si="76"/>
        <v>DUPLICATE</v>
      </c>
    </row>
    <row r="2451" spans="1:14" ht="15.75">
      <c r="A2451" s="383"/>
      <c r="B2451" s="411">
        <f t="shared" si="75"/>
        <v>135</v>
      </c>
      <c r="C2451" s="498" t="s">
        <v>2443</v>
      </c>
      <c r="D2451" s="449" t="s">
        <v>2444</v>
      </c>
      <c r="E2451" s="452" t="s">
        <v>595</v>
      </c>
      <c r="F2451" s="449" t="s">
        <v>596</v>
      </c>
      <c r="G2451" s="450"/>
      <c r="H2451" s="451"/>
      <c r="I2451" s="451"/>
      <c r="J2451" s="144"/>
      <c r="K2451" s="517"/>
      <c r="L2451" s="455">
        <v>40940</v>
      </c>
      <c r="M2451" s="455"/>
      <c r="N2451" s="418" t="str">
        <f t="shared" si="76"/>
        <v>DUPLICATE</v>
      </c>
    </row>
    <row r="2452" spans="1:14" ht="15.75">
      <c r="A2452" s="383"/>
      <c r="B2452" s="411">
        <f t="shared" si="75"/>
        <v>135</v>
      </c>
      <c r="C2452" s="498" t="s">
        <v>5219</v>
      </c>
      <c r="D2452" s="449" t="s">
        <v>5220</v>
      </c>
      <c r="E2452" s="510" t="s">
        <v>595</v>
      </c>
      <c r="F2452" s="522" t="s">
        <v>596</v>
      </c>
      <c r="G2452" s="450"/>
      <c r="H2452" s="451"/>
      <c r="I2452" s="451"/>
      <c r="J2452" s="144"/>
      <c r="K2452" s="517"/>
      <c r="L2452" s="455">
        <v>38362</v>
      </c>
      <c r="M2452" s="455"/>
      <c r="N2452" s="418" t="str">
        <f t="shared" si="76"/>
        <v/>
      </c>
    </row>
    <row r="2453" spans="1:14" ht="15.75">
      <c r="A2453" s="383"/>
      <c r="B2453" s="411">
        <f t="shared" si="75"/>
        <v>135</v>
      </c>
      <c r="C2453" s="498" t="s">
        <v>5221</v>
      </c>
      <c r="D2453" s="449" t="s">
        <v>5222</v>
      </c>
      <c r="E2453" s="510" t="s">
        <v>595</v>
      </c>
      <c r="F2453" s="522" t="s">
        <v>596</v>
      </c>
      <c r="G2453" s="450"/>
      <c r="H2453" s="451"/>
      <c r="I2453" s="451"/>
      <c r="J2453" s="144"/>
      <c r="K2453" s="517"/>
      <c r="L2453" s="455">
        <v>38362</v>
      </c>
      <c r="M2453" s="455"/>
      <c r="N2453" s="418" t="str">
        <f t="shared" si="76"/>
        <v/>
      </c>
    </row>
    <row r="2454" spans="1:14" ht="28.5">
      <c r="A2454" s="383"/>
      <c r="B2454" s="411">
        <f t="shared" si="75"/>
        <v>135</v>
      </c>
      <c r="C2454" s="498" t="s">
        <v>5223</v>
      </c>
      <c r="D2454" s="449" t="s">
        <v>5224</v>
      </c>
      <c r="E2454" s="452" t="s">
        <v>595</v>
      </c>
      <c r="F2454" s="449" t="s">
        <v>596</v>
      </c>
      <c r="G2454" s="450"/>
      <c r="H2454" s="451"/>
      <c r="I2454" s="451"/>
      <c r="J2454" s="144"/>
      <c r="K2454" s="517"/>
      <c r="L2454" s="455">
        <v>38362</v>
      </c>
      <c r="M2454" s="455"/>
      <c r="N2454" s="418" t="str">
        <f t="shared" si="76"/>
        <v/>
      </c>
    </row>
    <row r="2455" spans="1:14" ht="28.5">
      <c r="A2455" s="383"/>
      <c r="B2455" s="411">
        <f t="shared" si="75"/>
        <v>135</v>
      </c>
      <c r="C2455" s="498" t="s">
        <v>5225</v>
      </c>
      <c r="D2455" s="449" t="s">
        <v>5226</v>
      </c>
      <c r="E2455" s="452" t="s">
        <v>595</v>
      </c>
      <c r="F2455" s="449" t="s">
        <v>596</v>
      </c>
      <c r="G2455" s="450"/>
      <c r="H2455" s="451"/>
      <c r="I2455" s="451"/>
      <c r="J2455" s="144"/>
      <c r="K2455" s="517"/>
      <c r="L2455" s="455">
        <v>38362</v>
      </c>
      <c r="M2455" s="455"/>
      <c r="N2455" s="418" t="str">
        <f t="shared" si="76"/>
        <v/>
      </c>
    </row>
    <row r="2456" spans="1:14" ht="15.75">
      <c r="A2456" s="383"/>
      <c r="B2456" s="411">
        <f t="shared" si="75"/>
        <v>135</v>
      </c>
      <c r="C2456" s="498" t="s">
        <v>5227</v>
      </c>
      <c r="D2456" s="449" t="s">
        <v>5228</v>
      </c>
      <c r="E2456" s="510" t="s">
        <v>595</v>
      </c>
      <c r="F2456" s="522" t="s">
        <v>596</v>
      </c>
      <c r="G2456" s="450"/>
      <c r="H2456" s="451"/>
      <c r="I2456" s="451"/>
      <c r="J2456" s="144"/>
      <c r="K2456" s="517"/>
      <c r="L2456" s="455">
        <v>38362</v>
      </c>
      <c r="M2456" s="455"/>
      <c r="N2456" s="418" t="str">
        <f t="shared" si="76"/>
        <v/>
      </c>
    </row>
    <row r="2457" spans="1:14" ht="15.75">
      <c r="A2457" s="383"/>
      <c r="B2457" s="411">
        <f t="shared" si="75"/>
        <v>135</v>
      </c>
      <c r="C2457" s="498" t="s">
        <v>5229</v>
      </c>
      <c r="D2457" s="449" t="s">
        <v>5230</v>
      </c>
      <c r="E2457" s="510" t="s">
        <v>595</v>
      </c>
      <c r="F2457" s="522" t="s">
        <v>596</v>
      </c>
      <c r="G2457" s="450"/>
      <c r="H2457" s="451"/>
      <c r="I2457" s="451"/>
      <c r="J2457" s="144"/>
      <c r="K2457" s="517"/>
      <c r="L2457" s="455">
        <v>38362</v>
      </c>
      <c r="M2457" s="455"/>
      <c r="N2457" s="418" t="str">
        <f t="shared" si="76"/>
        <v/>
      </c>
    </row>
    <row r="2458" spans="1:14" ht="28.5">
      <c r="A2458" s="383"/>
      <c r="B2458" s="411">
        <f t="shared" ref="B2458:B2521" si="77">IF(A2458&gt;0,A2458,B2457)</f>
        <v>135</v>
      </c>
      <c r="C2458" s="498" t="s">
        <v>5231</v>
      </c>
      <c r="D2458" s="449" t="s">
        <v>5232</v>
      </c>
      <c r="E2458" s="452" t="s">
        <v>595</v>
      </c>
      <c r="F2458" s="449" t="s">
        <v>596</v>
      </c>
      <c r="G2458" s="450"/>
      <c r="H2458" s="451"/>
      <c r="I2458" s="451"/>
      <c r="J2458" s="144"/>
      <c r="K2458" s="517"/>
      <c r="L2458" s="455">
        <v>38362</v>
      </c>
      <c r="M2458" s="455"/>
      <c r="N2458" s="418" t="str">
        <f t="shared" si="76"/>
        <v/>
      </c>
    </row>
    <row r="2459" spans="1:14" ht="28.5">
      <c r="A2459" s="383"/>
      <c r="B2459" s="411">
        <f t="shared" si="77"/>
        <v>135</v>
      </c>
      <c r="C2459" s="498" t="s">
        <v>5233</v>
      </c>
      <c r="D2459" s="449" t="s">
        <v>5234</v>
      </c>
      <c r="E2459" s="510" t="s">
        <v>595</v>
      </c>
      <c r="F2459" s="522" t="s">
        <v>596</v>
      </c>
      <c r="G2459" s="450"/>
      <c r="H2459" s="451"/>
      <c r="I2459" s="451"/>
      <c r="J2459" s="144"/>
      <c r="K2459" s="517"/>
      <c r="L2459" s="455">
        <v>38362</v>
      </c>
      <c r="M2459" s="455"/>
      <c r="N2459" s="418" t="str">
        <f t="shared" si="76"/>
        <v/>
      </c>
    </row>
    <row r="2460" spans="1:14" ht="15.75">
      <c r="A2460" s="383"/>
      <c r="B2460" s="411">
        <f t="shared" si="77"/>
        <v>135</v>
      </c>
      <c r="C2460" s="498" t="s">
        <v>5235</v>
      </c>
      <c r="D2460" s="449" t="s">
        <v>5236</v>
      </c>
      <c r="E2460" s="510" t="s">
        <v>595</v>
      </c>
      <c r="F2460" s="522" t="s">
        <v>596</v>
      </c>
      <c r="G2460" s="450"/>
      <c r="H2460" s="451"/>
      <c r="I2460" s="451"/>
      <c r="J2460" s="144"/>
      <c r="K2460" s="517"/>
      <c r="L2460" s="455">
        <v>38362</v>
      </c>
      <c r="M2460" s="455"/>
      <c r="N2460" s="418" t="str">
        <f t="shared" si="76"/>
        <v/>
      </c>
    </row>
    <row r="2461" spans="1:14" ht="15.75">
      <c r="A2461" s="383"/>
      <c r="B2461" s="411">
        <f t="shared" si="77"/>
        <v>135</v>
      </c>
      <c r="C2461" s="498" t="s">
        <v>5237</v>
      </c>
      <c r="D2461" s="449" t="s">
        <v>5238</v>
      </c>
      <c r="E2461" s="510" t="s">
        <v>595</v>
      </c>
      <c r="F2461" s="522" t="s">
        <v>596</v>
      </c>
      <c r="G2461" s="450"/>
      <c r="H2461" s="451"/>
      <c r="I2461" s="451"/>
      <c r="J2461" s="144"/>
      <c r="K2461" s="517"/>
      <c r="L2461" s="455">
        <v>38362</v>
      </c>
      <c r="M2461" s="455"/>
      <c r="N2461" s="418" t="str">
        <f t="shared" si="76"/>
        <v/>
      </c>
    </row>
    <row r="2462" spans="1:14" ht="15.75">
      <c r="A2462" s="383"/>
      <c r="B2462" s="411">
        <f t="shared" si="77"/>
        <v>135</v>
      </c>
      <c r="C2462" s="498" t="s">
        <v>5239</v>
      </c>
      <c r="D2462" s="449" t="s">
        <v>5240</v>
      </c>
      <c r="E2462" s="510" t="s">
        <v>595</v>
      </c>
      <c r="F2462" s="522" t="s">
        <v>596</v>
      </c>
      <c r="G2462" s="450"/>
      <c r="H2462" s="451"/>
      <c r="I2462" s="451"/>
      <c r="J2462" s="144"/>
      <c r="K2462" s="517"/>
      <c r="L2462" s="455">
        <v>38362</v>
      </c>
      <c r="M2462" s="455"/>
      <c r="N2462" s="418" t="str">
        <f t="shared" si="76"/>
        <v/>
      </c>
    </row>
    <row r="2463" spans="1:14" ht="15.75">
      <c r="A2463" s="383"/>
      <c r="B2463" s="411">
        <f t="shared" si="77"/>
        <v>135</v>
      </c>
      <c r="C2463" s="498" t="s">
        <v>5241</v>
      </c>
      <c r="D2463" s="449" t="s">
        <v>5242</v>
      </c>
      <c r="E2463" s="510" t="s">
        <v>595</v>
      </c>
      <c r="F2463" s="522" t="s">
        <v>596</v>
      </c>
      <c r="G2463" s="450"/>
      <c r="H2463" s="451"/>
      <c r="I2463" s="451"/>
      <c r="J2463" s="144"/>
      <c r="K2463" s="517"/>
      <c r="L2463" s="455">
        <v>38362</v>
      </c>
      <c r="M2463" s="455"/>
      <c r="N2463" s="418" t="str">
        <f t="shared" si="76"/>
        <v/>
      </c>
    </row>
    <row r="2464" spans="1:14" ht="42.75">
      <c r="A2464" s="383"/>
      <c r="B2464" s="411">
        <f t="shared" si="77"/>
        <v>135</v>
      </c>
      <c r="C2464" s="498" t="s">
        <v>5243</v>
      </c>
      <c r="D2464" s="449" t="s">
        <v>5244</v>
      </c>
      <c r="E2464" s="452" t="s">
        <v>595</v>
      </c>
      <c r="F2464" s="449" t="s">
        <v>596</v>
      </c>
      <c r="G2464" s="450"/>
      <c r="H2464" s="451"/>
      <c r="I2464" s="451"/>
      <c r="J2464" s="144"/>
      <c r="K2464" s="517"/>
      <c r="L2464" s="455">
        <v>38362</v>
      </c>
      <c r="M2464" s="455"/>
      <c r="N2464" s="418" t="str">
        <f t="shared" si="76"/>
        <v/>
      </c>
    </row>
    <row r="2465" spans="1:14" ht="28.5">
      <c r="A2465" s="383"/>
      <c r="B2465" s="411">
        <f t="shared" si="77"/>
        <v>135</v>
      </c>
      <c r="C2465" s="498" t="s">
        <v>5245</v>
      </c>
      <c r="D2465" s="449" t="s">
        <v>5246</v>
      </c>
      <c r="E2465" s="452" t="s">
        <v>595</v>
      </c>
      <c r="F2465" s="449" t="s">
        <v>596</v>
      </c>
      <c r="G2465" s="450"/>
      <c r="H2465" s="451"/>
      <c r="I2465" s="451"/>
      <c r="J2465" s="144"/>
      <c r="K2465" s="517"/>
      <c r="L2465" s="455">
        <v>38362</v>
      </c>
      <c r="M2465" s="455"/>
      <c r="N2465" s="418" t="str">
        <f t="shared" si="76"/>
        <v/>
      </c>
    </row>
    <row r="2466" spans="1:14" ht="15.75">
      <c r="A2466" s="383"/>
      <c r="B2466" s="411">
        <f t="shared" si="77"/>
        <v>135</v>
      </c>
      <c r="C2466" s="498" t="s">
        <v>5247</v>
      </c>
      <c r="D2466" s="449" t="s">
        <v>5248</v>
      </c>
      <c r="E2466" s="510" t="s">
        <v>595</v>
      </c>
      <c r="F2466" s="522" t="s">
        <v>596</v>
      </c>
      <c r="G2466" s="450"/>
      <c r="H2466" s="451"/>
      <c r="I2466" s="451"/>
      <c r="J2466" s="144"/>
      <c r="K2466" s="517"/>
      <c r="L2466" s="455">
        <v>38362</v>
      </c>
      <c r="M2466" s="455"/>
      <c r="N2466" s="418" t="str">
        <f t="shared" si="76"/>
        <v/>
      </c>
    </row>
    <row r="2467" spans="1:14" ht="15.75">
      <c r="A2467" s="383"/>
      <c r="B2467" s="411">
        <f t="shared" si="77"/>
        <v>135</v>
      </c>
      <c r="C2467" s="498" t="s">
        <v>5249</v>
      </c>
      <c r="D2467" s="449" t="s">
        <v>5250</v>
      </c>
      <c r="E2467" s="510" t="s">
        <v>595</v>
      </c>
      <c r="F2467" s="522" t="s">
        <v>596</v>
      </c>
      <c r="G2467" s="450"/>
      <c r="H2467" s="451"/>
      <c r="I2467" s="451"/>
      <c r="J2467" s="144"/>
      <c r="K2467" s="517"/>
      <c r="L2467" s="455">
        <v>38362</v>
      </c>
      <c r="M2467" s="455"/>
      <c r="N2467" s="418" t="str">
        <f t="shared" si="76"/>
        <v/>
      </c>
    </row>
    <row r="2468" spans="1:14" ht="15.75">
      <c r="A2468" s="383"/>
      <c r="B2468" s="411">
        <f t="shared" si="77"/>
        <v>135</v>
      </c>
      <c r="C2468" s="498" t="s">
        <v>5251</v>
      </c>
      <c r="D2468" s="449" t="s">
        <v>5252</v>
      </c>
      <c r="E2468" s="510" t="s">
        <v>595</v>
      </c>
      <c r="F2468" s="522" t="s">
        <v>596</v>
      </c>
      <c r="G2468" s="450"/>
      <c r="H2468" s="451"/>
      <c r="I2468" s="451"/>
      <c r="J2468" s="144"/>
      <c r="K2468" s="517"/>
      <c r="L2468" s="455">
        <v>38362</v>
      </c>
      <c r="M2468" s="455"/>
      <c r="N2468" s="418" t="str">
        <f t="shared" si="76"/>
        <v/>
      </c>
    </row>
    <row r="2469" spans="1:14" ht="15.75">
      <c r="A2469" s="383"/>
      <c r="B2469" s="411">
        <f t="shared" si="77"/>
        <v>135</v>
      </c>
      <c r="C2469" s="498" t="s">
        <v>5253</v>
      </c>
      <c r="D2469" s="449" t="s">
        <v>5254</v>
      </c>
      <c r="E2469" s="510" t="s">
        <v>595</v>
      </c>
      <c r="F2469" s="522" t="s">
        <v>596</v>
      </c>
      <c r="G2469" s="450"/>
      <c r="H2469" s="451"/>
      <c r="I2469" s="451"/>
      <c r="J2469" s="144"/>
      <c r="K2469" s="517"/>
      <c r="L2469" s="455">
        <v>38362</v>
      </c>
      <c r="M2469" s="455"/>
      <c r="N2469" s="418" t="str">
        <f t="shared" si="76"/>
        <v/>
      </c>
    </row>
    <row r="2470" spans="1:14" ht="15.75">
      <c r="A2470" s="383"/>
      <c r="B2470" s="411">
        <f t="shared" si="77"/>
        <v>135</v>
      </c>
      <c r="C2470" s="498" t="s">
        <v>5255</v>
      </c>
      <c r="D2470" s="449" t="s">
        <v>5256</v>
      </c>
      <c r="E2470" s="510" t="s">
        <v>595</v>
      </c>
      <c r="F2470" s="522" t="s">
        <v>596</v>
      </c>
      <c r="G2470" s="450"/>
      <c r="H2470" s="451"/>
      <c r="I2470" s="451"/>
      <c r="J2470" s="144"/>
      <c r="K2470" s="517"/>
      <c r="L2470" s="455">
        <v>38362</v>
      </c>
      <c r="M2470" s="455"/>
      <c r="N2470" s="418" t="str">
        <f t="shared" si="76"/>
        <v/>
      </c>
    </row>
    <row r="2471" spans="1:14" ht="15.75">
      <c r="A2471" s="383"/>
      <c r="B2471" s="411">
        <f t="shared" si="77"/>
        <v>135</v>
      </c>
      <c r="C2471" s="498" t="s">
        <v>5257</v>
      </c>
      <c r="D2471" s="449" t="s">
        <v>5258</v>
      </c>
      <c r="E2471" s="510" t="s">
        <v>595</v>
      </c>
      <c r="F2471" s="522" t="s">
        <v>596</v>
      </c>
      <c r="G2471" s="450"/>
      <c r="H2471" s="451"/>
      <c r="I2471" s="451"/>
      <c r="J2471" s="144"/>
      <c r="K2471" s="517"/>
      <c r="L2471" s="455">
        <v>38362</v>
      </c>
      <c r="M2471" s="455"/>
      <c r="N2471" s="418" t="str">
        <f t="shared" si="76"/>
        <v/>
      </c>
    </row>
    <row r="2472" spans="1:14" ht="15.75">
      <c r="A2472" s="383"/>
      <c r="B2472" s="411">
        <f t="shared" si="77"/>
        <v>135</v>
      </c>
      <c r="C2472" s="498" t="s">
        <v>5259</v>
      </c>
      <c r="D2472" s="449" t="s">
        <v>5260</v>
      </c>
      <c r="E2472" s="510" t="s">
        <v>595</v>
      </c>
      <c r="F2472" s="522" t="s">
        <v>596</v>
      </c>
      <c r="G2472" s="450"/>
      <c r="H2472" s="451"/>
      <c r="I2472" s="451"/>
      <c r="J2472" s="144"/>
      <c r="K2472" s="517"/>
      <c r="L2472" s="455">
        <v>38362</v>
      </c>
      <c r="M2472" s="455"/>
      <c r="N2472" s="418" t="str">
        <f t="shared" si="76"/>
        <v/>
      </c>
    </row>
    <row r="2473" spans="1:14" ht="15.75">
      <c r="A2473" s="383"/>
      <c r="B2473" s="411">
        <f t="shared" si="77"/>
        <v>135</v>
      </c>
      <c r="C2473" s="498" t="s">
        <v>5261</v>
      </c>
      <c r="D2473" s="449" t="s">
        <v>5262</v>
      </c>
      <c r="E2473" s="510" t="s">
        <v>595</v>
      </c>
      <c r="F2473" s="522" t="s">
        <v>596</v>
      </c>
      <c r="G2473" s="450"/>
      <c r="H2473" s="451"/>
      <c r="I2473" s="451"/>
      <c r="J2473" s="144"/>
      <c r="K2473" s="517"/>
      <c r="L2473" s="455">
        <v>38362</v>
      </c>
      <c r="M2473" s="455"/>
      <c r="N2473" s="418" t="str">
        <f t="shared" si="76"/>
        <v/>
      </c>
    </row>
    <row r="2474" spans="1:14" ht="15.75">
      <c r="A2474" s="383"/>
      <c r="B2474" s="411">
        <f t="shared" si="77"/>
        <v>135</v>
      </c>
      <c r="C2474" s="498" t="s">
        <v>5263</v>
      </c>
      <c r="D2474" s="449" t="s">
        <v>5264</v>
      </c>
      <c r="E2474" s="510" t="s">
        <v>595</v>
      </c>
      <c r="F2474" s="522" t="s">
        <v>596</v>
      </c>
      <c r="G2474" s="450"/>
      <c r="H2474" s="451"/>
      <c r="I2474" s="451"/>
      <c r="J2474" s="144"/>
      <c r="K2474" s="517"/>
      <c r="L2474" s="455">
        <v>38362</v>
      </c>
      <c r="M2474" s="455"/>
      <c r="N2474" s="418" t="str">
        <f t="shared" si="76"/>
        <v/>
      </c>
    </row>
    <row r="2475" spans="1:14" ht="15.75">
      <c r="A2475" s="383"/>
      <c r="B2475" s="411">
        <f t="shared" si="77"/>
        <v>135</v>
      </c>
      <c r="C2475" s="498" t="s">
        <v>5265</v>
      </c>
      <c r="D2475" s="449" t="s">
        <v>5266</v>
      </c>
      <c r="E2475" s="510" t="s">
        <v>595</v>
      </c>
      <c r="F2475" s="522" t="s">
        <v>596</v>
      </c>
      <c r="G2475" s="450"/>
      <c r="H2475" s="451"/>
      <c r="I2475" s="451"/>
      <c r="J2475" s="144"/>
      <c r="K2475" s="517"/>
      <c r="L2475" s="455">
        <v>38362</v>
      </c>
      <c r="M2475" s="455"/>
      <c r="N2475" s="418" t="str">
        <f t="shared" si="76"/>
        <v/>
      </c>
    </row>
    <row r="2476" spans="1:14" ht="28.5">
      <c r="A2476" s="383"/>
      <c r="B2476" s="411">
        <f t="shared" si="77"/>
        <v>135</v>
      </c>
      <c r="C2476" s="498" t="s">
        <v>5267</v>
      </c>
      <c r="D2476" s="449" t="s">
        <v>5268</v>
      </c>
      <c r="E2476" s="452" t="s">
        <v>595</v>
      </c>
      <c r="F2476" s="449" t="s">
        <v>596</v>
      </c>
      <c r="G2476" s="450"/>
      <c r="H2476" s="451"/>
      <c r="I2476" s="451"/>
      <c r="J2476" s="144"/>
      <c r="K2476" s="517"/>
      <c r="L2476" s="455">
        <v>38362</v>
      </c>
      <c r="M2476" s="455"/>
      <c r="N2476" s="418" t="str">
        <f t="shared" si="76"/>
        <v/>
      </c>
    </row>
    <row r="2477" spans="1:14" ht="15.75">
      <c r="A2477" s="383"/>
      <c r="B2477" s="411">
        <f t="shared" si="77"/>
        <v>135</v>
      </c>
      <c r="C2477" s="498" t="s">
        <v>5269</v>
      </c>
      <c r="D2477" s="449" t="s">
        <v>5270</v>
      </c>
      <c r="E2477" s="510" t="s">
        <v>595</v>
      </c>
      <c r="F2477" s="522" t="s">
        <v>596</v>
      </c>
      <c r="G2477" s="450"/>
      <c r="H2477" s="451"/>
      <c r="I2477" s="451"/>
      <c r="J2477" s="144"/>
      <c r="K2477" s="517"/>
      <c r="L2477" s="455">
        <v>38362</v>
      </c>
      <c r="M2477" s="455"/>
      <c r="N2477" s="418" t="str">
        <f t="shared" si="76"/>
        <v/>
      </c>
    </row>
    <row r="2478" spans="1:14" ht="15.75">
      <c r="A2478" s="383"/>
      <c r="B2478" s="411">
        <f t="shared" si="77"/>
        <v>135</v>
      </c>
      <c r="C2478" s="498" t="s">
        <v>5271</v>
      </c>
      <c r="D2478" s="449" t="s">
        <v>5272</v>
      </c>
      <c r="E2478" s="510" t="s">
        <v>595</v>
      </c>
      <c r="F2478" s="522" t="s">
        <v>596</v>
      </c>
      <c r="G2478" s="450"/>
      <c r="H2478" s="451"/>
      <c r="I2478" s="451"/>
      <c r="J2478" s="144"/>
      <c r="K2478" s="517"/>
      <c r="L2478" s="455">
        <v>38362</v>
      </c>
      <c r="M2478" s="455"/>
      <c r="N2478" s="418" t="str">
        <f t="shared" si="76"/>
        <v/>
      </c>
    </row>
    <row r="2479" spans="1:14" ht="28.5">
      <c r="A2479" s="383"/>
      <c r="B2479" s="411">
        <f t="shared" si="77"/>
        <v>135</v>
      </c>
      <c r="C2479" s="498" t="s">
        <v>5273</v>
      </c>
      <c r="D2479" s="449" t="s">
        <v>5274</v>
      </c>
      <c r="E2479" s="510" t="s">
        <v>595</v>
      </c>
      <c r="F2479" s="522" t="s">
        <v>596</v>
      </c>
      <c r="G2479" s="450"/>
      <c r="H2479" s="451"/>
      <c r="I2479" s="451"/>
      <c r="J2479" s="144"/>
      <c r="K2479" s="517"/>
      <c r="L2479" s="455">
        <v>38362</v>
      </c>
      <c r="M2479" s="455"/>
      <c r="N2479" s="418" t="str">
        <f t="shared" si="76"/>
        <v/>
      </c>
    </row>
    <row r="2480" spans="1:14" ht="15.75">
      <c r="A2480" s="383"/>
      <c r="B2480" s="411">
        <f t="shared" si="77"/>
        <v>135</v>
      </c>
      <c r="C2480" s="498" t="s">
        <v>5275</v>
      </c>
      <c r="D2480" s="449" t="s">
        <v>5276</v>
      </c>
      <c r="E2480" s="510" t="s">
        <v>595</v>
      </c>
      <c r="F2480" s="522" t="s">
        <v>596</v>
      </c>
      <c r="G2480" s="450"/>
      <c r="H2480" s="451"/>
      <c r="I2480" s="451"/>
      <c r="J2480" s="144"/>
      <c r="K2480" s="517"/>
      <c r="L2480" s="455">
        <v>38362</v>
      </c>
      <c r="M2480" s="455"/>
      <c r="N2480" s="418" t="str">
        <f t="shared" si="76"/>
        <v/>
      </c>
    </row>
    <row r="2481" spans="1:14" ht="31.5">
      <c r="A2481" s="383"/>
      <c r="B2481" s="411">
        <f t="shared" si="77"/>
        <v>135</v>
      </c>
      <c r="C2481" s="498" t="s">
        <v>5277</v>
      </c>
      <c r="D2481" s="449" t="s">
        <v>28507</v>
      </c>
      <c r="E2481" s="510" t="s">
        <v>595</v>
      </c>
      <c r="F2481" s="522" t="s">
        <v>596</v>
      </c>
      <c r="G2481" s="450"/>
      <c r="H2481" s="451"/>
      <c r="I2481" s="451"/>
      <c r="J2481" s="144"/>
      <c r="K2481" s="517"/>
      <c r="L2481" s="455">
        <v>40940</v>
      </c>
      <c r="M2481" s="455"/>
      <c r="N2481" s="418" t="str">
        <f t="shared" si="76"/>
        <v>DUPLICATE</v>
      </c>
    </row>
    <row r="2482" spans="1:14" ht="31.5">
      <c r="A2482" s="383"/>
      <c r="B2482" s="411">
        <f t="shared" si="77"/>
        <v>135</v>
      </c>
      <c r="C2482" s="721" t="s">
        <v>14034</v>
      </c>
      <c r="D2482" s="722" t="s">
        <v>14035</v>
      </c>
      <c r="E2482" s="723" t="s">
        <v>595</v>
      </c>
      <c r="F2482" s="723" t="s">
        <v>596</v>
      </c>
      <c r="G2482" s="723" t="s">
        <v>1390</v>
      </c>
      <c r="H2482" s="724"/>
      <c r="I2482" s="724"/>
      <c r="J2482" s="722" t="s">
        <v>14036</v>
      </c>
      <c r="K2482" s="724"/>
      <c r="L2482" s="725">
        <v>43132</v>
      </c>
      <c r="M2482" s="726"/>
      <c r="N2482" s="418" t="str">
        <f t="shared" si="76"/>
        <v/>
      </c>
    </row>
    <row r="2483" spans="1:14" ht="15.75">
      <c r="A2483" s="383"/>
      <c r="B2483" s="411">
        <f t="shared" si="77"/>
        <v>135</v>
      </c>
      <c r="C2483" s="498" t="s">
        <v>5278</v>
      </c>
      <c r="D2483" s="449" t="s">
        <v>5279</v>
      </c>
      <c r="E2483" s="510" t="s">
        <v>595</v>
      </c>
      <c r="F2483" s="522" t="s">
        <v>596</v>
      </c>
      <c r="G2483" s="450"/>
      <c r="H2483" s="451"/>
      <c r="I2483" s="451"/>
      <c r="J2483" s="144"/>
      <c r="K2483" s="517"/>
      <c r="L2483" s="455">
        <v>38362</v>
      </c>
      <c r="M2483" s="455"/>
      <c r="N2483" s="418" t="str">
        <f t="shared" si="76"/>
        <v/>
      </c>
    </row>
    <row r="2484" spans="1:14" ht="15.75">
      <c r="A2484" s="383"/>
      <c r="B2484" s="411">
        <f t="shared" si="77"/>
        <v>135</v>
      </c>
      <c r="C2484" s="498" t="s">
        <v>5280</v>
      </c>
      <c r="D2484" s="449" t="s">
        <v>5281</v>
      </c>
      <c r="E2484" s="510" t="s">
        <v>595</v>
      </c>
      <c r="F2484" s="522" t="s">
        <v>596</v>
      </c>
      <c r="G2484" s="450"/>
      <c r="H2484" s="451"/>
      <c r="I2484" s="451"/>
      <c r="J2484" s="144"/>
      <c r="K2484" s="517"/>
      <c r="L2484" s="455">
        <v>38362</v>
      </c>
      <c r="M2484" s="455"/>
      <c r="N2484" s="418" t="str">
        <f t="shared" si="76"/>
        <v/>
      </c>
    </row>
    <row r="2485" spans="1:14" ht="15.75">
      <c r="A2485" s="383"/>
      <c r="B2485" s="411">
        <f t="shared" si="77"/>
        <v>135</v>
      </c>
      <c r="C2485" s="498" t="s">
        <v>2479</v>
      </c>
      <c r="D2485" s="449" t="s">
        <v>2480</v>
      </c>
      <c r="E2485" s="510" t="s">
        <v>595</v>
      </c>
      <c r="F2485" s="522" t="s">
        <v>596</v>
      </c>
      <c r="G2485" s="450"/>
      <c r="H2485" s="451"/>
      <c r="I2485" s="451"/>
      <c r="J2485" s="144"/>
      <c r="K2485" s="517"/>
      <c r="L2485" s="455">
        <v>38362</v>
      </c>
      <c r="M2485" s="455"/>
      <c r="N2485" s="418" t="str">
        <f t="shared" si="76"/>
        <v>DUPLICATE</v>
      </c>
    </row>
    <row r="2486" spans="1:14" ht="15.75">
      <c r="A2486" s="383"/>
      <c r="B2486" s="411">
        <f t="shared" si="77"/>
        <v>135</v>
      </c>
      <c r="C2486" s="440" t="s">
        <v>2323</v>
      </c>
      <c r="D2486" s="144" t="s">
        <v>2324</v>
      </c>
      <c r="E2486" s="449" t="s">
        <v>707</v>
      </c>
      <c r="F2486" s="449" t="s">
        <v>600</v>
      </c>
      <c r="G2486" s="450"/>
      <c r="H2486" s="451"/>
      <c r="I2486" s="451"/>
      <c r="J2486" s="144"/>
      <c r="K2486" s="517"/>
      <c r="L2486" s="455">
        <v>41671</v>
      </c>
      <c r="M2486" s="455"/>
      <c r="N2486" s="418" t="str">
        <f t="shared" si="76"/>
        <v>DUPLICATE</v>
      </c>
    </row>
    <row r="2487" spans="1:14" ht="15.75">
      <c r="A2487" s="383"/>
      <c r="B2487" s="411">
        <f t="shared" si="77"/>
        <v>135</v>
      </c>
      <c r="C2487" s="440" t="s">
        <v>5282</v>
      </c>
      <c r="D2487" s="452" t="s">
        <v>5283</v>
      </c>
      <c r="E2487" s="452" t="s">
        <v>595</v>
      </c>
      <c r="F2487" s="449" t="s">
        <v>596</v>
      </c>
      <c r="G2487" s="450"/>
      <c r="H2487" s="451"/>
      <c r="I2487" s="451"/>
      <c r="J2487" s="144"/>
      <c r="K2487" s="517"/>
      <c r="L2487" s="455">
        <v>41671</v>
      </c>
      <c r="M2487" s="455">
        <v>42401</v>
      </c>
      <c r="N2487" s="418" t="str">
        <f t="shared" si="76"/>
        <v/>
      </c>
    </row>
    <row r="2488" spans="1:14" ht="15.75">
      <c r="A2488" s="383"/>
      <c r="B2488" s="411">
        <f t="shared" si="77"/>
        <v>135</v>
      </c>
      <c r="C2488" s="498" t="s">
        <v>5284</v>
      </c>
      <c r="D2488" s="449" t="s">
        <v>5285</v>
      </c>
      <c r="E2488" s="510" t="s">
        <v>595</v>
      </c>
      <c r="F2488" s="522" t="s">
        <v>596</v>
      </c>
      <c r="G2488" s="450"/>
      <c r="H2488" s="451"/>
      <c r="I2488" s="451"/>
      <c r="J2488" s="144"/>
      <c r="K2488" s="517"/>
      <c r="L2488" s="455">
        <v>38362</v>
      </c>
      <c r="M2488" s="455"/>
      <c r="N2488" s="418" t="str">
        <f t="shared" si="76"/>
        <v/>
      </c>
    </row>
    <row r="2489" spans="1:14" ht="15.75">
      <c r="A2489" s="383"/>
      <c r="B2489" s="411">
        <f t="shared" si="77"/>
        <v>135</v>
      </c>
      <c r="C2489" s="498" t="s">
        <v>5286</v>
      </c>
      <c r="D2489" s="452" t="s">
        <v>5287</v>
      </c>
      <c r="E2489" s="510" t="s">
        <v>595</v>
      </c>
      <c r="F2489" s="522" t="s">
        <v>596</v>
      </c>
      <c r="G2489" s="450"/>
      <c r="H2489" s="451"/>
      <c r="I2489" s="451"/>
      <c r="J2489" s="144"/>
      <c r="K2489" s="517"/>
      <c r="L2489" s="455">
        <v>38362</v>
      </c>
      <c r="M2489" s="455"/>
      <c r="N2489" s="418" t="str">
        <f t="shared" si="76"/>
        <v/>
      </c>
    </row>
    <row r="2490" spans="1:14" ht="15.75">
      <c r="A2490" s="383"/>
      <c r="B2490" s="411">
        <f t="shared" si="77"/>
        <v>135</v>
      </c>
      <c r="C2490" s="498" t="s">
        <v>2559</v>
      </c>
      <c r="D2490" s="452" t="s">
        <v>2560</v>
      </c>
      <c r="E2490" s="510" t="s">
        <v>595</v>
      </c>
      <c r="F2490" s="522" t="s">
        <v>596</v>
      </c>
      <c r="G2490" s="450"/>
      <c r="H2490" s="451"/>
      <c r="I2490" s="451"/>
      <c r="J2490" s="144"/>
      <c r="K2490" s="517"/>
      <c r="L2490" s="455">
        <v>38362</v>
      </c>
      <c r="M2490" s="455"/>
      <c r="N2490" s="418" t="str">
        <f t="shared" si="76"/>
        <v>DUPLICATE</v>
      </c>
    </row>
    <row r="2491" spans="1:14" ht="15.75">
      <c r="A2491" s="383"/>
      <c r="B2491" s="411">
        <f t="shared" si="77"/>
        <v>135</v>
      </c>
      <c r="C2491" s="498" t="s">
        <v>2565</v>
      </c>
      <c r="D2491" s="449" t="s">
        <v>2566</v>
      </c>
      <c r="E2491" s="510" t="s">
        <v>595</v>
      </c>
      <c r="F2491" s="522" t="s">
        <v>596</v>
      </c>
      <c r="G2491" s="450"/>
      <c r="H2491" s="451"/>
      <c r="I2491" s="451"/>
      <c r="J2491" s="144"/>
      <c r="K2491" s="517"/>
      <c r="L2491" s="455">
        <v>38362</v>
      </c>
      <c r="M2491" s="455"/>
      <c r="N2491" s="418" t="str">
        <f t="shared" si="76"/>
        <v>DUPLICATE</v>
      </c>
    </row>
    <row r="2492" spans="1:14" ht="28.5">
      <c r="A2492" s="383"/>
      <c r="B2492" s="411">
        <f t="shared" si="77"/>
        <v>135</v>
      </c>
      <c r="C2492" s="498" t="s">
        <v>2611</v>
      </c>
      <c r="D2492" s="449" t="s">
        <v>2612</v>
      </c>
      <c r="E2492" s="510" t="s">
        <v>595</v>
      </c>
      <c r="F2492" s="522" t="s">
        <v>596</v>
      </c>
      <c r="G2492" s="450"/>
      <c r="H2492" s="451"/>
      <c r="I2492" s="451"/>
      <c r="J2492" s="144"/>
      <c r="K2492" s="517"/>
      <c r="L2492" s="455">
        <v>38362</v>
      </c>
      <c r="M2492" s="455"/>
      <c r="N2492" s="418" t="str">
        <f t="shared" si="76"/>
        <v>DUPLICATE</v>
      </c>
    </row>
    <row r="2493" spans="1:14" ht="28.5">
      <c r="A2493" s="383"/>
      <c r="B2493" s="411">
        <f t="shared" si="77"/>
        <v>135</v>
      </c>
      <c r="C2493" s="498" t="s">
        <v>5288</v>
      </c>
      <c r="D2493" s="449" t="s">
        <v>5289</v>
      </c>
      <c r="E2493" s="452" t="s">
        <v>595</v>
      </c>
      <c r="F2493" s="449" t="s">
        <v>596</v>
      </c>
      <c r="G2493" s="450"/>
      <c r="H2493" s="451"/>
      <c r="I2493" s="451"/>
      <c r="J2493" s="144"/>
      <c r="K2493" s="517"/>
      <c r="L2493" s="455">
        <v>38362</v>
      </c>
      <c r="M2493" s="455"/>
      <c r="N2493" s="418" t="str">
        <f t="shared" si="76"/>
        <v/>
      </c>
    </row>
    <row r="2494" spans="1:14" ht="15.75">
      <c r="A2494" s="383"/>
      <c r="B2494" s="411">
        <f t="shared" si="77"/>
        <v>135</v>
      </c>
      <c r="C2494" s="498" t="s">
        <v>5290</v>
      </c>
      <c r="D2494" s="449" t="s">
        <v>5291</v>
      </c>
      <c r="E2494" s="510" t="s">
        <v>595</v>
      </c>
      <c r="F2494" s="522" t="s">
        <v>596</v>
      </c>
      <c r="G2494" s="450"/>
      <c r="H2494" s="451"/>
      <c r="I2494" s="451"/>
      <c r="J2494" s="144"/>
      <c r="K2494" s="517"/>
      <c r="L2494" s="455">
        <v>38362</v>
      </c>
      <c r="M2494" s="455"/>
      <c r="N2494" s="418" t="str">
        <f t="shared" si="76"/>
        <v/>
      </c>
    </row>
    <row r="2495" spans="1:14" ht="15.75">
      <c r="A2495" s="383"/>
      <c r="B2495" s="411">
        <f t="shared" si="77"/>
        <v>135</v>
      </c>
      <c r="C2495" s="498" t="s">
        <v>5292</v>
      </c>
      <c r="D2495" s="449" t="s">
        <v>5293</v>
      </c>
      <c r="E2495" s="510" t="s">
        <v>595</v>
      </c>
      <c r="F2495" s="522" t="s">
        <v>596</v>
      </c>
      <c r="G2495" s="450"/>
      <c r="H2495" s="451"/>
      <c r="I2495" s="451"/>
      <c r="J2495" s="144"/>
      <c r="K2495" s="517"/>
      <c r="L2495" s="455">
        <v>38362</v>
      </c>
      <c r="M2495" s="455"/>
      <c r="N2495" s="418" t="str">
        <f t="shared" si="76"/>
        <v/>
      </c>
    </row>
    <row r="2496" spans="1:14" ht="15.75">
      <c r="A2496" s="383"/>
      <c r="B2496" s="411">
        <f t="shared" si="77"/>
        <v>135</v>
      </c>
      <c r="C2496" s="498" t="s">
        <v>5294</v>
      </c>
      <c r="D2496" s="449" t="s">
        <v>5295</v>
      </c>
      <c r="E2496" s="510" t="s">
        <v>595</v>
      </c>
      <c r="F2496" s="522" t="s">
        <v>596</v>
      </c>
      <c r="G2496" s="450"/>
      <c r="H2496" s="451"/>
      <c r="I2496" s="451"/>
      <c r="J2496" s="144"/>
      <c r="K2496" s="517"/>
      <c r="L2496" s="455">
        <v>38362</v>
      </c>
      <c r="M2496" s="455"/>
      <c r="N2496" s="418" t="str">
        <f t="shared" si="76"/>
        <v/>
      </c>
    </row>
    <row r="2497" spans="1:14" ht="28.5">
      <c r="A2497" s="383"/>
      <c r="B2497" s="411">
        <f t="shared" si="77"/>
        <v>135</v>
      </c>
      <c r="C2497" s="498" t="s">
        <v>3103</v>
      </c>
      <c r="D2497" s="449" t="s">
        <v>3104</v>
      </c>
      <c r="E2497" s="510" t="s">
        <v>595</v>
      </c>
      <c r="F2497" s="522" t="s">
        <v>596</v>
      </c>
      <c r="G2497" s="450"/>
      <c r="H2497" s="451"/>
      <c r="I2497" s="451"/>
      <c r="J2497" s="144"/>
      <c r="K2497" s="517"/>
      <c r="L2497" s="455">
        <v>38362</v>
      </c>
      <c r="M2497" s="455"/>
      <c r="N2497" s="418" t="str">
        <f t="shared" si="76"/>
        <v>DUPLICATE</v>
      </c>
    </row>
    <row r="2498" spans="1:14" ht="15.75">
      <c r="A2498" s="383"/>
      <c r="B2498" s="411">
        <f t="shared" si="77"/>
        <v>135</v>
      </c>
      <c r="C2498" s="498" t="s">
        <v>5296</v>
      </c>
      <c r="D2498" s="449" t="s">
        <v>5297</v>
      </c>
      <c r="E2498" s="510" t="s">
        <v>595</v>
      </c>
      <c r="F2498" s="522" t="s">
        <v>596</v>
      </c>
      <c r="G2498" s="450"/>
      <c r="H2498" s="451"/>
      <c r="I2498" s="451"/>
      <c r="J2498" s="144"/>
      <c r="K2498" s="517"/>
      <c r="L2498" s="455">
        <v>38362</v>
      </c>
      <c r="M2498" s="455"/>
      <c r="N2498" s="418" t="str">
        <f t="shared" si="76"/>
        <v/>
      </c>
    </row>
    <row r="2499" spans="1:14" ht="15.75">
      <c r="A2499" s="383"/>
      <c r="B2499" s="411">
        <f t="shared" si="77"/>
        <v>135</v>
      </c>
      <c r="C2499" s="498" t="s">
        <v>5298</v>
      </c>
      <c r="D2499" s="449" t="s">
        <v>5299</v>
      </c>
      <c r="E2499" s="510" t="s">
        <v>595</v>
      </c>
      <c r="F2499" s="522" t="s">
        <v>596</v>
      </c>
      <c r="G2499" s="450"/>
      <c r="H2499" s="451"/>
      <c r="I2499" s="451"/>
      <c r="J2499" s="144"/>
      <c r="K2499" s="517"/>
      <c r="L2499" s="455">
        <v>38362</v>
      </c>
      <c r="M2499" s="455"/>
      <c r="N2499" s="418" t="str">
        <f t="shared" si="76"/>
        <v/>
      </c>
    </row>
    <row r="2500" spans="1:14" ht="28.5">
      <c r="A2500" s="383"/>
      <c r="B2500" s="411">
        <f t="shared" si="77"/>
        <v>135</v>
      </c>
      <c r="C2500" s="498" t="s">
        <v>5300</v>
      </c>
      <c r="D2500" s="449" t="s">
        <v>5301</v>
      </c>
      <c r="E2500" s="510" t="s">
        <v>595</v>
      </c>
      <c r="F2500" s="522" t="s">
        <v>596</v>
      </c>
      <c r="G2500" s="450"/>
      <c r="H2500" s="451"/>
      <c r="I2500" s="451"/>
      <c r="J2500" s="144"/>
      <c r="K2500" s="517"/>
      <c r="L2500" s="455">
        <v>38362</v>
      </c>
      <c r="M2500" s="455"/>
      <c r="N2500" s="418" t="str">
        <f t="shared" si="76"/>
        <v/>
      </c>
    </row>
    <row r="2501" spans="1:14" ht="15.75">
      <c r="A2501" s="383"/>
      <c r="B2501" s="411">
        <f t="shared" si="77"/>
        <v>135</v>
      </c>
      <c r="C2501" s="498" t="s">
        <v>5302</v>
      </c>
      <c r="D2501" s="449" t="s">
        <v>5303</v>
      </c>
      <c r="E2501" s="510" t="s">
        <v>595</v>
      </c>
      <c r="F2501" s="522" t="s">
        <v>596</v>
      </c>
      <c r="G2501" s="450"/>
      <c r="H2501" s="451"/>
      <c r="I2501" s="451"/>
      <c r="J2501" s="144"/>
      <c r="K2501" s="517"/>
      <c r="L2501" s="455">
        <v>38362</v>
      </c>
      <c r="M2501" s="455"/>
      <c r="N2501" s="418" t="str">
        <f t="shared" si="76"/>
        <v/>
      </c>
    </row>
    <row r="2502" spans="1:14" ht="15.75">
      <c r="A2502" s="383"/>
      <c r="B2502" s="411">
        <f t="shared" si="77"/>
        <v>135</v>
      </c>
      <c r="C2502" s="498" t="s">
        <v>5304</v>
      </c>
      <c r="D2502" s="449" t="s">
        <v>5305</v>
      </c>
      <c r="E2502" s="510" t="s">
        <v>595</v>
      </c>
      <c r="F2502" s="522" t="s">
        <v>596</v>
      </c>
      <c r="G2502" s="450"/>
      <c r="H2502" s="451"/>
      <c r="I2502" s="451"/>
      <c r="J2502" s="144"/>
      <c r="K2502" s="517"/>
      <c r="L2502" s="455">
        <v>38362</v>
      </c>
      <c r="M2502" s="455"/>
      <c r="N2502" s="418" t="str">
        <f t="shared" si="76"/>
        <v/>
      </c>
    </row>
    <row r="2503" spans="1:14" ht="15.75">
      <c r="A2503" s="383"/>
      <c r="B2503" s="411">
        <f t="shared" si="77"/>
        <v>135</v>
      </c>
      <c r="C2503" s="498" t="s">
        <v>5306</v>
      </c>
      <c r="D2503" s="449" t="s">
        <v>5307</v>
      </c>
      <c r="E2503" s="510" t="s">
        <v>595</v>
      </c>
      <c r="F2503" s="522" t="s">
        <v>596</v>
      </c>
      <c r="G2503" s="450"/>
      <c r="H2503" s="451"/>
      <c r="I2503" s="451"/>
      <c r="J2503" s="144"/>
      <c r="K2503" s="517"/>
      <c r="L2503" s="455">
        <v>38362</v>
      </c>
      <c r="M2503" s="455"/>
      <c r="N2503" s="418" t="str">
        <f t="shared" si="76"/>
        <v/>
      </c>
    </row>
    <row r="2504" spans="1:14" ht="15.75">
      <c r="A2504" s="383"/>
      <c r="B2504" s="411">
        <f t="shared" si="77"/>
        <v>135</v>
      </c>
      <c r="C2504" s="498" t="s">
        <v>5308</v>
      </c>
      <c r="D2504" s="449" t="s">
        <v>5309</v>
      </c>
      <c r="E2504" s="510" t="s">
        <v>595</v>
      </c>
      <c r="F2504" s="522" t="s">
        <v>596</v>
      </c>
      <c r="G2504" s="450"/>
      <c r="H2504" s="451"/>
      <c r="I2504" s="451"/>
      <c r="J2504" s="144"/>
      <c r="K2504" s="517"/>
      <c r="L2504" s="455">
        <v>38362</v>
      </c>
      <c r="M2504" s="455"/>
      <c r="N2504" s="418" t="str">
        <f t="shared" si="76"/>
        <v/>
      </c>
    </row>
    <row r="2505" spans="1:14" ht="15.75">
      <c r="A2505" s="383"/>
      <c r="B2505" s="411">
        <f t="shared" si="77"/>
        <v>135</v>
      </c>
      <c r="C2505" s="498" t="s">
        <v>5310</v>
      </c>
      <c r="D2505" s="449" t="s">
        <v>5311</v>
      </c>
      <c r="E2505" s="510" t="s">
        <v>595</v>
      </c>
      <c r="F2505" s="522" t="s">
        <v>596</v>
      </c>
      <c r="G2505" s="450"/>
      <c r="H2505" s="451"/>
      <c r="I2505" s="451"/>
      <c r="J2505" s="144"/>
      <c r="K2505" s="517"/>
      <c r="L2505" s="455">
        <v>38362</v>
      </c>
      <c r="M2505" s="455"/>
      <c r="N2505" s="418" t="str">
        <f t="shared" si="76"/>
        <v/>
      </c>
    </row>
    <row r="2506" spans="1:14" ht="15.75">
      <c r="A2506" s="383"/>
      <c r="B2506" s="411">
        <f t="shared" si="77"/>
        <v>135</v>
      </c>
      <c r="C2506" s="498" t="s">
        <v>5312</v>
      </c>
      <c r="D2506" s="449" t="s">
        <v>5313</v>
      </c>
      <c r="E2506" s="510" t="s">
        <v>595</v>
      </c>
      <c r="F2506" s="522" t="s">
        <v>596</v>
      </c>
      <c r="G2506" s="450"/>
      <c r="H2506" s="451"/>
      <c r="I2506" s="451"/>
      <c r="J2506" s="144"/>
      <c r="K2506" s="517"/>
      <c r="L2506" s="455">
        <v>38362</v>
      </c>
      <c r="M2506" s="455"/>
      <c r="N2506" s="418" t="str">
        <f t="shared" ref="N2506:N2569" si="78">IF(D2506="NA","",IF(COUNTIF($D$2:$D$5552,D2506)&gt;1,"DUPLICATE",""))</f>
        <v/>
      </c>
    </row>
    <row r="2507" spans="1:14" ht="15.75">
      <c r="A2507" s="383"/>
      <c r="B2507" s="411">
        <f t="shared" si="77"/>
        <v>135</v>
      </c>
      <c r="C2507" s="498" t="s">
        <v>5314</v>
      </c>
      <c r="D2507" s="449" t="s">
        <v>5315</v>
      </c>
      <c r="E2507" s="510" t="s">
        <v>595</v>
      </c>
      <c r="F2507" s="522" t="s">
        <v>596</v>
      </c>
      <c r="G2507" s="450"/>
      <c r="H2507" s="451"/>
      <c r="I2507" s="451"/>
      <c r="J2507" s="144"/>
      <c r="K2507" s="517"/>
      <c r="L2507" s="455">
        <v>38362</v>
      </c>
      <c r="M2507" s="455"/>
      <c r="N2507" s="418" t="str">
        <f t="shared" si="78"/>
        <v/>
      </c>
    </row>
    <row r="2508" spans="1:14" ht="15.75">
      <c r="A2508" s="383"/>
      <c r="B2508" s="411">
        <f t="shared" si="77"/>
        <v>135</v>
      </c>
      <c r="C2508" s="498" t="s">
        <v>5316</v>
      </c>
      <c r="D2508" s="449" t="s">
        <v>5317</v>
      </c>
      <c r="E2508" s="510" t="s">
        <v>595</v>
      </c>
      <c r="F2508" s="522" t="s">
        <v>596</v>
      </c>
      <c r="G2508" s="450"/>
      <c r="H2508" s="451"/>
      <c r="I2508" s="451"/>
      <c r="J2508" s="144"/>
      <c r="K2508" s="517"/>
      <c r="L2508" s="455">
        <v>38362</v>
      </c>
      <c r="M2508" s="455"/>
      <c r="N2508" s="418" t="str">
        <f t="shared" si="78"/>
        <v/>
      </c>
    </row>
    <row r="2509" spans="1:14" ht="15.75">
      <c r="A2509" s="383"/>
      <c r="B2509" s="411">
        <f t="shared" si="77"/>
        <v>135</v>
      </c>
      <c r="C2509" s="498" t="s">
        <v>5318</v>
      </c>
      <c r="D2509" s="449" t="s">
        <v>5319</v>
      </c>
      <c r="E2509" s="510" t="s">
        <v>595</v>
      </c>
      <c r="F2509" s="522" t="s">
        <v>596</v>
      </c>
      <c r="G2509" s="450"/>
      <c r="H2509" s="451"/>
      <c r="I2509" s="451"/>
      <c r="J2509" s="144"/>
      <c r="K2509" s="517"/>
      <c r="L2509" s="455">
        <v>38362</v>
      </c>
      <c r="M2509" s="455"/>
      <c r="N2509" s="418" t="str">
        <f t="shared" si="78"/>
        <v/>
      </c>
    </row>
    <row r="2510" spans="1:14" ht="15.75">
      <c r="A2510" s="383"/>
      <c r="B2510" s="411">
        <f t="shared" si="77"/>
        <v>135</v>
      </c>
      <c r="C2510" s="498" t="s">
        <v>5320</v>
      </c>
      <c r="D2510" s="449" t="s">
        <v>5321</v>
      </c>
      <c r="E2510" s="510" t="s">
        <v>595</v>
      </c>
      <c r="F2510" s="522" t="s">
        <v>596</v>
      </c>
      <c r="G2510" s="450"/>
      <c r="H2510" s="451"/>
      <c r="I2510" s="451"/>
      <c r="J2510" s="144"/>
      <c r="K2510" s="517"/>
      <c r="L2510" s="455">
        <v>38362</v>
      </c>
      <c r="M2510" s="455"/>
      <c r="N2510" s="418" t="str">
        <f t="shared" si="78"/>
        <v/>
      </c>
    </row>
    <row r="2511" spans="1:14" ht="15.75">
      <c r="A2511" s="383"/>
      <c r="B2511" s="411">
        <f t="shared" si="77"/>
        <v>135</v>
      </c>
      <c r="C2511" s="498" t="s">
        <v>5322</v>
      </c>
      <c r="D2511" s="449" t="s">
        <v>5323</v>
      </c>
      <c r="E2511" s="510" t="s">
        <v>595</v>
      </c>
      <c r="F2511" s="522" t="s">
        <v>596</v>
      </c>
      <c r="G2511" s="450"/>
      <c r="H2511" s="451"/>
      <c r="I2511" s="451"/>
      <c r="J2511" s="144"/>
      <c r="K2511" s="517"/>
      <c r="L2511" s="455">
        <v>38362</v>
      </c>
      <c r="M2511" s="455"/>
      <c r="N2511" s="418" t="str">
        <f t="shared" si="78"/>
        <v/>
      </c>
    </row>
    <row r="2512" spans="1:14" ht="15.75">
      <c r="A2512" s="383"/>
      <c r="B2512" s="411">
        <f t="shared" si="77"/>
        <v>135</v>
      </c>
      <c r="C2512" s="498" t="s">
        <v>5324</v>
      </c>
      <c r="D2512" s="449" t="s">
        <v>5325</v>
      </c>
      <c r="E2512" s="510" t="s">
        <v>595</v>
      </c>
      <c r="F2512" s="522" t="s">
        <v>596</v>
      </c>
      <c r="G2512" s="450"/>
      <c r="H2512" s="451"/>
      <c r="I2512" s="451"/>
      <c r="J2512" s="144"/>
      <c r="K2512" s="517"/>
      <c r="L2512" s="455">
        <v>38362</v>
      </c>
      <c r="M2512" s="455"/>
      <c r="N2512" s="418" t="str">
        <f t="shared" si="78"/>
        <v/>
      </c>
    </row>
    <row r="2513" spans="1:14" ht="15.75">
      <c r="A2513" s="383"/>
      <c r="B2513" s="411">
        <f t="shared" si="77"/>
        <v>135</v>
      </c>
      <c r="C2513" s="498" t="s">
        <v>5326</v>
      </c>
      <c r="D2513" s="449" t="s">
        <v>5327</v>
      </c>
      <c r="E2513" s="510" t="s">
        <v>595</v>
      </c>
      <c r="F2513" s="522" t="s">
        <v>596</v>
      </c>
      <c r="G2513" s="450"/>
      <c r="H2513" s="451"/>
      <c r="I2513" s="451"/>
      <c r="J2513" s="144"/>
      <c r="K2513" s="517"/>
      <c r="L2513" s="455">
        <v>38362</v>
      </c>
      <c r="M2513" s="455"/>
      <c r="N2513" s="418" t="str">
        <f t="shared" si="78"/>
        <v/>
      </c>
    </row>
    <row r="2514" spans="1:14" ht="15.75">
      <c r="A2514" s="383"/>
      <c r="B2514" s="411">
        <f t="shared" si="77"/>
        <v>135</v>
      </c>
      <c r="C2514" s="498" t="s">
        <v>5328</v>
      </c>
      <c r="D2514" s="449" t="s">
        <v>5329</v>
      </c>
      <c r="E2514" s="510" t="s">
        <v>595</v>
      </c>
      <c r="F2514" s="522" t="s">
        <v>596</v>
      </c>
      <c r="G2514" s="450"/>
      <c r="H2514" s="451"/>
      <c r="I2514" s="451"/>
      <c r="J2514" s="144"/>
      <c r="K2514" s="517"/>
      <c r="L2514" s="455">
        <v>38362</v>
      </c>
      <c r="M2514" s="455"/>
      <c r="N2514" s="418" t="str">
        <f t="shared" si="78"/>
        <v/>
      </c>
    </row>
    <row r="2515" spans="1:14" ht="15.75">
      <c r="A2515" s="383"/>
      <c r="B2515" s="411">
        <f t="shared" si="77"/>
        <v>135</v>
      </c>
      <c r="C2515" s="498" t="s">
        <v>5330</v>
      </c>
      <c r="D2515" s="449" t="s">
        <v>5331</v>
      </c>
      <c r="E2515" s="510" t="s">
        <v>595</v>
      </c>
      <c r="F2515" s="522" t="s">
        <v>596</v>
      </c>
      <c r="G2515" s="450"/>
      <c r="H2515" s="451"/>
      <c r="I2515" s="451"/>
      <c r="J2515" s="144"/>
      <c r="K2515" s="517"/>
      <c r="L2515" s="455">
        <v>38362</v>
      </c>
      <c r="M2515" s="455"/>
      <c r="N2515" s="418" t="str">
        <f t="shared" si="78"/>
        <v/>
      </c>
    </row>
    <row r="2516" spans="1:14" ht="71.25">
      <c r="A2516" s="383"/>
      <c r="B2516" s="411">
        <f t="shared" si="77"/>
        <v>135</v>
      </c>
      <c r="C2516" s="498" t="s">
        <v>5332</v>
      </c>
      <c r="D2516" s="449" t="s">
        <v>5333</v>
      </c>
      <c r="E2516" s="452" t="s">
        <v>595</v>
      </c>
      <c r="F2516" s="449" t="s">
        <v>596</v>
      </c>
      <c r="G2516" s="450"/>
      <c r="H2516" s="451"/>
      <c r="I2516" s="451"/>
      <c r="J2516" s="144"/>
      <c r="K2516" s="517"/>
      <c r="L2516" s="455">
        <v>38362</v>
      </c>
      <c r="M2516" s="455"/>
      <c r="N2516" s="418" t="str">
        <f t="shared" si="78"/>
        <v/>
      </c>
    </row>
    <row r="2517" spans="1:14" ht="15.75">
      <c r="A2517" s="383"/>
      <c r="B2517" s="411">
        <f t="shared" si="77"/>
        <v>135</v>
      </c>
      <c r="C2517" s="498" t="s">
        <v>13994</v>
      </c>
      <c r="D2517" s="449" t="s">
        <v>13995</v>
      </c>
      <c r="E2517" s="510" t="s">
        <v>595</v>
      </c>
      <c r="F2517" s="522" t="s">
        <v>596</v>
      </c>
      <c r="G2517" s="450"/>
      <c r="H2517" s="451"/>
      <c r="I2517" s="451"/>
      <c r="J2517" s="144"/>
      <c r="K2517" s="517"/>
      <c r="L2517" s="455">
        <v>43132</v>
      </c>
      <c r="M2517" s="455"/>
      <c r="N2517" s="418" t="str">
        <f t="shared" si="78"/>
        <v>DUPLICATE</v>
      </c>
    </row>
    <row r="2518" spans="1:14" ht="15.75">
      <c r="A2518" s="383"/>
      <c r="B2518" s="411">
        <f t="shared" si="77"/>
        <v>135</v>
      </c>
      <c r="C2518" s="498" t="s">
        <v>5334</v>
      </c>
      <c r="D2518" s="449" t="s">
        <v>5335</v>
      </c>
      <c r="E2518" s="510" t="s">
        <v>595</v>
      </c>
      <c r="F2518" s="522" t="s">
        <v>596</v>
      </c>
      <c r="G2518" s="450"/>
      <c r="H2518" s="451"/>
      <c r="I2518" s="451"/>
      <c r="J2518" s="144"/>
      <c r="K2518" s="517"/>
      <c r="L2518" s="455">
        <v>38362</v>
      </c>
      <c r="M2518" s="455"/>
      <c r="N2518" s="418" t="str">
        <f t="shared" si="78"/>
        <v/>
      </c>
    </row>
    <row r="2519" spans="1:14" ht="15.75">
      <c r="A2519" s="383"/>
      <c r="B2519" s="411">
        <f t="shared" si="77"/>
        <v>135</v>
      </c>
      <c r="C2519" s="498" t="s">
        <v>5336</v>
      </c>
      <c r="D2519" s="449" t="s">
        <v>5337</v>
      </c>
      <c r="E2519" s="510" t="s">
        <v>595</v>
      </c>
      <c r="F2519" s="522" t="s">
        <v>596</v>
      </c>
      <c r="G2519" s="450"/>
      <c r="H2519" s="451"/>
      <c r="I2519" s="451"/>
      <c r="J2519" s="144"/>
      <c r="K2519" s="517"/>
      <c r="L2519" s="455">
        <v>38362</v>
      </c>
      <c r="M2519" s="455"/>
      <c r="N2519" s="418" t="str">
        <f t="shared" si="78"/>
        <v/>
      </c>
    </row>
    <row r="2520" spans="1:14" ht="15.75">
      <c r="A2520" s="383"/>
      <c r="B2520" s="411">
        <f t="shared" si="77"/>
        <v>135</v>
      </c>
      <c r="C2520" s="498" t="s">
        <v>5338</v>
      </c>
      <c r="D2520" s="449" t="s">
        <v>5339</v>
      </c>
      <c r="E2520" s="510" t="s">
        <v>595</v>
      </c>
      <c r="F2520" s="522" t="s">
        <v>596</v>
      </c>
      <c r="G2520" s="450"/>
      <c r="H2520" s="451"/>
      <c r="I2520" s="451"/>
      <c r="J2520" s="144"/>
      <c r="K2520" s="517"/>
      <c r="L2520" s="455">
        <v>38362</v>
      </c>
      <c r="M2520" s="455"/>
      <c r="N2520" s="418" t="str">
        <f t="shared" si="78"/>
        <v/>
      </c>
    </row>
    <row r="2521" spans="1:14" ht="15.75">
      <c r="A2521" s="383"/>
      <c r="B2521" s="411">
        <f t="shared" si="77"/>
        <v>135</v>
      </c>
      <c r="C2521" s="498" t="s">
        <v>5340</v>
      </c>
      <c r="D2521" s="449" t="s">
        <v>5341</v>
      </c>
      <c r="E2521" s="510" t="s">
        <v>595</v>
      </c>
      <c r="F2521" s="522" t="s">
        <v>596</v>
      </c>
      <c r="G2521" s="450"/>
      <c r="H2521" s="451"/>
      <c r="I2521" s="451"/>
      <c r="J2521" s="144"/>
      <c r="K2521" s="517"/>
      <c r="L2521" s="455">
        <v>38362</v>
      </c>
      <c r="M2521" s="455"/>
      <c r="N2521" s="418" t="str">
        <f t="shared" si="78"/>
        <v/>
      </c>
    </row>
    <row r="2522" spans="1:14" ht="15.75">
      <c r="A2522" s="383"/>
      <c r="B2522" s="411">
        <f t="shared" ref="B2522:B2585" si="79">IF(A2522&gt;0,A2522,B2521)</f>
        <v>135</v>
      </c>
      <c r="C2522" s="498" t="s">
        <v>5342</v>
      </c>
      <c r="D2522" s="449" t="s">
        <v>5343</v>
      </c>
      <c r="E2522" s="510" t="s">
        <v>595</v>
      </c>
      <c r="F2522" s="522" t="s">
        <v>596</v>
      </c>
      <c r="G2522" s="450"/>
      <c r="H2522" s="451"/>
      <c r="I2522" s="451"/>
      <c r="J2522" s="144"/>
      <c r="K2522" s="517"/>
      <c r="L2522" s="455">
        <v>38362</v>
      </c>
      <c r="M2522" s="455"/>
      <c r="N2522" s="418" t="str">
        <f t="shared" si="78"/>
        <v/>
      </c>
    </row>
    <row r="2523" spans="1:14" ht="15.75">
      <c r="A2523" s="383"/>
      <c r="B2523" s="411">
        <f t="shared" si="79"/>
        <v>135</v>
      </c>
      <c r="C2523" s="498" t="s">
        <v>5344</v>
      </c>
      <c r="D2523" s="449" t="s">
        <v>5345</v>
      </c>
      <c r="E2523" s="510" t="s">
        <v>595</v>
      </c>
      <c r="F2523" s="522" t="s">
        <v>596</v>
      </c>
      <c r="G2523" s="450"/>
      <c r="H2523" s="451"/>
      <c r="I2523" s="451"/>
      <c r="J2523" s="144"/>
      <c r="K2523" s="517"/>
      <c r="L2523" s="455">
        <v>38362</v>
      </c>
      <c r="M2523" s="455"/>
      <c r="N2523" s="418" t="str">
        <f t="shared" si="78"/>
        <v/>
      </c>
    </row>
    <row r="2524" spans="1:14" ht="15.75">
      <c r="A2524" s="383"/>
      <c r="B2524" s="411">
        <f t="shared" si="79"/>
        <v>135</v>
      </c>
      <c r="C2524" s="498" t="s">
        <v>5346</v>
      </c>
      <c r="D2524" s="449" t="s">
        <v>5347</v>
      </c>
      <c r="E2524" s="510" t="s">
        <v>595</v>
      </c>
      <c r="F2524" s="522" t="s">
        <v>596</v>
      </c>
      <c r="G2524" s="450"/>
      <c r="H2524" s="451"/>
      <c r="I2524" s="451"/>
      <c r="J2524" s="144"/>
      <c r="K2524" s="517"/>
      <c r="L2524" s="455">
        <v>38362</v>
      </c>
      <c r="M2524" s="455"/>
      <c r="N2524" s="418" t="str">
        <f t="shared" si="78"/>
        <v/>
      </c>
    </row>
    <row r="2525" spans="1:14" ht="15.75">
      <c r="A2525" s="383"/>
      <c r="B2525" s="411">
        <f t="shared" si="79"/>
        <v>135</v>
      </c>
      <c r="C2525" s="498" t="s">
        <v>5348</v>
      </c>
      <c r="D2525" s="449" t="s">
        <v>5349</v>
      </c>
      <c r="E2525" s="510" t="s">
        <v>595</v>
      </c>
      <c r="F2525" s="522" t="s">
        <v>596</v>
      </c>
      <c r="G2525" s="450"/>
      <c r="H2525" s="451"/>
      <c r="I2525" s="451"/>
      <c r="J2525" s="144"/>
      <c r="K2525" s="517"/>
      <c r="L2525" s="455">
        <v>38362</v>
      </c>
      <c r="M2525" s="455"/>
      <c r="N2525" s="418" t="str">
        <f t="shared" si="78"/>
        <v/>
      </c>
    </row>
    <row r="2526" spans="1:14" ht="15.75">
      <c r="A2526" s="383"/>
      <c r="B2526" s="411">
        <f t="shared" si="79"/>
        <v>135</v>
      </c>
      <c r="C2526" s="498" t="s">
        <v>5350</v>
      </c>
      <c r="D2526" s="449" t="s">
        <v>5351</v>
      </c>
      <c r="E2526" s="510" t="s">
        <v>595</v>
      </c>
      <c r="F2526" s="522" t="s">
        <v>596</v>
      </c>
      <c r="G2526" s="450"/>
      <c r="H2526" s="451"/>
      <c r="I2526" s="451"/>
      <c r="J2526" s="144"/>
      <c r="K2526" s="517"/>
      <c r="L2526" s="455">
        <v>38362</v>
      </c>
      <c r="M2526" s="455"/>
      <c r="N2526" s="418" t="str">
        <f t="shared" si="78"/>
        <v/>
      </c>
    </row>
    <row r="2527" spans="1:14" ht="15.75">
      <c r="A2527" s="383"/>
      <c r="B2527" s="411">
        <f t="shared" si="79"/>
        <v>135</v>
      </c>
      <c r="C2527" s="498" t="s">
        <v>5352</v>
      </c>
      <c r="D2527" s="449" t="s">
        <v>5353</v>
      </c>
      <c r="E2527" s="510" t="s">
        <v>595</v>
      </c>
      <c r="F2527" s="522" t="s">
        <v>596</v>
      </c>
      <c r="G2527" s="450"/>
      <c r="H2527" s="451"/>
      <c r="I2527" s="451"/>
      <c r="J2527" s="144"/>
      <c r="K2527" s="517"/>
      <c r="L2527" s="455">
        <v>38362</v>
      </c>
      <c r="M2527" s="455"/>
      <c r="N2527" s="418" t="str">
        <f t="shared" si="78"/>
        <v/>
      </c>
    </row>
    <row r="2528" spans="1:14" ht="15.75">
      <c r="A2528" s="383"/>
      <c r="B2528" s="411">
        <f t="shared" si="79"/>
        <v>135</v>
      </c>
      <c r="C2528" s="498" t="s">
        <v>934</v>
      </c>
      <c r="D2528" s="449" t="s">
        <v>935</v>
      </c>
      <c r="E2528" s="510" t="s">
        <v>595</v>
      </c>
      <c r="F2528" s="522" t="s">
        <v>652</v>
      </c>
      <c r="G2528" s="450"/>
      <c r="H2528" s="451"/>
      <c r="I2528" s="451"/>
      <c r="J2528" s="144"/>
      <c r="K2528" s="517"/>
      <c r="L2528" s="455">
        <v>38362</v>
      </c>
      <c r="M2528" s="455"/>
      <c r="N2528" s="418" t="str">
        <f t="shared" si="78"/>
        <v>DUPLICATE</v>
      </c>
    </row>
    <row r="2529" spans="1:14" ht="15.75">
      <c r="A2529" s="383"/>
      <c r="B2529" s="411">
        <f t="shared" si="79"/>
        <v>135</v>
      </c>
      <c r="C2529" s="498" t="s">
        <v>5354</v>
      </c>
      <c r="D2529" s="449" t="s">
        <v>5355</v>
      </c>
      <c r="E2529" s="510" t="s">
        <v>595</v>
      </c>
      <c r="F2529" s="522" t="s">
        <v>596</v>
      </c>
      <c r="G2529" s="450"/>
      <c r="H2529" s="451"/>
      <c r="I2529" s="451"/>
      <c r="J2529" s="144"/>
      <c r="K2529" s="517"/>
      <c r="L2529" s="455"/>
      <c r="M2529" s="455"/>
      <c r="N2529" s="418" t="str">
        <f t="shared" si="78"/>
        <v/>
      </c>
    </row>
    <row r="2530" spans="1:14" ht="15.75">
      <c r="A2530" s="383"/>
      <c r="B2530" s="411">
        <f t="shared" si="79"/>
        <v>135</v>
      </c>
      <c r="C2530" s="498" t="s">
        <v>5356</v>
      </c>
      <c r="D2530" s="449" t="s">
        <v>5357</v>
      </c>
      <c r="E2530" s="510" t="s">
        <v>595</v>
      </c>
      <c r="F2530" s="522" t="s">
        <v>596</v>
      </c>
      <c r="G2530" s="450"/>
      <c r="H2530" s="451"/>
      <c r="I2530" s="451"/>
      <c r="J2530" s="144"/>
      <c r="K2530" s="517"/>
      <c r="L2530" s="455">
        <v>38362</v>
      </c>
      <c r="M2530" s="455"/>
      <c r="N2530" s="418" t="str">
        <f t="shared" si="78"/>
        <v/>
      </c>
    </row>
    <row r="2531" spans="1:14" ht="15.75">
      <c r="A2531" s="383"/>
      <c r="B2531" s="411">
        <f t="shared" si="79"/>
        <v>135</v>
      </c>
      <c r="C2531" s="498" t="s">
        <v>5358</v>
      </c>
      <c r="D2531" s="449" t="s">
        <v>5359</v>
      </c>
      <c r="E2531" s="510" t="s">
        <v>595</v>
      </c>
      <c r="F2531" s="522" t="s">
        <v>596</v>
      </c>
      <c r="G2531" s="450"/>
      <c r="H2531" s="451"/>
      <c r="I2531" s="451"/>
      <c r="J2531" s="144"/>
      <c r="K2531" s="517"/>
      <c r="L2531" s="455">
        <v>38362</v>
      </c>
      <c r="M2531" s="455"/>
      <c r="N2531" s="418" t="str">
        <f t="shared" si="78"/>
        <v/>
      </c>
    </row>
    <row r="2532" spans="1:14" ht="15.75">
      <c r="A2532" s="383"/>
      <c r="B2532" s="411">
        <f t="shared" si="79"/>
        <v>135</v>
      </c>
      <c r="C2532" s="498" t="s">
        <v>5360</v>
      </c>
      <c r="D2532" s="449" t="s">
        <v>5361</v>
      </c>
      <c r="E2532" s="510" t="s">
        <v>595</v>
      </c>
      <c r="F2532" s="522" t="s">
        <v>596</v>
      </c>
      <c r="G2532" s="450"/>
      <c r="H2532" s="451"/>
      <c r="I2532" s="451"/>
      <c r="J2532" s="144"/>
      <c r="K2532" s="517"/>
      <c r="L2532" s="455">
        <v>38362</v>
      </c>
      <c r="M2532" s="455"/>
      <c r="N2532" s="418" t="str">
        <f t="shared" si="78"/>
        <v/>
      </c>
    </row>
    <row r="2533" spans="1:14" ht="15.75">
      <c r="A2533" s="383"/>
      <c r="B2533" s="411">
        <f t="shared" si="79"/>
        <v>135</v>
      </c>
      <c r="C2533" s="498" t="s">
        <v>5362</v>
      </c>
      <c r="D2533" s="449" t="s">
        <v>5363</v>
      </c>
      <c r="E2533" s="510" t="s">
        <v>595</v>
      </c>
      <c r="F2533" s="522" t="s">
        <v>596</v>
      </c>
      <c r="G2533" s="450"/>
      <c r="H2533" s="451"/>
      <c r="I2533" s="451"/>
      <c r="J2533" s="144"/>
      <c r="K2533" s="517"/>
      <c r="L2533" s="455">
        <v>38362</v>
      </c>
      <c r="M2533" s="455"/>
      <c r="N2533" s="418" t="str">
        <f t="shared" si="78"/>
        <v/>
      </c>
    </row>
    <row r="2534" spans="1:14" ht="15.75">
      <c r="A2534" s="383"/>
      <c r="B2534" s="411">
        <f t="shared" si="79"/>
        <v>135</v>
      </c>
      <c r="C2534" s="498" t="s">
        <v>5364</v>
      </c>
      <c r="D2534" s="449" t="s">
        <v>5365</v>
      </c>
      <c r="E2534" s="510" t="s">
        <v>595</v>
      </c>
      <c r="F2534" s="522" t="s">
        <v>596</v>
      </c>
      <c r="G2534" s="450"/>
      <c r="H2534" s="451"/>
      <c r="I2534" s="451"/>
      <c r="J2534" s="144"/>
      <c r="K2534" s="517"/>
      <c r="L2534" s="455">
        <v>38362</v>
      </c>
      <c r="M2534" s="455"/>
      <c r="N2534" s="418" t="str">
        <f t="shared" si="78"/>
        <v/>
      </c>
    </row>
    <row r="2535" spans="1:14" ht="15.75">
      <c r="A2535" s="383"/>
      <c r="B2535" s="411">
        <f t="shared" si="79"/>
        <v>135</v>
      </c>
      <c r="C2535" s="498" t="s">
        <v>5366</v>
      </c>
      <c r="D2535" s="449" t="s">
        <v>5367</v>
      </c>
      <c r="E2535" s="510" t="s">
        <v>595</v>
      </c>
      <c r="F2535" s="522" t="s">
        <v>596</v>
      </c>
      <c r="G2535" s="450"/>
      <c r="H2535" s="451"/>
      <c r="I2535" s="451"/>
      <c r="J2535" s="144"/>
      <c r="K2535" s="517"/>
      <c r="L2535" s="455">
        <v>38362</v>
      </c>
      <c r="M2535" s="455"/>
      <c r="N2535" s="418" t="str">
        <f t="shared" si="78"/>
        <v/>
      </c>
    </row>
    <row r="2536" spans="1:14" ht="15.75">
      <c r="A2536" s="383"/>
      <c r="B2536" s="411">
        <f t="shared" si="79"/>
        <v>135</v>
      </c>
      <c r="C2536" s="498" t="s">
        <v>5368</v>
      </c>
      <c r="D2536" s="449" t="s">
        <v>5369</v>
      </c>
      <c r="E2536" s="510" t="s">
        <v>595</v>
      </c>
      <c r="F2536" s="522" t="s">
        <v>596</v>
      </c>
      <c r="G2536" s="450"/>
      <c r="H2536" s="451"/>
      <c r="I2536" s="451"/>
      <c r="J2536" s="144"/>
      <c r="K2536" s="517"/>
      <c r="L2536" s="455">
        <v>38362</v>
      </c>
      <c r="M2536" s="455"/>
      <c r="N2536" s="418" t="str">
        <f t="shared" si="78"/>
        <v/>
      </c>
    </row>
    <row r="2537" spans="1:14" ht="15.75">
      <c r="A2537" s="383"/>
      <c r="B2537" s="411">
        <f t="shared" si="79"/>
        <v>135</v>
      </c>
      <c r="C2537" s="498" t="s">
        <v>5370</v>
      </c>
      <c r="D2537" s="449" t="s">
        <v>5371</v>
      </c>
      <c r="E2537" s="510" t="s">
        <v>595</v>
      </c>
      <c r="F2537" s="522" t="s">
        <v>596</v>
      </c>
      <c r="G2537" s="450"/>
      <c r="H2537" s="451"/>
      <c r="I2537" s="451"/>
      <c r="J2537" s="144"/>
      <c r="K2537" s="517"/>
      <c r="L2537" s="455">
        <v>38362</v>
      </c>
      <c r="M2537" s="455"/>
      <c r="N2537" s="418" t="str">
        <f t="shared" si="78"/>
        <v/>
      </c>
    </row>
    <row r="2538" spans="1:14" ht="15.75">
      <c r="A2538" s="383"/>
      <c r="B2538" s="411">
        <f t="shared" si="79"/>
        <v>135</v>
      </c>
      <c r="C2538" s="498" t="s">
        <v>5372</v>
      </c>
      <c r="D2538" s="449" t="s">
        <v>5373</v>
      </c>
      <c r="E2538" s="510" t="s">
        <v>595</v>
      </c>
      <c r="F2538" s="522" t="s">
        <v>596</v>
      </c>
      <c r="G2538" s="450"/>
      <c r="H2538" s="451"/>
      <c r="I2538" s="451"/>
      <c r="J2538" s="144"/>
      <c r="K2538" s="517"/>
      <c r="L2538" s="455">
        <v>38362</v>
      </c>
      <c r="M2538" s="455"/>
      <c r="N2538" s="418" t="str">
        <f t="shared" si="78"/>
        <v/>
      </c>
    </row>
    <row r="2539" spans="1:14" ht="15.75">
      <c r="A2539" s="383"/>
      <c r="B2539" s="411">
        <f t="shared" si="79"/>
        <v>135</v>
      </c>
      <c r="C2539" s="498" t="s">
        <v>5374</v>
      </c>
      <c r="D2539" s="449" t="s">
        <v>5375</v>
      </c>
      <c r="E2539" s="510" t="s">
        <v>595</v>
      </c>
      <c r="F2539" s="522" t="s">
        <v>596</v>
      </c>
      <c r="G2539" s="450"/>
      <c r="H2539" s="451"/>
      <c r="I2539" s="451"/>
      <c r="J2539" s="144"/>
      <c r="K2539" s="517"/>
      <c r="L2539" s="455">
        <v>38362</v>
      </c>
      <c r="M2539" s="455"/>
      <c r="N2539" s="418" t="str">
        <f t="shared" si="78"/>
        <v/>
      </c>
    </row>
    <row r="2540" spans="1:14" ht="15.75">
      <c r="A2540" s="383"/>
      <c r="B2540" s="411">
        <f t="shared" si="79"/>
        <v>135</v>
      </c>
      <c r="C2540" s="498" t="s">
        <v>5376</v>
      </c>
      <c r="D2540" s="449" t="s">
        <v>5377</v>
      </c>
      <c r="E2540" s="510" t="s">
        <v>595</v>
      </c>
      <c r="F2540" s="522" t="s">
        <v>596</v>
      </c>
      <c r="G2540" s="450"/>
      <c r="H2540" s="451"/>
      <c r="I2540" s="451"/>
      <c r="J2540" s="144"/>
      <c r="K2540" s="517"/>
      <c r="L2540" s="455">
        <v>38362</v>
      </c>
      <c r="M2540" s="455"/>
      <c r="N2540" s="418" t="str">
        <f t="shared" si="78"/>
        <v/>
      </c>
    </row>
    <row r="2541" spans="1:14" ht="15.75">
      <c r="A2541" s="383"/>
      <c r="B2541" s="411">
        <f t="shared" si="79"/>
        <v>135</v>
      </c>
      <c r="C2541" s="498" t="s">
        <v>5378</v>
      </c>
      <c r="D2541" s="449" t="s">
        <v>5379</v>
      </c>
      <c r="E2541" s="510" t="s">
        <v>595</v>
      </c>
      <c r="F2541" s="522" t="s">
        <v>596</v>
      </c>
      <c r="G2541" s="450"/>
      <c r="H2541" s="451"/>
      <c r="I2541" s="451"/>
      <c r="J2541" s="144"/>
      <c r="K2541" s="517"/>
      <c r="L2541" s="455">
        <v>38362</v>
      </c>
      <c r="M2541" s="455"/>
      <c r="N2541" s="418" t="str">
        <f t="shared" si="78"/>
        <v/>
      </c>
    </row>
    <row r="2542" spans="1:14" ht="15.75">
      <c r="A2542" s="383"/>
      <c r="B2542" s="411">
        <f t="shared" si="79"/>
        <v>135</v>
      </c>
      <c r="C2542" s="498" t="s">
        <v>5380</v>
      </c>
      <c r="D2542" s="449" t="s">
        <v>5381</v>
      </c>
      <c r="E2542" s="510" t="s">
        <v>595</v>
      </c>
      <c r="F2542" s="522" t="s">
        <v>596</v>
      </c>
      <c r="G2542" s="450"/>
      <c r="H2542" s="451"/>
      <c r="I2542" s="451"/>
      <c r="J2542" s="144"/>
      <c r="K2542" s="517"/>
      <c r="L2542" s="455">
        <v>38362</v>
      </c>
      <c r="M2542" s="455"/>
      <c r="N2542" s="418" t="str">
        <f t="shared" si="78"/>
        <v/>
      </c>
    </row>
    <row r="2543" spans="1:14" ht="15.75">
      <c r="A2543" s="383"/>
      <c r="B2543" s="411">
        <f t="shared" si="79"/>
        <v>135</v>
      </c>
      <c r="C2543" s="498" t="s">
        <v>5382</v>
      </c>
      <c r="D2543" s="449" t="s">
        <v>5383</v>
      </c>
      <c r="E2543" s="510" t="s">
        <v>595</v>
      </c>
      <c r="F2543" s="522" t="s">
        <v>596</v>
      </c>
      <c r="G2543" s="450"/>
      <c r="H2543" s="451"/>
      <c r="I2543" s="451"/>
      <c r="J2543" s="144"/>
      <c r="K2543" s="517"/>
      <c r="L2543" s="455">
        <v>38362</v>
      </c>
      <c r="M2543" s="455"/>
      <c r="N2543" s="418" t="str">
        <f t="shared" si="78"/>
        <v/>
      </c>
    </row>
    <row r="2544" spans="1:14" ht="15.75">
      <c r="A2544" s="383"/>
      <c r="B2544" s="411">
        <f t="shared" si="79"/>
        <v>135</v>
      </c>
      <c r="C2544" s="498" t="s">
        <v>5382</v>
      </c>
      <c r="D2544" s="449" t="s">
        <v>5384</v>
      </c>
      <c r="E2544" s="510" t="s">
        <v>595</v>
      </c>
      <c r="F2544" s="522" t="s">
        <v>596</v>
      </c>
      <c r="G2544" s="450"/>
      <c r="H2544" s="451"/>
      <c r="I2544" s="451"/>
      <c r="J2544" s="144"/>
      <c r="K2544" s="517"/>
      <c r="L2544" s="455">
        <v>38362</v>
      </c>
      <c r="M2544" s="455"/>
      <c r="N2544" s="418" t="str">
        <f t="shared" si="78"/>
        <v/>
      </c>
    </row>
    <row r="2545" spans="1:14" ht="15.75">
      <c r="A2545" s="383"/>
      <c r="B2545" s="411">
        <f t="shared" si="79"/>
        <v>135</v>
      </c>
      <c r="C2545" s="498" t="s">
        <v>5385</v>
      </c>
      <c r="D2545" s="449" t="s">
        <v>5386</v>
      </c>
      <c r="E2545" s="510" t="s">
        <v>595</v>
      </c>
      <c r="F2545" s="522" t="s">
        <v>596</v>
      </c>
      <c r="G2545" s="450"/>
      <c r="H2545" s="451"/>
      <c r="I2545" s="451"/>
      <c r="J2545" s="144"/>
      <c r="K2545" s="517"/>
      <c r="L2545" s="455">
        <v>40940</v>
      </c>
      <c r="M2545" s="455"/>
      <c r="N2545" s="418" t="str">
        <f t="shared" si="78"/>
        <v/>
      </c>
    </row>
    <row r="2546" spans="1:14" ht="15.75">
      <c r="A2546" s="383"/>
      <c r="B2546" s="411">
        <f t="shared" si="79"/>
        <v>135</v>
      </c>
      <c r="C2546" s="440" t="s">
        <v>2376</v>
      </c>
      <c r="D2546" s="452" t="s">
        <v>2377</v>
      </c>
      <c r="E2546" s="452" t="s">
        <v>707</v>
      </c>
      <c r="F2546" s="449" t="s">
        <v>600</v>
      </c>
      <c r="G2546" s="450"/>
      <c r="H2546" s="451"/>
      <c r="I2546" s="451"/>
      <c r="J2546" s="144"/>
      <c r="K2546" s="517"/>
      <c r="L2546" s="455">
        <v>41671</v>
      </c>
      <c r="M2546" s="455"/>
      <c r="N2546" s="418" t="str">
        <f t="shared" si="78"/>
        <v>DUPLICATE</v>
      </c>
    </row>
    <row r="2547" spans="1:14" ht="15.75">
      <c r="A2547" s="383"/>
      <c r="B2547" s="411">
        <f t="shared" si="79"/>
        <v>135</v>
      </c>
      <c r="C2547" s="498" t="s">
        <v>5387</v>
      </c>
      <c r="D2547" s="449" t="s">
        <v>5388</v>
      </c>
      <c r="E2547" s="510" t="s">
        <v>595</v>
      </c>
      <c r="F2547" s="522" t="s">
        <v>596</v>
      </c>
      <c r="G2547" s="450"/>
      <c r="H2547" s="451"/>
      <c r="I2547" s="451"/>
      <c r="J2547" s="144"/>
      <c r="K2547" s="517"/>
      <c r="L2547" s="455">
        <v>38362</v>
      </c>
      <c r="M2547" s="455"/>
      <c r="N2547" s="418" t="str">
        <f t="shared" si="78"/>
        <v/>
      </c>
    </row>
    <row r="2548" spans="1:14" ht="31.5">
      <c r="A2548" s="727"/>
      <c r="B2548" s="411">
        <f t="shared" si="79"/>
        <v>135</v>
      </c>
      <c r="C2548" s="498" t="s">
        <v>936</v>
      </c>
      <c r="D2548" s="449" t="s">
        <v>937</v>
      </c>
      <c r="E2548" s="645" t="s">
        <v>595</v>
      </c>
      <c r="F2548" s="640" t="s">
        <v>652</v>
      </c>
      <c r="G2548" s="637"/>
      <c r="H2548" s="451"/>
      <c r="I2548" s="451"/>
      <c r="J2548" s="144"/>
      <c r="K2548" s="637" t="s">
        <v>26647</v>
      </c>
      <c r="L2548" s="541">
        <v>38362</v>
      </c>
      <c r="M2548" s="455">
        <v>40940</v>
      </c>
      <c r="N2548" s="418" t="str">
        <f t="shared" si="78"/>
        <v>DUPLICATE</v>
      </c>
    </row>
    <row r="2549" spans="1:14" ht="15.75">
      <c r="A2549" s="383"/>
      <c r="B2549" s="411">
        <f t="shared" si="79"/>
        <v>135</v>
      </c>
      <c r="C2549" s="498" t="s">
        <v>5389</v>
      </c>
      <c r="D2549" s="449" t="s">
        <v>5390</v>
      </c>
      <c r="E2549" s="510" t="s">
        <v>595</v>
      </c>
      <c r="F2549" s="522" t="s">
        <v>596</v>
      </c>
      <c r="G2549" s="450"/>
      <c r="H2549" s="451"/>
      <c r="I2549" s="451"/>
      <c r="J2549" s="144"/>
      <c r="K2549" s="517"/>
      <c r="L2549" s="455">
        <v>38362</v>
      </c>
      <c r="M2549" s="455"/>
      <c r="N2549" s="418" t="str">
        <f t="shared" si="78"/>
        <v/>
      </c>
    </row>
    <row r="2550" spans="1:14" ht="15.75">
      <c r="A2550" s="383"/>
      <c r="B2550" s="411">
        <f t="shared" si="79"/>
        <v>135</v>
      </c>
      <c r="C2550" s="498" t="s">
        <v>5391</v>
      </c>
      <c r="D2550" s="449" t="s">
        <v>5392</v>
      </c>
      <c r="E2550" s="510" t="s">
        <v>595</v>
      </c>
      <c r="F2550" s="522" t="s">
        <v>596</v>
      </c>
      <c r="G2550" s="450"/>
      <c r="H2550" s="451"/>
      <c r="I2550" s="451"/>
      <c r="J2550" s="144"/>
      <c r="K2550" s="517"/>
      <c r="L2550" s="455">
        <v>38362</v>
      </c>
      <c r="M2550" s="455"/>
      <c r="N2550" s="418" t="str">
        <f t="shared" si="78"/>
        <v/>
      </c>
    </row>
    <row r="2551" spans="1:14" ht="15.75">
      <c r="A2551" s="383"/>
      <c r="B2551" s="411">
        <f t="shared" si="79"/>
        <v>135</v>
      </c>
      <c r="C2551" s="498" t="s">
        <v>5393</v>
      </c>
      <c r="D2551" s="449" t="s">
        <v>5394</v>
      </c>
      <c r="E2551" s="510" t="s">
        <v>595</v>
      </c>
      <c r="F2551" s="522" t="s">
        <v>596</v>
      </c>
      <c r="G2551" s="450"/>
      <c r="H2551" s="451"/>
      <c r="I2551" s="451"/>
      <c r="J2551" s="144"/>
      <c r="K2551" s="517"/>
      <c r="L2551" s="455">
        <v>40940</v>
      </c>
      <c r="M2551" s="455"/>
      <c r="N2551" s="418" t="str">
        <f t="shared" si="78"/>
        <v/>
      </c>
    </row>
    <row r="2552" spans="1:14" ht="15.75">
      <c r="A2552" s="383"/>
      <c r="B2552" s="411">
        <f t="shared" si="79"/>
        <v>135</v>
      </c>
      <c r="C2552" s="498" t="s">
        <v>5395</v>
      </c>
      <c r="D2552" s="449" t="s">
        <v>5396</v>
      </c>
      <c r="E2552" s="510" t="s">
        <v>595</v>
      </c>
      <c r="F2552" s="522" t="s">
        <v>596</v>
      </c>
      <c r="G2552" s="450"/>
      <c r="H2552" s="451"/>
      <c r="I2552" s="451"/>
      <c r="J2552" s="144"/>
      <c r="K2552" s="517"/>
      <c r="L2552" s="455">
        <v>38362</v>
      </c>
      <c r="M2552" s="455"/>
      <c r="N2552" s="418" t="str">
        <f t="shared" si="78"/>
        <v/>
      </c>
    </row>
    <row r="2553" spans="1:14" ht="15.75">
      <c r="A2553" s="383"/>
      <c r="B2553" s="411">
        <f t="shared" si="79"/>
        <v>135</v>
      </c>
      <c r="C2553" s="498" t="s">
        <v>5397</v>
      </c>
      <c r="D2553" s="449" t="s">
        <v>5398</v>
      </c>
      <c r="E2553" s="510" t="s">
        <v>595</v>
      </c>
      <c r="F2553" s="522" t="s">
        <v>596</v>
      </c>
      <c r="G2553" s="450"/>
      <c r="H2553" s="451"/>
      <c r="I2553" s="451"/>
      <c r="J2553" s="144"/>
      <c r="K2553" s="517"/>
      <c r="L2553" s="455">
        <v>38362</v>
      </c>
      <c r="M2553" s="455"/>
      <c r="N2553" s="418" t="str">
        <f t="shared" si="78"/>
        <v/>
      </c>
    </row>
    <row r="2554" spans="1:14" ht="15.75">
      <c r="A2554" s="383"/>
      <c r="B2554" s="411">
        <f t="shared" si="79"/>
        <v>135</v>
      </c>
      <c r="C2554" s="498" t="s">
        <v>5399</v>
      </c>
      <c r="D2554" s="449" t="s">
        <v>5400</v>
      </c>
      <c r="E2554" s="510" t="s">
        <v>595</v>
      </c>
      <c r="F2554" s="522" t="s">
        <v>596</v>
      </c>
      <c r="G2554" s="450"/>
      <c r="H2554" s="451"/>
      <c r="I2554" s="451"/>
      <c r="J2554" s="144"/>
      <c r="K2554" s="517"/>
      <c r="L2554" s="455">
        <v>38362</v>
      </c>
      <c r="M2554" s="455"/>
      <c r="N2554" s="418" t="str">
        <f t="shared" si="78"/>
        <v/>
      </c>
    </row>
    <row r="2555" spans="1:14" ht="15.75">
      <c r="A2555" s="383"/>
      <c r="B2555" s="411">
        <f t="shared" si="79"/>
        <v>135</v>
      </c>
      <c r="C2555" s="498" t="s">
        <v>5401</v>
      </c>
      <c r="D2555" s="449" t="s">
        <v>5402</v>
      </c>
      <c r="E2555" s="510" t="s">
        <v>595</v>
      </c>
      <c r="F2555" s="522" t="s">
        <v>596</v>
      </c>
      <c r="G2555" s="450"/>
      <c r="H2555" s="451"/>
      <c r="I2555" s="451"/>
      <c r="J2555" s="144"/>
      <c r="K2555" s="517"/>
      <c r="L2555" s="455">
        <v>38362</v>
      </c>
      <c r="M2555" s="455"/>
      <c r="N2555" s="418" t="str">
        <f t="shared" si="78"/>
        <v/>
      </c>
    </row>
    <row r="2556" spans="1:14" ht="15.75">
      <c r="A2556" s="383"/>
      <c r="B2556" s="411">
        <f t="shared" si="79"/>
        <v>135</v>
      </c>
      <c r="C2556" s="498" t="s">
        <v>5403</v>
      </c>
      <c r="D2556" s="449" t="s">
        <v>5404</v>
      </c>
      <c r="E2556" s="510" t="s">
        <v>595</v>
      </c>
      <c r="F2556" s="522" t="s">
        <v>596</v>
      </c>
      <c r="G2556" s="450"/>
      <c r="H2556" s="451"/>
      <c r="I2556" s="451"/>
      <c r="J2556" s="144"/>
      <c r="K2556" s="517"/>
      <c r="L2556" s="455">
        <v>38362</v>
      </c>
      <c r="M2556" s="455"/>
      <c r="N2556" s="418" t="str">
        <f t="shared" si="78"/>
        <v/>
      </c>
    </row>
    <row r="2557" spans="1:14" ht="15.75">
      <c r="A2557" s="383"/>
      <c r="B2557" s="411">
        <f t="shared" si="79"/>
        <v>135</v>
      </c>
      <c r="C2557" s="498" t="s">
        <v>5405</v>
      </c>
      <c r="D2557" s="449" t="s">
        <v>5406</v>
      </c>
      <c r="E2557" s="510" t="s">
        <v>595</v>
      </c>
      <c r="F2557" s="522" t="s">
        <v>596</v>
      </c>
      <c r="G2557" s="450"/>
      <c r="H2557" s="451"/>
      <c r="I2557" s="451"/>
      <c r="J2557" s="144"/>
      <c r="K2557" s="517"/>
      <c r="L2557" s="455">
        <v>38362</v>
      </c>
      <c r="M2557" s="455"/>
      <c r="N2557" s="418" t="str">
        <f t="shared" si="78"/>
        <v/>
      </c>
    </row>
    <row r="2558" spans="1:14" ht="15.75">
      <c r="A2558" s="383"/>
      <c r="B2558" s="411">
        <f t="shared" si="79"/>
        <v>135</v>
      </c>
      <c r="C2558" s="498" t="s">
        <v>26648</v>
      </c>
      <c r="D2558" s="449" t="s">
        <v>26649</v>
      </c>
      <c r="E2558" s="510" t="s">
        <v>595</v>
      </c>
      <c r="F2558" s="522" t="s">
        <v>596</v>
      </c>
      <c r="G2558" s="450"/>
      <c r="H2558" s="451"/>
      <c r="I2558" s="451"/>
      <c r="J2558" s="144"/>
      <c r="K2558" s="517"/>
      <c r="L2558" s="455">
        <v>43497</v>
      </c>
      <c r="M2558" s="455"/>
      <c r="N2558" s="418" t="str">
        <f t="shared" si="78"/>
        <v/>
      </c>
    </row>
    <row r="2559" spans="1:14" ht="15.75">
      <c r="A2559" s="383"/>
      <c r="B2559" s="411">
        <f t="shared" si="79"/>
        <v>135</v>
      </c>
      <c r="C2559" s="498" t="s">
        <v>5407</v>
      </c>
      <c r="D2559" s="449" t="s">
        <v>5408</v>
      </c>
      <c r="E2559" s="510" t="s">
        <v>595</v>
      </c>
      <c r="F2559" s="522" t="s">
        <v>596</v>
      </c>
      <c r="G2559" s="450"/>
      <c r="H2559" s="451"/>
      <c r="I2559" s="451"/>
      <c r="J2559" s="144"/>
      <c r="K2559" s="517"/>
      <c r="L2559" s="455">
        <v>38362</v>
      </c>
      <c r="M2559" s="455"/>
      <c r="N2559" s="418" t="str">
        <f t="shared" si="78"/>
        <v/>
      </c>
    </row>
    <row r="2560" spans="1:14" ht="15.75">
      <c r="A2560" s="383"/>
      <c r="B2560" s="411">
        <f t="shared" si="79"/>
        <v>135</v>
      </c>
      <c r="C2560" s="498" t="s">
        <v>5407</v>
      </c>
      <c r="D2560" s="449" t="s">
        <v>5409</v>
      </c>
      <c r="E2560" s="510" t="s">
        <v>595</v>
      </c>
      <c r="F2560" s="522" t="s">
        <v>596</v>
      </c>
      <c r="G2560" s="450"/>
      <c r="H2560" s="451"/>
      <c r="I2560" s="451"/>
      <c r="J2560" s="144"/>
      <c r="K2560" s="517"/>
      <c r="L2560" s="455">
        <v>38362</v>
      </c>
      <c r="M2560" s="455"/>
      <c r="N2560" s="418" t="str">
        <f t="shared" si="78"/>
        <v/>
      </c>
    </row>
    <row r="2561" spans="1:14" ht="15.75">
      <c r="A2561" s="383"/>
      <c r="B2561" s="411">
        <f t="shared" si="79"/>
        <v>135</v>
      </c>
      <c r="C2561" s="498" t="s">
        <v>5407</v>
      </c>
      <c r="D2561" s="449" t="s">
        <v>5410</v>
      </c>
      <c r="E2561" s="510" t="s">
        <v>595</v>
      </c>
      <c r="F2561" s="522" t="s">
        <v>596</v>
      </c>
      <c r="G2561" s="450"/>
      <c r="H2561" s="451"/>
      <c r="I2561" s="451"/>
      <c r="J2561" s="144"/>
      <c r="K2561" s="517"/>
      <c r="L2561" s="455">
        <v>38362</v>
      </c>
      <c r="M2561" s="455"/>
      <c r="N2561" s="418" t="str">
        <f t="shared" si="78"/>
        <v/>
      </c>
    </row>
    <row r="2562" spans="1:14" ht="15.75">
      <c r="A2562" s="383"/>
      <c r="B2562" s="411">
        <f t="shared" si="79"/>
        <v>135</v>
      </c>
      <c r="C2562" s="498" t="s">
        <v>5411</v>
      </c>
      <c r="D2562" s="449" t="s">
        <v>5412</v>
      </c>
      <c r="E2562" s="510" t="s">
        <v>595</v>
      </c>
      <c r="F2562" s="522" t="s">
        <v>596</v>
      </c>
      <c r="G2562" s="450"/>
      <c r="H2562" s="451"/>
      <c r="I2562" s="451"/>
      <c r="J2562" s="144"/>
      <c r="K2562" s="517"/>
      <c r="L2562" s="455">
        <v>38362</v>
      </c>
      <c r="M2562" s="455"/>
      <c r="N2562" s="418" t="str">
        <f t="shared" si="78"/>
        <v/>
      </c>
    </row>
    <row r="2563" spans="1:14" ht="15.75">
      <c r="A2563" s="383"/>
      <c r="B2563" s="411">
        <f t="shared" si="79"/>
        <v>135</v>
      </c>
      <c r="C2563" s="498" t="s">
        <v>5413</v>
      </c>
      <c r="D2563" s="449" t="s">
        <v>5414</v>
      </c>
      <c r="E2563" s="510" t="s">
        <v>595</v>
      </c>
      <c r="F2563" s="522" t="s">
        <v>596</v>
      </c>
      <c r="G2563" s="450"/>
      <c r="H2563" s="451"/>
      <c r="I2563" s="451"/>
      <c r="J2563" s="144"/>
      <c r="K2563" s="517"/>
      <c r="L2563" s="455">
        <v>38362</v>
      </c>
      <c r="M2563" s="455"/>
      <c r="N2563" s="418" t="str">
        <f t="shared" si="78"/>
        <v/>
      </c>
    </row>
    <row r="2564" spans="1:14" ht="15.75">
      <c r="A2564" s="383"/>
      <c r="B2564" s="411">
        <f t="shared" si="79"/>
        <v>135</v>
      </c>
      <c r="C2564" s="498" t="s">
        <v>5415</v>
      </c>
      <c r="D2564" s="449" t="s">
        <v>5416</v>
      </c>
      <c r="E2564" s="510" t="s">
        <v>595</v>
      </c>
      <c r="F2564" s="522" t="s">
        <v>596</v>
      </c>
      <c r="G2564" s="450"/>
      <c r="H2564" s="451"/>
      <c r="I2564" s="451"/>
      <c r="J2564" s="144"/>
      <c r="K2564" s="517"/>
      <c r="L2564" s="455">
        <v>38362</v>
      </c>
      <c r="M2564" s="455"/>
      <c r="N2564" s="418" t="str">
        <f t="shared" si="78"/>
        <v/>
      </c>
    </row>
    <row r="2565" spans="1:14" ht="15.75">
      <c r="A2565" s="383"/>
      <c r="B2565" s="411">
        <f t="shared" si="79"/>
        <v>135</v>
      </c>
      <c r="C2565" s="498" t="s">
        <v>5417</v>
      </c>
      <c r="D2565" s="449" t="s">
        <v>5418</v>
      </c>
      <c r="E2565" s="510" t="s">
        <v>595</v>
      </c>
      <c r="F2565" s="522" t="s">
        <v>596</v>
      </c>
      <c r="G2565" s="450"/>
      <c r="H2565" s="451"/>
      <c r="I2565" s="451"/>
      <c r="J2565" s="144"/>
      <c r="K2565" s="517"/>
      <c r="L2565" s="455">
        <v>38362</v>
      </c>
      <c r="M2565" s="455"/>
      <c r="N2565" s="418" t="str">
        <f t="shared" si="78"/>
        <v/>
      </c>
    </row>
    <row r="2566" spans="1:14" ht="15.75">
      <c r="A2566" s="383"/>
      <c r="B2566" s="411">
        <f t="shared" si="79"/>
        <v>135</v>
      </c>
      <c r="C2566" s="498" t="s">
        <v>5419</v>
      </c>
      <c r="D2566" s="449" t="s">
        <v>5420</v>
      </c>
      <c r="E2566" s="510" t="s">
        <v>595</v>
      </c>
      <c r="F2566" s="522" t="s">
        <v>596</v>
      </c>
      <c r="G2566" s="450"/>
      <c r="H2566" s="451"/>
      <c r="I2566" s="451"/>
      <c r="J2566" s="144"/>
      <c r="K2566" s="517"/>
      <c r="L2566" s="455">
        <v>38362</v>
      </c>
      <c r="M2566" s="455"/>
      <c r="N2566" s="418" t="str">
        <f t="shared" si="78"/>
        <v>DUPLICATE</v>
      </c>
    </row>
    <row r="2567" spans="1:14" ht="15.75">
      <c r="A2567" s="383"/>
      <c r="B2567" s="411">
        <f t="shared" si="79"/>
        <v>135</v>
      </c>
      <c r="C2567" s="498" t="s">
        <v>5421</v>
      </c>
      <c r="D2567" s="449" t="s">
        <v>5422</v>
      </c>
      <c r="E2567" s="510" t="s">
        <v>595</v>
      </c>
      <c r="F2567" s="522" t="s">
        <v>596</v>
      </c>
      <c r="G2567" s="450"/>
      <c r="H2567" s="451"/>
      <c r="I2567" s="451"/>
      <c r="J2567" s="144"/>
      <c r="K2567" s="517"/>
      <c r="L2567" s="455">
        <v>38362</v>
      </c>
      <c r="M2567" s="455"/>
      <c r="N2567" s="418" t="str">
        <f t="shared" si="78"/>
        <v/>
      </c>
    </row>
    <row r="2568" spans="1:14" ht="15.75">
      <c r="A2568" s="383"/>
      <c r="B2568" s="411">
        <f t="shared" si="79"/>
        <v>135</v>
      </c>
      <c r="C2568" s="498" t="s">
        <v>5421</v>
      </c>
      <c r="D2568" s="449" t="s">
        <v>5423</v>
      </c>
      <c r="E2568" s="510" t="s">
        <v>595</v>
      </c>
      <c r="F2568" s="522" t="s">
        <v>596</v>
      </c>
      <c r="G2568" s="450"/>
      <c r="H2568" s="451"/>
      <c r="I2568" s="451"/>
      <c r="J2568" s="144"/>
      <c r="K2568" s="517"/>
      <c r="L2568" s="455">
        <v>38362</v>
      </c>
      <c r="M2568" s="455"/>
      <c r="N2568" s="418" t="str">
        <f t="shared" si="78"/>
        <v/>
      </c>
    </row>
    <row r="2569" spans="1:14" ht="15.75">
      <c r="A2569" s="383"/>
      <c r="B2569" s="411">
        <f t="shared" si="79"/>
        <v>135</v>
      </c>
      <c r="C2569" s="498" t="s">
        <v>5424</v>
      </c>
      <c r="D2569" s="449" t="s">
        <v>5425</v>
      </c>
      <c r="E2569" s="510" t="s">
        <v>595</v>
      </c>
      <c r="F2569" s="522" t="s">
        <v>596</v>
      </c>
      <c r="G2569" s="450"/>
      <c r="H2569" s="451"/>
      <c r="I2569" s="451"/>
      <c r="J2569" s="144"/>
      <c r="K2569" s="517"/>
      <c r="L2569" s="455">
        <v>38362</v>
      </c>
      <c r="M2569" s="455"/>
      <c r="N2569" s="418" t="str">
        <f t="shared" si="78"/>
        <v/>
      </c>
    </row>
    <row r="2570" spans="1:14" ht="15.75">
      <c r="A2570" s="383"/>
      <c r="B2570" s="411">
        <f t="shared" si="79"/>
        <v>135</v>
      </c>
      <c r="C2570" s="498" t="s">
        <v>5426</v>
      </c>
      <c r="D2570" s="449" t="s">
        <v>5427</v>
      </c>
      <c r="E2570" s="510" t="s">
        <v>595</v>
      </c>
      <c r="F2570" s="522" t="s">
        <v>596</v>
      </c>
      <c r="G2570" s="450"/>
      <c r="H2570" s="451"/>
      <c r="I2570" s="451"/>
      <c r="J2570" s="144"/>
      <c r="K2570" s="517"/>
      <c r="L2570" s="455">
        <v>38362</v>
      </c>
      <c r="M2570" s="455"/>
      <c r="N2570" s="418" t="str">
        <f t="shared" ref="N2570:N2633" si="80">IF(D2570="NA","",IF(COUNTIF($D$2:$D$5552,D2570)&gt;1,"DUPLICATE",""))</f>
        <v/>
      </c>
    </row>
    <row r="2571" spans="1:14" ht="78.75">
      <c r="A2571" s="383"/>
      <c r="B2571" s="411">
        <f t="shared" si="79"/>
        <v>135</v>
      </c>
      <c r="C2571" s="498" t="s">
        <v>5428</v>
      </c>
      <c r="D2571" s="449" t="s">
        <v>5429</v>
      </c>
      <c r="E2571" s="510" t="s">
        <v>595</v>
      </c>
      <c r="F2571" s="522" t="s">
        <v>652</v>
      </c>
      <c r="G2571" s="450" t="s">
        <v>1365</v>
      </c>
      <c r="H2571" s="451"/>
      <c r="I2571" s="451"/>
      <c r="J2571" s="144"/>
      <c r="K2571" s="517"/>
      <c r="L2571" s="455">
        <v>38362</v>
      </c>
      <c r="M2571" s="455">
        <v>41671</v>
      </c>
      <c r="N2571" s="418" t="str">
        <f t="shared" si="80"/>
        <v>DUPLICATE</v>
      </c>
    </row>
    <row r="2572" spans="1:14" ht="15.75">
      <c r="A2572" s="383"/>
      <c r="B2572" s="411">
        <f t="shared" si="79"/>
        <v>135</v>
      </c>
      <c r="C2572" s="498" t="s">
        <v>5430</v>
      </c>
      <c r="D2572" s="449" t="s">
        <v>5431</v>
      </c>
      <c r="E2572" s="510" t="s">
        <v>595</v>
      </c>
      <c r="F2572" s="522" t="s">
        <v>596</v>
      </c>
      <c r="G2572" s="450"/>
      <c r="H2572" s="451"/>
      <c r="I2572" s="451"/>
      <c r="J2572" s="144"/>
      <c r="K2572" s="517"/>
      <c r="L2572" s="455">
        <v>38362</v>
      </c>
      <c r="M2572" s="455"/>
      <c r="N2572" s="418" t="str">
        <f t="shared" si="80"/>
        <v/>
      </c>
    </row>
    <row r="2573" spans="1:14" ht="15.75">
      <c r="A2573" s="383"/>
      <c r="B2573" s="411">
        <f t="shared" si="79"/>
        <v>135</v>
      </c>
      <c r="C2573" s="498" t="s">
        <v>5432</v>
      </c>
      <c r="D2573" s="449" t="s">
        <v>5433</v>
      </c>
      <c r="E2573" s="510" t="s">
        <v>595</v>
      </c>
      <c r="F2573" s="522" t="s">
        <v>596</v>
      </c>
      <c r="G2573" s="450"/>
      <c r="H2573" s="451"/>
      <c r="I2573" s="451"/>
      <c r="J2573" s="144"/>
      <c r="K2573" s="517"/>
      <c r="L2573" s="455">
        <v>38362</v>
      </c>
      <c r="M2573" s="455"/>
      <c r="N2573" s="418" t="str">
        <f t="shared" si="80"/>
        <v/>
      </c>
    </row>
    <row r="2574" spans="1:14" ht="15.75">
      <c r="A2574" s="383"/>
      <c r="B2574" s="411">
        <f t="shared" si="79"/>
        <v>135</v>
      </c>
      <c r="C2574" s="498" t="s">
        <v>5434</v>
      </c>
      <c r="D2574" s="449" t="s">
        <v>5435</v>
      </c>
      <c r="E2574" s="510" t="s">
        <v>595</v>
      </c>
      <c r="F2574" s="522" t="s">
        <v>596</v>
      </c>
      <c r="G2574" s="450"/>
      <c r="H2574" s="451"/>
      <c r="I2574" s="451"/>
      <c r="J2574" s="144"/>
      <c r="K2574" s="517"/>
      <c r="L2574" s="455">
        <v>38362</v>
      </c>
      <c r="M2574" s="455"/>
      <c r="N2574" s="418" t="str">
        <f t="shared" si="80"/>
        <v>DUPLICATE</v>
      </c>
    </row>
    <row r="2575" spans="1:14" ht="15.75">
      <c r="A2575" s="383"/>
      <c r="B2575" s="411">
        <f t="shared" si="79"/>
        <v>135</v>
      </c>
      <c r="C2575" s="498" t="s">
        <v>5436</v>
      </c>
      <c r="D2575" s="449" t="s">
        <v>5437</v>
      </c>
      <c r="E2575" s="510" t="s">
        <v>595</v>
      </c>
      <c r="F2575" s="522" t="s">
        <v>596</v>
      </c>
      <c r="G2575" s="450"/>
      <c r="H2575" s="451"/>
      <c r="I2575" s="451"/>
      <c r="J2575" s="144"/>
      <c r="K2575" s="517"/>
      <c r="L2575" s="455">
        <v>38362</v>
      </c>
      <c r="M2575" s="455"/>
      <c r="N2575" s="418" t="str">
        <f t="shared" si="80"/>
        <v>DUPLICATE</v>
      </c>
    </row>
    <row r="2576" spans="1:14" ht="15.75">
      <c r="A2576" s="383"/>
      <c r="B2576" s="411">
        <f t="shared" si="79"/>
        <v>135</v>
      </c>
      <c r="C2576" s="498" t="s">
        <v>5438</v>
      </c>
      <c r="D2576" s="449" t="s">
        <v>5439</v>
      </c>
      <c r="E2576" s="510" t="s">
        <v>595</v>
      </c>
      <c r="F2576" s="522" t="s">
        <v>596</v>
      </c>
      <c r="G2576" s="450"/>
      <c r="H2576" s="451"/>
      <c r="I2576" s="451"/>
      <c r="J2576" s="144"/>
      <c r="K2576" s="517"/>
      <c r="L2576" s="455">
        <v>38362</v>
      </c>
      <c r="M2576" s="455"/>
      <c r="N2576" s="418" t="str">
        <f t="shared" si="80"/>
        <v/>
      </c>
    </row>
    <row r="2577" spans="1:14" ht="15.75">
      <c r="A2577" s="383"/>
      <c r="B2577" s="411">
        <f t="shared" si="79"/>
        <v>135</v>
      </c>
      <c r="C2577" s="498" t="s">
        <v>5440</v>
      </c>
      <c r="D2577" s="449" t="s">
        <v>5441</v>
      </c>
      <c r="E2577" s="510" t="s">
        <v>595</v>
      </c>
      <c r="F2577" s="522" t="s">
        <v>596</v>
      </c>
      <c r="G2577" s="450"/>
      <c r="H2577" s="451"/>
      <c r="I2577" s="451"/>
      <c r="J2577" s="144"/>
      <c r="K2577" s="517"/>
      <c r="L2577" s="455">
        <v>38362</v>
      </c>
      <c r="M2577" s="455"/>
      <c r="N2577" s="418" t="str">
        <f t="shared" si="80"/>
        <v/>
      </c>
    </row>
    <row r="2578" spans="1:14" ht="15.75">
      <c r="A2578" s="383"/>
      <c r="B2578" s="411">
        <f t="shared" si="79"/>
        <v>135</v>
      </c>
      <c r="C2578" s="498" t="s">
        <v>5442</v>
      </c>
      <c r="D2578" s="449" t="s">
        <v>5443</v>
      </c>
      <c r="E2578" s="510" t="s">
        <v>595</v>
      </c>
      <c r="F2578" s="522" t="s">
        <v>596</v>
      </c>
      <c r="G2578" s="450"/>
      <c r="H2578" s="451"/>
      <c r="I2578" s="451"/>
      <c r="J2578" s="144"/>
      <c r="K2578" s="517"/>
      <c r="L2578" s="455">
        <v>38362</v>
      </c>
      <c r="M2578" s="455"/>
      <c r="N2578" s="418" t="str">
        <f t="shared" si="80"/>
        <v/>
      </c>
    </row>
    <row r="2579" spans="1:14" ht="15.75">
      <c r="A2579" s="383"/>
      <c r="B2579" s="411">
        <f t="shared" si="79"/>
        <v>135</v>
      </c>
      <c r="C2579" s="498" t="s">
        <v>5444</v>
      </c>
      <c r="D2579" s="449" t="s">
        <v>5445</v>
      </c>
      <c r="E2579" s="510" t="s">
        <v>595</v>
      </c>
      <c r="F2579" s="522" t="s">
        <v>596</v>
      </c>
      <c r="G2579" s="450"/>
      <c r="H2579" s="451"/>
      <c r="I2579" s="451"/>
      <c r="J2579" s="144"/>
      <c r="K2579" s="517"/>
      <c r="L2579" s="455">
        <v>38362</v>
      </c>
      <c r="M2579" s="455"/>
      <c r="N2579" s="418" t="str">
        <f t="shared" si="80"/>
        <v/>
      </c>
    </row>
    <row r="2580" spans="1:14" ht="15.75">
      <c r="A2580" s="383"/>
      <c r="B2580" s="411">
        <f t="shared" si="79"/>
        <v>135</v>
      </c>
      <c r="C2580" s="498" t="s">
        <v>5446</v>
      </c>
      <c r="D2580" s="449" t="s">
        <v>5447</v>
      </c>
      <c r="E2580" s="510" t="s">
        <v>595</v>
      </c>
      <c r="F2580" s="522" t="s">
        <v>596</v>
      </c>
      <c r="G2580" s="450"/>
      <c r="H2580" s="451"/>
      <c r="I2580" s="451"/>
      <c r="J2580" s="144"/>
      <c r="K2580" s="517"/>
      <c r="L2580" s="455">
        <v>38362</v>
      </c>
      <c r="M2580" s="455"/>
      <c r="N2580" s="418" t="str">
        <f t="shared" si="80"/>
        <v/>
      </c>
    </row>
    <row r="2581" spans="1:14" ht="15.75">
      <c r="A2581" s="383"/>
      <c r="B2581" s="411">
        <f t="shared" si="79"/>
        <v>135</v>
      </c>
      <c r="C2581" s="498" t="s">
        <v>5448</v>
      </c>
      <c r="D2581" s="449" t="s">
        <v>5449</v>
      </c>
      <c r="E2581" s="510" t="s">
        <v>595</v>
      </c>
      <c r="F2581" s="522" t="s">
        <v>596</v>
      </c>
      <c r="G2581" s="450"/>
      <c r="H2581" s="451"/>
      <c r="I2581" s="451"/>
      <c r="J2581" s="144"/>
      <c r="K2581" s="517"/>
      <c r="L2581" s="455">
        <v>38362</v>
      </c>
      <c r="M2581" s="455"/>
      <c r="N2581" s="418" t="str">
        <f t="shared" si="80"/>
        <v/>
      </c>
    </row>
    <row r="2582" spans="1:14" ht="15.75">
      <c r="A2582" s="383"/>
      <c r="B2582" s="411">
        <f t="shared" si="79"/>
        <v>135</v>
      </c>
      <c r="C2582" s="498" t="s">
        <v>5450</v>
      </c>
      <c r="D2582" s="449" t="s">
        <v>5451</v>
      </c>
      <c r="E2582" s="510" t="s">
        <v>595</v>
      </c>
      <c r="F2582" s="522" t="s">
        <v>596</v>
      </c>
      <c r="G2582" s="450"/>
      <c r="H2582" s="451"/>
      <c r="I2582" s="451"/>
      <c r="J2582" s="144"/>
      <c r="K2582" s="517"/>
      <c r="L2582" s="455">
        <v>38362</v>
      </c>
      <c r="M2582" s="455"/>
      <c r="N2582" s="418" t="str">
        <f t="shared" si="80"/>
        <v/>
      </c>
    </row>
    <row r="2583" spans="1:14" ht="15.75">
      <c r="A2583" s="383"/>
      <c r="B2583" s="411">
        <f t="shared" si="79"/>
        <v>135</v>
      </c>
      <c r="C2583" s="498" t="s">
        <v>5452</v>
      </c>
      <c r="D2583" s="449" t="s">
        <v>5453</v>
      </c>
      <c r="E2583" s="510" t="s">
        <v>595</v>
      </c>
      <c r="F2583" s="522" t="s">
        <v>596</v>
      </c>
      <c r="G2583" s="450"/>
      <c r="H2583" s="451"/>
      <c r="I2583" s="451"/>
      <c r="J2583" s="144"/>
      <c r="K2583" s="517"/>
      <c r="L2583" s="455">
        <v>38362</v>
      </c>
      <c r="M2583" s="455"/>
      <c r="N2583" s="418" t="str">
        <f t="shared" si="80"/>
        <v/>
      </c>
    </row>
    <row r="2584" spans="1:14" ht="15.75">
      <c r="A2584" s="383"/>
      <c r="B2584" s="411">
        <f t="shared" si="79"/>
        <v>135</v>
      </c>
      <c r="C2584" s="498" t="s">
        <v>5454</v>
      </c>
      <c r="D2584" s="449" t="s">
        <v>5455</v>
      </c>
      <c r="E2584" s="510" t="s">
        <v>595</v>
      </c>
      <c r="F2584" s="522" t="s">
        <v>596</v>
      </c>
      <c r="G2584" s="450"/>
      <c r="H2584" s="451"/>
      <c r="I2584" s="451"/>
      <c r="J2584" s="144"/>
      <c r="K2584" s="517"/>
      <c r="L2584" s="455">
        <v>38362</v>
      </c>
      <c r="M2584" s="455"/>
      <c r="N2584" s="418" t="str">
        <f t="shared" si="80"/>
        <v/>
      </c>
    </row>
    <row r="2585" spans="1:14" ht="15.75">
      <c r="A2585" s="383"/>
      <c r="B2585" s="411">
        <f t="shared" si="79"/>
        <v>135</v>
      </c>
      <c r="C2585" s="498" t="s">
        <v>5456</v>
      </c>
      <c r="D2585" s="449" t="s">
        <v>5457</v>
      </c>
      <c r="E2585" s="510" t="s">
        <v>595</v>
      </c>
      <c r="F2585" s="522" t="s">
        <v>596</v>
      </c>
      <c r="G2585" s="450"/>
      <c r="H2585" s="451"/>
      <c r="I2585" s="451"/>
      <c r="J2585" s="144"/>
      <c r="K2585" s="517"/>
      <c r="L2585" s="455">
        <v>38362</v>
      </c>
      <c r="M2585" s="455"/>
      <c r="N2585" s="418" t="str">
        <f t="shared" si="80"/>
        <v/>
      </c>
    </row>
    <row r="2586" spans="1:14" ht="15.75">
      <c r="A2586" s="383"/>
      <c r="B2586" s="411">
        <f t="shared" ref="B2586:B2649" si="81">IF(A2586&gt;0,A2586,B2585)</f>
        <v>135</v>
      </c>
      <c r="C2586" s="498" t="s">
        <v>5456</v>
      </c>
      <c r="D2586" s="449" t="s">
        <v>5458</v>
      </c>
      <c r="E2586" s="510" t="s">
        <v>595</v>
      </c>
      <c r="F2586" s="522" t="s">
        <v>596</v>
      </c>
      <c r="G2586" s="450"/>
      <c r="H2586" s="451"/>
      <c r="I2586" s="451"/>
      <c r="J2586" s="144"/>
      <c r="K2586" s="517"/>
      <c r="L2586" s="455">
        <v>38362</v>
      </c>
      <c r="M2586" s="455"/>
      <c r="N2586" s="418" t="str">
        <f t="shared" si="80"/>
        <v/>
      </c>
    </row>
    <row r="2587" spans="1:14" ht="15.75">
      <c r="A2587" s="383"/>
      <c r="B2587" s="411">
        <f t="shared" si="81"/>
        <v>135</v>
      </c>
      <c r="C2587" s="498" t="s">
        <v>5459</v>
      </c>
      <c r="D2587" s="449" t="s">
        <v>5460</v>
      </c>
      <c r="E2587" s="510" t="s">
        <v>595</v>
      </c>
      <c r="F2587" s="522" t="s">
        <v>596</v>
      </c>
      <c r="G2587" s="450"/>
      <c r="H2587" s="451"/>
      <c r="I2587" s="451"/>
      <c r="J2587" s="144"/>
      <c r="K2587" s="517"/>
      <c r="L2587" s="455">
        <v>38362</v>
      </c>
      <c r="M2587" s="455"/>
      <c r="N2587" s="418" t="str">
        <f t="shared" si="80"/>
        <v/>
      </c>
    </row>
    <row r="2588" spans="1:14" ht="15.75">
      <c r="A2588" s="383"/>
      <c r="B2588" s="411">
        <f t="shared" si="81"/>
        <v>135</v>
      </c>
      <c r="C2588" s="498" t="s">
        <v>5461</v>
      </c>
      <c r="D2588" s="449" t="s">
        <v>5462</v>
      </c>
      <c r="E2588" s="510" t="s">
        <v>595</v>
      </c>
      <c r="F2588" s="522" t="s">
        <v>596</v>
      </c>
      <c r="G2588" s="450"/>
      <c r="H2588" s="451"/>
      <c r="I2588" s="451"/>
      <c r="J2588" s="144"/>
      <c r="K2588" s="517"/>
      <c r="L2588" s="455">
        <v>38362</v>
      </c>
      <c r="M2588" s="455"/>
      <c r="N2588" s="418" t="str">
        <f t="shared" si="80"/>
        <v/>
      </c>
    </row>
    <row r="2589" spans="1:14" ht="15.75">
      <c r="A2589" s="383"/>
      <c r="B2589" s="411">
        <f t="shared" si="81"/>
        <v>135</v>
      </c>
      <c r="C2589" s="498" t="s">
        <v>5463</v>
      </c>
      <c r="D2589" s="449" t="s">
        <v>5464</v>
      </c>
      <c r="E2589" s="510" t="s">
        <v>595</v>
      </c>
      <c r="F2589" s="522" t="s">
        <v>596</v>
      </c>
      <c r="G2589" s="450"/>
      <c r="H2589" s="451"/>
      <c r="I2589" s="451"/>
      <c r="J2589" s="144"/>
      <c r="K2589" s="517"/>
      <c r="L2589" s="455">
        <v>38362</v>
      </c>
      <c r="M2589" s="455"/>
      <c r="N2589" s="418" t="str">
        <f t="shared" si="80"/>
        <v/>
      </c>
    </row>
    <row r="2590" spans="1:14" ht="42.75">
      <c r="A2590" s="383"/>
      <c r="B2590" s="411">
        <f t="shared" si="81"/>
        <v>135</v>
      </c>
      <c r="C2590" s="498" t="s">
        <v>5465</v>
      </c>
      <c r="D2590" s="449" t="s">
        <v>5466</v>
      </c>
      <c r="E2590" s="452" t="s">
        <v>595</v>
      </c>
      <c r="F2590" s="449" t="s">
        <v>596</v>
      </c>
      <c r="G2590" s="450"/>
      <c r="H2590" s="451"/>
      <c r="I2590" s="451"/>
      <c r="J2590" s="144"/>
      <c r="K2590" s="517"/>
      <c r="L2590" s="455">
        <v>38362</v>
      </c>
      <c r="M2590" s="455"/>
      <c r="N2590" s="418" t="str">
        <f t="shared" si="80"/>
        <v/>
      </c>
    </row>
    <row r="2591" spans="1:14" ht="15.75">
      <c r="A2591" s="383"/>
      <c r="B2591" s="411">
        <f t="shared" si="81"/>
        <v>135</v>
      </c>
      <c r="C2591" s="498" t="s">
        <v>5467</v>
      </c>
      <c r="D2591" s="449" t="s">
        <v>5468</v>
      </c>
      <c r="E2591" s="510" t="s">
        <v>595</v>
      </c>
      <c r="F2591" s="522" t="s">
        <v>596</v>
      </c>
      <c r="G2591" s="450"/>
      <c r="H2591" s="451"/>
      <c r="I2591" s="451"/>
      <c r="J2591" s="144"/>
      <c r="K2591" s="517"/>
      <c r="L2591" s="455">
        <v>38362</v>
      </c>
      <c r="M2591" s="455"/>
      <c r="N2591" s="418" t="str">
        <f t="shared" si="80"/>
        <v/>
      </c>
    </row>
    <row r="2592" spans="1:14" ht="15.75">
      <c r="A2592" s="383"/>
      <c r="B2592" s="411">
        <f t="shared" si="81"/>
        <v>135</v>
      </c>
      <c r="C2592" s="498" t="s">
        <v>5469</v>
      </c>
      <c r="D2592" s="449" t="s">
        <v>5470</v>
      </c>
      <c r="E2592" s="510" t="s">
        <v>595</v>
      </c>
      <c r="F2592" s="522" t="s">
        <v>596</v>
      </c>
      <c r="G2592" s="450"/>
      <c r="H2592" s="451"/>
      <c r="I2592" s="451"/>
      <c r="J2592" s="144"/>
      <c r="K2592" s="517"/>
      <c r="L2592" s="455">
        <v>38362</v>
      </c>
      <c r="M2592" s="455"/>
      <c r="N2592" s="418" t="str">
        <f t="shared" si="80"/>
        <v/>
      </c>
    </row>
    <row r="2593" spans="1:14" ht="15.75">
      <c r="A2593" s="383"/>
      <c r="B2593" s="411">
        <f t="shared" si="81"/>
        <v>135</v>
      </c>
      <c r="C2593" s="498" t="s">
        <v>5471</v>
      </c>
      <c r="D2593" s="449" t="s">
        <v>5472</v>
      </c>
      <c r="E2593" s="510" t="s">
        <v>595</v>
      </c>
      <c r="F2593" s="522" t="s">
        <v>596</v>
      </c>
      <c r="G2593" s="450"/>
      <c r="H2593" s="451"/>
      <c r="I2593" s="451"/>
      <c r="J2593" s="144"/>
      <c r="K2593" s="517"/>
      <c r="L2593" s="455">
        <v>38362</v>
      </c>
      <c r="M2593" s="455"/>
      <c r="N2593" s="418" t="str">
        <f t="shared" si="80"/>
        <v/>
      </c>
    </row>
    <row r="2594" spans="1:14" ht="15.75">
      <c r="A2594" s="383"/>
      <c r="B2594" s="411">
        <f t="shared" si="81"/>
        <v>135</v>
      </c>
      <c r="C2594" s="498" t="s">
        <v>5473</v>
      </c>
      <c r="D2594" s="449" t="s">
        <v>5474</v>
      </c>
      <c r="E2594" s="510" t="s">
        <v>595</v>
      </c>
      <c r="F2594" s="522" t="s">
        <v>596</v>
      </c>
      <c r="G2594" s="450"/>
      <c r="H2594" s="451"/>
      <c r="I2594" s="451"/>
      <c r="J2594" s="144"/>
      <c r="K2594" s="517"/>
      <c r="L2594" s="455">
        <v>38362</v>
      </c>
      <c r="M2594" s="455"/>
      <c r="N2594" s="418" t="str">
        <f t="shared" si="80"/>
        <v/>
      </c>
    </row>
    <row r="2595" spans="1:14" ht="15.75">
      <c r="A2595" s="383"/>
      <c r="B2595" s="411">
        <f t="shared" si="81"/>
        <v>135</v>
      </c>
      <c r="C2595" s="498" t="s">
        <v>5475</v>
      </c>
      <c r="D2595" s="449" t="s">
        <v>5476</v>
      </c>
      <c r="E2595" s="510" t="s">
        <v>595</v>
      </c>
      <c r="F2595" s="522" t="s">
        <v>596</v>
      </c>
      <c r="G2595" s="450"/>
      <c r="H2595" s="451"/>
      <c r="I2595" s="451"/>
      <c r="J2595" s="144"/>
      <c r="K2595" s="517"/>
      <c r="L2595" s="455">
        <v>38362</v>
      </c>
      <c r="M2595" s="455"/>
      <c r="N2595" s="418" t="str">
        <f t="shared" si="80"/>
        <v/>
      </c>
    </row>
    <row r="2596" spans="1:14" ht="15.75">
      <c r="A2596" s="383"/>
      <c r="B2596" s="411">
        <f t="shared" si="81"/>
        <v>135</v>
      </c>
      <c r="C2596" s="498" t="s">
        <v>5477</v>
      </c>
      <c r="D2596" s="449" t="s">
        <v>5478</v>
      </c>
      <c r="E2596" s="510" t="s">
        <v>595</v>
      </c>
      <c r="F2596" s="522" t="s">
        <v>596</v>
      </c>
      <c r="G2596" s="450"/>
      <c r="H2596" s="451"/>
      <c r="I2596" s="451"/>
      <c r="J2596" s="144"/>
      <c r="K2596" s="517"/>
      <c r="L2596" s="455">
        <v>38362</v>
      </c>
      <c r="M2596" s="455"/>
      <c r="N2596" s="418" t="str">
        <f t="shared" si="80"/>
        <v/>
      </c>
    </row>
    <row r="2597" spans="1:14" ht="15.75">
      <c r="A2597" s="383"/>
      <c r="B2597" s="411">
        <f t="shared" si="81"/>
        <v>135</v>
      </c>
      <c r="C2597" s="498" t="s">
        <v>5479</v>
      </c>
      <c r="D2597" s="449" t="s">
        <v>5480</v>
      </c>
      <c r="E2597" s="510" t="s">
        <v>595</v>
      </c>
      <c r="F2597" s="522" t="s">
        <v>596</v>
      </c>
      <c r="G2597" s="450"/>
      <c r="H2597" s="451"/>
      <c r="I2597" s="451"/>
      <c r="J2597" s="144"/>
      <c r="K2597" s="517"/>
      <c r="L2597" s="455">
        <v>38362</v>
      </c>
      <c r="M2597" s="455"/>
      <c r="N2597" s="418" t="str">
        <f t="shared" si="80"/>
        <v/>
      </c>
    </row>
    <row r="2598" spans="1:14" ht="15.75">
      <c r="A2598" s="383"/>
      <c r="B2598" s="411">
        <f t="shared" si="81"/>
        <v>135</v>
      </c>
      <c r="C2598" s="498" t="s">
        <v>5481</v>
      </c>
      <c r="D2598" s="449" t="s">
        <v>5482</v>
      </c>
      <c r="E2598" s="510" t="s">
        <v>595</v>
      </c>
      <c r="F2598" s="522" t="s">
        <v>596</v>
      </c>
      <c r="G2598" s="450"/>
      <c r="H2598" s="451"/>
      <c r="I2598" s="451"/>
      <c r="J2598" s="144"/>
      <c r="K2598" s="517"/>
      <c r="L2598" s="455">
        <v>38362</v>
      </c>
      <c r="M2598" s="455"/>
      <c r="N2598" s="418" t="str">
        <f t="shared" si="80"/>
        <v>DUPLICATE</v>
      </c>
    </row>
    <row r="2599" spans="1:14" ht="15.75">
      <c r="A2599" s="383"/>
      <c r="B2599" s="411">
        <f t="shared" si="81"/>
        <v>135</v>
      </c>
      <c r="C2599" s="498" t="s">
        <v>5483</v>
      </c>
      <c r="D2599" s="449" t="s">
        <v>5484</v>
      </c>
      <c r="E2599" s="510" t="s">
        <v>595</v>
      </c>
      <c r="F2599" s="522" t="s">
        <v>596</v>
      </c>
      <c r="G2599" s="450"/>
      <c r="H2599" s="451"/>
      <c r="I2599" s="451"/>
      <c r="J2599" s="144"/>
      <c r="K2599" s="517"/>
      <c r="L2599" s="455">
        <v>38362</v>
      </c>
      <c r="M2599" s="455"/>
      <c r="N2599" s="418" t="str">
        <f t="shared" si="80"/>
        <v/>
      </c>
    </row>
    <row r="2600" spans="1:14" ht="15.75">
      <c r="A2600" s="383"/>
      <c r="B2600" s="411">
        <f t="shared" si="81"/>
        <v>135</v>
      </c>
      <c r="C2600" s="498" t="s">
        <v>5485</v>
      </c>
      <c r="D2600" s="449" t="s">
        <v>5486</v>
      </c>
      <c r="E2600" s="510" t="s">
        <v>595</v>
      </c>
      <c r="F2600" s="522" t="s">
        <v>596</v>
      </c>
      <c r="G2600" s="450"/>
      <c r="H2600" s="451"/>
      <c r="I2600" s="451"/>
      <c r="J2600" s="144"/>
      <c r="K2600" s="517"/>
      <c r="L2600" s="455">
        <v>38362</v>
      </c>
      <c r="M2600" s="455"/>
      <c r="N2600" s="418" t="str">
        <f t="shared" si="80"/>
        <v/>
      </c>
    </row>
    <row r="2601" spans="1:14" ht="15.75">
      <c r="A2601" s="383"/>
      <c r="B2601" s="411">
        <f t="shared" si="81"/>
        <v>135</v>
      </c>
      <c r="C2601" s="498" t="s">
        <v>5487</v>
      </c>
      <c r="D2601" s="449" t="s">
        <v>5488</v>
      </c>
      <c r="E2601" s="510" t="s">
        <v>595</v>
      </c>
      <c r="F2601" s="522" t="s">
        <v>596</v>
      </c>
      <c r="G2601" s="450"/>
      <c r="H2601" s="451"/>
      <c r="I2601" s="451"/>
      <c r="J2601" s="144"/>
      <c r="K2601" s="517"/>
      <c r="L2601" s="455">
        <v>38362</v>
      </c>
      <c r="M2601" s="455"/>
      <c r="N2601" s="418" t="str">
        <f t="shared" si="80"/>
        <v/>
      </c>
    </row>
    <row r="2602" spans="1:14" ht="28.5">
      <c r="A2602" s="383"/>
      <c r="B2602" s="411">
        <f t="shared" si="81"/>
        <v>135</v>
      </c>
      <c r="C2602" s="498" t="s">
        <v>5489</v>
      </c>
      <c r="D2602" s="449" t="s">
        <v>5490</v>
      </c>
      <c r="E2602" s="510" t="s">
        <v>595</v>
      </c>
      <c r="F2602" s="522" t="s">
        <v>596</v>
      </c>
      <c r="G2602" s="450"/>
      <c r="H2602" s="451"/>
      <c r="I2602" s="451"/>
      <c r="J2602" s="144"/>
      <c r="K2602" s="517"/>
      <c r="L2602" s="455">
        <v>38362</v>
      </c>
      <c r="M2602" s="455"/>
      <c r="N2602" s="418" t="str">
        <f t="shared" si="80"/>
        <v/>
      </c>
    </row>
    <row r="2603" spans="1:14" ht="28.5">
      <c r="A2603" s="383"/>
      <c r="B2603" s="411">
        <f t="shared" si="81"/>
        <v>135</v>
      </c>
      <c r="C2603" s="498" t="s">
        <v>5491</v>
      </c>
      <c r="D2603" s="449" t="s">
        <v>5492</v>
      </c>
      <c r="E2603" s="452" t="s">
        <v>595</v>
      </c>
      <c r="F2603" s="449" t="s">
        <v>596</v>
      </c>
      <c r="G2603" s="450"/>
      <c r="H2603" s="451"/>
      <c r="I2603" s="451"/>
      <c r="J2603" s="144"/>
      <c r="K2603" s="517"/>
      <c r="L2603" s="455">
        <v>38362</v>
      </c>
      <c r="M2603" s="455"/>
      <c r="N2603" s="418" t="str">
        <f t="shared" si="80"/>
        <v/>
      </c>
    </row>
    <row r="2604" spans="1:14" ht="28.5">
      <c r="A2604" s="383"/>
      <c r="B2604" s="411">
        <f t="shared" si="81"/>
        <v>135</v>
      </c>
      <c r="C2604" s="498" t="s">
        <v>5493</v>
      </c>
      <c r="D2604" s="449" t="s">
        <v>5494</v>
      </c>
      <c r="E2604" s="510" t="s">
        <v>595</v>
      </c>
      <c r="F2604" s="522" t="s">
        <v>596</v>
      </c>
      <c r="G2604" s="450"/>
      <c r="H2604" s="451"/>
      <c r="I2604" s="451"/>
      <c r="J2604" s="144"/>
      <c r="K2604" s="517"/>
      <c r="L2604" s="455">
        <v>38362</v>
      </c>
      <c r="M2604" s="455"/>
      <c r="N2604" s="418" t="str">
        <f t="shared" si="80"/>
        <v/>
      </c>
    </row>
    <row r="2605" spans="1:14" ht="15.75">
      <c r="A2605" s="383"/>
      <c r="B2605" s="411">
        <f t="shared" si="81"/>
        <v>135</v>
      </c>
      <c r="C2605" s="498" t="s">
        <v>5495</v>
      </c>
      <c r="D2605" s="449" t="s">
        <v>5496</v>
      </c>
      <c r="E2605" s="510" t="s">
        <v>595</v>
      </c>
      <c r="F2605" s="522" t="s">
        <v>596</v>
      </c>
      <c r="G2605" s="450"/>
      <c r="H2605" s="451"/>
      <c r="I2605" s="451"/>
      <c r="J2605" s="144"/>
      <c r="K2605" s="517"/>
      <c r="L2605" s="455">
        <v>38362</v>
      </c>
      <c r="M2605" s="455"/>
      <c r="N2605" s="418" t="str">
        <f t="shared" si="80"/>
        <v/>
      </c>
    </row>
    <row r="2606" spans="1:14" ht="28.5">
      <c r="A2606" s="383"/>
      <c r="B2606" s="411">
        <f t="shared" si="81"/>
        <v>135</v>
      </c>
      <c r="C2606" s="498" t="s">
        <v>5497</v>
      </c>
      <c r="D2606" s="449" t="s">
        <v>5498</v>
      </c>
      <c r="E2606" s="452" t="s">
        <v>595</v>
      </c>
      <c r="F2606" s="449" t="s">
        <v>596</v>
      </c>
      <c r="G2606" s="450"/>
      <c r="H2606" s="451"/>
      <c r="I2606" s="451"/>
      <c r="J2606" s="144"/>
      <c r="K2606" s="517"/>
      <c r="L2606" s="455">
        <v>38362</v>
      </c>
      <c r="M2606" s="455"/>
      <c r="N2606" s="418" t="str">
        <f t="shared" si="80"/>
        <v/>
      </c>
    </row>
    <row r="2607" spans="1:14" ht="28.5">
      <c r="A2607" s="383"/>
      <c r="B2607" s="411">
        <f t="shared" si="81"/>
        <v>135</v>
      </c>
      <c r="C2607" s="498" t="s">
        <v>5499</v>
      </c>
      <c r="D2607" s="449" t="s">
        <v>5500</v>
      </c>
      <c r="E2607" s="452" t="s">
        <v>595</v>
      </c>
      <c r="F2607" s="449" t="s">
        <v>596</v>
      </c>
      <c r="G2607" s="450"/>
      <c r="H2607" s="451"/>
      <c r="I2607" s="451"/>
      <c r="J2607" s="144"/>
      <c r="K2607" s="517"/>
      <c r="L2607" s="455">
        <v>38362</v>
      </c>
      <c r="M2607" s="455"/>
      <c r="N2607" s="418" t="str">
        <f t="shared" si="80"/>
        <v/>
      </c>
    </row>
    <row r="2608" spans="1:14" ht="28.5">
      <c r="A2608" s="383"/>
      <c r="B2608" s="411">
        <f t="shared" si="81"/>
        <v>135</v>
      </c>
      <c r="C2608" s="498" t="s">
        <v>5501</v>
      </c>
      <c r="D2608" s="449" t="s">
        <v>5502</v>
      </c>
      <c r="E2608" s="452" t="s">
        <v>595</v>
      </c>
      <c r="F2608" s="449" t="s">
        <v>596</v>
      </c>
      <c r="G2608" s="450"/>
      <c r="H2608" s="451"/>
      <c r="I2608" s="451"/>
      <c r="J2608" s="144"/>
      <c r="K2608" s="517"/>
      <c r="L2608" s="455">
        <v>38362</v>
      </c>
      <c r="M2608" s="455"/>
      <c r="N2608" s="418" t="str">
        <f t="shared" si="80"/>
        <v/>
      </c>
    </row>
    <row r="2609" spans="1:14" ht="28.5">
      <c r="A2609" s="383"/>
      <c r="B2609" s="411">
        <f t="shared" si="81"/>
        <v>135</v>
      </c>
      <c r="C2609" s="498" t="s">
        <v>5503</v>
      </c>
      <c r="D2609" s="449" t="s">
        <v>5504</v>
      </c>
      <c r="E2609" s="452" t="s">
        <v>595</v>
      </c>
      <c r="F2609" s="449" t="s">
        <v>596</v>
      </c>
      <c r="G2609" s="450"/>
      <c r="H2609" s="451"/>
      <c r="I2609" s="451"/>
      <c r="J2609" s="144"/>
      <c r="K2609" s="517"/>
      <c r="L2609" s="455">
        <v>38362</v>
      </c>
      <c r="M2609" s="455"/>
      <c r="N2609" s="418" t="str">
        <f t="shared" si="80"/>
        <v/>
      </c>
    </row>
    <row r="2610" spans="1:14" ht="15.75">
      <c r="A2610" s="383"/>
      <c r="B2610" s="411">
        <f t="shared" si="81"/>
        <v>135</v>
      </c>
      <c r="C2610" s="498" t="s">
        <v>5505</v>
      </c>
      <c r="D2610" s="449" t="s">
        <v>5506</v>
      </c>
      <c r="E2610" s="510" t="s">
        <v>595</v>
      </c>
      <c r="F2610" s="522" t="s">
        <v>596</v>
      </c>
      <c r="G2610" s="450"/>
      <c r="H2610" s="451"/>
      <c r="I2610" s="451"/>
      <c r="J2610" s="144"/>
      <c r="K2610" s="517"/>
      <c r="L2610" s="455">
        <v>38362</v>
      </c>
      <c r="M2610" s="455"/>
      <c r="N2610" s="418" t="str">
        <f t="shared" si="80"/>
        <v/>
      </c>
    </row>
    <row r="2611" spans="1:14" ht="15.75">
      <c r="A2611" s="383"/>
      <c r="B2611" s="411">
        <f t="shared" si="81"/>
        <v>135</v>
      </c>
      <c r="C2611" s="498" t="s">
        <v>5507</v>
      </c>
      <c r="D2611" s="449" t="s">
        <v>5508</v>
      </c>
      <c r="E2611" s="510" t="s">
        <v>595</v>
      </c>
      <c r="F2611" s="522" t="s">
        <v>596</v>
      </c>
      <c r="G2611" s="450"/>
      <c r="H2611" s="451"/>
      <c r="I2611" s="451"/>
      <c r="J2611" s="144"/>
      <c r="K2611" s="517"/>
      <c r="L2611" s="455">
        <v>38362</v>
      </c>
      <c r="M2611" s="455"/>
      <c r="N2611" s="418" t="str">
        <f t="shared" si="80"/>
        <v/>
      </c>
    </row>
    <row r="2612" spans="1:14" ht="15.75">
      <c r="A2612" s="383"/>
      <c r="B2612" s="411">
        <f t="shared" si="81"/>
        <v>135</v>
      </c>
      <c r="C2612" s="498" t="s">
        <v>5509</v>
      </c>
      <c r="D2612" s="449" t="s">
        <v>5510</v>
      </c>
      <c r="E2612" s="510" t="s">
        <v>595</v>
      </c>
      <c r="F2612" s="522" t="s">
        <v>596</v>
      </c>
      <c r="G2612" s="450"/>
      <c r="H2612" s="451"/>
      <c r="I2612" s="451"/>
      <c r="J2612" s="144"/>
      <c r="K2612" s="517"/>
      <c r="L2612" s="455">
        <v>38362</v>
      </c>
      <c r="M2612" s="455"/>
      <c r="N2612" s="418" t="str">
        <f t="shared" si="80"/>
        <v/>
      </c>
    </row>
    <row r="2613" spans="1:14" ht="15.75">
      <c r="A2613" s="383"/>
      <c r="B2613" s="411">
        <f t="shared" si="81"/>
        <v>135</v>
      </c>
      <c r="C2613" s="498" t="s">
        <v>5511</v>
      </c>
      <c r="D2613" s="449" t="s">
        <v>5512</v>
      </c>
      <c r="E2613" s="510" t="s">
        <v>595</v>
      </c>
      <c r="F2613" s="522" t="s">
        <v>596</v>
      </c>
      <c r="G2613" s="450"/>
      <c r="H2613" s="451"/>
      <c r="I2613" s="451"/>
      <c r="J2613" s="144"/>
      <c r="K2613" s="517"/>
      <c r="L2613" s="455">
        <v>38362</v>
      </c>
      <c r="M2613" s="455"/>
      <c r="N2613" s="418" t="str">
        <f t="shared" si="80"/>
        <v/>
      </c>
    </row>
    <row r="2614" spans="1:14" ht="15.75">
      <c r="A2614" s="383"/>
      <c r="B2614" s="411">
        <f t="shared" si="81"/>
        <v>135</v>
      </c>
      <c r="C2614" s="498" t="s">
        <v>5513</v>
      </c>
      <c r="D2614" s="449" t="s">
        <v>5514</v>
      </c>
      <c r="E2614" s="510" t="s">
        <v>595</v>
      </c>
      <c r="F2614" s="522" t="s">
        <v>596</v>
      </c>
      <c r="G2614" s="450"/>
      <c r="H2614" s="451"/>
      <c r="I2614" s="451"/>
      <c r="J2614" s="144"/>
      <c r="K2614" s="517"/>
      <c r="L2614" s="455">
        <v>38362</v>
      </c>
      <c r="M2614" s="455"/>
      <c r="N2614" s="418" t="str">
        <f t="shared" si="80"/>
        <v/>
      </c>
    </row>
    <row r="2615" spans="1:14" ht="15.75">
      <c r="A2615" s="383"/>
      <c r="B2615" s="411">
        <f t="shared" si="81"/>
        <v>135</v>
      </c>
      <c r="C2615" s="498" t="s">
        <v>5515</v>
      </c>
      <c r="D2615" s="449" t="s">
        <v>5516</v>
      </c>
      <c r="E2615" s="510" t="s">
        <v>595</v>
      </c>
      <c r="F2615" s="522" t="s">
        <v>596</v>
      </c>
      <c r="G2615" s="450"/>
      <c r="H2615" s="451"/>
      <c r="I2615" s="451"/>
      <c r="J2615" s="144"/>
      <c r="K2615" s="517"/>
      <c r="L2615" s="455">
        <v>38362</v>
      </c>
      <c r="M2615" s="455"/>
      <c r="N2615" s="418" t="str">
        <f t="shared" si="80"/>
        <v/>
      </c>
    </row>
    <row r="2616" spans="1:14" ht="15.75">
      <c r="A2616" s="383"/>
      <c r="B2616" s="411">
        <f t="shared" si="81"/>
        <v>135</v>
      </c>
      <c r="C2616" s="498" t="s">
        <v>5517</v>
      </c>
      <c r="D2616" s="449" t="s">
        <v>5518</v>
      </c>
      <c r="E2616" s="510" t="s">
        <v>595</v>
      </c>
      <c r="F2616" s="522" t="s">
        <v>596</v>
      </c>
      <c r="G2616" s="450"/>
      <c r="H2616" s="451"/>
      <c r="I2616" s="451"/>
      <c r="J2616" s="144"/>
      <c r="K2616" s="517"/>
      <c r="L2616" s="455">
        <v>38362</v>
      </c>
      <c r="M2616" s="455"/>
      <c r="N2616" s="418" t="str">
        <f t="shared" si="80"/>
        <v/>
      </c>
    </row>
    <row r="2617" spans="1:14" ht="15.75">
      <c r="A2617" s="383"/>
      <c r="B2617" s="411">
        <f t="shared" si="81"/>
        <v>135</v>
      </c>
      <c r="C2617" s="498" t="s">
        <v>5519</v>
      </c>
      <c r="D2617" s="449" t="s">
        <v>5520</v>
      </c>
      <c r="E2617" s="510" t="s">
        <v>595</v>
      </c>
      <c r="F2617" s="522" t="s">
        <v>596</v>
      </c>
      <c r="G2617" s="450"/>
      <c r="H2617" s="451"/>
      <c r="I2617" s="451"/>
      <c r="J2617" s="144"/>
      <c r="K2617" s="517"/>
      <c r="L2617" s="455">
        <v>38362</v>
      </c>
      <c r="M2617" s="455"/>
      <c r="N2617" s="418" t="str">
        <f t="shared" si="80"/>
        <v/>
      </c>
    </row>
    <row r="2618" spans="1:14" ht="15.75">
      <c r="A2618" s="383"/>
      <c r="B2618" s="411">
        <f t="shared" si="81"/>
        <v>135</v>
      </c>
      <c r="C2618" s="498" t="s">
        <v>5521</v>
      </c>
      <c r="D2618" s="449" t="s">
        <v>5522</v>
      </c>
      <c r="E2618" s="510" t="s">
        <v>595</v>
      </c>
      <c r="F2618" s="522" t="s">
        <v>596</v>
      </c>
      <c r="G2618" s="450"/>
      <c r="H2618" s="451"/>
      <c r="I2618" s="451"/>
      <c r="J2618" s="144"/>
      <c r="K2618" s="517"/>
      <c r="L2618" s="455">
        <v>38362</v>
      </c>
      <c r="M2618" s="455"/>
      <c r="N2618" s="418" t="str">
        <f t="shared" si="80"/>
        <v/>
      </c>
    </row>
    <row r="2619" spans="1:14" ht="15.75">
      <c r="A2619" s="383"/>
      <c r="B2619" s="411">
        <f t="shared" si="81"/>
        <v>135</v>
      </c>
      <c r="C2619" s="498" t="s">
        <v>5523</v>
      </c>
      <c r="D2619" s="449" t="s">
        <v>5524</v>
      </c>
      <c r="E2619" s="510" t="s">
        <v>595</v>
      </c>
      <c r="F2619" s="522" t="s">
        <v>596</v>
      </c>
      <c r="G2619" s="450"/>
      <c r="H2619" s="451"/>
      <c r="I2619" s="451"/>
      <c r="J2619" s="144"/>
      <c r="K2619" s="517"/>
      <c r="L2619" s="455">
        <v>38362</v>
      </c>
      <c r="M2619" s="455"/>
      <c r="N2619" s="418" t="str">
        <f t="shared" si="80"/>
        <v/>
      </c>
    </row>
    <row r="2620" spans="1:14" ht="15.75">
      <c r="A2620" s="383"/>
      <c r="B2620" s="411">
        <f t="shared" si="81"/>
        <v>135</v>
      </c>
      <c r="C2620" s="498" t="s">
        <v>5525</v>
      </c>
      <c r="D2620" s="449" t="s">
        <v>5526</v>
      </c>
      <c r="E2620" s="510" t="s">
        <v>595</v>
      </c>
      <c r="F2620" s="522" t="s">
        <v>596</v>
      </c>
      <c r="G2620" s="450"/>
      <c r="H2620" s="451"/>
      <c r="I2620" s="451"/>
      <c r="J2620" s="144"/>
      <c r="K2620" s="517"/>
      <c r="L2620" s="455">
        <v>38362</v>
      </c>
      <c r="M2620" s="455"/>
      <c r="N2620" s="418" t="str">
        <f t="shared" si="80"/>
        <v/>
      </c>
    </row>
    <row r="2621" spans="1:14" ht="15.75">
      <c r="A2621" s="383"/>
      <c r="B2621" s="411">
        <f t="shared" si="81"/>
        <v>135</v>
      </c>
      <c r="C2621" s="498" t="s">
        <v>5527</v>
      </c>
      <c r="D2621" s="449" t="s">
        <v>5528</v>
      </c>
      <c r="E2621" s="510" t="s">
        <v>595</v>
      </c>
      <c r="F2621" s="522" t="s">
        <v>596</v>
      </c>
      <c r="G2621" s="450"/>
      <c r="H2621" s="451"/>
      <c r="I2621" s="451"/>
      <c r="J2621" s="144"/>
      <c r="K2621" s="517"/>
      <c r="L2621" s="455">
        <v>38362</v>
      </c>
      <c r="M2621" s="455"/>
      <c r="N2621" s="418" t="str">
        <f t="shared" si="80"/>
        <v/>
      </c>
    </row>
    <row r="2622" spans="1:14" ht="15.75">
      <c r="A2622" s="383"/>
      <c r="B2622" s="411">
        <f t="shared" si="81"/>
        <v>135</v>
      </c>
      <c r="C2622" s="498" t="s">
        <v>5529</v>
      </c>
      <c r="D2622" s="449" t="s">
        <v>5530</v>
      </c>
      <c r="E2622" s="510" t="s">
        <v>595</v>
      </c>
      <c r="F2622" s="522" t="s">
        <v>596</v>
      </c>
      <c r="G2622" s="450"/>
      <c r="H2622" s="451"/>
      <c r="I2622" s="451"/>
      <c r="J2622" s="144"/>
      <c r="K2622" s="517"/>
      <c r="L2622" s="455">
        <v>38362</v>
      </c>
      <c r="M2622" s="455"/>
      <c r="N2622" s="418" t="str">
        <f t="shared" si="80"/>
        <v/>
      </c>
    </row>
    <row r="2623" spans="1:14" ht="28.5">
      <c r="A2623" s="383"/>
      <c r="B2623" s="411">
        <f t="shared" si="81"/>
        <v>135</v>
      </c>
      <c r="C2623" s="498" t="s">
        <v>5531</v>
      </c>
      <c r="D2623" s="449" t="s">
        <v>5532</v>
      </c>
      <c r="E2623" s="452" t="s">
        <v>595</v>
      </c>
      <c r="F2623" s="449" t="s">
        <v>596</v>
      </c>
      <c r="G2623" s="450"/>
      <c r="H2623" s="451"/>
      <c r="I2623" s="451"/>
      <c r="J2623" s="144"/>
      <c r="K2623" s="517"/>
      <c r="L2623" s="455">
        <v>38362</v>
      </c>
      <c r="M2623" s="455"/>
      <c r="N2623" s="418" t="str">
        <f t="shared" si="80"/>
        <v/>
      </c>
    </row>
    <row r="2624" spans="1:14" ht="15.75">
      <c r="A2624" s="383"/>
      <c r="B2624" s="411">
        <f t="shared" si="81"/>
        <v>135</v>
      </c>
      <c r="C2624" s="498" t="s">
        <v>5533</v>
      </c>
      <c r="D2624" s="449" t="s">
        <v>5534</v>
      </c>
      <c r="E2624" s="510" t="s">
        <v>595</v>
      </c>
      <c r="F2624" s="522" t="s">
        <v>596</v>
      </c>
      <c r="G2624" s="450"/>
      <c r="H2624" s="451"/>
      <c r="I2624" s="451"/>
      <c r="J2624" s="144"/>
      <c r="K2624" s="517"/>
      <c r="L2624" s="455">
        <v>38362</v>
      </c>
      <c r="M2624" s="455"/>
      <c r="N2624" s="418" t="str">
        <f t="shared" si="80"/>
        <v/>
      </c>
    </row>
    <row r="2625" spans="1:14" ht="15.75">
      <c r="A2625" s="383"/>
      <c r="B2625" s="411">
        <f t="shared" si="81"/>
        <v>135</v>
      </c>
      <c r="C2625" s="498" t="s">
        <v>5535</v>
      </c>
      <c r="D2625" s="449" t="s">
        <v>5536</v>
      </c>
      <c r="E2625" s="510" t="s">
        <v>595</v>
      </c>
      <c r="F2625" s="522" t="s">
        <v>596</v>
      </c>
      <c r="G2625" s="450"/>
      <c r="H2625" s="451"/>
      <c r="I2625" s="451"/>
      <c r="J2625" s="144"/>
      <c r="K2625" s="517"/>
      <c r="L2625" s="455">
        <v>38362</v>
      </c>
      <c r="M2625" s="455"/>
      <c r="N2625" s="418" t="str">
        <f t="shared" si="80"/>
        <v/>
      </c>
    </row>
    <row r="2626" spans="1:14" ht="42.75">
      <c r="A2626" s="383"/>
      <c r="B2626" s="411">
        <f t="shared" si="81"/>
        <v>135</v>
      </c>
      <c r="C2626" s="498" t="s">
        <v>5537</v>
      </c>
      <c r="D2626" s="449" t="s">
        <v>5538</v>
      </c>
      <c r="E2626" s="452" t="s">
        <v>595</v>
      </c>
      <c r="F2626" s="449" t="s">
        <v>596</v>
      </c>
      <c r="G2626" s="450"/>
      <c r="H2626" s="451"/>
      <c r="I2626" s="451"/>
      <c r="J2626" s="144"/>
      <c r="K2626" s="517"/>
      <c r="L2626" s="455">
        <v>38362</v>
      </c>
      <c r="M2626" s="455"/>
      <c r="N2626" s="418" t="str">
        <f t="shared" si="80"/>
        <v/>
      </c>
    </row>
    <row r="2627" spans="1:14" ht="28.5">
      <c r="A2627" s="383"/>
      <c r="B2627" s="411">
        <f t="shared" si="81"/>
        <v>135</v>
      </c>
      <c r="C2627" s="498" t="s">
        <v>5539</v>
      </c>
      <c r="D2627" s="449" t="s">
        <v>5540</v>
      </c>
      <c r="E2627" s="452" t="s">
        <v>595</v>
      </c>
      <c r="F2627" s="449" t="s">
        <v>596</v>
      </c>
      <c r="G2627" s="450"/>
      <c r="H2627" s="451"/>
      <c r="I2627" s="451"/>
      <c r="J2627" s="144"/>
      <c r="K2627" s="517"/>
      <c r="L2627" s="455">
        <v>38362</v>
      </c>
      <c r="M2627" s="455"/>
      <c r="N2627" s="418" t="str">
        <f t="shared" si="80"/>
        <v/>
      </c>
    </row>
    <row r="2628" spans="1:14" ht="15.75">
      <c r="A2628" s="383"/>
      <c r="B2628" s="411">
        <f t="shared" si="81"/>
        <v>135</v>
      </c>
      <c r="C2628" s="498" t="s">
        <v>5541</v>
      </c>
      <c r="D2628" s="449" t="s">
        <v>5542</v>
      </c>
      <c r="E2628" s="452" t="s">
        <v>595</v>
      </c>
      <c r="F2628" s="449" t="s">
        <v>596</v>
      </c>
      <c r="G2628" s="450"/>
      <c r="H2628" s="451"/>
      <c r="I2628" s="451"/>
      <c r="J2628" s="144"/>
      <c r="K2628" s="517"/>
      <c r="L2628" s="455">
        <v>38362</v>
      </c>
      <c r="M2628" s="455"/>
      <c r="N2628" s="418" t="str">
        <f t="shared" si="80"/>
        <v/>
      </c>
    </row>
    <row r="2629" spans="1:14" ht="28.5">
      <c r="A2629" s="383"/>
      <c r="B2629" s="411">
        <f t="shared" si="81"/>
        <v>135</v>
      </c>
      <c r="C2629" s="498" t="s">
        <v>5543</v>
      </c>
      <c r="D2629" s="449" t="s">
        <v>5544</v>
      </c>
      <c r="E2629" s="452" t="s">
        <v>595</v>
      </c>
      <c r="F2629" s="449" t="s">
        <v>596</v>
      </c>
      <c r="G2629" s="450"/>
      <c r="H2629" s="451"/>
      <c r="I2629" s="451"/>
      <c r="J2629" s="144"/>
      <c r="K2629" s="517"/>
      <c r="L2629" s="455">
        <v>38362</v>
      </c>
      <c r="M2629" s="455"/>
      <c r="N2629" s="418" t="str">
        <f t="shared" si="80"/>
        <v/>
      </c>
    </row>
    <row r="2630" spans="1:14" ht="28.5">
      <c r="A2630" s="383"/>
      <c r="B2630" s="411">
        <f t="shared" si="81"/>
        <v>135</v>
      </c>
      <c r="C2630" s="498" t="s">
        <v>5545</v>
      </c>
      <c r="D2630" s="449" t="s">
        <v>5546</v>
      </c>
      <c r="E2630" s="510" t="s">
        <v>595</v>
      </c>
      <c r="F2630" s="522" t="s">
        <v>596</v>
      </c>
      <c r="G2630" s="450"/>
      <c r="H2630" s="451"/>
      <c r="I2630" s="451"/>
      <c r="J2630" s="144"/>
      <c r="K2630" s="517"/>
      <c r="L2630" s="455">
        <v>38362</v>
      </c>
      <c r="M2630" s="455"/>
      <c r="N2630" s="418" t="str">
        <f t="shared" si="80"/>
        <v/>
      </c>
    </row>
    <row r="2631" spans="1:14" ht="42.75">
      <c r="A2631" s="383"/>
      <c r="B2631" s="411">
        <f t="shared" si="81"/>
        <v>135</v>
      </c>
      <c r="C2631" s="498" t="s">
        <v>5547</v>
      </c>
      <c r="D2631" s="449" t="s">
        <v>5548</v>
      </c>
      <c r="E2631" s="452" t="s">
        <v>595</v>
      </c>
      <c r="F2631" s="449" t="s">
        <v>596</v>
      </c>
      <c r="G2631" s="450"/>
      <c r="H2631" s="451"/>
      <c r="I2631" s="451"/>
      <c r="J2631" s="144"/>
      <c r="K2631" s="517"/>
      <c r="L2631" s="455">
        <v>38362</v>
      </c>
      <c r="M2631" s="455"/>
      <c r="N2631" s="418" t="str">
        <f t="shared" si="80"/>
        <v/>
      </c>
    </row>
    <row r="2632" spans="1:14" ht="28.5">
      <c r="A2632" s="383"/>
      <c r="B2632" s="411">
        <f t="shared" si="81"/>
        <v>135</v>
      </c>
      <c r="C2632" s="498" t="s">
        <v>5549</v>
      </c>
      <c r="D2632" s="449" t="s">
        <v>5550</v>
      </c>
      <c r="E2632" s="510" t="s">
        <v>595</v>
      </c>
      <c r="F2632" s="522" t="s">
        <v>596</v>
      </c>
      <c r="G2632" s="450"/>
      <c r="H2632" s="451"/>
      <c r="I2632" s="451"/>
      <c r="J2632" s="144"/>
      <c r="K2632" s="517"/>
      <c r="L2632" s="455">
        <v>38362</v>
      </c>
      <c r="M2632" s="455"/>
      <c r="N2632" s="418" t="str">
        <f t="shared" si="80"/>
        <v/>
      </c>
    </row>
    <row r="2633" spans="1:14" ht="57">
      <c r="A2633" s="383"/>
      <c r="B2633" s="411">
        <f t="shared" si="81"/>
        <v>135</v>
      </c>
      <c r="C2633" s="498" t="s">
        <v>5551</v>
      </c>
      <c r="D2633" s="449" t="s">
        <v>5552</v>
      </c>
      <c r="E2633" s="452" t="s">
        <v>595</v>
      </c>
      <c r="F2633" s="449" t="s">
        <v>596</v>
      </c>
      <c r="G2633" s="450"/>
      <c r="H2633" s="451"/>
      <c r="I2633" s="451"/>
      <c r="J2633" s="144"/>
      <c r="K2633" s="517"/>
      <c r="L2633" s="455">
        <v>38362</v>
      </c>
      <c r="M2633" s="455"/>
      <c r="N2633" s="418" t="str">
        <f t="shared" si="80"/>
        <v/>
      </c>
    </row>
    <row r="2634" spans="1:14" ht="57">
      <c r="A2634" s="383"/>
      <c r="B2634" s="411">
        <f t="shared" si="81"/>
        <v>135</v>
      </c>
      <c r="C2634" s="498" t="s">
        <v>5553</v>
      </c>
      <c r="D2634" s="449" t="s">
        <v>5554</v>
      </c>
      <c r="E2634" s="452" t="s">
        <v>595</v>
      </c>
      <c r="F2634" s="449" t="s">
        <v>596</v>
      </c>
      <c r="G2634" s="450"/>
      <c r="H2634" s="451"/>
      <c r="I2634" s="451"/>
      <c r="J2634" s="144"/>
      <c r="K2634" s="517"/>
      <c r="L2634" s="455">
        <v>38362</v>
      </c>
      <c r="M2634" s="455"/>
      <c r="N2634" s="418" t="str">
        <f t="shared" ref="N2634:N2697" si="82">IF(D2634="NA","",IF(COUNTIF($D$2:$D$5552,D2634)&gt;1,"DUPLICATE",""))</f>
        <v/>
      </c>
    </row>
    <row r="2635" spans="1:14" ht="28.5">
      <c r="A2635" s="383"/>
      <c r="B2635" s="411">
        <f t="shared" si="81"/>
        <v>135</v>
      </c>
      <c r="C2635" s="498" t="s">
        <v>5555</v>
      </c>
      <c r="D2635" s="449" t="s">
        <v>5556</v>
      </c>
      <c r="E2635" s="452" t="s">
        <v>595</v>
      </c>
      <c r="F2635" s="449" t="s">
        <v>596</v>
      </c>
      <c r="G2635" s="450"/>
      <c r="H2635" s="451"/>
      <c r="I2635" s="451"/>
      <c r="J2635" s="144"/>
      <c r="K2635" s="517"/>
      <c r="L2635" s="455">
        <v>38362</v>
      </c>
      <c r="M2635" s="455"/>
      <c r="N2635" s="418" t="str">
        <f t="shared" si="82"/>
        <v/>
      </c>
    </row>
    <row r="2636" spans="1:14" ht="42.75">
      <c r="A2636" s="383"/>
      <c r="B2636" s="411">
        <f t="shared" si="81"/>
        <v>135</v>
      </c>
      <c r="C2636" s="498" t="s">
        <v>5557</v>
      </c>
      <c r="D2636" s="449" t="s">
        <v>5558</v>
      </c>
      <c r="E2636" s="452" t="s">
        <v>595</v>
      </c>
      <c r="F2636" s="449" t="s">
        <v>596</v>
      </c>
      <c r="G2636" s="450"/>
      <c r="H2636" s="451"/>
      <c r="I2636" s="451"/>
      <c r="J2636" s="144"/>
      <c r="K2636" s="517"/>
      <c r="L2636" s="455">
        <v>38362</v>
      </c>
      <c r="M2636" s="455"/>
      <c r="N2636" s="418" t="str">
        <f t="shared" si="82"/>
        <v/>
      </c>
    </row>
    <row r="2637" spans="1:14" ht="15.75">
      <c r="A2637" s="383"/>
      <c r="B2637" s="411">
        <f t="shared" si="81"/>
        <v>135</v>
      </c>
      <c r="C2637" s="498" t="s">
        <v>5559</v>
      </c>
      <c r="D2637" s="449" t="s">
        <v>5560</v>
      </c>
      <c r="E2637" s="452" t="s">
        <v>595</v>
      </c>
      <c r="F2637" s="449" t="s">
        <v>596</v>
      </c>
      <c r="G2637" s="450"/>
      <c r="H2637" s="451"/>
      <c r="I2637" s="451"/>
      <c r="J2637" s="144"/>
      <c r="K2637" s="517"/>
      <c r="L2637" s="455">
        <v>38362</v>
      </c>
      <c r="M2637" s="455"/>
      <c r="N2637" s="418" t="str">
        <f t="shared" si="82"/>
        <v/>
      </c>
    </row>
    <row r="2638" spans="1:14" ht="57">
      <c r="A2638" s="383"/>
      <c r="B2638" s="411">
        <f t="shared" si="81"/>
        <v>135</v>
      </c>
      <c r="C2638" s="498" t="s">
        <v>5561</v>
      </c>
      <c r="D2638" s="449" t="s">
        <v>5562</v>
      </c>
      <c r="E2638" s="452" t="s">
        <v>595</v>
      </c>
      <c r="F2638" s="449" t="s">
        <v>596</v>
      </c>
      <c r="G2638" s="450"/>
      <c r="H2638" s="451"/>
      <c r="I2638" s="451"/>
      <c r="J2638" s="144"/>
      <c r="K2638" s="517"/>
      <c r="L2638" s="455">
        <v>38362</v>
      </c>
      <c r="M2638" s="455"/>
      <c r="N2638" s="418" t="str">
        <f t="shared" si="82"/>
        <v/>
      </c>
    </row>
    <row r="2639" spans="1:14" ht="15.75">
      <c r="A2639" s="383"/>
      <c r="B2639" s="411">
        <f t="shared" si="81"/>
        <v>135</v>
      </c>
      <c r="C2639" s="498" t="s">
        <v>5563</v>
      </c>
      <c r="D2639" s="449" t="s">
        <v>5564</v>
      </c>
      <c r="E2639" s="452" t="s">
        <v>595</v>
      </c>
      <c r="F2639" s="449" t="s">
        <v>596</v>
      </c>
      <c r="G2639" s="450"/>
      <c r="H2639" s="451"/>
      <c r="I2639" s="451"/>
      <c r="J2639" s="144"/>
      <c r="K2639" s="517"/>
      <c r="L2639" s="455">
        <v>38362</v>
      </c>
      <c r="M2639" s="455"/>
      <c r="N2639" s="418" t="str">
        <f t="shared" si="82"/>
        <v/>
      </c>
    </row>
    <row r="2640" spans="1:14" ht="42.75">
      <c r="A2640" s="383"/>
      <c r="B2640" s="411">
        <f t="shared" si="81"/>
        <v>135</v>
      </c>
      <c r="C2640" s="498" t="s">
        <v>5565</v>
      </c>
      <c r="D2640" s="449" t="s">
        <v>5566</v>
      </c>
      <c r="E2640" s="452" t="s">
        <v>595</v>
      </c>
      <c r="F2640" s="449" t="s">
        <v>596</v>
      </c>
      <c r="G2640" s="450"/>
      <c r="H2640" s="451"/>
      <c r="I2640" s="451"/>
      <c r="J2640" s="144"/>
      <c r="K2640" s="517"/>
      <c r="L2640" s="455">
        <v>38362</v>
      </c>
      <c r="M2640" s="455"/>
      <c r="N2640" s="418" t="str">
        <f t="shared" si="82"/>
        <v/>
      </c>
    </row>
    <row r="2641" spans="1:14" ht="42.75">
      <c r="A2641" s="383"/>
      <c r="B2641" s="411">
        <f t="shared" si="81"/>
        <v>135</v>
      </c>
      <c r="C2641" s="498" t="s">
        <v>5567</v>
      </c>
      <c r="D2641" s="449" t="s">
        <v>5568</v>
      </c>
      <c r="E2641" s="452" t="s">
        <v>595</v>
      </c>
      <c r="F2641" s="449" t="s">
        <v>596</v>
      </c>
      <c r="G2641" s="450"/>
      <c r="H2641" s="451"/>
      <c r="I2641" s="451"/>
      <c r="J2641" s="144"/>
      <c r="K2641" s="517"/>
      <c r="L2641" s="455">
        <v>38362</v>
      </c>
      <c r="M2641" s="455"/>
      <c r="N2641" s="418" t="str">
        <f t="shared" si="82"/>
        <v/>
      </c>
    </row>
    <row r="2642" spans="1:14" ht="15.75">
      <c r="A2642" s="383"/>
      <c r="B2642" s="411">
        <f t="shared" si="81"/>
        <v>135</v>
      </c>
      <c r="C2642" s="498" t="s">
        <v>5569</v>
      </c>
      <c r="D2642" s="449" t="s">
        <v>5570</v>
      </c>
      <c r="E2642" s="452" t="s">
        <v>595</v>
      </c>
      <c r="F2642" s="449" t="s">
        <v>596</v>
      </c>
      <c r="G2642" s="450"/>
      <c r="H2642" s="451"/>
      <c r="I2642" s="451"/>
      <c r="J2642" s="144"/>
      <c r="K2642" s="517"/>
      <c r="L2642" s="455">
        <v>38362</v>
      </c>
      <c r="M2642" s="455"/>
      <c r="N2642" s="418" t="str">
        <f t="shared" si="82"/>
        <v/>
      </c>
    </row>
    <row r="2643" spans="1:14" ht="28.5">
      <c r="A2643" s="383"/>
      <c r="B2643" s="411">
        <f t="shared" si="81"/>
        <v>135</v>
      </c>
      <c r="C2643" s="498" t="s">
        <v>5571</v>
      </c>
      <c r="D2643" s="449" t="s">
        <v>5572</v>
      </c>
      <c r="E2643" s="452" t="s">
        <v>595</v>
      </c>
      <c r="F2643" s="449" t="s">
        <v>596</v>
      </c>
      <c r="G2643" s="450"/>
      <c r="H2643" s="451"/>
      <c r="I2643" s="451"/>
      <c r="J2643" s="144"/>
      <c r="K2643" s="517"/>
      <c r="L2643" s="455">
        <v>38362</v>
      </c>
      <c r="M2643" s="455"/>
      <c r="N2643" s="418" t="str">
        <f t="shared" si="82"/>
        <v/>
      </c>
    </row>
    <row r="2644" spans="1:14" ht="15.75">
      <c r="A2644" s="383"/>
      <c r="B2644" s="411">
        <f t="shared" si="81"/>
        <v>135</v>
      </c>
      <c r="C2644" s="498" t="s">
        <v>5573</v>
      </c>
      <c r="D2644" s="449" t="s">
        <v>5574</v>
      </c>
      <c r="E2644" s="452" t="s">
        <v>595</v>
      </c>
      <c r="F2644" s="449" t="s">
        <v>596</v>
      </c>
      <c r="G2644" s="450"/>
      <c r="H2644" s="451"/>
      <c r="I2644" s="451"/>
      <c r="J2644" s="144"/>
      <c r="K2644" s="517"/>
      <c r="L2644" s="455">
        <v>38362</v>
      </c>
      <c r="M2644" s="455"/>
      <c r="N2644" s="418" t="str">
        <f t="shared" si="82"/>
        <v/>
      </c>
    </row>
    <row r="2645" spans="1:14" ht="28.5">
      <c r="A2645" s="383"/>
      <c r="B2645" s="411">
        <f t="shared" si="81"/>
        <v>135</v>
      </c>
      <c r="C2645" s="498" t="s">
        <v>5575</v>
      </c>
      <c r="D2645" s="449" t="s">
        <v>5576</v>
      </c>
      <c r="E2645" s="452" t="s">
        <v>595</v>
      </c>
      <c r="F2645" s="449" t="s">
        <v>596</v>
      </c>
      <c r="G2645" s="450"/>
      <c r="H2645" s="451"/>
      <c r="I2645" s="451"/>
      <c r="J2645" s="144"/>
      <c r="K2645" s="517"/>
      <c r="L2645" s="455">
        <v>38362</v>
      </c>
      <c r="M2645" s="455"/>
      <c r="N2645" s="418" t="str">
        <f t="shared" si="82"/>
        <v/>
      </c>
    </row>
    <row r="2646" spans="1:14" ht="15.75">
      <c r="A2646" s="383"/>
      <c r="B2646" s="411">
        <f t="shared" si="81"/>
        <v>135</v>
      </c>
      <c r="C2646" s="498" t="s">
        <v>5577</v>
      </c>
      <c r="D2646" s="449" t="s">
        <v>5578</v>
      </c>
      <c r="E2646" s="452" t="s">
        <v>595</v>
      </c>
      <c r="F2646" s="449" t="s">
        <v>596</v>
      </c>
      <c r="G2646" s="450"/>
      <c r="H2646" s="451"/>
      <c r="I2646" s="451"/>
      <c r="J2646" s="144"/>
      <c r="K2646" s="517"/>
      <c r="L2646" s="455">
        <v>38362</v>
      </c>
      <c r="M2646" s="455"/>
      <c r="N2646" s="418" t="str">
        <f t="shared" si="82"/>
        <v/>
      </c>
    </row>
    <row r="2647" spans="1:14" ht="15.75">
      <c r="A2647" s="383"/>
      <c r="B2647" s="411">
        <f t="shared" si="81"/>
        <v>135</v>
      </c>
      <c r="C2647" s="498" t="s">
        <v>5579</v>
      </c>
      <c r="D2647" s="449" t="s">
        <v>5580</v>
      </c>
      <c r="E2647" s="452" t="s">
        <v>595</v>
      </c>
      <c r="F2647" s="449" t="s">
        <v>596</v>
      </c>
      <c r="G2647" s="450"/>
      <c r="H2647" s="451"/>
      <c r="I2647" s="451"/>
      <c r="J2647" s="144"/>
      <c r="K2647" s="517"/>
      <c r="L2647" s="455">
        <v>38362</v>
      </c>
      <c r="M2647" s="455"/>
      <c r="N2647" s="418" t="str">
        <f t="shared" si="82"/>
        <v/>
      </c>
    </row>
    <row r="2648" spans="1:14" ht="28.5">
      <c r="A2648" s="383"/>
      <c r="B2648" s="411">
        <f t="shared" si="81"/>
        <v>135</v>
      </c>
      <c r="C2648" s="498" t="s">
        <v>5581</v>
      </c>
      <c r="D2648" s="449" t="s">
        <v>5582</v>
      </c>
      <c r="E2648" s="452" t="s">
        <v>595</v>
      </c>
      <c r="F2648" s="449" t="s">
        <v>596</v>
      </c>
      <c r="G2648" s="450"/>
      <c r="H2648" s="451"/>
      <c r="I2648" s="451"/>
      <c r="J2648" s="144"/>
      <c r="K2648" s="517"/>
      <c r="L2648" s="455">
        <v>38362</v>
      </c>
      <c r="M2648" s="455"/>
      <c r="N2648" s="418" t="str">
        <f t="shared" si="82"/>
        <v/>
      </c>
    </row>
    <row r="2649" spans="1:14" ht="15.75">
      <c r="A2649" s="383"/>
      <c r="B2649" s="411">
        <f t="shared" si="81"/>
        <v>135</v>
      </c>
      <c r="C2649" s="498" t="s">
        <v>5583</v>
      </c>
      <c r="D2649" s="449" t="s">
        <v>5584</v>
      </c>
      <c r="E2649" s="452" t="s">
        <v>595</v>
      </c>
      <c r="F2649" s="449" t="s">
        <v>596</v>
      </c>
      <c r="G2649" s="450"/>
      <c r="H2649" s="451"/>
      <c r="I2649" s="451"/>
      <c r="J2649" s="144"/>
      <c r="K2649" s="517"/>
      <c r="L2649" s="455">
        <v>38362</v>
      </c>
      <c r="M2649" s="455"/>
      <c r="N2649" s="418" t="str">
        <f t="shared" si="82"/>
        <v/>
      </c>
    </row>
    <row r="2650" spans="1:14" ht="15.75">
      <c r="A2650" s="383"/>
      <c r="B2650" s="411">
        <f t="shared" ref="B2650:B2713" si="83">IF(A2650&gt;0,A2650,B2649)</f>
        <v>135</v>
      </c>
      <c r="C2650" s="498" t="s">
        <v>5585</v>
      </c>
      <c r="D2650" s="449" t="s">
        <v>5586</v>
      </c>
      <c r="E2650" s="452" t="s">
        <v>595</v>
      </c>
      <c r="F2650" s="449" t="s">
        <v>596</v>
      </c>
      <c r="G2650" s="450"/>
      <c r="H2650" s="451"/>
      <c r="I2650" s="451"/>
      <c r="J2650" s="144"/>
      <c r="K2650" s="517"/>
      <c r="L2650" s="455">
        <v>38362</v>
      </c>
      <c r="M2650" s="455"/>
      <c r="N2650" s="418" t="str">
        <f t="shared" si="82"/>
        <v/>
      </c>
    </row>
    <row r="2651" spans="1:14" ht="15.75">
      <c r="A2651" s="383"/>
      <c r="B2651" s="411">
        <f t="shared" si="83"/>
        <v>135</v>
      </c>
      <c r="C2651" s="498" t="s">
        <v>5587</v>
      </c>
      <c r="D2651" s="449" t="s">
        <v>5588</v>
      </c>
      <c r="E2651" s="452" t="s">
        <v>595</v>
      </c>
      <c r="F2651" s="449" t="s">
        <v>596</v>
      </c>
      <c r="G2651" s="450"/>
      <c r="H2651" s="451"/>
      <c r="I2651" s="451"/>
      <c r="J2651" s="144"/>
      <c r="K2651" s="517"/>
      <c r="L2651" s="455">
        <v>38362</v>
      </c>
      <c r="M2651" s="455"/>
      <c r="N2651" s="418" t="str">
        <f t="shared" si="82"/>
        <v/>
      </c>
    </row>
    <row r="2652" spans="1:14" ht="15.75">
      <c r="A2652" s="383"/>
      <c r="B2652" s="411">
        <f t="shared" si="83"/>
        <v>135</v>
      </c>
      <c r="C2652" s="498" t="s">
        <v>5589</v>
      </c>
      <c r="D2652" s="449" t="s">
        <v>5590</v>
      </c>
      <c r="E2652" s="452" t="s">
        <v>595</v>
      </c>
      <c r="F2652" s="449" t="s">
        <v>596</v>
      </c>
      <c r="G2652" s="450"/>
      <c r="H2652" s="451"/>
      <c r="I2652" s="451"/>
      <c r="J2652" s="144"/>
      <c r="K2652" s="517"/>
      <c r="L2652" s="455">
        <v>38362</v>
      </c>
      <c r="M2652" s="455"/>
      <c r="N2652" s="418" t="str">
        <f t="shared" si="82"/>
        <v/>
      </c>
    </row>
    <row r="2653" spans="1:14" ht="28.5">
      <c r="A2653" s="383"/>
      <c r="B2653" s="411">
        <f t="shared" si="83"/>
        <v>135</v>
      </c>
      <c r="C2653" s="498" t="s">
        <v>5591</v>
      </c>
      <c r="D2653" s="449" t="s">
        <v>5592</v>
      </c>
      <c r="E2653" s="452" t="s">
        <v>595</v>
      </c>
      <c r="F2653" s="449" t="s">
        <v>596</v>
      </c>
      <c r="G2653" s="450"/>
      <c r="H2653" s="451"/>
      <c r="I2653" s="451"/>
      <c r="J2653" s="144"/>
      <c r="K2653" s="517"/>
      <c r="L2653" s="455">
        <v>38362</v>
      </c>
      <c r="M2653" s="455"/>
      <c r="N2653" s="418" t="str">
        <f t="shared" si="82"/>
        <v/>
      </c>
    </row>
    <row r="2654" spans="1:14" ht="28.5">
      <c r="A2654" s="383"/>
      <c r="B2654" s="411">
        <f t="shared" si="83"/>
        <v>135</v>
      </c>
      <c r="C2654" s="498" t="s">
        <v>5593</v>
      </c>
      <c r="D2654" s="449" t="s">
        <v>5594</v>
      </c>
      <c r="E2654" s="452" t="s">
        <v>595</v>
      </c>
      <c r="F2654" s="449" t="s">
        <v>596</v>
      </c>
      <c r="G2654" s="450"/>
      <c r="H2654" s="451"/>
      <c r="I2654" s="451"/>
      <c r="J2654" s="144"/>
      <c r="K2654" s="517"/>
      <c r="L2654" s="455">
        <v>38362</v>
      </c>
      <c r="M2654" s="455"/>
      <c r="N2654" s="418" t="str">
        <f t="shared" si="82"/>
        <v/>
      </c>
    </row>
    <row r="2655" spans="1:14" ht="28.5">
      <c r="A2655" s="383"/>
      <c r="B2655" s="411">
        <f t="shared" si="83"/>
        <v>135</v>
      </c>
      <c r="C2655" s="498" t="s">
        <v>5595</v>
      </c>
      <c r="D2655" s="449" t="s">
        <v>5596</v>
      </c>
      <c r="E2655" s="452" t="s">
        <v>595</v>
      </c>
      <c r="F2655" s="449" t="s">
        <v>596</v>
      </c>
      <c r="G2655" s="450"/>
      <c r="H2655" s="451"/>
      <c r="I2655" s="451"/>
      <c r="J2655" s="144"/>
      <c r="K2655" s="517"/>
      <c r="L2655" s="455">
        <v>38362</v>
      </c>
      <c r="M2655" s="455"/>
      <c r="N2655" s="418" t="str">
        <f t="shared" si="82"/>
        <v/>
      </c>
    </row>
    <row r="2656" spans="1:14" ht="28.5">
      <c r="A2656" s="383"/>
      <c r="B2656" s="411">
        <f t="shared" si="83"/>
        <v>135</v>
      </c>
      <c r="C2656" s="498" t="s">
        <v>5597</v>
      </c>
      <c r="D2656" s="449" t="s">
        <v>5598</v>
      </c>
      <c r="E2656" s="452" t="s">
        <v>595</v>
      </c>
      <c r="F2656" s="449" t="s">
        <v>596</v>
      </c>
      <c r="G2656" s="450"/>
      <c r="H2656" s="451"/>
      <c r="I2656" s="451"/>
      <c r="J2656" s="144"/>
      <c r="K2656" s="517"/>
      <c r="L2656" s="455">
        <v>38362</v>
      </c>
      <c r="M2656" s="455"/>
      <c r="N2656" s="418" t="str">
        <f t="shared" si="82"/>
        <v/>
      </c>
    </row>
    <row r="2657" spans="1:14" ht="28.5">
      <c r="A2657" s="383"/>
      <c r="B2657" s="411">
        <f t="shared" si="83"/>
        <v>135</v>
      </c>
      <c r="C2657" s="498" t="s">
        <v>5599</v>
      </c>
      <c r="D2657" s="449" t="s">
        <v>5600</v>
      </c>
      <c r="E2657" s="452" t="s">
        <v>595</v>
      </c>
      <c r="F2657" s="449" t="s">
        <v>596</v>
      </c>
      <c r="G2657" s="450"/>
      <c r="H2657" s="451"/>
      <c r="I2657" s="451"/>
      <c r="J2657" s="144"/>
      <c r="K2657" s="517"/>
      <c r="L2657" s="455">
        <v>38362</v>
      </c>
      <c r="M2657" s="455"/>
      <c r="N2657" s="418" t="str">
        <f t="shared" si="82"/>
        <v/>
      </c>
    </row>
    <row r="2658" spans="1:14" ht="28.5">
      <c r="A2658" s="383"/>
      <c r="B2658" s="411">
        <f t="shared" si="83"/>
        <v>135</v>
      </c>
      <c r="C2658" s="498" t="s">
        <v>5601</v>
      </c>
      <c r="D2658" s="449" t="s">
        <v>5602</v>
      </c>
      <c r="E2658" s="510" t="s">
        <v>595</v>
      </c>
      <c r="F2658" s="522" t="s">
        <v>596</v>
      </c>
      <c r="G2658" s="450"/>
      <c r="H2658" s="451"/>
      <c r="I2658" s="451"/>
      <c r="J2658" s="144"/>
      <c r="K2658" s="517"/>
      <c r="L2658" s="455">
        <v>38362</v>
      </c>
      <c r="M2658" s="455"/>
      <c r="N2658" s="418" t="str">
        <f t="shared" si="82"/>
        <v/>
      </c>
    </row>
    <row r="2659" spans="1:14" ht="28.5">
      <c r="A2659" s="383"/>
      <c r="B2659" s="411">
        <f t="shared" si="83"/>
        <v>135</v>
      </c>
      <c r="C2659" s="498" t="s">
        <v>5603</v>
      </c>
      <c r="D2659" s="449" t="s">
        <v>5604</v>
      </c>
      <c r="E2659" s="452" t="s">
        <v>595</v>
      </c>
      <c r="F2659" s="449" t="s">
        <v>596</v>
      </c>
      <c r="G2659" s="450"/>
      <c r="H2659" s="451"/>
      <c r="I2659" s="451"/>
      <c r="J2659" s="144"/>
      <c r="K2659" s="517"/>
      <c r="L2659" s="455">
        <v>38362</v>
      </c>
      <c r="M2659" s="455"/>
      <c r="N2659" s="418" t="str">
        <f t="shared" si="82"/>
        <v/>
      </c>
    </row>
    <row r="2660" spans="1:14" ht="28.5">
      <c r="A2660" s="383"/>
      <c r="B2660" s="411">
        <f t="shared" si="83"/>
        <v>135</v>
      </c>
      <c r="C2660" s="498" t="s">
        <v>5605</v>
      </c>
      <c r="D2660" s="449" t="s">
        <v>5606</v>
      </c>
      <c r="E2660" s="452" t="s">
        <v>595</v>
      </c>
      <c r="F2660" s="449" t="s">
        <v>596</v>
      </c>
      <c r="G2660" s="450"/>
      <c r="H2660" s="451"/>
      <c r="I2660" s="451"/>
      <c r="J2660" s="144"/>
      <c r="K2660" s="517"/>
      <c r="L2660" s="455">
        <v>38362</v>
      </c>
      <c r="M2660" s="455"/>
      <c r="N2660" s="418" t="str">
        <f t="shared" si="82"/>
        <v/>
      </c>
    </row>
    <row r="2661" spans="1:14" ht="28.5">
      <c r="A2661" s="383"/>
      <c r="B2661" s="411">
        <f t="shared" si="83"/>
        <v>135</v>
      </c>
      <c r="C2661" s="498" t="s">
        <v>5607</v>
      </c>
      <c r="D2661" s="449" t="s">
        <v>5608</v>
      </c>
      <c r="E2661" s="452" t="s">
        <v>595</v>
      </c>
      <c r="F2661" s="449" t="s">
        <v>596</v>
      </c>
      <c r="G2661" s="450"/>
      <c r="H2661" s="451"/>
      <c r="I2661" s="451"/>
      <c r="J2661" s="144"/>
      <c r="K2661" s="517"/>
      <c r="L2661" s="455">
        <v>38362</v>
      </c>
      <c r="M2661" s="455"/>
      <c r="N2661" s="418" t="str">
        <f t="shared" si="82"/>
        <v/>
      </c>
    </row>
    <row r="2662" spans="1:14" ht="28.5">
      <c r="A2662" s="383"/>
      <c r="B2662" s="411">
        <f t="shared" si="83"/>
        <v>135</v>
      </c>
      <c r="C2662" s="498" t="s">
        <v>5609</v>
      </c>
      <c r="D2662" s="449" t="s">
        <v>5610</v>
      </c>
      <c r="E2662" s="452" t="s">
        <v>595</v>
      </c>
      <c r="F2662" s="449" t="s">
        <v>596</v>
      </c>
      <c r="G2662" s="450"/>
      <c r="H2662" s="451"/>
      <c r="I2662" s="451"/>
      <c r="J2662" s="144"/>
      <c r="K2662" s="517"/>
      <c r="L2662" s="455">
        <v>38362</v>
      </c>
      <c r="M2662" s="455"/>
      <c r="N2662" s="418" t="str">
        <f t="shared" si="82"/>
        <v/>
      </c>
    </row>
    <row r="2663" spans="1:14" ht="28.5">
      <c r="A2663" s="383"/>
      <c r="B2663" s="411">
        <f t="shared" si="83"/>
        <v>135</v>
      </c>
      <c r="C2663" s="498" t="s">
        <v>5611</v>
      </c>
      <c r="D2663" s="449" t="s">
        <v>5612</v>
      </c>
      <c r="E2663" s="452" t="s">
        <v>595</v>
      </c>
      <c r="F2663" s="449" t="s">
        <v>596</v>
      </c>
      <c r="G2663" s="450"/>
      <c r="H2663" s="451"/>
      <c r="I2663" s="451"/>
      <c r="J2663" s="144"/>
      <c r="K2663" s="517"/>
      <c r="L2663" s="455">
        <v>38362</v>
      </c>
      <c r="M2663" s="455"/>
      <c r="N2663" s="418" t="str">
        <f t="shared" si="82"/>
        <v/>
      </c>
    </row>
    <row r="2664" spans="1:14" ht="15.75">
      <c r="A2664" s="383"/>
      <c r="B2664" s="411">
        <f t="shared" si="83"/>
        <v>135</v>
      </c>
      <c r="C2664" s="498" t="s">
        <v>5613</v>
      </c>
      <c r="D2664" s="449" t="s">
        <v>5614</v>
      </c>
      <c r="E2664" s="452" t="s">
        <v>595</v>
      </c>
      <c r="F2664" s="449" t="s">
        <v>596</v>
      </c>
      <c r="G2664" s="450"/>
      <c r="H2664" s="451"/>
      <c r="I2664" s="451"/>
      <c r="J2664" s="144"/>
      <c r="K2664" s="517"/>
      <c r="L2664" s="455">
        <v>38362</v>
      </c>
      <c r="M2664" s="455"/>
      <c r="N2664" s="418" t="str">
        <f t="shared" si="82"/>
        <v/>
      </c>
    </row>
    <row r="2665" spans="1:14" ht="28.5">
      <c r="A2665" s="383"/>
      <c r="B2665" s="411">
        <f t="shared" si="83"/>
        <v>135</v>
      </c>
      <c r="C2665" s="498" t="s">
        <v>5615</v>
      </c>
      <c r="D2665" s="449" t="s">
        <v>5616</v>
      </c>
      <c r="E2665" s="452" t="s">
        <v>595</v>
      </c>
      <c r="F2665" s="449" t="s">
        <v>596</v>
      </c>
      <c r="G2665" s="450"/>
      <c r="H2665" s="451"/>
      <c r="I2665" s="451"/>
      <c r="J2665" s="144"/>
      <c r="K2665" s="517"/>
      <c r="L2665" s="455">
        <v>38362</v>
      </c>
      <c r="M2665" s="455"/>
      <c r="N2665" s="418" t="str">
        <f t="shared" si="82"/>
        <v/>
      </c>
    </row>
    <row r="2666" spans="1:14" ht="28.5">
      <c r="A2666" s="383"/>
      <c r="B2666" s="411">
        <f t="shared" si="83"/>
        <v>135</v>
      </c>
      <c r="C2666" s="498" t="s">
        <v>5617</v>
      </c>
      <c r="D2666" s="449" t="s">
        <v>5618</v>
      </c>
      <c r="E2666" s="452" t="s">
        <v>595</v>
      </c>
      <c r="F2666" s="449" t="s">
        <v>596</v>
      </c>
      <c r="G2666" s="450"/>
      <c r="H2666" s="451"/>
      <c r="I2666" s="451"/>
      <c r="J2666" s="144"/>
      <c r="K2666" s="517"/>
      <c r="L2666" s="455">
        <v>38362</v>
      </c>
      <c r="M2666" s="455"/>
      <c r="N2666" s="418" t="str">
        <f t="shared" si="82"/>
        <v/>
      </c>
    </row>
    <row r="2667" spans="1:14" ht="28.5">
      <c r="A2667" s="383"/>
      <c r="B2667" s="411">
        <f t="shared" si="83"/>
        <v>135</v>
      </c>
      <c r="C2667" s="498" t="s">
        <v>5619</v>
      </c>
      <c r="D2667" s="449" t="s">
        <v>5620</v>
      </c>
      <c r="E2667" s="452" t="s">
        <v>595</v>
      </c>
      <c r="F2667" s="449" t="s">
        <v>596</v>
      </c>
      <c r="G2667" s="450"/>
      <c r="H2667" s="451"/>
      <c r="I2667" s="451"/>
      <c r="J2667" s="144"/>
      <c r="K2667" s="517"/>
      <c r="L2667" s="455">
        <v>38362</v>
      </c>
      <c r="M2667" s="455"/>
      <c r="N2667" s="418" t="str">
        <f t="shared" si="82"/>
        <v/>
      </c>
    </row>
    <row r="2668" spans="1:14" ht="15.75">
      <c r="A2668" s="383"/>
      <c r="B2668" s="411">
        <f t="shared" si="83"/>
        <v>135</v>
      </c>
      <c r="C2668" s="498" t="s">
        <v>5621</v>
      </c>
      <c r="D2668" s="449" t="s">
        <v>5622</v>
      </c>
      <c r="E2668" s="452" t="s">
        <v>595</v>
      </c>
      <c r="F2668" s="449" t="s">
        <v>596</v>
      </c>
      <c r="G2668" s="450"/>
      <c r="H2668" s="451"/>
      <c r="I2668" s="451"/>
      <c r="J2668" s="144"/>
      <c r="K2668" s="517"/>
      <c r="L2668" s="455">
        <v>38362</v>
      </c>
      <c r="M2668" s="455"/>
      <c r="N2668" s="418" t="str">
        <f t="shared" si="82"/>
        <v/>
      </c>
    </row>
    <row r="2669" spans="1:14" ht="15.75">
      <c r="A2669" s="383"/>
      <c r="B2669" s="411">
        <f t="shared" si="83"/>
        <v>135</v>
      </c>
      <c r="C2669" s="498" t="s">
        <v>5623</v>
      </c>
      <c r="D2669" s="449" t="s">
        <v>5624</v>
      </c>
      <c r="E2669" s="452" t="s">
        <v>595</v>
      </c>
      <c r="F2669" s="449" t="s">
        <v>596</v>
      </c>
      <c r="G2669" s="450"/>
      <c r="H2669" s="451"/>
      <c r="I2669" s="451"/>
      <c r="J2669" s="144"/>
      <c r="K2669" s="517"/>
      <c r="L2669" s="455">
        <v>38362</v>
      </c>
      <c r="M2669" s="455"/>
      <c r="N2669" s="418" t="str">
        <f t="shared" si="82"/>
        <v/>
      </c>
    </row>
    <row r="2670" spans="1:14" ht="15.75">
      <c r="A2670" s="383"/>
      <c r="B2670" s="411">
        <f t="shared" si="83"/>
        <v>135</v>
      </c>
      <c r="C2670" s="498" t="s">
        <v>5625</v>
      </c>
      <c r="D2670" s="449" t="s">
        <v>5626</v>
      </c>
      <c r="E2670" s="452" t="s">
        <v>595</v>
      </c>
      <c r="F2670" s="449" t="s">
        <v>596</v>
      </c>
      <c r="G2670" s="450"/>
      <c r="H2670" s="451"/>
      <c r="I2670" s="451"/>
      <c r="J2670" s="144"/>
      <c r="K2670" s="517"/>
      <c r="L2670" s="455">
        <v>38362</v>
      </c>
      <c r="M2670" s="455"/>
      <c r="N2670" s="418" t="str">
        <f t="shared" si="82"/>
        <v/>
      </c>
    </row>
    <row r="2671" spans="1:14" ht="15.75">
      <c r="A2671" s="383"/>
      <c r="B2671" s="411">
        <f t="shared" si="83"/>
        <v>135</v>
      </c>
      <c r="C2671" s="498" t="s">
        <v>5627</v>
      </c>
      <c r="D2671" s="449" t="s">
        <v>5628</v>
      </c>
      <c r="E2671" s="452" t="s">
        <v>595</v>
      </c>
      <c r="F2671" s="449" t="s">
        <v>596</v>
      </c>
      <c r="G2671" s="450"/>
      <c r="H2671" s="451"/>
      <c r="I2671" s="451"/>
      <c r="J2671" s="144"/>
      <c r="K2671" s="517"/>
      <c r="L2671" s="455">
        <v>38362</v>
      </c>
      <c r="M2671" s="455"/>
      <c r="N2671" s="418" t="str">
        <f t="shared" si="82"/>
        <v/>
      </c>
    </row>
    <row r="2672" spans="1:14" ht="28.5">
      <c r="A2672" s="383"/>
      <c r="B2672" s="411">
        <f t="shared" si="83"/>
        <v>135</v>
      </c>
      <c r="C2672" s="498" t="s">
        <v>5629</v>
      </c>
      <c r="D2672" s="449" t="s">
        <v>5630</v>
      </c>
      <c r="E2672" s="452" t="s">
        <v>595</v>
      </c>
      <c r="F2672" s="449" t="s">
        <v>596</v>
      </c>
      <c r="G2672" s="450"/>
      <c r="H2672" s="451"/>
      <c r="I2672" s="451"/>
      <c r="J2672" s="144"/>
      <c r="K2672" s="517"/>
      <c r="L2672" s="455">
        <v>38362</v>
      </c>
      <c r="M2672" s="455"/>
      <c r="N2672" s="418" t="str">
        <f t="shared" si="82"/>
        <v/>
      </c>
    </row>
    <row r="2673" spans="1:14" ht="28.5">
      <c r="A2673" s="383"/>
      <c r="B2673" s="411">
        <f t="shared" si="83"/>
        <v>135</v>
      </c>
      <c r="C2673" s="498" t="s">
        <v>5631</v>
      </c>
      <c r="D2673" s="449" t="s">
        <v>5632</v>
      </c>
      <c r="E2673" s="452" t="s">
        <v>595</v>
      </c>
      <c r="F2673" s="449" t="s">
        <v>596</v>
      </c>
      <c r="G2673" s="450"/>
      <c r="H2673" s="451"/>
      <c r="I2673" s="451"/>
      <c r="J2673" s="144"/>
      <c r="K2673" s="517"/>
      <c r="L2673" s="455">
        <v>38362</v>
      </c>
      <c r="M2673" s="455"/>
      <c r="N2673" s="418" t="str">
        <f t="shared" si="82"/>
        <v/>
      </c>
    </row>
    <row r="2674" spans="1:14" ht="15.75">
      <c r="A2674" s="383"/>
      <c r="B2674" s="411">
        <f t="shared" si="83"/>
        <v>135</v>
      </c>
      <c r="C2674" s="498" t="s">
        <v>5633</v>
      </c>
      <c r="D2674" s="449" t="s">
        <v>5634</v>
      </c>
      <c r="E2674" s="452" t="s">
        <v>595</v>
      </c>
      <c r="F2674" s="449" t="s">
        <v>596</v>
      </c>
      <c r="G2674" s="450"/>
      <c r="H2674" s="451"/>
      <c r="I2674" s="451"/>
      <c r="J2674" s="144"/>
      <c r="K2674" s="517"/>
      <c r="L2674" s="455">
        <v>38362</v>
      </c>
      <c r="M2674" s="455"/>
      <c r="N2674" s="418" t="str">
        <f t="shared" si="82"/>
        <v/>
      </c>
    </row>
    <row r="2675" spans="1:14" ht="28.5">
      <c r="A2675" s="383"/>
      <c r="B2675" s="411">
        <f t="shared" si="83"/>
        <v>135</v>
      </c>
      <c r="C2675" s="498" t="s">
        <v>5635</v>
      </c>
      <c r="D2675" s="449" t="s">
        <v>5636</v>
      </c>
      <c r="E2675" s="452" t="s">
        <v>595</v>
      </c>
      <c r="F2675" s="449" t="s">
        <v>596</v>
      </c>
      <c r="G2675" s="450"/>
      <c r="H2675" s="451"/>
      <c r="I2675" s="451"/>
      <c r="J2675" s="144"/>
      <c r="K2675" s="517"/>
      <c r="L2675" s="455">
        <v>38362</v>
      </c>
      <c r="M2675" s="455"/>
      <c r="N2675" s="418" t="str">
        <f t="shared" si="82"/>
        <v/>
      </c>
    </row>
    <row r="2676" spans="1:14" ht="15.75">
      <c r="A2676" s="383"/>
      <c r="B2676" s="411">
        <f t="shared" si="83"/>
        <v>135</v>
      </c>
      <c r="C2676" s="498" t="s">
        <v>5637</v>
      </c>
      <c r="D2676" s="449" t="s">
        <v>5638</v>
      </c>
      <c r="E2676" s="452" t="s">
        <v>595</v>
      </c>
      <c r="F2676" s="449" t="s">
        <v>596</v>
      </c>
      <c r="G2676" s="450"/>
      <c r="H2676" s="451"/>
      <c r="I2676" s="451"/>
      <c r="J2676" s="144"/>
      <c r="K2676" s="517"/>
      <c r="L2676" s="455">
        <v>38362</v>
      </c>
      <c r="M2676" s="455"/>
      <c r="N2676" s="418" t="str">
        <f t="shared" si="82"/>
        <v/>
      </c>
    </row>
    <row r="2677" spans="1:14" ht="15.75">
      <c r="A2677" s="383"/>
      <c r="B2677" s="411">
        <f t="shared" si="83"/>
        <v>135</v>
      </c>
      <c r="C2677" s="498" t="s">
        <v>5639</v>
      </c>
      <c r="D2677" s="449" t="s">
        <v>5640</v>
      </c>
      <c r="E2677" s="452" t="s">
        <v>595</v>
      </c>
      <c r="F2677" s="449" t="s">
        <v>596</v>
      </c>
      <c r="G2677" s="450"/>
      <c r="H2677" s="451"/>
      <c r="I2677" s="451"/>
      <c r="J2677" s="144"/>
      <c r="K2677" s="517"/>
      <c r="L2677" s="455">
        <v>38362</v>
      </c>
      <c r="M2677" s="455"/>
      <c r="N2677" s="418" t="str">
        <f t="shared" si="82"/>
        <v/>
      </c>
    </row>
    <row r="2678" spans="1:14" ht="15.75">
      <c r="A2678" s="383"/>
      <c r="B2678" s="411">
        <f t="shared" si="83"/>
        <v>135</v>
      </c>
      <c r="C2678" s="498" t="s">
        <v>5641</v>
      </c>
      <c r="D2678" s="449" t="s">
        <v>5642</v>
      </c>
      <c r="E2678" s="452" t="s">
        <v>595</v>
      </c>
      <c r="F2678" s="449" t="s">
        <v>596</v>
      </c>
      <c r="G2678" s="450"/>
      <c r="H2678" s="451"/>
      <c r="I2678" s="451"/>
      <c r="J2678" s="144"/>
      <c r="K2678" s="517"/>
      <c r="L2678" s="455">
        <v>38362</v>
      </c>
      <c r="M2678" s="455"/>
      <c r="N2678" s="418" t="str">
        <f t="shared" si="82"/>
        <v/>
      </c>
    </row>
    <row r="2679" spans="1:14" ht="15.75">
      <c r="A2679" s="383"/>
      <c r="B2679" s="411">
        <f t="shared" si="83"/>
        <v>135</v>
      </c>
      <c r="C2679" s="498" t="s">
        <v>5643</v>
      </c>
      <c r="D2679" s="449" t="s">
        <v>5644</v>
      </c>
      <c r="E2679" s="452" t="s">
        <v>595</v>
      </c>
      <c r="F2679" s="449" t="s">
        <v>596</v>
      </c>
      <c r="G2679" s="450"/>
      <c r="H2679" s="451"/>
      <c r="I2679" s="451"/>
      <c r="J2679" s="144"/>
      <c r="K2679" s="517"/>
      <c r="L2679" s="455">
        <v>38362</v>
      </c>
      <c r="M2679" s="455"/>
      <c r="N2679" s="418" t="str">
        <f t="shared" si="82"/>
        <v/>
      </c>
    </row>
    <row r="2680" spans="1:14" ht="15.75">
      <c r="A2680" s="383"/>
      <c r="B2680" s="411">
        <f t="shared" si="83"/>
        <v>135</v>
      </c>
      <c r="C2680" s="498" t="s">
        <v>5645</v>
      </c>
      <c r="D2680" s="449" t="s">
        <v>5646</v>
      </c>
      <c r="E2680" s="452" t="s">
        <v>595</v>
      </c>
      <c r="F2680" s="449" t="s">
        <v>596</v>
      </c>
      <c r="G2680" s="450"/>
      <c r="H2680" s="451"/>
      <c r="I2680" s="451"/>
      <c r="J2680" s="144"/>
      <c r="K2680" s="517"/>
      <c r="L2680" s="455">
        <v>38362</v>
      </c>
      <c r="M2680" s="455"/>
      <c r="N2680" s="418" t="str">
        <f t="shared" si="82"/>
        <v/>
      </c>
    </row>
    <row r="2681" spans="1:14" ht="15.75">
      <c r="A2681" s="383"/>
      <c r="B2681" s="411">
        <f t="shared" si="83"/>
        <v>135</v>
      </c>
      <c r="C2681" s="498" t="s">
        <v>5647</v>
      </c>
      <c r="D2681" s="449" t="s">
        <v>5648</v>
      </c>
      <c r="E2681" s="452" t="s">
        <v>595</v>
      </c>
      <c r="F2681" s="449" t="s">
        <v>596</v>
      </c>
      <c r="G2681" s="450"/>
      <c r="H2681" s="451"/>
      <c r="I2681" s="451"/>
      <c r="J2681" s="144"/>
      <c r="K2681" s="517"/>
      <c r="L2681" s="455">
        <v>38362</v>
      </c>
      <c r="M2681" s="455"/>
      <c r="N2681" s="418" t="str">
        <f t="shared" si="82"/>
        <v/>
      </c>
    </row>
    <row r="2682" spans="1:14" ht="15.75">
      <c r="A2682" s="383"/>
      <c r="B2682" s="411">
        <f t="shared" si="83"/>
        <v>135</v>
      </c>
      <c r="C2682" s="498" t="s">
        <v>5649</v>
      </c>
      <c r="D2682" s="449" t="s">
        <v>5650</v>
      </c>
      <c r="E2682" s="452" t="s">
        <v>595</v>
      </c>
      <c r="F2682" s="449" t="s">
        <v>596</v>
      </c>
      <c r="G2682" s="450"/>
      <c r="H2682" s="451"/>
      <c r="I2682" s="451"/>
      <c r="J2682" s="144"/>
      <c r="K2682" s="517"/>
      <c r="L2682" s="455">
        <v>38362</v>
      </c>
      <c r="M2682" s="455"/>
      <c r="N2682" s="418" t="str">
        <f t="shared" si="82"/>
        <v/>
      </c>
    </row>
    <row r="2683" spans="1:14" ht="15.75">
      <c r="A2683" s="383"/>
      <c r="B2683" s="411">
        <f t="shared" si="83"/>
        <v>135</v>
      </c>
      <c r="C2683" s="498" t="s">
        <v>5651</v>
      </c>
      <c r="D2683" s="449" t="s">
        <v>5652</v>
      </c>
      <c r="E2683" s="452" t="s">
        <v>595</v>
      </c>
      <c r="F2683" s="449" t="s">
        <v>596</v>
      </c>
      <c r="G2683" s="450"/>
      <c r="H2683" s="451"/>
      <c r="I2683" s="451"/>
      <c r="J2683" s="144"/>
      <c r="K2683" s="517"/>
      <c r="L2683" s="455">
        <v>38362</v>
      </c>
      <c r="M2683" s="455"/>
      <c r="N2683" s="418" t="str">
        <f t="shared" si="82"/>
        <v/>
      </c>
    </row>
    <row r="2684" spans="1:14" ht="15.75">
      <c r="A2684" s="383"/>
      <c r="B2684" s="411">
        <f t="shared" si="83"/>
        <v>135</v>
      </c>
      <c r="C2684" s="498" t="s">
        <v>5653</v>
      </c>
      <c r="D2684" s="449" t="s">
        <v>5654</v>
      </c>
      <c r="E2684" s="452" t="s">
        <v>595</v>
      </c>
      <c r="F2684" s="449" t="s">
        <v>596</v>
      </c>
      <c r="G2684" s="450"/>
      <c r="H2684" s="451"/>
      <c r="I2684" s="451"/>
      <c r="J2684" s="144"/>
      <c r="K2684" s="517"/>
      <c r="L2684" s="455">
        <v>38362</v>
      </c>
      <c r="M2684" s="455"/>
      <c r="N2684" s="418" t="str">
        <f t="shared" si="82"/>
        <v/>
      </c>
    </row>
    <row r="2685" spans="1:14" ht="57">
      <c r="A2685" s="383"/>
      <c r="B2685" s="411">
        <f t="shared" si="83"/>
        <v>135</v>
      </c>
      <c r="C2685" s="498" t="s">
        <v>5655</v>
      </c>
      <c r="D2685" s="449" t="s">
        <v>5656</v>
      </c>
      <c r="E2685" s="452" t="s">
        <v>595</v>
      </c>
      <c r="F2685" s="449" t="s">
        <v>596</v>
      </c>
      <c r="G2685" s="449"/>
      <c r="H2685" s="451"/>
      <c r="I2685" s="451"/>
      <c r="J2685" s="144"/>
      <c r="K2685" s="522"/>
      <c r="L2685" s="455">
        <v>38362</v>
      </c>
      <c r="M2685" s="455">
        <v>40575</v>
      </c>
      <c r="N2685" s="418" t="str">
        <f t="shared" si="82"/>
        <v/>
      </c>
    </row>
    <row r="2686" spans="1:14" ht="42.75">
      <c r="A2686" s="383"/>
      <c r="B2686" s="411">
        <f t="shared" si="83"/>
        <v>135</v>
      </c>
      <c r="C2686" s="498" t="s">
        <v>5657</v>
      </c>
      <c r="D2686" s="449" t="s">
        <v>5658</v>
      </c>
      <c r="E2686" s="452" t="s">
        <v>595</v>
      </c>
      <c r="F2686" s="449" t="s">
        <v>596</v>
      </c>
      <c r="G2686" s="450"/>
      <c r="H2686" s="451"/>
      <c r="I2686" s="451"/>
      <c r="J2686" s="144"/>
      <c r="K2686" s="517"/>
      <c r="L2686" s="455">
        <v>38362</v>
      </c>
      <c r="M2686" s="455"/>
      <c r="N2686" s="418" t="str">
        <f t="shared" si="82"/>
        <v/>
      </c>
    </row>
    <row r="2687" spans="1:14" ht="42.75">
      <c r="A2687" s="383"/>
      <c r="B2687" s="411">
        <f t="shared" si="83"/>
        <v>135</v>
      </c>
      <c r="C2687" s="498" t="s">
        <v>5659</v>
      </c>
      <c r="D2687" s="449" t="s">
        <v>5660</v>
      </c>
      <c r="E2687" s="452" t="s">
        <v>595</v>
      </c>
      <c r="F2687" s="449" t="s">
        <v>596</v>
      </c>
      <c r="G2687" s="450"/>
      <c r="H2687" s="451"/>
      <c r="I2687" s="451"/>
      <c r="J2687" s="144"/>
      <c r="K2687" s="517"/>
      <c r="L2687" s="455">
        <v>38362</v>
      </c>
      <c r="M2687" s="455"/>
      <c r="N2687" s="418" t="str">
        <f t="shared" si="82"/>
        <v/>
      </c>
    </row>
    <row r="2688" spans="1:14" ht="28.5">
      <c r="A2688" s="383"/>
      <c r="B2688" s="411">
        <f t="shared" si="83"/>
        <v>135</v>
      </c>
      <c r="C2688" s="498" t="s">
        <v>5661</v>
      </c>
      <c r="D2688" s="449" t="s">
        <v>5662</v>
      </c>
      <c r="E2688" s="452" t="s">
        <v>595</v>
      </c>
      <c r="F2688" s="449" t="s">
        <v>596</v>
      </c>
      <c r="G2688" s="450"/>
      <c r="H2688" s="451"/>
      <c r="I2688" s="451"/>
      <c r="J2688" s="144"/>
      <c r="K2688" s="517"/>
      <c r="L2688" s="455">
        <v>38362</v>
      </c>
      <c r="M2688" s="455"/>
      <c r="N2688" s="418" t="str">
        <f t="shared" si="82"/>
        <v/>
      </c>
    </row>
    <row r="2689" spans="1:14" ht="15.75">
      <c r="A2689" s="383"/>
      <c r="B2689" s="411">
        <f t="shared" si="83"/>
        <v>135</v>
      </c>
      <c r="C2689" s="498" t="s">
        <v>5663</v>
      </c>
      <c r="D2689" s="449" t="s">
        <v>5664</v>
      </c>
      <c r="E2689" s="452" t="s">
        <v>595</v>
      </c>
      <c r="F2689" s="449" t="s">
        <v>596</v>
      </c>
      <c r="G2689" s="450"/>
      <c r="H2689" s="451"/>
      <c r="I2689" s="451"/>
      <c r="J2689" s="144"/>
      <c r="K2689" s="517"/>
      <c r="L2689" s="455">
        <v>38362</v>
      </c>
      <c r="M2689" s="455"/>
      <c r="N2689" s="418" t="str">
        <f t="shared" si="82"/>
        <v/>
      </c>
    </row>
    <row r="2690" spans="1:14" ht="42.75">
      <c r="A2690" s="383"/>
      <c r="B2690" s="411">
        <f t="shared" si="83"/>
        <v>135</v>
      </c>
      <c r="C2690" s="498" t="s">
        <v>5665</v>
      </c>
      <c r="D2690" s="449" t="s">
        <v>5666</v>
      </c>
      <c r="E2690" s="452" t="s">
        <v>595</v>
      </c>
      <c r="F2690" s="449" t="s">
        <v>596</v>
      </c>
      <c r="G2690" s="450"/>
      <c r="H2690" s="451"/>
      <c r="I2690" s="451"/>
      <c r="J2690" s="144"/>
      <c r="K2690" s="517"/>
      <c r="L2690" s="455">
        <v>38362</v>
      </c>
      <c r="M2690" s="455"/>
      <c r="N2690" s="418" t="str">
        <f t="shared" si="82"/>
        <v/>
      </c>
    </row>
    <row r="2691" spans="1:14" ht="57">
      <c r="A2691" s="383"/>
      <c r="B2691" s="411">
        <f t="shared" si="83"/>
        <v>135</v>
      </c>
      <c r="C2691" s="498" t="s">
        <v>5667</v>
      </c>
      <c r="D2691" s="449" t="s">
        <v>5668</v>
      </c>
      <c r="E2691" s="452" t="s">
        <v>595</v>
      </c>
      <c r="F2691" s="449" t="s">
        <v>596</v>
      </c>
      <c r="G2691" s="450"/>
      <c r="H2691" s="451"/>
      <c r="I2691" s="451"/>
      <c r="J2691" s="144"/>
      <c r="K2691" s="517"/>
      <c r="L2691" s="455">
        <v>38362</v>
      </c>
      <c r="M2691" s="455"/>
      <c r="N2691" s="418" t="str">
        <f t="shared" si="82"/>
        <v/>
      </c>
    </row>
    <row r="2692" spans="1:14" ht="57">
      <c r="A2692" s="383"/>
      <c r="B2692" s="411">
        <f t="shared" si="83"/>
        <v>135</v>
      </c>
      <c r="C2692" s="498" t="s">
        <v>5669</v>
      </c>
      <c r="D2692" s="449" t="s">
        <v>5670</v>
      </c>
      <c r="E2692" s="452" t="s">
        <v>595</v>
      </c>
      <c r="F2692" s="449" t="s">
        <v>596</v>
      </c>
      <c r="G2692" s="450"/>
      <c r="H2692" s="451"/>
      <c r="I2692" s="451"/>
      <c r="J2692" s="144"/>
      <c r="K2692" s="517"/>
      <c r="L2692" s="455">
        <v>38362</v>
      </c>
      <c r="M2692" s="455"/>
      <c r="N2692" s="418" t="str">
        <f t="shared" si="82"/>
        <v/>
      </c>
    </row>
    <row r="2693" spans="1:14" ht="57">
      <c r="A2693" s="383"/>
      <c r="B2693" s="411">
        <f t="shared" si="83"/>
        <v>135</v>
      </c>
      <c r="C2693" s="498" t="s">
        <v>5671</v>
      </c>
      <c r="D2693" s="449" t="s">
        <v>5672</v>
      </c>
      <c r="E2693" s="452" t="s">
        <v>595</v>
      </c>
      <c r="F2693" s="449" t="s">
        <v>596</v>
      </c>
      <c r="G2693" s="450"/>
      <c r="H2693" s="451"/>
      <c r="I2693" s="451"/>
      <c r="J2693" s="144"/>
      <c r="K2693" s="517"/>
      <c r="L2693" s="455">
        <v>38362</v>
      </c>
      <c r="M2693" s="455"/>
      <c r="N2693" s="418" t="str">
        <f t="shared" si="82"/>
        <v/>
      </c>
    </row>
    <row r="2694" spans="1:14" ht="28.5">
      <c r="A2694" s="383"/>
      <c r="B2694" s="411">
        <f t="shared" si="83"/>
        <v>135</v>
      </c>
      <c r="C2694" s="498" t="s">
        <v>5673</v>
      </c>
      <c r="D2694" s="449" t="s">
        <v>5674</v>
      </c>
      <c r="E2694" s="452" t="s">
        <v>595</v>
      </c>
      <c r="F2694" s="449" t="s">
        <v>596</v>
      </c>
      <c r="G2694" s="450"/>
      <c r="H2694" s="451"/>
      <c r="I2694" s="451"/>
      <c r="J2694" s="144"/>
      <c r="K2694" s="517"/>
      <c r="L2694" s="455">
        <v>38362</v>
      </c>
      <c r="M2694" s="455"/>
      <c r="N2694" s="418" t="str">
        <f t="shared" si="82"/>
        <v/>
      </c>
    </row>
    <row r="2695" spans="1:14" ht="28.5">
      <c r="A2695" s="383"/>
      <c r="B2695" s="411">
        <f t="shared" si="83"/>
        <v>135</v>
      </c>
      <c r="C2695" s="498" t="s">
        <v>5675</v>
      </c>
      <c r="D2695" s="449" t="s">
        <v>5676</v>
      </c>
      <c r="E2695" s="452" t="s">
        <v>595</v>
      </c>
      <c r="F2695" s="449" t="s">
        <v>596</v>
      </c>
      <c r="G2695" s="450"/>
      <c r="H2695" s="451"/>
      <c r="I2695" s="451"/>
      <c r="J2695" s="144"/>
      <c r="K2695" s="517"/>
      <c r="L2695" s="455">
        <v>38362</v>
      </c>
      <c r="M2695" s="455"/>
      <c r="N2695" s="418" t="str">
        <f t="shared" si="82"/>
        <v/>
      </c>
    </row>
    <row r="2696" spans="1:14" ht="28.5">
      <c r="A2696" s="383"/>
      <c r="B2696" s="411">
        <f t="shared" si="83"/>
        <v>135</v>
      </c>
      <c r="C2696" s="498" t="s">
        <v>5677</v>
      </c>
      <c r="D2696" s="449" t="s">
        <v>5678</v>
      </c>
      <c r="E2696" s="452" t="s">
        <v>595</v>
      </c>
      <c r="F2696" s="449" t="s">
        <v>596</v>
      </c>
      <c r="G2696" s="450"/>
      <c r="H2696" s="451"/>
      <c r="I2696" s="451"/>
      <c r="J2696" s="144"/>
      <c r="K2696" s="517"/>
      <c r="L2696" s="455">
        <v>38362</v>
      </c>
      <c r="M2696" s="455"/>
      <c r="N2696" s="418" t="str">
        <f t="shared" si="82"/>
        <v/>
      </c>
    </row>
    <row r="2697" spans="1:14" ht="42.75">
      <c r="A2697" s="383"/>
      <c r="B2697" s="411">
        <f t="shared" si="83"/>
        <v>135</v>
      </c>
      <c r="C2697" s="498" t="s">
        <v>5679</v>
      </c>
      <c r="D2697" s="449" t="s">
        <v>5680</v>
      </c>
      <c r="E2697" s="452" t="s">
        <v>595</v>
      </c>
      <c r="F2697" s="449" t="s">
        <v>596</v>
      </c>
      <c r="G2697" s="450"/>
      <c r="H2697" s="451"/>
      <c r="I2697" s="451"/>
      <c r="J2697" s="144"/>
      <c r="K2697" s="517"/>
      <c r="L2697" s="455">
        <v>38362</v>
      </c>
      <c r="M2697" s="455"/>
      <c r="N2697" s="418" t="str">
        <f t="shared" si="82"/>
        <v/>
      </c>
    </row>
    <row r="2698" spans="1:14" ht="42.75">
      <c r="A2698" s="383"/>
      <c r="B2698" s="411">
        <f t="shared" si="83"/>
        <v>135</v>
      </c>
      <c r="C2698" s="498" t="s">
        <v>5681</v>
      </c>
      <c r="D2698" s="449" t="s">
        <v>5682</v>
      </c>
      <c r="E2698" s="452" t="s">
        <v>595</v>
      </c>
      <c r="F2698" s="449" t="s">
        <v>596</v>
      </c>
      <c r="G2698" s="450"/>
      <c r="H2698" s="451"/>
      <c r="I2698" s="451"/>
      <c r="J2698" s="144"/>
      <c r="K2698" s="517"/>
      <c r="L2698" s="455">
        <v>38362</v>
      </c>
      <c r="M2698" s="455"/>
      <c r="N2698" s="418" t="str">
        <f t="shared" ref="N2698:N2761" si="84">IF(D2698="NA","",IF(COUNTIF($D$2:$D$5552,D2698)&gt;1,"DUPLICATE",""))</f>
        <v/>
      </c>
    </row>
    <row r="2699" spans="1:14" ht="42.75">
      <c r="A2699" s="383"/>
      <c r="B2699" s="411">
        <f t="shared" si="83"/>
        <v>135</v>
      </c>
      <c r="C2699" s="498" t="s">
        <v>5683</v>
      </c>
      <c r="D2699" s="449" t="s">
        <v>5684</v>
      </c>
      <c r="E2699" s="452" t="s">
        <v>595</v>
      </c>
      <c r="F2699" s="449" t="s">
        <v>596</v>
      </c>
      <c r="G2699" s="450"/>
      <c r="H2699" s="451"/>
      <c r="I2699" s="451"/>
      <c r="J2699" s="144"/>
      <c r="K2699" s="517"/>
      <c r="L2699" s="455">
        <v>38362</v>
      </c>
      <c r="M2699" s="455"/>
      <c r="N2699" s="418" t="str">
        <f t="shared" si="84"/>
        <v/>
      </c>
    </row>
    <row r="2700" spans="1:14" ht="42.75">
      <c r="A2700" s="383"/>
      <c r="B2700" s="411">
        <f t="shared" si="83"/>
        <v>135</v>
      </c>
      <c r="C2700" s="498" t="s">
        <v>5685</v>
      </c>
      <c r="D2700" s="449" t="s">
        <v>5686</v>
      </c>
      <c r="E2700" s="452" t="s">
        <v>595</v>
      </c>
      <c r="F2700" s="449" t="s">
        <v>596</v>
      </c>
      <c r="G2700" s="450"/>
      <c r="H2700" s="451"/>
      <c r="I2700" s="451"/>
      <c r="J2700" s="144"/>
      <c r="K2700" s="517"/>
      <c r="L2700" s="455">
        <v>38362</v>
      </c>
      <c r="M2700" s="455"/>
      <c r="N2700" s="418" t="str">
        <f t="shared" si="84"/>
        <v/>
      </c>
    </row>
    <row r="2701" spans="1:14" ht="57">
      <c r="A2701" s="383"/>
      <c r="B2701" s="411">
        <f t="shared" si="83"/>
        <v>135</v>
      </c>
      <c r="C2701" s="498" t="s">
        <v>5687</v>
      </c>
      <c r="D2701" s="449" t="s">
        <v>5688</v>
      </c>
      <c r="E2701" s="510" t="s">
        <v>595</v>
      </c>
      <c r="F2701" s="522" t="s">
        <v>596</v>
      </c>
      <c r="G2701" s="450"/>
      <c r="H2701" s="451"/>
      <c r="I2701" s="451"/>
      <c r="J2701" s="144"/>
      <c r="K2701" s="517"/>
      <c r="L2701" s="455">
        <v>38362</v>
      </c>
      <c r="M2701" s="455"/>
      <c r="N2701" s="418" t="str">
        <f t="shared" si="84"/>
        <v/>
      </c>
    </row>
    <row r="2702" spans="1:14" ht="71.25">
      <c r="A2702" s="383"/>
      <c r="B2702" s="411">
        <f t="shared" si="83"/>
        <v>135</v>
      </c>
      <c r="C2702" s="498" t="s">
        <v>5689</v>
      </c>
      <c r="D2702" s="449" t="s">
        <v>5690</v>
      </c>
      <c r="E2702" s="510" t="s">
        <v>595</v>
      </c>
      <c r="F2702" s="522" t="s">
        <v>596</v>
      </c>
      <c r="G2702" s="450"/>
      <c r="H2702" s="451"/>
      <c r="I2702" s="451"/>
      <c r="J2702" s="144"/>
      <c r="K2702" s="517"/>
      <c r="L2702" s="455">
        <v>38362</v>
      </c>
      <c r="M2702" s="455"/>
      <c r="N2702" s="418" t="str">
        <f t="shared" si="84"/>
        <v/>
      </c>
    </row>
    <row r="2703" spans="1:14" ht="85.5">
      <c r="A2703" s="383"/>
      <c r="B2703" s="411">
        <f t="shared" si="83"/>
        <v>135</v>
      </c>
      <c r="C2703" s="498" t="s">
        <v>5691</v>
      </c>
      <c r="D2703" s="449" t="s">
        <v>5692</v>
      </c>
      <c r="E2703" s="452" t="s">
        <v>595</v>
      </c>
      <c r="F2703" s="449" t="s">
        <v>596</v>
      </c>
      <c r="G2703" s="450"/>
      <c r="H2703" s="451"/>
      <c r="I2703" s="451"/>
      <c r="J2703" s="144"/>
      <c r="K2703" s="517"/>
      <c r="L2703" s="455">
        <v>38362</v>
      </c>
      <c r="M2703" s="455"/>
      <c r="N2703" s="418" t="str">
        <f t="shared" si="84"/>
        <v/>
      </c>
    </row>
    <row r="2704" spans="1:14" ht="71.25">
      <c r="A2704" s="383"/>
      <c r="B2704" s="411">
        <f t="shared" si="83"/>
        <v>135</v>
      </c>
      <c r="C2704" s="498" t="s">
        <v>5693</v>
      </c>
      <c r="D2704" s="449" t="s">
        <v>5694</v>
      </c>
      <c r="E2704" s="452" t="s">
        <v>595</v>
      </c>
      <c r="F2704" s="449" t="s">
        <v>596</v>
      </c>
      <c r="G2704" s="450"/>
      <c r="H2704" s="451"/>
      <c r="I2704" s="451"/>
      <c r="J2704" s="144"/>
      <c r="K2704" s="517"/>
      <c r="L2704" s="455">
        <v>38362</v>
      </c>
      <c r="M2704" s="455"/>
      <c r="N2704" s="418" t="str">
        <f t="shared" si="84"/>
        <v/>
      </c>
    </row>
    <row r="2705" spans="1:14" ht="42.75">
      <c r="A2705" s="383"/>
      <c r="B2705" s="411">
        <f t="shared" si="83"/>
        <v>135</v>
      </c>
      <c r="C2705" s="498" t="s">
        <v>5695</v>
      </c>
      <c r="D2705" s="449" t="s">
        <v>5696</v>
      </c>
      <c r="E2705" s="452" t="s">
        <v>595</v>
      </c>
      <c r="F2705" s="449" t="s">
        <v>596</v>
      </c>
      <c r="G2705" s="450"/>
      <c r="H2705" s="451"/>
      <c r="I2705" s="451"/>
      <c r="J2705" s="144"/>
      <c r="K2705" s="517"/>
      <c r="L2705" s="455">
        <v>38362</v>
      </c>
      <c r="M2705" s="455"/>
      <c r="N2705" s="418" t="str">
        <f t="shared" si="84"/>
        <v/>
      </c>
    </row>
    <row r="2706" spans="1:14" ht="42.75">
      <c r="A2706" s="383"/>
      <c r="B2706" s="411">
        <f t="shared" si="83"/>
        <v>135</v>
      </c>
      <c r="C2706" s="498" t="s">
        <v>5697</v>
      </c>
      <c r="D2706" s="449" t="s">
        <v>5698</v>
      </c>
      <c r="E2706" s="452" t="s">
        <v>595</v>
      </c>
      <c r="F2706" s="449" t="s">
        <v>596</v>
      </c>
      <c r="G2706" s="450"/>
      <c r="H2706" s="451"/>
      <c r="I2706" s="451"/>
      <c r="J2706" s="144"/>
      <c r="K2706" s="517"/>
      <c r="L2706" s="455">
        <v>38362</v>
      </c>
      <c r="M2706" s="455"/>
      <c r="N2706" s="418" t="str">
        <f t="shared" si="84"/>
        <v/>
      </c>
    </row>
    <row r="2707" spans="1:14" ht="42.75">
      <c r="A2707" s="383"/>
      <c r="B2707" s="411">
        <f t="shared" si="83"/>
        <v>135</v>
      </c>
      <c r="C2707" s="498" t="s">
        <v>5699</v>
      </c>
      <c r="D2707" s="449" t="s">
        <v>5700</v>
      </c>
      <c r="E2707" s="452" t="s">
        <v>595</v>
      </c>
      <c r="F2707" s="449" t="s">
        <v>596</v>
      </c>
      <c r="G2707" s="450"/>
      <c r="H2707" s="451"/>
      <c r="I2707" s="451"/>
      <c r="J2707" s="144"/>
      <c r="K2707" s="517"/>
      <c r="L2707" s="455">
        <v>38362</v>
      </c>
      <c r="M2707" s="455"/>
      <c r="N2707" s="418" t="str">
        <f t="shared" si="84"/>
        <v/>
      </c>
    </row>
    <row r="2708" spans="1:14" ht="42.75">
      <c r="A2708" s="383"/>
      <c r="B2708" s="411">
        <f t="shared" si="83"/>
        <v>135</v>
      </c>
      <c r="C2708" s="498" t="s">
        <v>5701</v>
      </c>
      <c r="D2708" s="449" t="s">
        <v>5702</v>
      </c>
      <c r="E2708" s="452" t="s">
        <v>595</v>
      </c>
      <c r="F2708" s="449" t="s">
        <v>596</v>
      </c>
      <c r="G2708" s="450"/>
      <c r="H2708" s="451"/>
      <c r="I2708" s="451"/>
      <c r="J2708" s="144"/>
      <c r="K2708" s="517"/>
      <c r="L2708" s="455">
        <v>38362</v>
      </c>
      <c r="M2708" s="455"/>
      <c r="N2708" s="418" t="str">
        <f t="shared" si="84"/>
        <v/>
      </c>
    </row>
    <row r="2709" spans="1:14" ht="15.75">
      <c r="A2709" s="383"/>
      <c r="B2709" s="411">
        <f t="shared" si="83"/>
        <v>135</v>
      </c>
      <c r="C2709" s="498" t="s">
        <v>5703</v>
      </c>
      <c r="D2709" s="449" t="s">
        <v>5704</v>
      </c>
      <c r="E2709" s="452" t="s">
        <v>595</v>
      </c>
      <c r="F2709" s="449" t="s">
        <v>596</v>
      </c>
      <c r="G2709" s="450"/>
      <c r="H2709" s="451"/>
      <c r="I2709" s="451"/>
      <c r="J2709" s="144"/>
      <c r="K2709" s="517"/>
      <c r="L2709" s="455">
        <v>38362</v>
      </c>
      <c r="M2709" s="455"/>
      <c r="N2709" s="418" t="str">
        <f t="shared" si="84"/>
        <v/>
      </c>
    </row>
    <row r="2710" spans="1:14" ht="15.75">
      <c r="A2710" s="383"/>
      <c r="B2710" s="411">
        <f t="shared" si="83"/>
        <v>135</v>
      </c>
      <c r="C2710" s="498" t="s">
        <v>5705</v>
      </c>
      <c r="D2710" s="449" t="s">
        <v>5706</v>
      </c>
      <c r="E2710" s="452" t="s">
        <v>595</v>
      </c>
      <c r="F2710" s="449" t="s">
        <v>596</v>
      </c>
      <c r="G2710" s="450"/>
      <c r="H2710" s="451"/>
      <c r="I2710" s="451"/>
      <c r="J2710" s="144"/>
      <c r="K2710" s="517"/>
      <c r="L2710" s="455">
        <v>38362</v>
      </c>
      <c r="M2710" s="455"/>
      <c r="N2710" s="418" t="str">
        <f t="shared" si="84"/>
        <v/>
      </c>
    </row>
    <row r="2711" spans="1:14" ht="15.75">
      <c r="A2711" s="383"/>
      <c r="B2711" s="411">
        <f t="shared" si="83"/>
        <v>135</v>
      </c>
      <c r="C2711" s="498" t="s">
        <v>5707</v>
      </c>
      <c r="D2711" s="449" t="s">
        <v>5708</v>
      </c>
      <c r="E2711" s="452" t="s">
        <v>595</v>
      </c>
      <c r="F2711" s="449" t="s">
        <v>596</v>
      </c>
      <c r="G2711" s="450"/>
      <c r="H2711" s="451"/>
      <c r="I2711" s="451"/>
      <c r="J2711" s="144"/>
      <c r="K2711" s="517"/>
      <c r="L2711" s="455">
        <v>38362</v>
      </c>
      <c r="M2711" s="455"/>
      <c r="N2711" s="418" t="str">
        <f t="shared" si="84"/>
        <v/>
      </c>
    </row>
    <row r="2712" spans="1:14" ht="15.75">
      <c r="A2712" s="383"/>
      <c r="B2712" s="411">
        <f t="shared" si="83"/>
        <v>135</v>
      </c>
      <c r="C2712" s="498" t="s">
        <v>5709</v>
      </c>
      <c r="D2712" s="449" t="s">
        <v>5710</v>
      </c>
      <c r="E2712" s="452" t="s">
        <v>595</v>
      </c>
      <c r="F2712" s="449" t="s">
        <v>596</v>
      </c>
      <c r="G2712" s="450"/>
      <c r="H2712" s="451"/>
      <c r="I2712" s="451"/>
      <c r="J2712" s="144"/>
      <c r="K2712" s="517"/>
      <c r="L2712" s="455">
        <v>38362</v>
      </c>
      <c r="M2712" s="455"/>
      <c r="N2712" s="418" t="str">
        <f t="shared" si="84"/>
        <v/>
      </c>
    </row>
    <row r="2713" spans="1:14" ht="78.75">
      <c r="A2713" s="383"/>
      <c r="B2713" s="411">
        <f t="shared" si="83"/>
        <v>135</v>
      </c>
      <c r="C2713" s="498" t="s">
        <v>5711</v>
      </c>
      <c r="D2713" s="449" t="s">
        <v>5712</v>
      </c>
      <c r="E2713" s="452" t="s">
        <v>595</v>
      </c>
      <c r="F2713" s="449" t="s">
        <v>652</v>
      </c>
      <c r="G2713" s="450" t="s">
        <v>1365</v>
      </c>
      <c r="H2713" s="451"/>
      <c r="I2713" s="451"/>
      <c r="J2713" s="144"/>
      <c r="K2713" s="517"/>
      <c r="L2713" s="455">
        <v>38362</v>
      </c>
      <c r="M2713" s="455"/>
      <c r="N2713" s="418" t="str">
        <f t="shared" si="84"/>
        <v>DUPLICATE</v>
      </c>
    </row>
    <row r="2714" spans="1:14" ht="42.75">
      <c r="A2714" s="727"/>
      <c r="B2714" s="411">
        <f t="shared" ref="B2714:B2777" si="85">IF(A2714&gt;0,A2714,B2713)</f>
        <v>135</v>
      </c>
      <c r="C2714" s="498" t="s">
        <v>5713</v>
      </c>
      <c r="D2714" s="449" t="s">
        <v>5714</v>
      </c>
      <c r="E2714" s="636" t="s">
        <v>595</v>
      </c>
      <c r="F2714" s="637" t="s">
        <v>596</v>
      </c>
      <c r="G2714" s="637"/>
      <c r="H2714" s="451"/>
      <c r="I2714" s="451"/>
      <c r="J2714" s="144"/>
      <c r="K2714" s="640"/>
      <c r="L2714" s="455">
        <v>38362</v>
      </c>
      <c r="M2714" s="455"/>
      <c r="N2714" s="418" t="str">
        <f t="shared" si="84"/>
        <v/>
      </c>
    </row>
    <row r="2715" spans="1:14" ht="15.75">
      <c r="A2715" s="383"/>
      <c r="B2715" s="411">
        <f t="shared" si="85"/>
        <v>135</v>
      </c>
      <c r="C2715" s="498" t="s">
        <v>5715</v>
      </c>
      <c r="D2715" s="449" t="s">
        <v>5716</v>
      </c>
      <c r="E2715" s="452" t="s">
        <v>595</v>
      </c>
      <c r="F2715" s="449" t="s">
        <v>596</v>
      </c>
      <c r="G2715" s="450"/>
      <c r="H2715" s="451"/>
      <c r="I2715" s="451"/>
      <c r="J2715" s="144"/>
      <c r="K2715" s="517"/>
      <c r="L2715" s="455">
        <v>38362</v>
      </c>
      <c r="M2715" s="455"/>
      <c r="N2715" s="418" t="str">
        <f t="shared" si="84"/>
        <v/>
      </c>
    </row>
    <row r="2716" spans="1:14" ht="15.75">
      <c r="A2716" s="383"/>
      <c r="B2716" s="411">
        <f t="shared" si="85"/>
        <v>135</v>
      </c>
      <c r="C2716" s="498" t="s">
        <v>5717</v>
      </c>
      <c r="D2716" s="449" t="s">
        <v>5718</v>
      </c>
      <c r="E2716" s="452" t="s">
        <v>595</v>
      </c>
      <c r="F2716" s="449" t="s">
        <v>596</v>
      </c>
      <c r="G2716" s="450"/>
      <c r="H2716" s="451"/>
      <c r="I2716" s="451"/>
      <c r="J2716" s="144"/>
      <c r="K2716" s="517"/>
      <c r="L2716" s="455">
        <v>38362</v>
      </c>
      <c r="M2716" s="455"/>
      <c r="N2716" s="418" t="str">
        <f t="shared" si="84"/>
        <v/>
      </c>
    </row>
    <row r="2717" spans="1:14" ht="28.5">
      <c r="A2717" s="383"/>
      <c r="B2717" s="411">
        <f t="shared" si="85"/>
        <v>135</v>
      </c>
      <c r="C2717" s="498" t="s">
        <v>5719</v>
      </c>
      <c r="D2717" s="449" t="s">
        <v>5720</v>
      </c>
      <c r="E2717" s="452" t="s">
        <v>595</v>
      </c>
      <c r="F2717" s="449" t="s">
        <v>596</v>
      </c>
      <c r="G2717" s="450"/>
      <c r="H2717" s="451"/>
      <c r="I2717" s="451"/>
      <c r="J2717" s="144"/>
      <c r="K2717" s="517"/>
      <c r="L2717" s="455">
        <v>38362</v>
      </c>
      <c r="M2717" s="455"/>
      <c r="N2717" s="418" t="str">
        <f t="shared" si="84"/>
        <v/>
      </c>
    </row>
    <row r="2718" spans="1:14" ht="15.75">
      <c r="A2718" s="383"/>
      <c r="B2718" s="411">
        <f t="shared" si="85"/>
        <v>135</v>
      </c>
      <c r="C2718" s="498" t="s">
        <v>951</v>
      </c>
      <c r="D2718" s="449" t="s">
        <v>952</v>
      </c>
      <c r="E2718" s="452" t="s">
        <v>595</v>
      </c>
      <c r="F2718" s="449" t="s">
        <v>652</v>
      </c>
      <c r="G2718" s="450"/>
      <c r="H2718" s="451"/>
      <c r="I2718" s="451"/>
      <c r="J2718" s="144"/>
      <c r="K2718" s="517"/>
      <c r="L2718" s="455">
        <v>38362</v>
      </c>
      <c r="M2718" s="455"/>
      <c r="N2718" s="418" t="str">
        <f t="shared" si="84"/>
        <v>DUPLICATE</v>
      </c>
    </row>
    <row r="2719" spans="1:14" ht="15.75">
      <c r="A2719" s="383"/>
      <c r="B2719" s="411">
        <f t="shared" si="85"/>
        <v>135</v>
      </c>
      <c r="C2719" s="498" t="s">
        <v>5721</v>
      </c>
      <c r="D2719" s="449" t="s">
        <v>5722</v>
      </c>
      <c r="E2719" s="452" t="s">
        <v>595</v>
      </c>
      <c r="F2719" s="449" t="s">
        <v>596</v>
      </c>
      <c r="G2719" s="450"/>
      <c r="H2719" s="451"/>
      <c r="I2719" s="451"/>
      <c r="J2719" s="144"/>
      <c r="K2719" s="517"/>
      <c r="L2719" s="455">
        <v>38362</v>
      </c>
      <c r="M2719" s="455"/>
      <c r="N2719" s="418" t="str">
        <f t="shared" si="84"/>
        <v/>
      </c>
    </row>
    <row r="2720" spans="1:14" ht="15.75">
      <c r="A2720" s="383"/>
      <c r="B2720" s="411">
        <f t="shared" si="85"/>
        <v>135</v>
      </c>
      <c r="C2720" s="498" t="s">
        <v>3215</v>
      </c>
      <c r="D2720" s="449" t="s">
        <v>3216</v>
      </c>
      <c r="E2720" s="452" t="s">
        <v>595</v>
      </c>
      <c r="F2720" s="449" t="s">
        <v>596</v>
      </c>
      <c r="G2720" s="450"/>
      <c r="H2720" s="451"/>
      <c r="I2720" s="451"/>
      <c r="J2720" s="144"/>
      <c r="K2720" s="517"/>
      <c r="L2720" s="455">
        <v>38362</v>
      </c>
      <c r="M2720" s="455"/>
      <c r="N2720" s="418" t="str">
        <f t="shared" si="84"/>
        <v>DUPLICATE</v>
      </c>
    </row>
    <row r="2721" spans="1:14" ht="15.75">
      <c r="A2721" s="383"/>
      <c r="B2721" s="411">
        <f t="shared" si="85"/>
        <v>135</v>
      </c>
      <c r="C2721" s="498" t="s">
        <v>5723</v>
      </c>
      <c r="D2721" s="449" t="s">
        <v>5724</v>
      </c>
      <c r="E2721" s="452" t="s">
        <v>595</v>
      </c>
      <c r="F2721" s="449" t="s">
        <v>596</v>
      </c>
      <c r="G2721" s="450"/>
      <c r="H2721" s="451"/>
      <c r="I2721" s="451"/>
      <c r="J2721" s="144"/>
      <c r="K2721" s="517"/>
      <c r="L2721" s="455">
        <v>38362</v>
      </c>
      <c r="M2721" s="455"/>
      <c r="N2721" s="418" t="str">
        <f t="shared" si="84"/>
        <v/>
      </c>
    </row>
    <row r="2722" spans="1:14" ht="15.75">
      <c r="A2722" s="383"/>
      <c r="B2722" s="411">
        <f t="shared" si="85"/>
        <v>135</v>
      </c>
      <c r="C2722" s="498" t="s">
        <v>5725</v>
      </c>
      <c r="D2722" s="449" t="s">
        <v>5726</v>
      </c>
      <c r="E2722" s="452" t="s">
        <v>595</v>
      </c>
      <c r="F2722" s="449" t="s">
        <v>596</v>
      </c>
      <c r="G2722" s="450"/>
      <c r="H2722" s="451"/>
      <c r="I2722" s="451"/>
      <c r="J2722" s="144"/>
      <c r="K2722" s="517"/>
      <c r="L2722" s="455">
        <v>38362</v>
      </c>
      <c r="M2722" s="455"/>
      <c r="N2722" s="418" t="str">
        <f t="shared" si="84"/>
        <v/>
      </c>
    </row>
    <row r="2723" spans="1:14" ht="28.5">
      <c r="A2723" s="383"/>
      <c r="B2723" s="411">
        <f t="shared" si="85"/>
        <v>135</v>
      </c>
      <c r="C2723" s="498" t="s">
        <v>5727</v>
      </c>
      <c r="D2723" s="449" t="s">
        <v>5728</v>
      </c>
      <c r="E2723" s="452" t="s">
        <v>595</v>
      </c>
      <c r="F2723" s="449" t="s">
        <v>596</v>
      </c>
      <c r="G2723" s="450"/>
      <c r="H2723" s="451"/>
      <c r="I2723" s="451"/>
      <c r="J2723" s="144"/>
      <c r="K2723" s="517"/>
      <c r="L2723" s="455">
        <v>38362</v>
      </c>
      <c r="M2723" s="455"/>
      <c r="N2723" s="418" t="str">
        <f t="shared" si="84"/>
        <v/>
      </c>
    </row>
    <row r="2724" spans="1:14" ht="15.75">
      <c r="A2724" s="383"/>
      <c r="B2724" s="411">
        <f t="shared" si="85"/>
        <v>135</v>
      </c>
      <c r="C2724" s="498" t="s">
        <v>5729</v>
      </c>
      <c r="D2724" s="449" t="s">
        <v>5730</v>
      </c>
      <c r="E2724" s="452" t="s">
        <v>595</v>
      </c>
      <c r="F2724" s="449" t="s">
        <v>596</v>
      </c>
      <c r="G2724" s="450"/>
      <c r="H2724" s="451"/>
      <c r="I2724" s="451"/>
      <c r="J2724" s="144"/>
      <c r="K2724" s="517"/>
      <c r="L2724" s="455">
        <v>38362</v>
      </c>
      <c r="M2724" s="455"/>
      <c r="N2724" s="418" t="str">
        <f t="shared" si="84"/>
        <v/>
      </c>
    </row>
    <row r="2725" spans="1:14" ht="28.5">
      <c r="A2725" s="383"/>
      <c r="B2725" s="411">
        <f t="shared" si="85"/>
        <v>135</v>
      </c>
      <c r="C2725" s="498" t="s">
        <v>5731</v>
      </c>
      <c r="D2725" s="449" t="s">
        <v>5732</v>
      </c>
      <c r="E2725" s="452" t="s">
        <v>595</v>
      </c>
      <c r="F2725" s="449" t="s">
        <v>596</v>
      </c>
      <c r="G2725" s="450"/>
      <c r="H2725" s="451"/>
      <c r="I2725" s="451"/>
      <c r="J2725" s="144"/>
      <c r="K2725" s="517"/>
      <c r="L2725" s="455">
        <v>38362</v>
      </c>
      <c r="M2725" s="455"/>
      <c r="N2725" s="418" t="str">
        <f t="shared" si="84"/>
        <v/>
      </c>
    </row>
    <row r="2726" spans="1:14" ht="15.75">
      <c r="A2726" s="383"/>
      <c r="B2726" s="411">
        <f t="shared" si="85"/>
        <v>135</v>
      </c>
      <c r="C2726" s="498" t="s">
        <v>5733</v>
      </c>
      <c r="D2726" s="449" t="s">
        <v>5734</v>
      </c>
      <c r="E2726" s="452" t="s">
        <v>595</v>
      </c>
      <c r="F2726" s="449" t="s">
        <v>596</v>
      </c>
      <c r="G2726" s="450"/>
      <c r="H2726" s="451"/>
      <c r="I2726" s="451"/>
      <c r="J2726" s="144"/>
      <c r="K2726" s="517"/>
      <c r="L2726" s="455">
        <v>38362</v>
      </c>
      <c r="M2726" s="455"/>
      <c r="N2726" s="418" t="str">
        <f t="shared" si="84"/>
        <v/>
      </c>
    </row>
    <row r="2727" spans="1:14" ht="15.75">
      <c r="A2727" s="383"/>
      <c r="B2727" s="411">
        <f t="shared" si="85"/>
        <v>135</v>
      </c>
      <c r="C2727" s="498" t="s">
        <v>5735</v>
      </c>
      <c r="D2727" s="449" t="s">
        <v>5736</v>
      </c>
      <c r="E2727" s="452" t="s">
        <v>595</v>
      </c>
      <c r="F2727" s="449" t="s">
        <v>596</v>
      </c>
      <c r="G2727" s="450"/>
      <c r="H2727" s="451"/>
      <c r="I2727" s="451"/>
      <c r="J2727" s="144"/>
      <c r="K2727" s="517"/>
      <c r="L2727" s="455">
        <v>38362</v>
      </c>
      <c r="M2727" s="455"/>
      <c r="N2727" s="418" t="str">
        <f t="shared" si="84"/>
        <v/>
      </c>
    </row>
    <row r="2728" spans="1:14" ht="57">
      <c r="A2728" s="383"/>
      <c r="B2728" s="411">
        <f t="shared" si="85"/>
        <v>135</v>
      </c>
      <c r="C2728" s="498" t="s">
        <v>5737</v>
      </c>
      <c r="D2728" s="449" t="s">
        <v>5738</v>
      </c>
      <c r="E2728" s="452" t="s">
        <v>595</v>
      </c>
      <c r="F2728" s="449" t="s">
        <v>596</v>
      </c>
      <c r="G2728" s="450"/>
      <c r="H2728" s="451"/>
      <c r="I2728" s="451"/>
      <c r="J2728" s="144"/>
      <c r="K2728" s="517"/>
      <c r="L2728" s="455">
        <v>38362</v>
      </c>
      <c r="M2728" s="455"/>
      <c r="N2728" s="418" t="str">
        <f t="shared" si="84"/>
        <v/>
      </c>
    </row>
    <row r="2729" spans="1:14" ht="42.75">
      <c r="A2729" s="383"/>
      <c r="B2729" s="411">
        <f t="shared" si="85"/>
        <v>135</v>
      </c>
      <c r="C2729" s="498" t="s">
        <v>5739</v>
      </c>
      <c r="D2729" s="449" t="s">
        <v>5740</v>
      </c>
      <c r="E2729" s="452" t="s">
        <v>595</v>
      </c>
      <c r="F2729" s="449" t="s">
        <v>596</v>
      </c>
      <c r="G2729" s="450"/>
      <c r="H2729" s="451"/>
      <c r="I2729" s="451"/>
      <c r="J2729" s="144"/>
      <c r="K2729" s="517"/>
      <c r="L2729" s="455">
        <v>38362</v>
      </c>
      <c r="M2729" s="455"/>
      <c r="N2729" s="418" t="str">
        <f t="shared" si="84"/>
        <v/>
      </c>
    </row>
    <row r="2730" spans="1:14" ht="57">
      <c r="A2730" s="727"/>
      <c r="B2730" s="411">
        <f t="shared" si="85"/>
        <v>135</v>
      </c>
      <c r="C2730" s="498" t="s">
        <v>5741</v>
      </c>
      <c r="D2730" s="449" t="s">
        <v>5742</v>
      </c>
      <c r="E2730" s="636" t="s">
        <v>595</v>
      </c>
      <c r="F2730" s="637" t="s">
        <v>596</v>
      </c>
      <c r="G2730" s="637"/>
      <c r="H2730" s="451"/>
      <c r="I2730" s="451"/>
      <c r="J2730" s="144"/>
      <c r="K2730" s="640"/>
      <c r="L2730" s="455">
        <v>38362</v>
      </c>
      <c r="M2730" s="455"/>
      <c r="N2730" s="418" t="str">
        <f t="shared" si="84"/>
        <v/>
      </c>
    </row>
    <row r="2731" spans="1:14" ht="15.75">
      <c r="A2731" s="383"/>
      <c r="B2731" s="411">
        <f t="shared" si="85"/>
        <v>135</v>
      </c>
      <c r="C2731" s="498" t="s">
        <v>5743</v>
      </c>
      <c r="D2731" s="449" t="s">
        <v>5744</v>
      </c>
      <c r="E2731" s="510" t="s">
        <v>595</v>
      </c>
      <c r="F2731" s="522" t="s">
        <v>596</v>
      </c>
      <c r="G2731" s="450"/>
      <c r="H2731" s="451"/>
      <c r="I2731" s="451"/>
      <c r="J2731" s="144"/>
      <c r="K2731" s="517"/>
      <c r="L2731" s="455">
        <v>38362</v>
      </c>
      <c r="M2731" s="455"/>
      <c r="N2731" s="418" t="str">
        <f t="shared" si="84"/>
        <v/>
      </c>
    </row>
    <row r="2732" spans="1:14" ht="15.75">
      <c r="A2732" s="383"/>
      <c r="B2732" s="411">
        <f t="shared" si="85"/>
        <v>135</v>
      </c>
      <c r="C2732" s="498" t="s">
        <v>994</v>
      </c>
      <c r="D2732" s="449" t="s">
        <v>995</v>
      </c>
      <c r="E2732" s="510" t="s">
        <v>595</v>
      </c>
      <c r="F2732" s="522" t="s">
        <v>652</v>
      </c>
      <c r="G2732" s="450"/>
      <c r="H2732" s="451"/>
      <c r="I2732" s="451"/>
      <c r="J2732" s="144"/>
      <c r="K2732" s="517"/>
      <c r="L2732" s="455">
        <v>38362</v>
      </c>
      <c r="M2732" s="455"/>
      <c r="N2732" s="418" t="str">
        <f t="shared" si="84"/>
        <v>DUPLICATE</v>
      </c>
    </row>
    <row r="2733" spans="1:14" ht="15.75">
      <c r="A2733" s="383"/>
      <c r="B2733" s="411">
        <f t="shared" si="85"/>
        <v>135</v>
      </c>
      <c r="C2733" s="498" t="s">
        <v>5745</v>
      </c>
      <c r="D2733" s="449" t="s">
        <v>5746</v>
      </c>
      <c r="E2733" s="510" t="s">
        <v>595</v>
      </c>
      <c r="F2733" s="522" t="s">
        <v>596</v>
      </c>
      <c r="G2733" s="450"/>
      <c r="H2733" s="451"/>
      <c r="I2733" s="451"/>
      <c r="J2733" s="144"/>
      <c r="K2733" s="517"/>
      <c r="L2733" s="455">
        <v>39845</v>
      </c>
      <c r="M2733" s="455"/>
      <c r="N2733" s="418" t="str">
        <f t="shared" si="84"/>
        <v/>
      </c>
    </row>
    <row r="2734" spans="1:14" ht="15.75">
      <c r="A2734" s="383"/>
      <c r="B2734" s="411">
        <f t="shared" si="85"/>
        <v>135</v>
      </c>
      <c r="C2734" s="498" t="s">
        <v>5747</v>
      </c>
      <c r="D2734" s="449" t="s">
        <v>5748</v>
      </c>
      <c r="E2734" s="510" t="s">
        <v>595</v>
      </c>
      <c r="F2734" s="522" t="s">
        <v>596</v>
      </c>
      <c r="G2734" s="450"/>
      <c r="H2734" s="451"/>
      <c r="I2734" s="451"/>
      <c r="J2734" s="144"/>
      <c r="K2734" s="517"/>
      <c r="L2734" s="455">
        <v>39845</v>
      </c>
      <c r="M2734" s="455"/>
      <c r="N2734" s="418" t="str">
        <f t="shared" si="84"/>
        <v/>
      </c>
    </row>
    <row r="2735" spans="1:14" ht="15.75">
      <c r="A2735" s="383"/>
      <c r="B2735" s="411">
        <f t="shared" si="85"/>
        <v>135</v>
      </c>
      <c r="C2735" s="498" t="s">
        <v>5749</v>
      </c>
      <c r="D2735" s="449" t="s">
        <v>5750</v>
      </c>
      <c r="E2735" s="510" t="s">
        <v>595</v>
      </c>
      <c r="F2735" s="522" t="s">
        <v>596</v>
      </c>
      <c r="G2735" s="450"/>
      <c r="H2735" s="451"/>
      <c r="I2735" s="451"/>
      <c r="J2735" s="144"/>
      <c r="K2735" s="517"/>
      <c r="L2735" s="455">
        <v>39845</v>
      </c>
      <c r="M2735" s="455"/>
      <c r="N2735" s="418" t="str">
        <f t="shared" si="84"/>
        <v/>
      </c>
    </row>
    <row r="2736" spans="1:14" ht="28.5">
      <c r="A2736" s="383"/>
      <c r="B2736" s="411">
        <f t="shared" si="85"/>
        <v>135</v>
      </c>
      <c r="C2736" s="498" t="s">
        <v>26650</v>
      </c>
      <c r="D2736" s="449" t="s">
        <v>5751</v>
      </c>
      <c r="E2736" s="510" t="s">
        <v>595</v>
      </c>
      <c r="F2736" s="522" t="s">
        <v>596</v>
      </c>
      <c r="G2736" s="450"/>
      <c r="H2736" s="451"/>
      <c r="I2736" s="451"/>
      <c r="J2736" s="144"/>
      <c r="K2736" s="517"/>
      <c r="L2736" s="455">
        <v>39845</v>
      </c>
      <c r="M2736" s="455">
        <v>43497</v>
      </c>
      <c r="N2736" s="418" t="str">
        <f t="shared" si="84"/>
        <v/>
      </c>
    </row>
    <row r="2737" spans="1:14" ht="15.75">
      <c r="A2737" s="383"/>
      <c r="B2737" s="411">
        <f t="shared" si="85"/>
        <v>135</v>
      </c>
      <c r="C2737" s="498" t="s">
        <v>5752</v>
      </c>
      <c r="D2737" s="449" t="s">
        <v>5753</v>
      </c>
      <c r="E2737" s="510" t="s">
        <v>595</v>
      </c>
      <c r="F2737" s="522" t="s">
        <v>596</v>
      </c>
      <c r="G2737" s="450"/>
      <c r="H2737" s="451"/>
      <c r="I2737" s="451"/>
      <c r="J2737" s="144"/>
      <c r="K2737" s="517"/>
      <c r="L2737" s="455">
        <v>39845</v>
      </c>
      <c r="M2737" s="455"/>
      <c r="N2737" s="418" t="str">
        <f t="shared" si="84"/>
        <v/>
      </c>
    </row>
    <row r="2738" spans="1:14" ht="15.75">
      <c r="A2738" s="383"/>
      <c r="B2738" s="411">
        <f t="shared" si="85"/>
        <v>135</v>
      </c>
      <c r="C2738" s="498" t="s">
        <v>5754</v>
      </c>
      <c r="D2738" s="449" t="s">
        <v>5755</v>
      </c>
      <c r="E2738" s="510" t="s">
        <v>595</v>
      </c>
      <c r="F2738" s="522" t="s">
        <v>596</v>
      </c>
      <c r="G2738" s="450"/>
      <c r="H2738" s="451"/>
      <c r="I2738" s="451"/>
      <c r="J2738" s="144"/>
      <c r="K2738" s="517"/>
      <c r="L2738" s="455">
        <v>39845</v>
      </c>
      <c r="M2738" s="455"/>
      <c r="N2738" s="418" t="str">
        <f t="shared" si="84"/>
        <v/>
      </c>
    </row>
    <row r="2739" spans="1:14" ht="15.75">
      <c r="A2739" s="383"/>
      <c r="B2739" s="411">
        <f t="shared" si="85"/>
        <v>135</v>
      </c>
      <c r="C2739" s="498" t="s">
        <v>5756</v>
      </c>
      <c r="D2739" s="449" t="s">
        <v>5757</v>
      </c>
      <c r="E2739" s="510" t="s">
        <v>595</v>
      </c>
      <c r="F2739" s="522" t="s">
        <v>596</v>
      </c>
      <c r="G2739" s="450"/>
      <c r="H2739" s="451"/>
      <c r="I2739" s="451"/>
      <c r="J2739" s="144"/>
      <c r="K2739" s="517"/>
      <c r="L2739" s="455">
        <v>39845</v>
      </c>
      <c r="M2739" s="455"/>
      <c r="N2739" s="418" t="str">
        <f t="shared" si="84"/>
        <v/>
      </c>
    </row>
    <row r="2740" spans="1:14" ht="15.75">
      <c r="A2740" s="383"/>
      <c r="B2740" s="411">
        <f t="shared" si="85"/>
        <v>135</v>
      </c>
      <c r="C2740" s="498" t="s">
        <v>5758</v>
      </c>
      <c r="D2740" s="449" t="s">
        <v>5759</v>
      </c>
      <c r="E2740" s="510" t="s">
        <v>595</v>
      </c>
      <c r="F2740" s="522" t="s">
        <v>596</v>
      </c>
      <c r="G2740" s="450"/>
      <c r="H2740" s="451"/>
      <c r="I2740" s="451"/>
      <c r="J2740" s="144"/>
      <c r="K2740" s="517"/>
      <c r="L2740" s="455">
        <v>39845</v>
      </c>
      <c r="M2740" s="455"/>
      <c r="N2740" s="418" t="str">
        <f t="shared" si="84"/>
        <v/>
      </c>
    </row>
    <row r="2741" spans="1:14" ht="15.75">
      <c r="A2741" s="383"/>
      <c r="B2741" s="411">
        <f t="shared" si="85"/>
        <v>135</v>
      </c>
      <c r="C2741" s="498" t="s">
        <v>5760</v>
      </c>
      <c r="D2741" s="449" t="s">
        <v>5761</v>
      </c>
      <c r="E2741" s="510" t="s">
        <v>595</v>
      </c>
      <c r="F2741" s="522" t="s">
        <v>596</v>
      </c>
      <c r="G2741" s="450"/>
      <c r="H2741" s="451"/>
      <c r="I2741" s="451"/>
      <c r="J2741" s="144"/>
      <c r="K2741" s="517"/>
      <c r="L2741" s="455">
        <v>39845</v>
      </c>
      <c r="M2741" s="455"/>
      <c r="N2741" s="418" t="str">
        <f t="shared" si="84"/>
        <v/>
      </c>
    </row>
    <row r="2742" spans="1:14" ht="15.75">
      <c r="A2742" s="383"/>
      <c r="B2742" s="411">
        <f t="shared" si="85"/>
        <v>135</v>
      </c>
      <c r="C2742" s="498" t="s">
        <v>5762</v>
      </c>
      <c r="D2742" s="449" t="s">
        <v>5763</v>
      </c>
      <c r="E2742" s="510" t="s">
        <v>595</v>
      </c>
      <c r="F2742" s="522" t="s">
        <v>596</v>
      </c>
      <c r="G2742" s="450"/>
      <c r="H2742" s="451"/>
      <c r="I2742" s="451"/>
      <c r="J2742" s="144"/>
      <c r="K2742" s="517"/>
      <c r="L2742" s="455">
        <v>39845</v>
      </c>
      <c r="M2742" s="455"/>
      <c r="N2742" s="418" t="str">
        <f t="shared" si="84"/>
        <v/>
      </c>
    </row>
    <row r="2743" spans="1:14" ht="28.5">
      <c r="A2743" s="383"/>
      <c r="B2743" s="411">
        <f t="shared" si="85"/>
        <v>135</v>
      </c>
      <c r="C2743" s="498" t="s">
        <v>5764</v>
      </c>
      <c r="D2743" s="449" t="s">
        <v>5765</v>
      </c>
      <c r="E2743" s="510" t="s">
        <v>595</v>
      </c>
      <c r="F2743" s="522" t="s">
        <v>596</v>
      </c>
      <c r="G2743" s="449"/>
      <c r="H2743" s="451"/>
      <c r="I2743" s="451"/>
      <c r="J2743" s="144"/>
      <c r="K2743" s="522"/>
      <c r="L2743" s="455">
        <v>39845</v>
      </c>
      <c r="M2743" s="455"/>
      <c r="N2743" s="418" t="str">
        <f t="shared" si="84"/>
        <v/>
      </c>
    </row>
    <row r="2744" spans="1:14" ht="28.5">
      <c r="A2744" s="383"/>
      <c r="B2744" s="411">
        <f t="shared" si="85"/>
        <v>135</v>
      </c>
      <c r="C2744" s="498" t="s">
        <v>26651</v>
      </c>
      <c r="D2744" s="449" t="s">
        <v>26652</v>
      </c>
      <c r="E2744" s="510" t="s">
        <v>595</v>
      </c>
      <c r="F2744" s="510" t="s">
        <v>596</v>
      </c>
      <c r="G2744" s="144"/>
      <c r="H2744" s="451"/>
      <c r="I2744" s="451"/>
      <c r="J2744" s="144"/>
      <c r="K2744" s="522"/>
      <c r="L2744" s="455">
        <v>43497</v>
      </c>
      <c r="M2744" s="455"/>
      <c r="N2744" s="418" t="str">
        <f t="shared" si="84"/>
        <v/>
      </c>
    </row>
    <row r="2745" spans="1:14" ht="15.75">
      <c r="A2745" s="383"/>
      <c r="B2745" s="411">
        <f t="shared" si="85"/>
        <v>135</v>
      </c>
      <c r="C2745" s="498" t="s">
        <v>4647</v>
      </c>
      <c r="D2745" s="449" t="s">
        <v>4648</v>
      </c>
      <c r="E2745" s="510" t="s">
        <v>707</v>
      </c>
      <c r="F2745" s="510" t="s">
        <v>600</v>
      </c>
      <c r="G2745" s="532"/>
      <c r="H2745" s="491"/>
      <c r="I2745" s="491"/>
      <c r="J2745" s="453"/>
      <c r="K2745" s="491"/>
      <c r="L2745" s="455">
        <v>41671</v>
      </c>
      <c r="M2745" s="455"/>
      <c r="N2745" s="418" t="str">
        <f t="shared" si="84"/>
        <v>DUPLICATE</v>
      </c>
    </row>
    <row r="2746" spans="1:14" ht="15.75">
      <c r="A2746" s="383"/>
      <c r="B2746" s="411">
        <f t="shared" si="85"/>
        <v>135</v>
      </c>
      <c r="C2746" s="498" t="s">
        <v>4659</v>
      </c>
      <c r="D2746" s="449" t="s">
        <v>4660</v>
      </c>
      <c r="E2746" s="510" t="s">
        <v>707</v>
      </c>
      <c r="F2746" s="510" t="s">
        <v>600</v>
      </c>
      <c r="G2746" s="532"/>
      <c r="H2746" s="728"/>
      <c r="I2746" s="728"/>
      <c r="J2746" s="462"/>
      <c r="K2746" s="728"/>
      <c r="L2746" s="455">
        <v>41671</v>
      </c>
      <c r="M2746" s="455"/>
      <c r="N2746" s="418" t="str">
        <f t="shared" si="84"/>
        <v>DUPLICATE</v>
      </c>
    </row>
    <row r="2747" spans="1:14" ht="78.75">
      <c r="A2747" s="536">
        <v>136</v>
      </c>
      <c r="B2747" s="411">
        <f t="shared" si="85"/>
        <v>136</v>
      </c>
      <c r="C2747" s="424" t="s">
        <v>5766</v>
      </c>
      <c r="D2747" s="414"/>
      <c r="E2747" s="414" t="s">
        <v>707</v>
      </c>
      <c r="F2747" s="414" t="s">
        <v>676</v>
      </c>
      <c r="G2747" s="414" t="s">
        <v>597</v>
      </c>
      <c r="H2747" s="415"/>
      <c r="I2747" s="415"/>
      <c r="J2747" s="416" t="s">
        <v>5767</v>
      </c>
      <c r="K2747" s="413"/>
      <c r="L2747" s="417">
        <v>38362</v>
      </c>
      <c r="M2747" s="729">
        <v>41671</v>
      </c>
      <c r="N2747" s="418" t="str">
        <f t="shared" si="84"/>
        <v/>
      </c>
    </row>
    <row r="2748" spans="1:14" ht="15.75">
      <c r="A2748" s="574"/>
      <c r="B2748" s="411">
        <f t="shared" si="85"/>
        <v>136</v>
      </c>
      <c r="C2748" s="575" t="s">
        <v>5768</v>
      </c>
      <c r="D2748" s="576" t="s">
        <v>5769</v>
      </c>
      <c r="E2748" s="442" t="s">
        <v>595</v>
      </c>
      <c r="F2748" s="442" t="s">
        <v>596</v>
      </c>
      <c r="G2748" s="442"/>
      <c r="H2748" s="415"/>
      <c r="I2748" s="648"/>
      <c r="J2748" s="577"/>
      <c r="K2748" s="426"/>
      <c r="L2748" s="477">
        <v>38362</v>
      </c>
      <c r="M2748" s="730"/>
      <c r="N2748" s="418" t="str">
        <f t="shared" si="84"/>
        <v/>
      </c>
    </row>
    <row r="2749" spans="1:14" ht="15.75">
      <c r="A2749" s="538"/>
      <c r="B2749" s="411">
        <f t="shared" si="85"/>
        <v>136</v>
      </c>
      <c r="C2749" s="498" t="s">
        <v>5770</v>
      </c>
      <c r="D2749" s="441" t="s">
        <v>5771</v>
      </c>
      <c r="E2749" s="449" t="s">
        <v>595</v>
      </c>
      <c r="F2749" s="449" t="s">
        <v>596</v>
      </c>
      <c r="G2749" s="449"/>
      <c r="H2749" s="415"/>
      <c r="I2749" s="481"/>
      <c r="J2749" s="144"/>
      <c r="K2749" s="466"/>
      <c r="L2749" s="469">
        <v>38362</v>
      </c>
      <c r="M2749" s="731"/>
      <c r="N2749" s="418" t="str">
        <f t="shared" si="84"/>
        <v/>
      </c>
    </row>
    <row r="2750" spans="1:14" ht="15.75">
      <c r="A2750" s="538"/>
      <c r="B2750" s="411">
        <f t="shared" si="85"/>
        <v>136</v>
      </c>
      <c r="C2750" s="498" t="s">
        <v>5772</v>
      </c>
      <c r="D2750" s="480" t="s">
        <v>5773</v>
      </c>
      <c r="E2750" s="449" t="s">
        <v>595</v>
      </c>
      <c r="F2750" s="449" t="s">
        <v>596</v>
      </c>
      <c r="G2750" s="449"/>
      <c r="H2750" s="415"/>
      <c r="I2750" s="481"/>
      <c r="J2750" s="144"/>
      <c r="K2750" s="466"/>
      <c r="L2750" s="469">
        <v>38362</v>
      </c>
      <c r="M2750" s="731"/>
      <c r="N2750" s="418" t="str">
        <f t="shared" si="84"/>
        <v/>
      </c>
    </row>
    <row r="2751" spans="1:14" ht="15.75">
      <c r="A2751" s="538"/>
      <c r="B2751" s="411">
        <f t="shared" si="85"/>
        <v>136</v>
      </c>
      <c r="C2751" s="498" t="s">
        <v>5774</v>
      </c>
      <c r="D2751" s="441" t="s">
        <v>5775</v>
      </c>
      <c r="E2751" s="449" t="s">
        <v>595</v>
      </c>
      <c r="F2751" s="449" t="s">
        <v>596</v>
      </c>
      <c r="G2751" s="449"/>
      <c r="H2751" s="415"/>
      <c r="I2751" s="481"/>
      <c r="J2751" s="144"/>
      <c r="K2751" s="466"/>
      <c r="L2751" s="469">
        <v>38362</v>
      </c>
      <c r="M2751" s="731"/>
      <c r="N2751" s="418" t="str">
        <f t="shared" si="84"/>
        <v/>
      </c>
    </row>
    <row r="2752" spans="1:14" ht="15.75">
      <c r="A2752" s="538"/>
      <c r="B2752" s="411">
        <f t="shared" si="85"/>
        <v>136</v>
      </c>
      <c r="C2752" s="498" t="s">
        <v>2070</v>
      </c>
      <c r="D2752" s="441" t="s">
        <v>2071</v>
      </c>
      <c r="E2752" s="510" t="s">
        <v>707</v>
      </c>
      <c r="F2752" s="449" t="s">
        <v>676</v>
      </c>
      <c r="G2752" s="449"/>
      <c r="H2752" s="415"/>
      <c r="I2752" s="481"/>
      <c r="J2752" s="144"/>
      <c r="K2752" s="466"/>
      <c r="L2752" s="469">
        <v>41671</v>
      </c>
      <c r="M2752" s="731"/>
      <c r="N2752" s="418" t="str">
        <f t="shared" si="84"/>
        <v>DUPLICATE</v>
      </c>
    </row>
    <row r="2753" spans="1:14" ht="15.75">
      <c r="A2753" s="538"/>
      <c r="B2753" s="411">
        <f t="shared" si="85"/>
        <v>136</v>
      </c>
      <c r="C2753" s="498" t="s">
        <v>5776</v>
      </c>
      <c r="D2753" s="480" t="s">
        <v>5777</v>
      </c>
      <c r="E2753" s="449" t="s">
        <v>595</v>
      </c>
      <c r="F2753" s="449" t="s">
        <v>596</v>
      </c>
      <c r="G2753" s="449"/>
      <c r="H2753" s="415"/>
      <c r="I2753" s="481"/>
      <c r="J2753" s="144"/>
      <c r="K2753" s="466"/>
      <c r="L2753" s="469">
        <v>38362</v>
      </c>
      <c r="M2753" s="731"/>
      <c r="N2753" s="418" t="str">
        <f t="shared" si="84"/>
        <v/>
      </c>
    </row>
    <row r="2754" spans="1:14" ht="15.75">
      <c r="A2754" s="538"/>
      <c r="B2754" s="411">
        <f t="shared" si="85"/>
        <v>136</v>
      </c>
      <c r="C2754" s="498" t="s">
        <v>5778</v>
      </c>
      <c r="D2754" s="480" t="s">
        <v>5779</v>
      </c>
      <c r="E2754" s="449" t="s">
        <v>595</v>
      </c>
      <c r="F2754" s="449" t="s">
        <v>596</v>
      </c>
      <c r="G2754" s="449"/>
      <c r="H2754" s="415"/>
      <c r="I2754" s="481"/>
      <c r="J2754" s="144"/>
      <c r="K2754" s="466"/>
      <c r="L2754" s="469">
        <v>38362</v>
      </c>
      <c r="M2754" s="731"/>
      <c r="N2754" s="418" t="str">
        <f t="shared" si="84"/>
        <v/>
      </c>
    </row>
    <row r="2755" spans="1:14" ht="15.75">
      <c r="A2755" s="538"/>
      <c r="B2755" s="411">
        <f t="shared" si="85"/>
        <v>136</v>
      </c>
      <c r="C2755" s="498" t="s">
        <v>3015</v>
      </c>
      <c r="D2755" s="449" t="s">
        <v>3016</v>
      </c>
      <c r="E2755" s="510" t="s">
        <v>595</v>
      </c>
      <c r="F2755" s="522" t="s">
        <v>596</v>
      </c>
      <c r="G2755" s="449"/>
      <c r="H2755" s="415"/>
      <c r="I2755" s="481"/>
      <c r="J2755" s="144"/>
      <c r="K2755" s="466"/>
      <c r="L2755" s="469">
        <v>41671</v>
      </c>
      <c r="M2755" s="731"/>
      <c r="N2755" s="418" t="str">
        <f t="shared" si="84"/>
        <v>DUPLICATE</v>
      </c>
    </row>
    <row r="2756" spans="1:14" ht="15.75">
      <c r="A2756" s="538"/>
      <c r="B2756" s="411">
        <f t="shared" si="85"/>
        <v>136</v>
      </c>
      <c r="C2756" s="498" t="s">
        <v>3017</v>
      </c>
      <c r="D2756" s="449" t="s">
        <v>3018</v>
      </c>
      <c r="E2756" s="510" t="s">
        <v>595</v>
      </c>
      <c r="F2756" s="522" t="s">
        <v>596</v>
      </c>
      <c r="G2756" s="449"/>
      <c r="H2756" s="415"/>
      <c r="I2756" s="481"/>
      <c r="J2756" s="144"/>
      <c r="K2756" s="466"/>
      <c r="L2756" s="469">
        <v>41671</v>
      </c>
      <c r="M2756" s="731"/>
      <c r="N2756" s="418" t="str">
        <f t="shared" si="84"/>
        <v>DUPLICATE</v>
      </c>
    </row>
    <row r="2757" spans="1:14" ht="15.75">
      <c r="A2757" s="538"/>
      <c r="B2757" s="411">
        <f t="shared" si="85"/>
        <v>136</v>
      </c>
      <c r="C2757" s="498" t="s">
        <v>5780</v>
      </c>
      <c r="D2757" s="480" t="s">
        <v>5781</v>
      </c>
      <c r="E2757" s="449" t="s">
        <v>595</v>
      </c>
      <c r="F2757" s="449" t="s">
        <v>596</v>
      </c>
      <c r="G2757" s="449"/>
      <c r="H2757" s="415"/>
      <c r="I2757" s="481"/>
      <c r="J2757" s="144"/>
      <c r="K2757" s="466"/>
      <c r="L2757" s="469">
        <v>38362</v>
      </c>
      <c r="M2757" s="731"/>
      <c r="N2757" s="418" t="str">
        <f t="shared" si="84"/>
        <v/>
      </c>
    </row>
    <row r="2758" spans="1:14" ht="15.75">
      <c r="A2758" s="538"/>
      <c r="B2758" s="411">
        <f t="shared" si="85"/>
        <v>136</v>
      </c>
      <c r="C2758" s="498" t="s">
        <v>5782</v>
      </c>
      <c r="D2758" s="480" t="s">
        <v>5783</v>
      </c>
      <c r="E2758" s="449" t="s">
        <v>595</v>
      </c>
      <c r="F2758" s="449" t="s">
        <v>596</v>
      </c>
      <c r="G2758" s="449"/>
      <c r="H2758" s="415"/>
      <c r="I2758" s="481"/>
      <c r="J2758" s="144"/>
      <c r="K2758" s="466"/>
      <c r="L2758" s="469">
        <v>38362</v>
      </c>
      <c r="M2758" s="731"/>
      <c r="N2758" s="418" t="str">
        <f t="shared" si="84"/>
        <v/>
      </c>
    </row>
    <row r="2759" spans="1:14" ht="15.75">
      <c r="A2759" s="538"/>
      <c r="B2759" s="411">
        <f t="shared" si="85"/>
        <v>136</v>
      </c>
      <c r="C2759" s="498" t="s">
        <v>5784</v>
      </c>
      <c r="D2759" s="480" t="s">
        <v>5785</v>
      </c>
      <c r="E2759" s="449" t="s">
        <v>595</v>
      </c>
      <c r="F2759" s="449" t="s">
        <v>596</v>
      </c>
      <c r="G2759" s="449"/>
      <c r="H2759" s="415"/>
      <c r="I2759" s="481"/>
      <c r="J2759" s="144"/>
      <c r="K2759" s="466"/>
      <c r="L2759" s="469">
        <v>38362</v>
      </c>
      <c r="M2759" s="731"/>
      <c r="N2759" s="418" t="str">
        <f t="shared" si="84"/>
        <v/>
      </c>
    </row>
    <row r="2760" spans="1:14" ht="15.75">
      <c r="A2760" s="538"/>
      <c r="B2760" s="411">
        <f t="shared" si="85"/>
        <v>136</v>
      </c>
      <c r="C2760" s="498" t="s">
        <v>5419</v>
      </c>
      <c r="D2760" s="480" t="s">
        <v>5420</v>
      </c>
      <c r="E2760" s="449" t="s">
        <v>595</v>
      </c>
      <c r="F2760" s="449" t="s">
        <v>596</v>
      </c>
      <c r="G2760" s="449" t="s">
        <v>5786</v>
      </c>
      <c r="H2760" s="415"/>
      <c r="I2760" s="481"/>
      <c r="J2760" s="144"/>
      <c r="K2760" s="466"/>
      <c r="L2760" s="469">
        <v>40210</v>
      </c>
      <c r="M2760" s="731"/>
      <c r="N2760" s="418" t="str">
        <f t="shared" si="84"/>
        <v>DUPLICATE</v>
      </c>
    </row>
    <row r="2761" spans="1:14" ht="15.75">
      <c r="A2761" s="538"/>
      <c r="B2761" s="411">
        <f t="shared" si="85"/>
        <v>136</v>
      </c>
      <c r="C2761" s="498" t="s">
        <v>5787</v>
      </c>
      <c r="D2761" s="480" t="s">
        <v>5788</v>
      </c>
      <c r="E2761" s="449" t="s">
        <v>595</v>
      </c>
      <c r="F2761" s="449" t="s">
        <v>596</v>
      </c>
      <c r="G2761" s="449"/>
      <c r="H2761" s="415"/>
      <c r="I2761" s="481"/>
      <c r="J2761" s="144"/>
      <c r="K2761" s="466"/>
      <c r="L2761" s="469">
        <v>38362</v>
      </c>
      <c r="M2761" s="731"/>
      <c r="N2761" s="418" t="str">
        <f t="shared" si="84"/>
        <v/>
      </c>
    </row>
    <row r="2762" spans="1:14" ht="15.75">
      <c r="A2762" s="538"/>
      <c r="B2762" s="411">
        <f t="shared" si="85"/>
        <v>136</v>
      </c>
      <c r="C2762" s="498" t="s">
        <v>5789</v>
      </c>
      <c r="D2762" s="480" t="s">
        <v>5790</v>
      </c>
      <c r="E2762" s="449" t="s">
        <v>595</v>
      </c>
      <c r="F2762" s="449" t="s">
        <v>596</v>
      </c>
      <c r="G2762" s="449"/>
      <c r="H2762" s="415"/>
      <c r="I2762" s="481"/>
      <c r="J2762" s="144"/>
      <c r="K2762" s="466"/>
      <c r="L2762" s="469">
        <v>38362</v>
      </c>
      <c r="M2762" s="731"/>
      <c r="N2762" s="418" t="str">
        <f t="shared" ref="N2762:N2825" si="86">IF(D2762="NA","",IF(COUNTIF($D$2:$D$5552,D2762)&gt;1,"DUPLICATE",""))</f>
        <v/>
      </c>
    </row>
    <row r="2763" spans="1:14" ht="15.75">
      <c r="A2763" s="538"/>
      <c r="B2763" s="411">
        <f t="shared" si="85"/>
        <v>136</v>
      </c>
      <c r="C2763" s="498" t="s">
        <v>5791</v>
      </c>
      <c r="D2763" s="480" t="s">
        <v>5792</v>
      </c>
      <c r="E2763" s="449" t="s">
        <v>595</v>
      </c>
      <c r="F2763" s="449" t="s">
        <v>596</v>
      </c>
      <c r="G2763" s="449"/>
      <c r="H2763" s="415"/>
      <c r="I2763" s="481"/>
      <c r="J2763" s="144"/>
      <c r="K2763" s="466"/>
      <c r="L2763" s="469">
        <v>38362</v>
      </c>
      <c r="M2763" s="731"/>
      <c r="N2763" s="418" t="str">
        <f t="shared" si="86"/>
        <v/>
      </c>
    </row>
    <row r="2764" spans="1:14" ht="15.75">
      <c r="A2764" s="538"/>
      <c r="B2764" s="411">
        <f t="shared" si="85"/>
        <v>136</v>
      </c>
      <c r="C2764" s="498" t="s">
        <v>5793</v>
      </c>
      <c r="D2764" s="480" t="s">
        <v>5794</v>
      </c>
      <c r="E2764" s="449" t="s">
        <v>595</v>
      </c>
      <c r="F2764" s="449" t="s">
        <v>596</v>
      </c>
      <c r="G2764" s="449"/>
      <c r="H2764" s="415"/>
      <c r="I2764" s="481"/>
      <c r="J2764" s="144"/>
      <c r="K2764" s="466"/>
      <c r="L2764" s="469">
        <v>39845</v>
      </c>
      <c r="M2764" s="731"/>
      <c r="N2764" s="418" t="str">
        <f t="shared" si="86"/>
        <v/>
      </c>
    </row>
    <row r="2765" spans="1:14" ht="15.75">
      <c r="A2765" s="538"/>
      <c r="B2765" s="411">
        <f t="shared" si="85"/>
        <v>136</v>
      </c>
      <c r="C2765" s="498" t="s">
        <v>5795</v>
      </c>
      <c r="D2765" s="480" t="s">
        <v>5796</v>
      </c>
      <c r="E2765" s="449" t="s">
        <v>595</v>
      </c>
      <c r="F2765" s="449" t="s">
        <v>596</v>
      </c>
      <c r="G2765" s="449"/>
      <c r="H2765" s="415"/>
      <c r="I2765" s="481"/>
      <c r="J2765" s="144"/>
      <c r="K2765" s="466"/>
      <c r="L2765" s="469">
        <v>39845</v>
      </c>
      <c r="M2765" s="731"/>
      <c r="N2765" s="418" t="str">
        <f t="shared" si="86"/>
        <v/>
      </c>
    </row>
    <row r="2766" spans="1:14" ht="15.75">
      <c r="A2766" s="538"/>
      <c r="B2766" s="411">
        <f t="shared" si="85"/>
        <v>136</v>
      </c>
      <c r="C2766" s="498" t="s">
        <v>5797</v>
      </c>
      <c r="D2766" s="480" t="s">
        <v>5798</v>
      </c>
      <c r="E2766" s="449" t="s">
        <v>595</v>
      </c>
      <c r="F2766" s="449" t="s">
        <v>596</v>
      </c>
      <c r="G2766" s="449"/>
      <c r="H2766" s="415"/>
      <c r="I2766" s="481"/>
      <c r="J2766" s="144"/>
      <c r="K2766" s="466"/>
      <c r="L2766" s="469">
        <v>39845</v>
      </c>
      <c r="M2766" s="731"/>
      <c r="N2766" s="418" t="str">
        <f t="shared" si="86"/>
        <v/>
      </c>
    </row>
    <row r="2767" spans="1:14" ht="15.75">
      <c r="A2767" s="538"/>
      <c r="B2767" s="411">
        <f t="shared" si="85"/>
        <v>136</v>
      </c>
      <c r="C2767" s="498" t="s">
        <v>5799</v>
      </c>
      <c r="D2767" s="480" t="s">
        <v>5800</v>
      </c>
      <c r="E2767" s="449" t="s">
        <v>595</v>
      </c>
      <c r="F2767" s="449" t="s">
        <v>596</v>
      </c>
      <c r="G2767" s="449"/>
      <c r="H2767" s="415"/>
      <c r="I2767" s="481"/>
      <c r="J2767" s="144"/>
      <c r="K2767" s="466"/>
      <c r="L2767" s="469">
        <v>39845</v>
      </c>
      <c r="M2767" s="731"/>
      <c r="N2767" s="418" t="str">
        <f t="shared" si="86"/>
        <v/>
      </c>
    </row>
    <row r="2768" spans="1:14" ht="15.75">
      <c r="A2768" s="538"/>
      <c r="B2768" s="411">
        <f t="shared" si="85"/>
        <v>136</v>
      </c>
      <c r="C2768" s="498" t="s">
        <v>5801</v>
      </c>
      <c r="D2768" s="480" t="s">
        <v>5802</v>
      </c>
      <c r="E2768" s="449" t="s">
        <v>595</v>
      </c>
      <c r="F2768" s="449" t="s">
        <v>596</v>
      </c>
      <c r="G2768" s="449"/>
      <c r="H2768" s="415"/>
      <c r="I2768" s="481"/>
      <c r="J2768" s="144"/>
      <c r="K2768" s="466"/>
      <c r="L2768" s="469">
        <v>39845</v>
      </c>
      <c r="M2768" s="731"/>
      <c r="N2768" s="418" t="str">
        <f t="shared" si="86"/>
        <v/>
      </c>
    </row>
    <row r="2769" spans="1:14" ht="15.75">
      <c r="A2769" s="538"/>
      <c r="B2769" s="411">
        <f t="shared" si="85"/>
        <v>136</v>
      </c>
      <c r="C2769" s="498" t="s">
        <v>4585</v>
      </c>
      <c r="D2769" s="449" t="s">
        <v>4586</v>
      </c>
      <c r="E2769" s="449" t="s">
        <v>707</v>
      </c>
      <c r="F2769" s="449" t="s">
        <v>676</v>
      </c>
      <c r="G2769" s="449"/>
      <c r="H2769" s="415"/>
      <c r="I2769" s="481"/>
      <c r="J2769" s="144"/>
      <c r="K2769" s="466"/>
      <c r="L2769" s="469">
        <v>41671</v>
      </c>
      <c r="M2769" s="731"/>
      <c r="N2769" s="418" t="str">
        <f t="shared" si="86"/>
        <v>DUPLICATE</v>
      </c>
    </row>
    <row r="2770" spans="1:14" ht="15.75">
      <c r="A2770" s="538"/>
      <c r="B2770" s="411">
        <f t="shared" si="85"/>
        <v>136</v>
      </c>
      <c r="C2770" s="498" t="s">
        <v>5803</v>
      </c>
      <c r="D2770" s="480" t="s">
        <v>5804</v>
      </c>
      <c r="E2770" s="449" t="s">
        <v>595</v>
      </c>
      <c r="F2770" s="449" t="s">
        <v>596</v>
      </c>
      <c r="G2770" s="449"/>
      <c r="H2770" s="415"/>
      <c r="I2770" s="481"/>
      <c r="J2770" s="144"/>
      <c r="K2770" s="466"/>
      <c r="L2770" s="469">
        <v>39845</v>
      </c>
      <c r="M2770" s="731"/>
      <c r="N2770" s="418" t="str">
        <f t="shared" si="86"/>
        <v/>
      </c>
    </row>
    <row r="2771" spans="1:14" ht="15.75">
      <c r="A2771" s="538"/>
      <c r="B2771" s="411">
        <f t="shared" si="85"/>
        <v>136</v>
      </c>
      <c r="C2771" s="498" t="s">
        <v>5805</v>
      </c>
      <c r="D2771" s="480" t="s">
        <v>5806</v>
      </c>
      <c r="E2771" s="449" t="s">
        <v>595</v>
      </c>
      <c r="F2771" s="449" t="s">
        <v>596</v>
      </c>
      <c r="G2771" s="449"/>
      <c r="H2771" s="415"/>
      <c r="I2771" s="481"/>
      <c r="J2771" s="144"/>
      <c r="K2771" s="466"/>
      <c r="L2771" s="469">
        <v>39845</v>
      </c>
      <c r="M2771" s="731"/>
      <c r="N2771" s="418" t="str">
        <f t="shared" si="86"/>
        <v/>
      </c>
    </row>
    <row r="2772" spans="1:14" ht="15.75">
      <c r="A2772" s="538"/>
      <c r="B2772" s="411">
        <f t="shared" si="85"/>
        <v>136</v>
      </c>
      <c r="C2772" s="456" t="s">
        <v>3257</v>
      </c>
      <c r="D2772" s="458" t="s">
        <v>3258</v>
      </c>
      <c r="E2772" s="457" t="s">
        <v>595</v>
      </c>
      <c r="F2772" s="457" t="s">
        <v>596</v>
      </c>
      <c r="G2772" s="459"/>
      <c r="H2772" s="728"/>
      <c r="I2772" s="728"/>
      <c r="J2772" s="462"/>
      <c r="K2772" s="728"/>
      <c r="L2772" s="469">
        <v>41671</v>
      </c>
      <c r="M2772" s="731"/>
      <c r="N2772" s="418" t="str">
        <f t="shared" si="86"/>
        <v>DUPLICATE</v>
      </c>
    </row>
    <row r="2773" spans="1:14" ht="47.25">
      <c r="A2773" s="536">
        <v>137</v>
      </c>
      <c r="B2773" s="411">
        <f t="shared" si="85"/>
        <v>137</v>
      </c>
      <c r="C2773" s="419" t="s">
        <v>5807</v>
      </c>
      <c r="D2773" s="472"/>
      <c r="E2773" s="414" t="s">
        <v>643</v>
      </c>
      <c r="F2773" s="438" t="s">
        <v>600</v>
      </c>
      <c r="G2773" s="438" t="s">
        <v>5161</v>
      </c>
      <c r="H2773" s="415"/>
      <c r="I2773" s="415"/>
      <c r="J2773" s="438" t="s">
        <v>645</v>
      </c>
      <c r="K2773" s="422" t="s">
        <v>646</v>
      </c>
      <c r="L2773" s="732">
        <v>38362</v>
      </c>
      <c r="M2773" s="417">
        <v>38749</v>
      </c>
      <c r="N2773" s="418" t="str">
        <f t="shared" si="86"/>
        <v/>
      </c>
    </row>
    <row r="2774" spans="1:14" ht="15.75">
      <c r="A2774" s="410"/>
      <c r="B2774" s="411">
        <f t="shared" si="85"/>
        <v>137</v>
      </c>
      <c r="C2774" s="456" t="s">
        <v>5808</v>
      </c>
      <c r="D2774" s="461" t="s">
        <v>5809</v>
      </c>
      <c r="E2774" s="461" t="s">
        <v>643</v>
      </c>
      <c r="F2774" s="458" t="s">
        <v>600</v>
      </c>
      <c r="G2774" s="458"/>
      <c r="H2774" s="415"/>
      <c r="I2774" s="460"/>
      <c r="J2774" s="461"/>
      <c r="K2774" s="526"/>
      <c r="L2774" s="733">
        <v>38362</v>
      </c>
      <c r="M2774" s="423"/>
      <c r="N2774" s="418" t="str">
        <f t="shared" si="86"/>
        <v/>
      </c>
    </row>
    <row r="2775" spans="1:14" ht="31.5">
      <c r="A2775" s="536">
        <v>138</v>
      </c>
      <c r="B2775" s="411">
        <f t="shared" si="85"/>
        <v>138</v>
      </c>
      <c r="C2775" s="424" t="s">
        <v>5810</v>
      </c>
      <c r="D2775" s="421" t="s">
        <v>5811</v>
      </c>
      <c r="E2775" s="421" t="s">
        <v>595</v>
      </c>
      <c r="F2775" s="421" t="s">
        <v>596</v>
      </c>
      <c r="G2775" s="734" t="s">
        <v>5812</v>
      </c>
      <c r="H2775" s="415"/>
      <c r="I2775" s="415"/>
      <c r="J2775" s="438" t="s">
        <v>654</v>
      </c>
      <c r="K2775" s="414"/>
      <c r="L2775" s="417">
        <v>38362</v>
      </c>
      <c r="M2775" s="417"/>
      <c r="N2775" s="418" t="str">
        <f t="shared" si="86"/>
        <v/>
      </c>
    </row>
    <row r="2776" spans="1:14" ht="126">
      <c r="A2776" s="410">
        <v>139</v>
      </c>
      <c r="B2776" s="411">
        <f t="shared" si="85"/>
        <v>139</v>
      </c>
      <c r="C2776" s="412" t="s">
        <v>5813</v>
      </c>
      <c r="D2776" s="458"/>
      <c r="E2776" s="458" t="s">
        <v>707</v>
      </c>
      <c r="F2776" s="458" t="s">
        <v>652</v>
      </c>
      <c r="G2776" s="474" t="s">
        <v>5814</v>
      </c>
      <c r="H2776" s="415"/>
      <c r="I2776" s="415"/>
      <c r="J2776" s="438" t="s">
        <v>5815</v>
      </c>
      <c r="K2776" s="524"/>
      <c r="L2776" s="423">
        <v>38362</v>
      </c>
      <c r="M2776" s="423">
        <v>39476</v>
      </c>
      <c r="N2776" s="418" t="str">
        <f t="shared" si="86"/>
        <v/>
      </c>
    </row>
    <row r="2777" spans="1:14" ht="47.25">
      <c r="A2777" s="538"/>
      <c r="B2777" s="411">
        <f t="shared" si="85"/>
        <v>139</v>
      </c>
      <c r="C2777" s="440" t="s">
        <v>5816</v>
      </c>
      <c r="D2777" s="449" t="s">
        <v>5817</v>
      </c>
      <c r="E2777" s="449" t="s">
        <v>595</v>
      </c>
      <c r="F2777" s="449" t="s">
        <v>652</v>
      </c>
      <c r="G2777" s="532"/>
      <c r="H2777" s="444"/>
      <c r="I2777" s="451"/>
      <c r="J2777" s="144" t="s">
        <v>5818</v>
      </c>
      <c r="K2777" s="694"/>
      <c r="L2777" s="448">
        <v>38362</v>
      </c>
      <c r="M2777" s="448">
        <v>38707</v>
      </c>
      <c r="N2777" s="418" t="str">
        <f t="shared" si="86"/>
        <v/>
      </c>
    </row>
    <row r="2778" spans="1:14" ht="28.5">
      <c r="A2778" s="538"/>
      <c r="B2778" s="411">
        <f t="shared" ref="B2778:B2841" si="87">IF(A2778&gt;0,A2778,B2777)</f>
        <v>139</v>
      </c>
      <c r="C2778" s="440" t="s">
        <v>5819</v>
      </c>
      <c r="D2778" s="449" t="s">
        <v>5820</v>
      </c>
      <c r="E2778" s="449" t="s">
        <v>595</v>
      </c>
      <c r="F2778" s="449" t="s">
        <v>652</v>
      </c>
      <c r="G2778" s="449"/>
      <c r="H2778" s="460"/>
      <c r="I2778" s="451"/>
      <c r="J2778" s="144"/>
      <c r="K2778" s="517"/>
      <c r="L2778" s="455">
        <v>38362</v>
      </c>
      <c r="M2778" s="455">
        <v>38707</v>
      </c>
      <c r="N2778" s="418" t="str">
        <f t="shared" si="86"/>
        <v/>
      </c>
    </row>
    <row r="2779" spans="1:14" ht="63">
      <c r="A2779" s="538"/>
      <c r="B2779" s="411">
        <f t="shared" si="87"/>
        <v>139</v>
      </c>
      <c r="C2779" s="545" t="s">
        <v>5821</v>
      </c>
      <c r="D2779" s="414" t="s">
        <v>5822</v>
      </c>
      <c r="E2779" s="414" t="s">
        <v>643</v>
      </c>
      <c r="F2779" s="414" t="s">
        <v>652</v>
      </c>
      <c r="G2779" s="414" t="s">
        <v>1414</v>
      </c>
      <c r="H2779" s="415"/>
      <c r="I2779" s="509"/>
      <c r="J2779" s="416" t="s">
        <v>5823</v>
      </c>
      <c r="K2779" s="735" t="s">
        <v>5824</v>
      </c>
      <c r="L2779" s="439">
        <v>38362</v>
      </c>
      <c r="M2779" s="417">
        <v>39476</v>
      </c>
      <c r="N2779" s="418" t="str">
        <f t="shared" si="86"/>
        <v/>
      </c>
    </row>
    <row r="2780" spans="1:14" ht="15.75">
      <c r="A2780" s="538"/>
      <c r="B2780" s="411">
        <f t="shared" si="87"/>
        <v>139</v>
      </c>
      <c r="C2780" s="440" t="s">
        <v>5825</v>
      </c>
      <c r="D2780" s="449" t="s">
        <v>5826</v>
      </c>
      <c r="E2780" s="449" t="s">
        <v>595</v>
      </c>
      <c r="F2780" s="449" t="s">
        <v>652</v>
      </c>
      <c r="G2780" s="449"/>
      <c r="H2780" s="415"/>
      <c r="I2780" s="451"/>
      <c r="J2780" s="144"/>
      <c r="K2780" s="517"/>
      <c r="L2780" s="455">
        <v>38362</v>
      </c>
      <c r="M2780" s="455">
        <v>38707</v>
      </c>
      <c r="N2780" s="418" t="str">
        <f t="shared" si="86"/>
        <v/>
      </c>
    </row>
    <row r="2781" spans="1:14" ht="15.75">
      <c r="A2781" s="538"/>
      <c r="B2781" s="411">
        <f t="shared" si="87"/>
        <v>139</v>
      </c>
      <c r="C2781" s="440" t="s">
        <v>5827</v>
      </c>
      <c r="D2781" s="449" t="s">
        <v>5828</v>
      </c>
      <c r="E2781" s="449" t="s">
        <v>595</v>
      </c>
      <c r="F2781" s="449" t="s">
        <v>652</v>
      </c>
      <c r="G2781" s="449"/>
      <c r="H2781" s="415"/>
      <c r="I2781" s="451"/>
      <c r="J2781" s="144"/>
      <c r="K2781" s="517"/>
      <c r="L2781" s="455">
        <v>38362</v>
      </c>
      <c r="M2781" s="455">
        <v>38707</v>
      </c>
      <c r="N2781" s="418" t="str">
        <f t="shared" si="86"/>
        <v/>
      </c>
    </row>
    <row r="2782" spans="1:14" ht="15.75">
      <c r="A2782" s="538"/>
      <c r="B2782" s="411">
        <f t="shared" si="87"/>
        <v>139</v>
      </c>
      <c r="C2782" s="440" t="s">
        <v>5829</v>
      </c>
      <c r="D2782" s="449" t="s">
        <v>5830</v>
      </c>
      <c r="E2782" s="449" t="s">
        <v>595</v>
      </c>
      <c r="F2782" s="449" t="s">
        <v>652</v>
      </c>
      <c r="G2782" s="449"/>
      <c r="H2782" s="415"/>
      <c r="I2782" s="451"/>
      <c r="J2782" s="144"/>
      <c r="K2782" s="517"/>
      <c r="L2782" s="455">
        <v>38362</v>
      </c>
      <c r="M2782" s="455">
        <v>38707</v>
      </c>
      <c r="N2782" s="418" t="str">
        <f t="shared" si="86"/>
        <v/>
      </c>
    </row>
    <row r="2783" spans="1:14" ht="28.5">
      <c r="A2783" s="538"/>
      <c r="B2783" s="411">
        <f t="shared" si="87"/>
        <v>139</v>
      </c>
      <c r="C2783" s="440" t="s">
        <v>5831</v>
      </c>
      <c r="D2783" s="449" t="s">
        <v>5832</v>
      </c>
      <c r="E2783" s="449" t="s">
        <v>595</v>
      </c>
      <c r="F2783" s="449" t="s">
        <v>652</v>
      </c>
      <c r="G2783" s="449"/>
      <c r="H2783" s="415"/>
      <c r="I2783" s="451"/>
      <c r="J2783" s="144"/>
      <c r="K2783" s="517"/>
      <c r="L2783" s="455">
        <v>38362</v>
      </c>
      <c r="M2783" s="455">
        <v>38707</v>
      </c>
      <c r="N2783" s="418" t="str">
        <f t="shared" si="86"/>
        <v/>
      </c>
    </row>
    <row r="2784" spans="1:14" ht="15.75">
      <c r="A2784" s="538"/>
      <c r="B2784" s="411">
        <f t="shared" si="87"/>
        <v>139</v>
      </c>
      <c r="C2784" s="440" t="s">
        <v>5833</v>
      </c>
      <c r="D2784" s="449" t="s">
        <v>5834</v>
      </c>
      <c r="E2784" s="449" t="s">
        <v>595</v>
      </c>
      <c r="F2784" s="449" t="s">
        <v>652</v>
      </c>
      <c r="G2784" s="449"/>
      <c r="H2784" s="415"/>
      <c r="I2784" s="451"/>
      <c r="J2784" s="144"/>
      <c r="K2784" s="517"/>
      <c r="L2784" s="455">
        <v>38362</v>
      </c>
      <c r="M2784" s="455">
        <v>38707</v>
      </c>
      <c r="N2784" s="418" t="str">
        <f t="shared" si="86"/>
        <v/>
      </c>
    </row>
    <row r="2785" spans="1:14" ht="15.75">
      <c r="A2785" s="538"/>
      <c r="B2785" s="411">
        <f t="shared" si="87"/>
        <v>139</v>
      </c>
      <c r="C2785" s="440" t="s">
        <v>5835</v>
      </c>
      <c r="D2785" s="449" t="s">
        <v>5836</v>
      </c>
      <c r="E2785" s="449" t="s">
        <v>595</v>
      </c>
      <c r="F2785" s="449" t="s">
        <v>652</v>
      </c>
      <c r="G2785" s="449"/>
      <c r="H2785" s="415"/>
      <c r="I2785" s="451"/>
      <c r="J2785" s="144"/>
      <c r="K2785" s="517"/>
      <c r="L2785" s="455">
        <v>38362</v>
      </c>
      <c r="M2785" s="455">
        <v>38707</v>
      </c>
      <c r="N2785" s="418" t="str">
        <f t="shared" si="86"/>
        <v/>
      </c>
    </row>
    <row r="2786" spans="1:14" ht="28.5">
      <c r="A2786" s="538"/>
      <c r="B2786" s="411">
        <f t="shared" si="87"/>
        <v>139</v>
      </c>
      <c r="C2786" s="440" t="s">
        <v>5837</v>
      </c>
      <c r="D2786" s="449" t="s">
        <v>5838</v>
      </c>
      <c r="E2786" s="449" t="s">
        <v>595</v>
      </c>
      <c r="F2786" s="449" t="s">
        <v>652</v>
      </c>
      <c r="G2786" s="449"/>
      <c r="H2786" s="415"/>
      <c r="I2786" s="451"/>
      <c r="J2786" s="144"/>
      <c r="K2786" s="517"/>
      <c r="L2786" s="455">
        <v>38749</v>
      </c>
      <c r="M2786" s="455"/>
      <c r="N2786" s="418" t="str">
        <f t="shared" si="86"/>
        <v/>
      </c>
    </row>
    <row r="2787" spans="1:14" ht="15.75">
      <c r="A2787" s="538"/>
      <c r="B2787" s="411">
        <f t="shared" si="87"/>
        <v>139</v>
      </c>
      <c r="C2787" s="440" t="s">
        <v>5839</v>
      </c>
      <c r="D2787" s="449" t="s">
        <v>5840</v>
      </c>
      <c r="E2787" s="449" t="s">
        <v>595</v>
      </c>
      <c r="F2787" s="449" t="s">
        <v>652</v>
      </c>
      <c r="G2787" s="449"/>
      <c r="H2787" s="415"/>
      <c r="I2787" s="451"/>
      <c r="J2787" s="144"/>
      <c r="K2787" s="517"/>
      <c r="L2787" s="455">
        <v>38362</v>
      </c>
      <c r="M2787" s="455">
        <v>38707</v>
      </c>
      <c r="N2787" s="418" t="str">
        <f t="shared" si="86"/>
        <v/>
      </c>
    </row>
    <row r="2788" spans="1:14" ht="15.75">
      <c r="A2788" s="410"/>
      <c r="B2788" s="411">
        <f t="shared" si="87"/>
        <v>139</v>
      </c>
      <c r="C2788" s="456" t="s">
        <v>5841</v>
      </c>
      <c r="D2788" s="458" t="s">
        <v>5842</v>
      </c>
      <c r="E2788" s="458" t="s">
        <v>595</v>
      </c>
      <c r="F2788" s="458" t="s">
        <v>652</v>
      </c>
      <c r="G2788" s="458"/>
      <c r="H2788" s="415"/>
      <c r="I2788" s="460"/>
      <c r="J2788" s="528"/>
      <c r="K2788" s="524"/>
      <c r="L2788" s="464">
        <v>38362</v>
      </c>
      <c r="M2788" s="464">
        <v>38707</v>
      </c>
      <c r="N2788" s="418" t="str">
        <f t="shared" si="86"/>
        <v/>
      </c>
    </row>
    <row r="2789" spans="1:14" ht="31.5">
      <c r="A2789" s="536">
        <v>140</v>
      </c>
      <c r="B2789" s="411">
        <f t="shared" si="87"/>
        <v>140</v>
      </c>
      <c r="C2789" s="557" t="s">
        <v>14037</v>
      </c>
      <c r="D2789" s="736"/>
      <c r="E2789" s="427" t="s">
        <v>595</v>
      </c>
      <c r="F2789" s="445" t="s">
        <v>600</v>
      </c>
      <c r="G2789" s="427" t="s">
        <v>760</v>
      </c>
      <c r="H2789" s="558"/>
      <c r="I2789" s="558"/>
      <c r="J2789" s="737"/>
      <c r="K2789" s="558"/>
      <c r="L2789" s="556">
        <v>43132</v>
      </c>
      <c r="M2789" s="417">
        <v>43497</v>
      </c>
      <c r="N2789" s="418" t="str">
        <f t="shared" si="86"/>
        <v/>
      </c>
    </row>
    <row r="2790" spans="1:14" ht="15.75">
      <c r="A2790" s="738"/>
      <c r="B2790" s="411">
        <f t="shared" si="87"/>
        <v>140</v>
      </c>
      <c r="C2790" s="739" t="s">
        <v>14038</v>
      </c>
      <c r="D2790" s="740" t="s">
        <v>8337</v>
      </c>
      <c r="E2790" s="709" t="s">
        <v>595</v>
      </c>
      <c r="F2790" s="445" t="s">
        <v>600</v>
      </c>
      <c r="G2790" s="709"/>
      <c r="H2790" s="711"/>
      <c r="I2790" s="711"/>
      <c r="J2790" s="740" t="s">
        <v>14039</v>
      </c>
      <c r="K2790" s="711"/>
      <c r="L2790" s="741">
        <v>43132</v>
      </c>
      <c r="M2790" s="417">
        <v>43497</v>
      </c>
      <c r="N2790" s="418" t="str">
        <f t="shared" si="86"/>
        <v/>
      </c>
    </row>
    <row r="2791" spans="1:14" ht="15.75">
      <c r="A2791" s="383"/>
      <c r="B2791" s="411">
        <f t="shared" si="87"/>
        <v>140</v>
      </c>
      <c r="C2791" s="721" t="s">
        <v>14040</v>
      </c>
      <c r="D2791" s="722" t="s">
        <v>8341</v>
      </c>
      <c r="E2791" s="723" t="s">
        <v>595</v>
      </c>
      <c r="F2791" s="445" t="s">
        <v>600</v>
      </c>
      <c r="G2791" s="723"/>
      <c r="H2791" s="742"/>
      <c r="I2791" s="742"/>
      <c r="J2791" s="722" t="s">
        <v>14039</v>
      </c>
      <c r="K2791" s="742"/>
      <c r="L2791" s="725">
        <v>43132</v>
      </c>
      <c r="M2791" s="417">
        <v>43497</v>
      </c>
      <c r="N2791" s="418" t="str">
        <f t="shared" si="86"/>
        <v/>
      </c>
    </row>
    <row r="2792" spans="1:14" ht="15.75">
      <c r="A2792" s="743"/>
      <c r="B2792" s="411">
        <f t="shared" si="87"/>
        <v>140</v>
      </c>
      <c r="C2792" s="744" t="s">
        <v>14041</v>
      </c>
      <c r="D2792" s="745" t="s">
        <v>8344</v>
      </c>
      <c r="E2792" s="746" t="s">
        <v>595</v>
      </c>
      <c r="F2792" s="445" t="s">
        <v>600</v>
      </c>
      <c r="G2792" s="746"/>
      <c r="H2792" s="673"/>
      <c r="I2792" s="673"/>
      <c r="J2792" s="745" t="s">
        <v>14039</v>
      </c>
      <c r="K2792" s="673"/>
      <c r="L2792" s="747">
        <v>43132</v>
      </c>
      <c r="M2792" s="417">
        <v>43497</v>
      </c>
      <c r="N2792" s="418" t="str">
        <f t="shared" si="86"/>
        <v/>
      </c>
    </row>
    <row r="2793" spans="1:14" ht="28.5">
      <c r="A2793" s="748">
        <v>141</v>
      </c>
      <c r="B2793" s="484">
        <f>IF(A2793&gt;0,A2793,B2792)</f>
        <v>141</v>
      </c>
      <c r="C2793" s="749" t="s">
        <v>34161</v>
      </c>
      <c r="D2793" s="750"/>
      <c r="E2793" s="751" t="s">
        <v>595</v>
      </c>
      <c r="F2793" s="752" t="s">
        <v>600</v>
      </c>
      <c r="G2793" s="752" t="s">
        <v>760</v>
      </c>
      <c r="H2793" s="752"/>
      <c r="I2793" s="752"/>
      <c r="J2793" s="752" t="s">
        <v>6902</v>
      </c>
      <c r="K2793" s="752"/>
      <c r="L2793" s="434">
        <v>43497</v>
      </c>
      <c r="M2793" s="434">
        <v>44228</v>
      </c>
      <c r="N2793" s="418" t="str">
        <f t="shared" si="86"/>
        <v/>
      </c>
    </row>
    <row r="2794" spans="1:14" ht="15.75">
      <c r="A2794" s="748"/>
      <c r="B2794" s="484">
        <f t="shared" si="87"/>
        <v>141</v>
      </c>
      <c r="C2794" s="753" t="s">
        <v>34162</v>
      </c>
      <c r="D2794" s="750" t="s">
        <v>26653</v>
      </c>
      <c r="E2794" s="751" t="s">
        <v>595</v>
      </c>
      <c r="F2794" s="754" t="s">
        <v>600</v>
      </c>
      <c r="G2794" s="755"/>
      <c r="H2794" s="756"/>
      <c r="I2794" s="756"/>
      <c r="J2794" s="757" t="s">
        <v>6902</v>
      </c>
      <c r="K2794" s="756"/>
      <c r="L2794" s="758">
        <v>43497</v>
      </c>
      <c r="M2794" s="434">
        <v>44228</v>
      </c>
      <c r="N2794" s="418" t="str">
        <f t="shared" si="86"/>
        <v/>
      </c>
    </row>
    <row r="2795" spans="1:14" ht="15.75">
      <c r="A2795" s="748"/>
      <c r="B2795" s="484">
        <f t="shared" si="87"/>
        <v>141</v>
      </c>
      <c r="C2795" s="759" t="s">
        <v>34163</v>
      </c>
      <c r="D2795" s="760" t="s">
        <v>34164</v>
      </c>
      <c r="E2795" s="761" t="s">
        <v>595</v>
      </c>
      <c r="F2795" s="754" t="s">
        <v>600</v>
      </c>
      <c r="G2795" s="761"/>
      <c r="H2795" s="762"/>
      <c r="I2795" s="762"/>
      <c r="J2795" s="760" t="s">
        <v>6902</v>
      </c>
      <c r="K2795" s="762"/>
      <c r="L2795" s="434">
        <v>44228</v>
      </c>
      <c r="M2795" s="763"/>
      <c r="N2795" s="418" t="str">
        <f t="shared" si="86"/>
        <v/>
      </c>
    </row>
    <row r="2796" spans="1:14" ht="63">
      <c r="A2796" s="536">
        <v>142</v>
      </c>
      <c r="B2796" s="411">
        <f>IF(A2796&gt;0,A2796,B2795)</f>
        <v>142</v>
      </c>
      <c r="C2796" s="424" t="s">
        <v>14042</v>
      </c>
      <c r="D2796" s="414"/>
      <c r="E2796" s="414" t="s">
        <v>595</v>
      </c>
      <c r="F2796" s="414" t="s">
        <v>600</v>
      </c>
      <c r="G2796" s="414" t="s">
        <v>26654</v>
      </c>
      <c r="H2796" s="415"/>
      <c r="I2796" s="415"/>
      <c r="J2796" s="414" t="s">
        <v>5843</v>
      </c>
      <c r="K2796" s="642"/>
      <c r="L2796" s="417">
        <v>39479</v>
      </c>
      <c r="M2796" s="439">
        <v>43132</v>
      </c>
      <c r="N2796" s="418" t="str">
        <f t="shared" si="86"/>
        <v/>
      </c>
    </row>
    <row r="2797" spans="1:14" ht="15.75">
      <c r="A2797" s="574"/>
      <c r="B2797" s="411">
        <f t="shared" si="87"/>
        <v>142</v>
      </c>
      <c r="C2797" s="440" t="s">
        <v>5844</v>
      </c>
      <c r="D2797" s="449" t="s">
        <v>5845</v>
      </c>
      <c r="E2797" s="449" t="s">
        <v>595</v>
      </c>
      <c r="F2797" s="449" t="s">
        <v>676</v>
      </c>
      <c r="G2797" s="449"/>
      <c r="H2797" s="444"/>
      <c r="I2797" s="451"/>
      <c r="J2797" s="144"/>
      <c r="K2797" s="517"/>
      <c r="L2797" s="469">
        <v>41485</v>
      </c>
      <c r="M2797" s="455"/>
      <c r="N2797" s="418" t="str">
        <f t="shared" si="86"/>
        <v/>
      </c>
    </row>
    <row r="2798" spans="1:14" ht="15.75">
      <c r="A2798" s="538"/>
      <c r="B2798" s="411">
        <f t="shared" si="87"/>
        <v>142</v>
      </c>
      <c r="C2798" s="440" t="s">
        <v>5846</v>
      </c>
      <c r="D2798" s="449" t="s">
        <v>5847</v>
      </c>
      <c r="E2798" s="449" t="s">
        <v>595</v>
      </c>
      <c r="F2798" s="449" t="s">
        <v>600</v>
      </c>
      <c r="G2798" s="449"/>
      <c r="H2798" s="451"/>
      <c r="I2798" s="451"/>
      <c r="J2798" s="144"/>
      <c r="K2798" s="517"/>
      <c r="L2798" s="469">
        <v>42401</v>
      </c>
      <c r="M2798" s="455"/>
      <c r="N2798" s="418" t="str">
        <f t="shared" si="86"/>
        <v/>
      </c>
    </row>
    <row r="2799" spans="1:14" ht="15.75">
      <c r="A2799" s="538"/>
      <c r="B2799" s="411">
        <f t="shared" si="87"/>
        <v>142</v>
      </c>
      <c r="C2799" s="440" t="s">
        <v>5848</v>
      </c>
      <c r="D2799" s="449" t="s">
        <v>5849</v>
      </c>
      <c r="E2799" s="449" t="s">
        <v>595</v>
      </c>
      <c r="F2799" s="449" t="s">
        <v>600</v>
      </c>
      <c r="G2799" s="449"/>
      <c r="H2799" s="451"/>
      <c r="I2799" s="451"/>
      <c r="J2799" s="144"/>
      <c r="K2799" s="517"/>
      <c r="L2799" s="469">
        <v>42401</v>
      </c>
      <c r="M2799" s="455"/>
      <c r="N2799" s="418" t="str">
        <f t="shared" si="86"/>
        <v/>
      </c>
    </row>
    <row r="2800" spans="1:14" ht="15.75">
      <c r="A2800" s="538"/>
      <c r="B2800" s="411">
        <f t="shared" si="87"/>
        <v>142</v>
      </c>
      <c r="C2800" s="440" t="s">
        <v>5850</v>
      </c>
      <c r="D2800" s="449" t="s">
        <v>5851</v>
      </c>
      <c r="E2800" s="449" t="s">
        <v>595</v>
      </c>
      <c r="F2800" s="449" t="s">
        <v>600</v>
      </c>
      <c r="G2800" s="449"/>
      <c r="H2800" s="451"/>
      <c r="I2800" s="451"/>
      <c r="J2800" s="144"/>
      <c r="K2800" s="517"/>
      <c r="L2800" s="469">
        <v>42401</v>
      </c>
      <c r="M2800" s="455"/>
      <c r="N2800" s="418" t="str">
        <f t="shared" si="86"/>
        <v/>
      </c>
    </row>
    <row r="2801" spans="1:14" ht="15.75">
      <c r="A2801" s="538"/>
      <c r="B2801" s="411">
        <f t="shared" si="87"/>
        <v>142</v>
      </c>
      <c r="C2801" s="440" t="s">
        <v>5852</v>
      </c>
      <c r="D2801" s="449" t="s">
        <v>5853</v>
      </c>
      <c r="E2801" s="449" t="s">
        <v>595</v>
      </c>
      <c r="F2801" s="449" t="s">
        <v>600</v>
      </c>
      <c r="G2801" s="449"/>
      <c r="H2801" s="451"/>
      <c r="I2801" s="451"/>
      <c r="J2801" s="144"/>
      <c r="K2801" s="517"/>
      <c r="L2801" s="469">
        <v>42401</v>
      </c>
      <c r="M2801" s="455"/>
      <c r="N2801" s="418" t="str">
        <f t="shared" si="86"/>
        <v/>
      </c>
    </row>
    <row r="2802" spans="1:14" ht="15.75">
      <c r="A2802" s="538"/>
      <c r="B2802" s="411">
        <f t="shared" si="87"/>
        <v>142</v>
      </c>
      <c r="C2802" s="440" t="s">
        <v>5854</v>
      </c>
      <c r="D2802" s="449" t="s">
        <v>5855</v>
      </c>
      <c r="E2802" s="449" t="s">
        <v>595</v>
      </c>
      <c r="F2802" s="449" t="s">
        <v>600</v>
      </c>
      <c r="G2802" s="449"/>
      <c r="H2802" s="451"/>
      <c r="I2802" s="451"/>
      <c r="J2802" s="144"/>
      <c r="K2802" s="517"/>
      <c r="L2802" s="469">
        <v>42401</v>
      </c>
      <c r="M2802" s="455"/>
      <c r="N2802" s="418" t="str">
        <f t="shared" si="86"/>
        <v/>
      </c>
    </row>
    <row r="2803" spans="1:14" ht="15.75">
      <c r="A2803" s="538"/>
      <c r="B2803" s="411">
        <f t="shared" si="87"/>
        <v>142</v>
      </c>
      <c r="C2803" s="440" t="s">
        <v>5856</v>
      </c>
      <c r="D2803" s="449" t="s">
        <v>5857</v>
      </c>
      <c r="E2803" s="449" t="s">
        <v>595</v>
      </c>
      <c r="F2803" s="449" t="s">
        <v>600</v>
      </c>
      <c r="G2803" s="449"/>
      <c r="H2803" s="451"/>
      <c r="I2803" s="451"/>
      <c r="J2803" s="144"/>
      <c r="K2803" s="517"/>
      <c r="L2803" s="469">
        <v>42401</v>
      </c>
      <c r="M2803" s="455"/>
      <c r="N2803" s="418" t="str">
        <f t="shared" si="86"/>
        <v/>
      </c>
    </row>
    <row r="2804" spans="1:14" ht="15.75">
      <c r="A2804" s="410"/>
      <c r="B2804" s="411">
        <f t="shared" si="87"/>
        <v>142</v>
      </c>
      <c r="C2804" s="456" t="s">
        <v>5858</v>
      </c>
      <c r="D2804" s="458" t="s">
        <v>5859</v>
      </c>
      <c r="E2804" s="449" t="s">
        <v>595</v>
      </c>
      <c r="F2804" s="449" t="s">
        <v>600</v>
      </c>
      <c r="G2804" s="458"/>
      <c r="H2804" s="460"/>
      <c r="I2804" s="460"/>
      <c r="J2804" s="528"/>
      <c r="K2804" s="524"/>
      <c r="L2804" s="423">
        <v>41485</v>
      </c>
      <c r="M2804" s="464">
        <v>42036</v>
      </c>
      <c r="N2804" s="418" t="str">
        <f t="shared" si="86"/>
        <v/>
      </c>
    </row>
    <row r="2805" spans="1:14" ht="31.5">
      <c r="A2805" s="543">
        <v>143</v>
      </c>
      <c r="B2805" s="484">
        <f t="shared" si="87"/>
        <v>143</v>
      </c>
      <c r="C2805" s="764" t="s">
        <v>28513</v>
      </c>
      <c r="D2805" s="430"/>
      <c r="E2805" s="547" t="s">
        <v>595</v>
      </c>
      <c r="F2805" s="547" t="s">
        <v>600</v>
      </c>
      <c r="G2805" s="430" t="s">
        <v>811</v>
      </c>
      <c r="H2805" s="432" t="s">
        <v>28514</v>
      </c>
      <c r="I2805" s="432" t="s">
        <v>711</v>
      </c>
      <c r="J2805" s="433" t="s">
        <v>5860</v>
      </c>
      <c r="K2805" s="765"/>
      <c r="L2805" s="434">
        <v>38362</v>
      </c>
      <c r="M2805" s="766">
        <v>43862</v>
      </c>
      <c r="N2805" s="418" t="str">
        <f t="shared" si="86"/>
        <v/>
      </c>
    </row>
    <row r="2806" spans="1:14" ht="15.75">
      <c r="A2806" s="563"/>
      <c r="B2806" s="484">
        <f t="shared" si="87"/>
        <v>143</v>
      </c>
      <c r="C2806" s="767" t="s">
        <v>5861</v>
      </c>
      <c r="D2806" s="566" t="s">
        <v>5862</v>
      </c>
      <c r="E2806" s="512" t="s">
        <v>595</v>
      </c>
      <c r="F2806" s="547" t="s">
        <v>600</v>
      </c>
      <c r="G2806" s="518"/>
      <c r="H2806" s="531"/>
      <c r="I2806" s="495"/>
      <c r="J2806" s="514"/>
      <c r="K2806" s="494"/>
      <c r="L2806" s="502">
        <v>42401</v>
      </c>
      <c r="M2806" s="766">
        <v>43862</v>
      </c>
      <c r="N2806" s="418" t="str">
        <f t="shared" si="86"/>
        <v/>
      </c>
    </row>
    <row r="2807" spans="1:14" ht="15.75">
      <c r="A2807" s="563"/>
      <c r="B2807" s="484">
        <f t="shared" si="87"/>
        <v>143</v>
      </c>
      <c r="C2807" s="767" t="s">
        <v>5863</v>
      </c>
      <c r="D2807" s="494" t="s">
        <v>5864</v>
      </c>
      <c r="E2807" s="512" t="s">
        <v>595</v>
      </c>
      <c r="F2807" s="547" t="s">
        <v>600</v>
      </c>
      <c r="G2807" s="518"/>
      <c r="H2807" s="495"/>
      <c r="I2807" s="495"/>
      <c r="J2807" s="514"/>
      <c r="K2807" s="494"/>
      <c r="L2807" s="502">
        <v>42401</v>
      </c>
      <c r="M2807" s="766">
        <v>43862</v>
      </c>
      <c r="N2807" s="418" t="str">
        <f t="shared" si="86"/>
        <v/>
      </c>
    </row>
    <row r="2808" spans="1:14" ht="15.75">
      <c r="A2808" s="563"/>
      <c r="B2808" s="484">
        <f t="shared" si="87"/>
        <v>143</v>
      </c>
      <c r="C2808" s="767" t="s">
        <v>5865</v>
      </c>
      <c r="D2808" s="494" t="s">
        <v>5866</v>
      </c>
      <c r="E2808" s="512" t="s">
        <v>595</v>
      </c>
      <c r="F2808" s="547" t="s">
        <v>600</v>
      </c>
      <c r="G2808" s="518"/>
      <c r="H2808" s="495"/>
      <c r="I2808" s="495"/>
      <c r="J2808" s="514"/>
      <c r="K2808" s="494"/>
      <c r="L2808" s="502">
        <v>42401</v>
      </c>
      <c r="M2808" s="766">
        <v>43862</v>
      </c>
      <c r="N2808" s="418" t="str">
        <f t="shared" si="86"/>
        <v/>
      </c>
    </row>
    <row r="2809" spans="1:14" ht="15.75">
      <c r="A2809" s="563"/>
      <c r="B2809" s="484">
        <f t="shared" si="87"/>
        <v>143</v>
      </c>
      <c r="C2809" s="492" t="s">
        <v>5867</v>
      </c>
      <c r="D2809" s="494" t="s">
        <v>5868</v>
      </c>
      <c r="E2809" s="493" t="s">
        <v>595</v>
      </c>
      <c r="F2809" s="547" t="s">
        <v>600</v>
      </c>
      <c r="G2809" s="518"/>
      <c r="H2809" s="495"/>
      <c r="I2809" s="495"/>
      <c r="J2809" s="514"/>
      <c r="K2809" s="519"/>
      <c r="L2809" s="502">
        <v>38362</v>
      </c>
      <c r="M2809" s="766">
        <v>43862</v>
      </c>
      <c r="N2809" s="418" t="str">
        <f t="shared" si="86"/>
        <v/>
      </c>
    </row>
    <row r="2810" spans="1:14" ht="28.5">
      <c r="A2810" s="563"/>
      <c r="B2810" s="484">
        <f t="shared" si="87"/>
        <v>143</v>
      </c>
      <c r="C2810" s="492" t="s">
        <v>5869</v>
      </c>
      <c r="D2810" s="494" t="s">
        <v>5870</v>
      </c>
      <c r="E2810" s="493" t="s">
        <v>595</v>
      </c>
      <c r="F2810" s="547" t="s">
        <v>600</v>
      </c>
      <c r="G2810" s="518"/>
      <c r="H2810" s="495"/>
      <c r="I2810" s="495"/>
      <c r="J2810" s="514"/>
      <c r="K2810" s="519"/>
      <c r="L2810" s="502">
        <v>38362</v>
      </c>
      <c r="M2810" s="766">
        <v>43862</v>
      </c>
      <c r="N2810" s="418" t="str">
        <f t="shared" si="86"/>
        <v/>
      </c>
    </row>
    <row r="2811" spans="1:14" ht="28.5">
      <c r="A2811" s="563"/>
      <c r="B2811" s="484">
        <f t="shared" si="87"/>
        <v>143</v>
      </c>
      <c r="C2811" s="492" t="s">
        <v>5871</v>
      </c>
      <c r="D2811" s="494" t="s">
        <v>5872</v>
      </c>
      <c r="E2811" s="493" t="s">
        <v>595</v>
      </c>
      <c r="F2811" s="547" t="s">
        <v>600</v>
      </c>
      <c r="G2811" s="518"/>
      <c r="H2811" s="495"/>
      <c r="I2811" s="495"/>
      <c r="J2811" s="514"/>
      <c r="K2811" s="519"/>
      <c r="L2811" s="502">
        <v>38362</v>
      </c>
      <c r="M2811" s="766">
        <v>43862</v>
      </c>
      <c r="N2811" s="418" t="str">
        <f t="shared" si="86"/>
        <v/>
      </c>
    </row>
    <row r="2812" spans="1:14" ht="28.5">
      <c r="A2812" s="563"/>
      <c r="B2812" s="484">
        <f t="shared" si="87"/>
        <v>143</v>
      </c>
      <c r="C2812" s="492" t="s">
        <v>5873</v>
      </c>
      <c r="D2812" s="494" t="s">
        <v>5874</v>
      </c>
      <c r="E2812" s="493" t="s">
        <v>595</v>
      </c>
      <c r="F2812" s="547" t="s">
        <v>600</v>
      </c>
      <c r="G2812" s="518"/>
      <c r="H2812" s="495"/>
      <c r="I2812" s="495"/>
      <c r="J2812" s="514"/>
      <c r="K2812" s="519"/>
      <c r="L2812" s="502">
        <v>38362</v>
      </c>
      <c r="M2812" s="766">
        <v>43862</v>
      </c>
      <c r="N2812" s="418" t="str">
        <f t="shared" si="86"/>
        <v/>
      </c>
    </row>
    <row r="2813" spans="1:14" ht="15.75">
      <c r="A2813" s="563"/>
      <c r="B2813" s="484">
        <f t="shared" si="87"/>
        <v>143</v>
      </c>
      <c r="C2813" s="492" t="s">
        <v>5875</v>
      </c>
      <c r="D2813" s="494" t="s">
        <v>5876</v>
      </c>
      <c r="E2813" s="493" t="s">
        <v>595</v>
      </c>
      <c r="F2813" s="547" t="s">
        <v>600</v>
      </c>
      <c r="G2813" s="518"/>
      <c r="H2813" s="495"/>
      <c r="I2813" s="495"/>
      <c r="J2813" s="514"/>
      <c r="K2813" s="519"/>
      <c r="L2813" s="502">
        <v>38362</v>
      </c>
      <c r="M2813" s="766">
        <v>43862</v>
      </c>
      <c r="N2813" s="418" t="str">
        <f t="shared" si="86"/>
        <v/>
      </c>
    </row>
    <row r="2814" spans="1:14" ht="15.75">
      <c r="A2814" s="563"/>
      <c r="B2814" s="484">
        <f t="shared" si="87"/>
        <v>143</v>
      </c>
      <c r="C2814" s="492" t="s">
        <v>5877</v>
      </c>
      <c r="D2814" s="494" t="s">
        <v>5878</v>
      </c>
      <c r="E2814" s="493" t="s">
        <v>595</v>
      </c>
      <c r="F2814" s="547" t="s">
        <v>600</v>
      </c>
      <c r="G2814" s="518"/>
      <c r="H2814" s="495"/>
      <c r="I2814" s="495"/>
      <c r="J2814" s="514"/>
      <c r="K2814" s="519"/>
      <c r="L2814" s="502">
        <v>38362</v>
      </c>
      <c r="M2814" s="766">
        <v>43862</v>
      </c>
      <c r="N2814" s="418" t="str">
        <f t="shared" si="86"/>
        <v/>
      </c>
    </row>
    <row r="2815" spans="1:14" ht="28.5">
      <c r="A2815" s="563"/>
      <c r="B2815" s="484">
        <f t="shared" si="87"/>
        <v>143</v>
      </c>
      <c r="C2815" s="492" t="s">
        <v>5879</v>
      </c>
      <c r="D2815" s="494" t="s">
        <v>5880</v>
      </c>
      <c r="E2815" s="493" t="s">
        <v>595</v>
      </c>
      <c r="F2815" s="547" t="s">
        <v>600</v>
      </c>
      <c r="G2815" s="518"/>
      <c r="H2815" s="495"/>
      <c r="I2815" s="495"/>
      <c r="J2815" s="514"/>
      <c r="K2815" s="519"/>
      <c r="L2815" s="502">
        <v>38362</v>
      </c>
      <c r="M2815" s="766">
        <v>43862</v>
      </c>
      <c r="N2815" s="418" t="str">
        <f t="shared" si="86"/>
        <v/>
      </c>
    </row>
    <row r="2816" spans="1:14" ht="15.75">
      <c r="A2816" s="563"/>
      <c r="B2816" s="484">
        <f t="shared" si="87"/>
        <v>143</v>
      </c>
      <c r="C2816" s="492" t="s">
        <v>5881</v>
      </c>
      <c r="D2816" s="494" t="s">
        <v>5882</v>
      </c>
      <c r="E2816" s="493" t="s">
        <v>595</v>
      </c>
      <c r="F2816" s="547" t="s">
        <v>600</v>
      </c>
      <c r="G2816" s="518"/>
      <c r="H2816" s="495"/>
      <c r="I2816" s="495"/>
      <c r="J2816" s="514"/>
      <c r="K2816" s="519"/>
      <c r="L2816" s="502">
        <v>38362</v>
      </c>
      <c r="M2816" s="766">
        <v>43862</v>
      </c>
      <c r="N2816" s="418" t="str">
        <f t="shared" si="86"/>
        <v/>
      </c>
    </row>
    <row r="2817" spans="1:14" ht="15.75">
      <c r="A2817" s="563"/>
      <c r="B2817" s="484">
        <f t="shared" si="87"/>
        <v>143</v>
      </c>
      <c r="C2817" s="768" t="s">
        <v>26655</v>
      </c>
      <c r="D2817" s="494" t="s">
        <v>8037</v>
      </c>
      <c r="E2817" s="494" t="s">
        <v>595</v>
      </c>
      <c r="F2817" s="547" t="s">
        <v>600</v>
      </c>
      <c r="G2817" s="494"/>
      <c r="H2817" s="495"/>
      <c r="I2817" s="495"/>
      <c r="J2817" s="514"/>
      <c r="K2817" s="519"/>
      <c r="L2817" s="516">
        <v>43497</v>
      </c>
      <c r="M2817" s="766">
        <v>43862</v>
      </c>
      <c r="N2817" s="418" t="str">
        <f t="shared" si="86"/>
        <v/>
      </c>
    </row>
    <row r="2818" spans="1:14" ht="15.75">
      <c r="A2818" s="563"/>
      <c r="B2818" s="484">
        <f t="shared" si="87"/>
        <v>143</v>
      </c>
      <c r="C2818" s="492" t="s">
        <v>5883</v>
      </c>
      <c r="D2818" s="494" t="s">
        <v>5884</v>
      </c>
      <c r="E2818" s="494" t="s">
        <v>595</v>
      </c>
      <c r="F2818" s="547" t="s">
        <v>600</v>
      </c>
      <c r="G2818" s="518"/>
      <c r="H2818" s="495"/>
      <c r="I2818" s="495"/>
      <c r="J2818" s="514"/>
      <c r="K2818" s="519"/>
      <c r="L2818" s="502">
        <v>38362</v>
      </c>
      <c r="M2818" s="766">
        <v>43862</v>
      </c>
      <c r="N2818" s="418" t="str">
        <f t="shared" si="86"/>
        <v/>
      </c>
    </row>
    <row r="2819" spans="1:14" ht="15.75">
      <c r="A2819" s="563"/>
      <c r="B2819" s="484">
        <f t="shared" si="87"/>
        <v>143</v>
      </c>
      <c r="C2819" s="492" t="s">
        <v>5883</v>
      </c>
      <c r="D2819" s="494" t="s">
        <v>5885</v>
      </c>
      <c r="E2819" s="494" t="s">
        <v>595</v>
      </c>
      <c r="F2819" s="547" t="s">
        <v>600</v>
      </c>
      <c r="G2819" s="518"/>
      <c r="H2819" s="495"/>
      <c r="I2819" s="495"/>
      <c r="J2819" s="514"/>
      <c r="K2819" s="519"/>
      <c r="L2819" s="502">
        <v>38362</v>
      </c>
      <c r="M2819" s="766">
        <v>43862</v>
      </c>
      <c r="N2819" s="418" t="str">
        <f t="shared" si="86"/>
        <v/>
      </c>
    </row>
    <row r="2820" spans="1:14" ht="28.5">
      <c r="A2820" s="563"/>
      <c r="B2820" s="484">
        <f t="shared" si="87"/>
        <v>143</v>
      </c>
      <c r="C2820" s="492" t="s">
        <v>5886</v>
      </c>
      <c r="D2820" s="494" t="s">
        <v>5887</v>
      </c>
      <c r="E2820" s="494" t="s">
        <v>595</v>
      </c>
      <c r="F2820" s="547" t="s">
        <v>600</v>
      </c>
      <c r="G2820" s="518"/>
      <c r="H2820" s="495"/>
      <c r="I2820" s="495"/>
      <c r="J2820" s="514"/>
      <c r="K2820" s="519"/>
      <c r="L2820" s="502">
        <v>40940</v>
      </c>
      <c r="M2820" s="766">
        <v>43862</v>
      </c>
      <c r="N2820" s="418" t="str">
        <f t="shared" si="86"/>
        <v/>
      </c>
    </row>
    <row r="2821" spans="1:14" ht="28.5">
      <c r="A2821" s="563"/>
      <c r="B2821" s="484">
        <f t="shared" si="87"/>
        <v>143</v>
      </c>
      <c r="C2821" s="492" t="s">
        <v>5888</v>
      </c>
      <c r="D2821" s="494" t="s">
        <v>5889</v>
      </c>
      <c r="E2821" s="494" t="s">
        <v>595</v>
      </c>
      <c r="F2821" s="547" t="s">
        <v>600</v>
      </c>
      <c r="G2821" s="518"/>
      <c r="H2821" s="495"/>
      <c r="I2821" s="495"/>
      <c r="J2821" s="514"/>
      <c r="K2821" s="519"/>
      <c r="L2821" s="502">
        <v>38362</v>
      </c>
      <c r="M2821" s="766">
        <v>43862</v>
      </c>
      <c r="N2821" s="418" t="str">
        <f t="shared" si="86"/>
        <v/>
      </c>
    </row>
    <row r="2822" spans="1:14" ht="28.5">
      <c r="A2822" s="563"/>
      <c r="B2822" s="484">
        <f t="shared" si="87"/>
        <v>143</v>
      </c>
      <c r="C2822" s="492" t="s">
        <v>5890</v>
      </c>
      <c r="D2822" s="494" t="s">
        <v>5891</v>
      </c>
      <c r="E2822" s="494" t="s">
        <v>595</v>
      </c>
      <c r="F2822" s="547" t="s">
        <v>600</v>
      </c>
      <c r="G2822" s="518"/>
      <c r="H2822" s="495"/>
      <c r="I2822" s="495"/>
      <c r="J2822" s="514"/>
      <c r="K2822" s="519"/>
      <c r="L2822" s="502">
        <v>38362</v>
      </c>
      <c r="M2822" s="766">
        <v>43862</v>
      </c>
      <c r="N2822" s="418" t="str">
        <f t="shared" si="86"/>
        <v/>
      </c>
    </row>
    <row r="2823" spans="1:14" ht="28.5">
      <c r="A2823" s="563"/>
      <c r="B2823" s="484">
        <f t="shared" si="87"/>
        <v>143</v>
      </c>
      <c r="C2823" s="492" t="s">
        <v>5892</v>
      </c>
      <c r="D2823" s="494" t="s">
        <v>5893</v>
      </c>
      <c r="E2823" s="494" t="s">
        <v>595</v>
      </c>
      <c r="F2823" s="547" t="s">
        <v>600</v>
      </c>
      <c r="G2823" s="518"/>
      <c r="H2823" s="495"/>
      <c r="I2823" s="495"/>
      <c r="J2823" s="514"/>
      <c r="K2823" s="519"/>
      <c r="L2823" s="502">
        <v>38362</v>
      </c>
      <c r="M2823" s="766">
        <v>43862</v>
      </c>
      <c r="N2823" s="418" t="str">
        <f t="shared" si="86"/>
        <v/>
      </c>
    </row>
    <row r="2824" spans="1:14" ht="28.5">
      <c r="A2824" s="563"/>
      <c r="B2824" s="484">
        <f t="shared" si="87"/>
        <v>143</v>
      </c>
      <c r="C2824" s="492" t="s">
        <v>5894</v>
      </c>
      <c r="D2824" s="494" t="s">
        <v>5895</v>
      </c>
      <c r="E2824" s="493" t="s">
        <v>595</v>
      </c>
      <c r="F2824" s="547" t="s">
        <v>600</v>
      </c>
      <c r="G2824" s="518"/>
      <c r="H2824" s="495"/>
      <c r="I2824" s="495"/>
      <c r="J2824" s="514"/>
      <c r="K2824" s="519"/>
      <c r="L2824" s="502">
        <v>38362</v>
      </c>
      <c r="M2824" s="766">
        <v>43862</v>
      </c>
      <c r="N2824" s="418" t="str">
        <f t="shared" si="86"/>
        <v/>
      </c>
    </row>
    <row r="2825" spans="1:14" ht="28.5">
      <c r="A2825" s="563"/>
      <c r="B2825" s="484">
        <f t="shared" si="87"/>
        <v>143</v>
      </c>
      <c r="C2825" s="492" t="s">
        <v>5896</v>
      </c>
      <c r="D2825" s="494" t="s">
        <v>5897</v>
      </c>
      <c r="E2825" s="493" t="s">
        <v>595</v>
      </c>
      <c r="F2825" s="547" t="s">
        <v>600</v>
      </c>
      <c r="G2825" s="494"/>
      <c r="H2825" s="495"/>
      <c r="I2825" s="495"/>
      <c r="J2825" s="514"/>
      <c r="K2825" s="519"/>
      <c r="L2825" s="769">
        <v>38362</v>
      </c>
      <c r="M2825" s="766">
        <v>43862</v>
      </c>
      <c r="N2825" s="418" t="str">
        <f t="shared" si="86"/>
        <v/>
      </c>
    </row>
    <row r="2826" spans="1:14" ht="15.75">
      <c r="A2826" s="563"/>
      <c r="B2826" s="484">
        <f t="shared" si="87"/>
        <v>143</v>
      </c>
      <c r="C2826" s="492" t="s">
        <v>5898</v>
      </c>
      <c r="D2826" s="494" t="s">
        <v>5899</v>
      </c>
      <c r="E2826" s="512" t="s">
        <v>595</v>
      </c>
      <c r="F2826" s="547" t="s">
        <v>600</v>
      </c>
      <c r="G2826" s="518"/>
      <c r="H2826" s="495"/>
      <c r="I2826" s="495"/>
      <c r="J2826" s="514"/>
      <c r="K2826" s="494"/>
      <c r="L2826" s="502">
        <v>42401</v>
      </c>
      <c r="M2826" s="766">
        <v>43862</v>
      </c>
      <c r="N2826" s="418" t="str">
        <f t="shared" ref="N2826:N2889" si="88">IF(D2826="NA","",IF(COUNTIF($D$2:$D$5552,D2826)&gt;1,"DUPLICATE",""))</f>
        <v/>
      </c>
    </row>
    <row r="2827" spans="1:14" ht="15.75">
      <c r="A2827" s="563"/>
      <c r="B2827" s="484">
        <f t="shared" si="87"/>
        <v>143</v>
      </c>
      <c r="C2827" s="767" t="s">
        <v>5900</v>
      </c>
      <c r="D2827" s="494" t="s">
        <v>5901</v>
      </c>
      <c r="E2827" s="512" t="s">
        <v>595</v>
      </c>
      <c r="F2827" s="547" t="s">
        <v>600</v>
      </c>
      <c r="G2827" s="518"/>
      <c r="H2827" s="505"/>
      <c r="I2827" s="495"/>
      <c r="J2827" s="514"/>
      <c r="K2827" s="494"/>
      <c r="L2827" s="502">
        <v>42401</v>
      </c>
      <c r="M2827" s="766">
        <v>43862</v>
      </c>
      <c r="N2827" s="418" t="str">
        <f t="shared" si="88"/>
        <v/>
      </c>
    </row>
    <row r="2828" spans="1:14" ht="31.5">
      <c r="A2828" s="536">
        <v>144</v>
      </c>
      <c r="B2828" s="411">
        <f t="shared" si="87"/>
        <v>144</v>
      </c>
      <c r="C2828" s="557" t="s">
        <v>14043</v>
      </c>
      <c r="D2828" s="555" t="s">
        <v>14044</v>
      </c>
      <c r="E2828" s="427" t="s">
        <v>595</v>
      </c>
      <c r="F2828" s="427" t="s">
        <v>596</v>
      </c>
      <c r="G2828" s="427" t="s">
        <v>1390</v>
      </c>
      <c r="H2828" s="558"/>
      <c r="I2828" s="558"/>
      <c r="J2828" s="708" t="s">
        <v>14045</v>
      </c>
      <c r="K2828" s="558"/>
      <c r="L2828" s="556">
        <v>43132</v>
      </c>
      <c r="M2828" s="555"/>
      <c r="N2828" s="418" t="str">
        <f t="shared" si="88"/>
        <v/>
      </c>
    </row>
    <row r="2829" spans="1:14" ht="47.25">
      <c r="A2829" s="536">
        <v>145</v>
      </c>
      <c r="B2829" s="411">
        <f t="shared" si="87"/>
        <v>145</v>
      </c>
      <c r="C2829" s="550" t="s">
        <v>5902</v>
      </c>
      <c r="D2829" s="421" t="s">
        <v>5903</v>
      </c>
      <c r="E2829" s="414" t="s">
        <v>595</v>
      </c>
      <c r="F2829" s="414" t="s">
        <v>596</v>
      </c>
      <c r="G2829" s="414" t="s">
        <v>614</v>
      </c>
      <c r="H2829" s="415"/>
      <c r="I2829" s="415"/>
      <c r="J2829" s="437"/>
      <c r="K2829" s="414"/>
      <c r="L2829" s="417">
        <v>42767</v>
      </c>
      <c r="M2829" s="417"/>
      <c r="N2829" s="418" t="str">
        <f t="shared" si="88"/>
        <v/>
      </c>
    </row>
    <row r="2830" spans="1:14" ht="31.5">
      <c r="A2830" s="543">
        <v>146</v>
      </c>
      <c r="B2830" s="411">
        <f t="shared" si="87"/>
        <v>146</v>
      </c>
      <c r="C2830" s="664" t="s">
        <v>14046</v>
      </c>
      <c r="D2830" s="665" t="s">
        <v>14047</v>
      </c>
      <c r="E2830" s="431" t="s">
        <v>595</v>
      </c>
      <c r="F2830" s="431" t="s">
        <v>600</v>
      </c>
      <c r="G2830" s="431" t="s">
        <v>760</v>
      </c>
      <c r="H2830" s="666"/>
      <c r="I2830" s="666"/>
      <c r="J2830" s="665" t="s">
        <v>14048</v>
      </c>
      <c r="K2830" s="666"/>
      <c r="L2830" s="667">
        <v>43132</v>
      </c>
      <c r="M2830" s="516">
        <v>43862</v>
      </c>
      <c r="N2830" s="418" t="str">
        <f t="shared" si="88"/>
        <v/>
      </c>
    </row>
    <row r="2831" spans="1:14" ht="31.5">
      <c r="A2831" s="536">
        <v>147</v>
      </c>
      <c r="B2831" s="411">
        <f t="shared" si="87"/>
        <v>147</v>
      </c>
      <c r="C2831" s="658" t="s">
        <v>5904</v>
      </c>
      <c r="D2831" s="414" t="s">
        <v>5905</v>
      </c>
      <c r="E2831" s="414" t="s">
        <v>595</v>
      </c>
      <c r="F2831" s="414" t="s">
        <v>596</v>
      </c>
      <c r="G2831" s="414" t="s">
        <v>1390</v>
      </c>
      <c r="H2831" s="415"/>
      <c r="I2831" s="415"/>
      <c r="J2831" s="414" t="s">
        <v>5906</v>
      </c>
      <c r="K2831" s="414"/>
      <c r="L2831" s="417">
        <v>42767</v>
      </c>
      <c r="M2831" s="439"/>
      <c r="N2831" s="418" t="str">
        <f t="shared" si="88"/>
        <v/>
      </c>
    </row>
    <row r="2832" spans="1:14" ht="31.5">
      <c r="A2832" s="536">
        <v>147</v>
      </c>
      <c r="B2832" s="411">
        <f t="shared" si="87"/>
        <v>147</v>
      </c>
      <c r="C2832" s="553" t="s">
        <v>14049</v>
      </c>
      <c r="D2832" s="554"/>
      <c r="E2832" s="427" t="s">
        <v>595</v>
      </c>
      <c r="F2832" s="427" t="s">
        <v>596</v>
      </c>
      <c r="G2832" s="427" t="s">
        <v>1390</v>
      </c>
      <c r="H2832" s="555"/>
      <c r="I2832" s="555"/>
      <c r="J2832" s="554" t="s">
        <v>14050</v>
      </c>
      <c r="K2832" s="555"/>
      <c r="L2832" s="556">
        <v>43132</v>
      </c>
      <c r="M2832" s="555"/>
      <c r="N2832" s="418" t="str">
        <f t="shared" si="88"/>
        <v/>
      </c>
    </row>
    <row r="2833" spans="1:14" ht="47.25">
      <c r="A2833" s="536">
        <v>149</v>
      </c>
      <c r="B2833" s="411">
        <f t="shared" si="87"/>
        <v>149</v>
      </c>
      <c r="C2833" s="770" t="s">
        <v>5907</v>
      </c>
      <c r="D2833" s="771"/>
      <c r="E2833" s="771" t="s">
        <v>643</v>
      </c>
      <c r="F2833" s="772" t="s">
        <v>600</v>
      </c>
      <c r="G2833" s="771" t="s">
        <v>5908</v>
      </c>
      <c r="H2833" s="773"/>
      <c r="I2833" s="773"/>
      <c r="J2833" s="774"/>
      <c r="K2833" s="771" t="s">
        <v>1479</v>
      </c>
      <c r="L2833" s="775">
        <v>42401</v>
      </c>
      <c r="M2833" s="417">
        <v>43497</v>
      </c>
      <c r="N2833" s="418" t="str">
        <f t="shared" si="88"/>
        <v/>
      </c>
    </row>
    <row r="2834" spans="1:14" ht="15.75">
      <c r="A2834" s="536"/>
      <c r="B2834" s="411">
        <f t="shared" si="87"/>
        <v>149</v>
      </c>
      <c r="C2834" s="776" t="s">
        <v>5909</v>
      </c>
      <c r="D2834" s="777" t="s">
        <v>5910</v>
      </c>
      <c r="E2834" s="778" t="s">
        <v>643</v>
      </c>
      <c r="F2834" s="779" t="s">
        <v>600</v>
      </c>
      <c r="G2834" s="777"/>
      <c r="H2834" s="780"/>
      <c r="I2834" s="780"/>
      <c r="J2834" s="778"/>
      <c r="K2834" s="779"/>
      <c r="L2834" s="781">
        <v>39845</v>
      </c>
      <c r="M2834" s="781"/>
      <c r="N2834" s="418" t="str">
        <f t="shared" si="88"/>
        <v/>
      </c>
    </row>
    <row r="2835" spans="1:14" ht="15.75">
      <c r="A2835" s="536"/>
      <c r="B2835" s="411">
        <f t="shared" si="87"/>
        <v>149</v>
      </c>
      <c r="C2835" s="776" t="s">
        <v>5911</v>
      </c>
      <c r="D2835" s="777" t="s">
        <v>5912</v>
      </c>
      <c r="E2835" s="778" t="s">
        <v>643</v>
      </c>
      <c r="F2835" s="779" t="s">
        <v>600</v>
      </c>
      <c r="G2835" s="777"/>
      <c r="H2835" s="780"/>
      <c r="I2835" s="780"/>
      <c r="J2835" s="778"/>
      <c r="K2835" s="779"/>
      <c r="L2835" s="781">
        <v>39845</v>
      </c>
      <c r="M2835" s="781"/>
      <c r="N2835" s="418" t="str">
        <f t="shared" si="88"/>
        <v/>
      </c>
    </row>
    <row r="2836" spans="1:14" ht="15.75">
      <c r="A2836" s="536"/>
      <c r="B2836" s="411">
        <f t="shared" si="87"/>
        <v>149</v>
      </c>
      <c r="C2836" s="776" t="s">
        <v>5913</v>
      </c>
      <c r="D2836" s="777" t="s">
        <v>5914</v>
      </c>
      <c r="E2836" s="778" t="s">
        <v>643</v>
      </c>
      <c r="F2836" s="779" t="s">
        <v>600</v>
      </c>
      <c r="G2836" s="777"/>
      <c r="H2836" s="780"/>
      <c r="I2836" s="780"/>
      <c r="J2836" s="778"/>
      <c r="K2836" s="779"/>
      <c r="L2836" s="781">
        <v>39845</v>
      </c>
      <c r="M2836" s="781"/>
      <c r="N2836" s="418" t="str">
        <f t="shared" si="88"/>
        <v/>
      </c>
    </row>
    <row r="2837" spans="1:14" ht="15.75">
      <c r="A2837" s="536"/>
      <c r="B2837" s="411">
        <f t="shared" si="87"/>
        <v>149</v>
      </c>
      <c r="C2837" s="776" t="s">
        <v>5915</v>
      </c>
      <c r="D2837" s="777" t="s">
        <v>5916</v>
      </c>
      <c r="E2837" s="778" t="s">
        <v>643</v>
      </c>
      <c r="F2837" s="779" t="s">
        <v>600</v>
      </c>
      <c r="G2837" s="777"/>
      <c r="H2837" s="780"/>
      <c r="I2837" s="780"/>
      <c r="J2837" s="778"/>
      <c r="K2837" s="779"/>
      <c r="L2837" s="781">
        <v>39845</v>
      </c>
      <c r="M2837" s="781"/>
      <c r="N2837" s="418" t="str">
        <f t="shared" si="88"/>
        <v/>
      </c>
    </row>
    <row r="2838" spans="1:14" ht="15.75">
      <c r="A2838" s="536"/>
      <c r="B2838" s="411">
        <f t="shared" si="87"/>
        <v>149</v>
      </c>
      <c r="C2838" s="776" t="s">
        <v>5917</v>
      </c>
      <c r="D2838" s="777" t="s">
        <v>5918</v>
      </c>
      <c r="E2838" s="778" t="s">
        <v>643</v>
      </c>
      <c r="F2838" s="779" t="s">
        <v>600</v>
      </c>
      <c r="G2838" s="777"/>
      <c r="H2838" s="780"/>
      <c r="I2838" s="780"/>
      <c r="J2838" s="779"/>
      <c r="K2838" s="777"/>
      <c r="L2838" s="781">
        <v>38362</v>
      </c>
      <c r="M2838" s="781"/>
      <c r="N2838" s="418" t="str">
        <f t="shared" si="88"/>
        <v/>
      </c>
    </row>
    <row r="2839" spans="1:14" ht="15.75">
      <c r="A2839" s="536"/>
      <c r="B2839" s="411">
        <f t="shared" si="87"/>
        <v>149</v>
      </c>
      <c r="C2839" s="776" t="s">
        <v>5919</v>
      </c>
      <c r="D2839" s="777" t="s">
        <v>5920</v>
      </c>
      <c r="E2839" s="778" t="s">
        <v>643</v>
      </c>
      <c r="F2839" s="779" t="s">
        <v>600</v>
      </c>
      <c r="G2839" s="777"/>
      <c r="H2839" s="780"/>
      <c r="I2839" s="780"/>
      <c r="J2839" s="779"/>
      <c r="K2839" s="777"/>
      <c r="L2839" s="781">
        <v>39845</v>
      </c>
      <c r="M2839" s="781"/>
      <c r="N2839" s="418" t="str">
        <f t="shared" si="88"/>
        <v/>
      </c>
    </row>
    <row r="2840" spans="1:14" ht="15.75">
      <c r="A2840" s="536"/>
      <c r="B2840" s="411">
        <f t="shared" si="87"/>
        <v>149</v>
      </c>
      <c r="C2840" s="782" t="s">
        <v>5921</v>
      </c>
      <c r="D2840" s="778" t="s">
        <v>5922</v>
      </c>
      <c r="E2840" s="778" t="s">
        <v>643</v>
      </c>
      <c r="F2840" s="777" t="s">
        <v>600</v>
      </c>
      <c r="G2840" s="777"/>
      <c r="H2840" s="780"/>
      <c r="I2840" s="780"/>
      <c r="J2840" s="779"/>
      <c r="K2840" s="777"/>
      <c r="L2840" s="781"/>
      <c r="M2840" s="781"/>
      <c r="N2840" s="418" t="str">
        <f t="shared" si="88"/>
        <v/>
      </c>
    </row>
    <row r="2841" spans="1:14" ht="15.75">
      <c r="A2841" s="536"/>
      <c r="B2841" s="411">
        <f t="shared" si="87"/>
        <v>149</v>
      </c>
      <c r="C2841" s="782" t="s">
        <v>5923</v>
      </c>
      <c r="D2841" s="778" t="s">
        <v>5924</v>
      </c>
      <c r="E2841" s="778" t="s">
        <v>643</v>
      </c>
      <c r="F2841" s="777" t="s">
        <v>600</v>
      </c>
      <c r="G2841" s="777"/>
      <c r="H2841" s="780"/>
      <c r="I2841" s="780"/>
      <c r="J2841" s="779"/>
      <c r="K2841" s="777"/>
      <c r="L2841" s="781">
        <v>38362</v>
      </c>
      <c r="M2841" s="781"/>
      <c r="N2841" s="418" t="str">
        <f t="shared" si="88"/>
        <v/>
      </c>
    </row>
    <row r="2842" spans="1:14" ht="15.75">
      <c r="A2842" s="536"/>
      <c r="B2842" s="411">
        <f t="shared" ref="B2842:B2905" si="89">IF(A2842&gt;0,A2842,B2841)</f>
        <v>149</v>
      </c>
      <c r="C2842" s="782" t="s">
        <v>5925</v>
      </c>
      <c r="D2842" s="778" t="s">
        <v>5926</v>
      </c>
      <c r="E2842" s="778" t="s">
        <v>643</v>
      </c>
      <c r="F2842" s="777" t="s">
        <v>600</v>
      </c>
      <c r="G2842" s="777"/>
      <c r="H2842" s="780"/>
      <c r="I2842" s="780"/>
      <c r="J2842" s="779"/>
      <c r="K2842" s="777"/>
      <c r="L2842" s="781">
        <v>38362</v>
      </c>
      <c r="M2842" s="781"/>
      <c r="N2842" s="418" t="str">
        <f t="shared" si="88"/>
        <v/>
      </c>
    </row>
    <row r="2843" spans="1:14" ht="15.75">
      <c r="A2843" s="536"/>
      <c r="B2843" s="411">
        <f t="shared" si="89"/>
        <v>149</v>
      </c>
      <c r="C2843" s="776" t="s">
        <v>5927</v>
      </c>
      <c r="D2843" s="777" t="s">
        <v>5928</v>
      </c>
      <c r="E2843" s="778" t="s">
        <v>643</v>
      </c>
      <c r="F2843" s="779" t="s">
        <v>600</v>
      </c>
      <c r="G2843" s="777"/>
      <c r="H2843" s="780"/>
      <c r="I2843" s="780"/>
      <c r="J2843" s="779"/>
      <c r="K2843" s="777"/>
      <c r="L2843" s="781">
        <v>39845</v>
      </c>
      <c r="M2843" s="781"/>
      <c r="N2843" s="418" t="str">
        <f t="shared" si="88"/>
        <v/>
      </c>
    </row>
    <row r="2844" spans="1:14" ht="15.75">
      <c r="A2844" s="536"/>
      <c r="B2844" s="411">
        <f t="shared" si="89"/>
        <v>149</v>
      </c>
      <c r="C2844" s="782" t="s">
        <v>5929</v>
      </c>
      <c r="D2844" s="778" t="s">
        <v>5930</v>
      </c>
      <c r="E2844" s="778" t="s">
        <v>643</v>
      </c>
      <c r="F2844" s="777" t="s">
        <v>600</v>
      </c>
      <c r="G2844" s="777"/>
      <c r="H2844" s="780"/>
      <c r="I2844" s="780"/>
      <c r="J2844" s="779"/>
      <c r="K2844" s="777"/>
      <c r="L2844" s="781"/>
      <c r="M2844" s="781"/>
      <c r="N2844" s="418" t="str">
        <f t="shared" si="88"/>
        <v/>
      </c>
    </row>
    <row r="2845" spans="1:14" ht="15.75">
      <c r="A2845" s="536"/>
      <c r="B2845" s="411">
        <f t="shared" si="89"/>
        <v>149</v>
      </c>
      <c r="C2845" s="782" t="s">
        <v>5931</v>
      </c>
      <c r="D2845" s="778" t="s">
        <v>5932</v>
      </c>
      <c r="E2845" s="778" t="s">
        <v>643</v>
      </c>
      <c r="F2845" s="777" t="s">
        <v>600</v>
      </c>
      <c r="G2845" s="777"/>
      <c r="H2845" s="780"/>
      <c r="I2845" s="780"/>
      <c r="J2845" s="779"/>
      <c r="K2845" s="777"/>
      <c r="L2845" s="781">
        <v>40940</v>
      </c>
      <c r="M2845" s="781"/>
      <c r="N2845" s="418" t="str">
        <f t="shared" si="88"/>
        <v/>
      </c>
    </row>
    <row r="2846" spans="1:14" ht="15.75">
      <c r="A2846" s="536"/>
      <c r="B2846" s="411">
        <f t="shared" si="89"/>
        <v>149</v>
      </c>
      <c r="C2846" s="776" t="s">
        <v>5933</v>
      </c>
      <c r="D2846" s="777" t="s">
        <v>5934</v>
      </c>
      <c r="E2846" s="778" t="s">
        <v>643</v>
      </c>
      <c r="F2846" s="779" t="s">
        <v>600</v>
      </c>
      <c r="G2846" s="777"/>
      <c r="H2846" s="780"/>
      <c r="I2846" s="780"/>
      <c r="J2846" s="778"/>
      <c r="K2846" s="779"/>
      <c r="L2846" s="781">
        <v>38362</v>
      </c>
      <c r="M2846" s="781"/>
      <c r="N2846" s="418" t="str">
        <f t="shared" si="88"/>
        <v/>
      </c>
    </row>
    <row r="2847" spans="1:14" ht="15.75">
      <c r="A2847" s="536"/>
      <c r="B2847" s="411">
        <f t="shared" si="89"/>
        <v>149</v>
      </c>
      <c r="C2847" s="776" t="s">
        <v>5935</v>
      </c>
      <c r="D2847" s="777" t="s">
        <v>5936</v>
      </c>
      <c r="E2847" s="778" t="s">
        <v>643</v>
      </c>
      <c r="F2847" s="779" t="s">
        <v>600</v>
      </c>
      <c r="G2847" s="777"/>
      <c r="H2847" s="780"/>
      <c r="I2847" s="780"/>
      <c r="J2847" s="778"/>
      <c r="K2847" s="779"/>
      <c r="L2847" s="781">
        <v>38362</v>
      </c>
      <c r="M2847" s="781"/>
      <c r="N2847" s="418" t="str">
        <f t="shared" si="88"/>
        <v/>
      </c>
    </row>
    <row r="2848" spans="1:14" ht="15.75">
      <c r="A2848" s="536"/>
      <c r="B2848" s="411">
        <f t="shared" si="89"/>
        <v>149</v>
      </c>
      <c r="C2848" s="776" t="s">
        <v>5937</v>
      </c>
      <c r="D2848" s="777" t="s">
        <v>5938</v>
      </c>
      <c r="E2848" s="778" t="s">
        <v>643</v>
      </c>
      <c r="F2848" s="779" t="s">
        <v>600</v>
      </c>
      <c r="G2848" s="777"/>
      <c r="H2848" s="780"/>
      <c r="I2848" s="780"/>
      <c r="J2848" s="778"/>
      <c r="K2848" s="779"/>
      <c r="L2848" s="781">
        <v>38362</v>
      </c>
      <c r="M2848" s="781"/>
      <c r="N2848" s="418" t="str">
        <f t="shared" si="88"/>
        <v/>
      </c>
    </row>
    <row r="2849" spans="1:14" ht="15.75">
      <c r="A2849" s="536"/>
      <c r="B2849" s="411">
        <f t="shared" si="89"/>
        <v>149</v>
      </c>
      <c r="C2849" s="782" t="s">
        <v>5939</v>
      </c>
      <c r="D2849" s="778" t="s">
        <v>5940</v>
      </c>
      <c r="E2849" s="778" t="s">
        <v>643</v>
      </c>
      <c r="F2849" s="777" t="s">
        <v>600</v>
      </c>
      <c r="G2849" s="777"/>
      <c r="H2849" s="780"/>
      <c r="I2849" s="780"/>
      <c r="J2849" s="779"/>
      <c r="K2849" s="777"/>
      <c r="L2849" s="781"/>
      <c r="M2849" s="781"/>
      <c r="N2849" s="418" t="str">
        <f t="shared" si="88"/>
        <v/>
      </c>
    </row>
    <row r="2850" spans="1:14" ht="15.75">
      <c r="A2850" s="536"/>
      <c r="B2850" s="411">
        <f t="shared" si="89"/>
        <v>149</v>
      </c>
      <c r="C2850" s="782" t="s">
        <v>3761</v>
      </c>
      <c r="D2850" s="778" t="s">
        <v>3762</v>
      </c>
      <c r="E2850" s="778" t="s">
        <v>643</v>
      </c>
      <c r="F2850" s="777" t="s">
        <v>600</v>
      </c>
      <c r="G2850" s="777"/>
      <c r="H2850" s="780"/>
      <c r="I2850" s="780"/>
      <c r="J2850" s="779"/>
      <c r="K2850" s="777"/>
      <c r="L2850" s="781">
        <v>39845</v>
      </c>
      <c r="M2850" s="781"/>
      <c r="N2850" s="418" t="str">
        <f t="shared" si="88"/>
        <v>DUPLICATE</v>
      </c>
    </row>
    <row r="2851" spans="1:14" ht="15.75">
      <c r="A2851" s="536"/>
      <c r="B2851" s="411">
        <f t="shared" si="89"/>
        <v>149</v>
      </c>
      <c r="C2851" s="776" t="s">
        <v>5941</v>
      </c>
      <c r="D2851" s="777" t="s">
        <v>5942</v>
      </c>
      <c r="E2851" s="778" t="s">
        <v>643</v>
      </c>
      <c r="F2851" s="779" t="s">
        <v>600</v>
      </c>
      <c r="G2851" s="777"/>
      <c r="H2851" s="780"/>
      <c r="I2851" s="780"/>
      <c r="J2851" s="778"/>
      <c r="K2851" s="779"/>
      <c r="L2851" s="781"/>
      <c r="M2851" s="781"/>
      <c r="N2851" s="418" t="str">
        <f t="shared" si="88"/>
        <v/>
      </c>
    </row>
    <row r="2852" spans="1:14" ht="15.75">
      <c r="A2852" s="536"/>
      <c r="B2852" s="411">
        <f t="shared" si="89"/>
        <v>149</v>
      </c>
      <c r="C2852" s="776" t="s">
        <v>5943</v>
      </c>
      <c r="D2852" s="777" t="s">
        <v>5944</v>
      </c>
      <c r="E2852" s="778" t="s">
        <v>643</v>
      </c>
      <c r="F2852" s="779" t="s">
        <v>600</v>
      </c>
      <c r="G2852" s="777"/>
      <c r="H2852" s="780"/>
      <c r="I2852" s="780"/>
      <c r="J2852" s="778"/>
      <c r="K2852" s="779"/>
      <c r="L2852" s="781">
        <v>38362</v>
      </c>
      <c r="M2852" s="781"/>
      <c r="N2852" s="418" t="str">
        <f t="shared" si="88"/>
        <v/>
      </c>
    </row>
    <row r="2853" spans="1:14" ht="15.75">
      <c r="A2853" s="536"/>
      <c r="B2853" s="411">
        <f t="shared" si="89"/>
        <v>149</v>
      </c>
      <c r="C2853" s="776" t="s">
        <v>5945</v>
      </c>
      <c r="D2853" s="777" t="s">
        <v>5946</v>
      </c>
      <c r="E2853" s="778" t="s">
        <v>643</v>
      </c>
      <c r="F2853" s="779" t="s">
        <v>600</v>
      </c>
      <c r="G2853" s="777"/>
      <c r="H2853" s="780"/>
      <c r="I2853" s="780"/>
      <c r="J2853" s="778"/>
      <c r="K2853" s="779"/>
      <c r="L2853" s="781">
        <v>38362</v>
      </c>
      <c r="M2853" s="781"/>
      <c r="N2853" s="418" t="str">
        <f t="shared" si="88"/>
        <v/>
      </c>
    </row>
    <row r="2854" spans="1:14" ht="15.75">
      <c r="A2854" s="536"/>
      <c r="B2854" s="411">
        <f t="shared" si="89"/>
        <v>149</v>
      </c>
      <c r="C2854" s="776" t="s">
        <v>5947</v>
      </c>
      <c r="D2854" s="777" t="s">
        <v>5948</v>
      </c>
      <c r="E2854" s="778" t="s">
        <v>643</v>
      </c>
      <c r="F2854" s="779" t="s">
        <v>600</v>
      </c>
      <c r="G2854" s="777"/>
      <c r="H2854" s="780"/>
      <c r="I2854" s="780"/>
      <c r="J2854" s="778"/>
      <c r="K2854" s="779"/>
      <c r="L2854" s="781"/>
      <c r="M2854" s="781"/>
      <c r="N2854" s="418" t="str">
        <f t="shared" si="88"/>
        <v/>
      </c>
    </row>
    <row r="2855" spans="1:14" ht="15.75">
      <c r="A2855" s="536"/>
      <c r="B2855" s="411">
        <f t="shared" si="89"/>
        <v>149</v>
      </c>
      <c r="C2855" s="776" t="s">
        <v>5949</v>
      </c>
      <c r="D2855" s="777" t="s">
        <v>5950</v>
      </c>
      <c r="E2855" s="778" t="s">
        <v>643</v>
      </c>
      <c r="F2855" s="779" t="s">
        <v>600</v>
      </c>
      <c r="G2855" s="777"/>
      <c r="H2855" s="780"/>
      <c r="I2855" s="780"/>
      <c r="J2855" s="778"/>
      <c r="K2855" s="779"/>
      <c r="L2855" s="781">
        <v>38362</v>
      </c>
      <c r="M2855" s="781"/>
      <c r="N2855" s="418" t="str">
        <f t="shared" si="88"/>
        <v/>
      </c>
    </row>
    <row r="2856" spans="1:14" ht="15.75">
      <c r="A2856" s="536"/>
      <c r="B2856" s="411">
        <f t="shared" si="89"/>
        <v>149</v>
      </c>
      <c r="C2856" s="776" t="s">
        <v>5951</v>
      </c>
      <c r="D2856" s="777" t="s">
        <v>5952</v>
      </c>
      <c r="E2856" s="778" t="s">
        <v>643</v>
      </c>
      <c r="F2856" s="779" t="s">
        <v>600</v>
      </c>
      <c r="G2856" s="777"/>
      <c r="H2856" s="780"/>
      <c r="I2856" s="780"/>
      <c r="J2856" s="778"/>
      <c r="K2856" s="779"/>
      <c r="L2856" s="781"/>
      <c r="M2856" s="781"/>
      <c r="N2856" s="418" t="str">
        <f t="shared" si="88"/>
        <v/>
      </c>
    </row>
    <row r="2857" spans="1:14" ht="15.75">
      <c r="A2857" s="536"/>
      <c r="B2857" s="411">
        <f t="shared" si="89"/>
        <v>149</v>
      </c>
      <c r="C2857" s="776" t="s">
        <v>5953</v>
      </c>
      <c r="D2857" s="777" t="s">
        <v>5954</v>
      </c>
      <c r="E2857" s="778" t="s">
        <v>643</v>
      </c>
      <c r="F2857" s="779" t="s">
        <v>600</v>
      </c>
      <c r="G2857" s="777"/>
      <c r="H2857" s="780"/>
      <c r="I2857" s="780"/>
      <c r="J2857" s="778"/>
      <c r="K2857" s="779"/>
      <c r="L2857" s="781">
        <v>38362</v>
      </c>
      <c r="M2857" s="781"/>
      <c r="N2857" s="418" t="str">
        <f t="shared" si="88"/>
        <v/>
      </c>
    </row>
    <row r="2858" spans="1:14" ht="15.75">
      <c r="A2858" s="536"/>
      <c r="B2858" s="411">
        <f t="shared" si="89"/>
        <v>149</v>
      </c>
      <c r="C2858" s="776" t="s">
        <v>5955</v>
      </c>
      <c r="D2858" s="777" t="s">
        <v>5956</v>
      </c>
      <c r="E2858" s="778" t="s">
        <v>643</v>
      </c>
      <c r="F2858" s="779" t="s">
        <v>600</v>
      </c>
      <c r="G2858" s="777"/>
      <c r="H2858" s="780"/>
      <c r="I2858" s="780"/>
      <c r="J2858" s="779"/>
      <c r="K2858" s="777"/>
      <c r="L2858" s="781">
        <v>38362</v>
      </c>
      <c r="M2858" s="781"/>
      <c r="N2858" s="418" t="str">
        <f t="shared" si="88"/>
        <v/>
      </c>
    </row>
    <row r="2859" spans="1:14" ht="15.75">
      <c r="A2859" s="536"/>
      <c r="B2859" s="411">
        <f t="shared" si="89"/>
        <v>149</v>
      </c>
      <c r="C2859" s="776" t="s">
        <v>5957</v>
      </c>
      <c r="D2859" s="777" t="s">
        <v>5958</v>
      </c>
      <c r="E2859" s="778" t="s">
        <v>643</v>
      </c>
      <c r="F2859" s="779" t="s">
        <v>600</v>
      </c>
      <c r="G2859" s="777"/>
      <c r="H2859" s="780"/>
      <c r="I2859" s="780"/>
      <c r="J2859" s="779"/>
      <c r="K2859" s="777"/>
      <c r="L2859" s="781"/>
      <c r="M2859" s="781"/>
      <c r="N2859" s="418" t="str">
        <f t="shared" si="88"/>
        <v/>
      </c>
    </row>
    <row r="2860" spans="1:14" ht="15.75">
      <c r="A2860" s="536"/>
      <c r="B2860" s="411">
        <f t="shared" si="89"/>
        <v>149</v>
      </c>
      <c r="C2860" s="776" t="s">
        <v>5959</v>
      </c>
      <c r="D2860" s="777" t="s">
        <v>5960</v>
      </c>
      <c r="E2860" s="778" t="s">
        <v>643</v>
      </c>
      <c r="F2860" s="779" t="s">
        <v>600</v>
      </c>
      <c r="G2860" s="777"/>
      <c r="H2860" s="780"/>
      <c r="I2860" s="780"/>
      <c r="J2860" s="779"/>
      <c r="K2860" s="777"/>
      <c r="L2860" s="781">
        <v>38362</v>
      </c>
      <c r="M2860" s="781"/>
      <c r="N2860" s="418" t="str">
        <f t="shared" si="88"/>
        <v/>
      </c>
    </row>
    <row r="2861" spans="1:14" ht="15.75">
      <c r="A2861" s="536"/>
      <c r="B2861" s="411">
        <f t="shared" si="89"/>
        <v>149</v>
      </c>
      <c r="C2861" s="776" t="s">
        <v>5961</v>
      </c>
      <c r="D2861" s="777" t="s">
        <v>5962</v>
      </c>
      <c r="E2861" s="778" t="s">
        <v>643</v>
      </c>
      <c r="F2861" s="779" t="s">
        <v>600</v>
      </c>
      <c r="G2861" s="777"/>
      <c r="H2861" s="780"/>
      <c r="I2861" s="780"/>
      <c r="J2861" s="779"/>
      <c r="K2861" s="777"/>
      <c r="L2861" s="469">
        <v>38362</v>
      </c>
      <c r="M2861" s="469"/>
      <c r="N2861" s="418" t="str">
        <f t="shared" si="88"/>
        <v/>
      </c>
    </row>
    <row r="2862" spans="1:14" ht="15.75">
      <c r="A2862" s="536"/>
      <c r="B2862" s="411">
        <f t="shared" si="89"/>
        <v>149</v>
      </c>
      <c r="C2862" s="776" t="s">
        <v>5963</v>
      </c>
      <c r="D2862" s="777" t="s">
        <v>5964</v>
      </c>
      <c r="E2862" s="778" t="s">
        <v>643</v>
      </c>
      <c r="F2862" s="779" t="s">
        <v>600</v>
      </c>
      <c r="G2862" s="777"/>
      <c r="H2862" s="780"/>
      <c r="I2862" s="780"/>
      <c r="J2862" s="779"/>
      <c r="K2862" s="777"/>
      <c r="L2862" s="781"/>
      <c r="M2862" s="781"/>
      <c r="N2862" s="418" t="str">
        <f t="shared" si="88"/>
        <v/>
      </c>
    </row>
    <row r="2863" spans="1:14" ht="15.75">
      <c r="A2863" s="536"/>
      <c r="B2863" s="411">
        <f t="shared" si="89"/>
        <v>149</v>
      </c>
      <c r="C2863" s="782" t="s">
        <v>5965</v>
      </c>
      <c r="D2863" s="777" t="s">
        <v>5966</v>
      </c>
      <c r="E2863" s="777" t="s">
        <v>643</v>
      </c>
      <c r="F2863" s="778" t="s">
        <v>600</v>
      </c>
      <c r="G2863" s="777"/>
      <c r="H2863" s="780"/>
      <c r="I2863" s="780"/>
      <c r="J2863" s="779"/>
      <c r="K2863" s="777"/>
      <c r="L2863" s="781">
        <v>38362</v>
      </c>
      <c r="M2863" s="781"/>
      <c r="N2863" s="418" t="str">
        <f t="shared" si="88"/>
        <v/>
      </c>
    </row>
    <row r="2864" spans="1:14" ht="15.75">
      <c r="A2864" s="536"/>
      <c r="B2864" s="411">
        <f t="shared" si="89"/>
        <v>149</v>
      </c>
      <c r="C2864" s="782" t="s">
        <v>5967</v>
      </c>
      <c r="D2864" s="778" t="s">
        <v>5968</v>
      </c>
      <c r="E2864" s="778" t="s">
        <v>643</v>
      </c>
      <c r="F2864" s="777" t="s">
        <v>600</v>
      </c>
      <c r="G2864" s="777"/>
      <c r="H2864" s="780"/>
      <c r="I2864" s="780"/>
      <c r="J2864" s="779"/>
      <c r="K2864" s="777"/>
      <c r="L2864" s="781">
        <v>38362</v>
      </c>
      <c r="M2864" s="781"/>
      <c r="N2864" s="418" t="str">
        <f t="shared" si="88"/>
        <v/>
      </c>
    </row>
    <row r="2865" spans="1:14" ht="15.75">
      <c r="A2865" s="536"/>
      <c r="B2865" s="411">
        <f t="shared" si="89"/>
        <v>149</v>
      </c>
      <c r="C2865" s="782" t="s">
        <v>5969</v>
      </c>
      <c r="D2865" s="778" t="s">
        <v>5970</v>
      </c>
      <c r="E2865" s="778" t="s">
        <v>643</v>
      </c>
      <c r="F2865" s="783" t="s">
        <v>600</v>
      </c>
      <c r="G2865" s="784"/>
      <c r="H2865" s="780"/>
      <c r="I2865" s="780"/>
      <c r="J2865" s="779"/>
      <c r="K2865" s="785"/>
      <c r="L2865" s="786">
        <v>39845</v>
      </c>
      <c r="M2865" s="786">
        <v>40940</v>
      </c>
      <c r="N2865" s="418" t="str">
        <f t="shared" si="88"/>
        <v/>
      </c>
    </row>
    <row r="2866" spans="1:14" ht="15.75">
      <c r="A2866" s="536"/>
      <c r="B2866" s="411">
        <f t="shared" si="89"/>
        <v>149</v>
      </c>
      <c r="C2866" s="782" t="s">
        <v>5971</v>
      </c>
      <c r="D2866" s="778" t="s">
        <v>5972</v>
      </c>
      <c r="E2866" s="778" t="s">
        <v>643</v>
      </c>
      <c r="F2866" s="777" t="s">
        <v>600</v>
      </c>
      <c r="G2866" s="777"/>
      <c r="H2866" s="780"/>
      <c r="I2866" s="780"/>
      <c r="J2866" s="779"/>
      <c r="K2866" s="777"/>
      <c r="L2866" s="781"/>
      <c r="M2866" s="781"/>
      <c r="N2866" s="418" t="str">
        <f t="shared" si="88"/>
        <v/>
      </c>
    </row>
    <row r="2867" spans="1:14" ht="15.75">
      <c r="A2867" s="536"/>
      <c r="B2867" s="411">
        <f t="shared" si="89"/>
        <v>149</v>
      </c>
      <c r="C2867" s="782" t="s">
        <v>5973</v>
      </c>
      <c r="D2867" s="778" t="s">
        <v>5974</v>
      </c>
      <c r="E2867" s="778" t="s">
        <v>643</v>
      </c>
      <c r="F2867" s="777" t="s">
        <v>600</v>
      </c>
      <c r="G2867" s="777"/>
      <c r="H2867" s="780"/>
      <c r="I2867" s="780"/>
      <c r="J2867" s="779"/>
      <c r="K2867" s="777"/>
      <c r="L2867" s="781">
        <v>39845</v>
      </c>
      <c r="M2867" s="781"/>
      <c r="N2867" s="418" t="str">
        <f t="shared" si="88"/>
        <v/>
      </c>
    </row>
    <row r="2868" spans="1:14" ht="15.75">
      <c r="A2868" s="536"/>
      <c r="B2868" s="411">
        <f t="shared" si="89"/>
        <v>149</v>
      </c>
      <c r="C2868" s="782" t="s">
        <v>5975</v>
      </c>
      <c r="D2868" s="778" t="s">
        <v>5976</v>
      </c>
      <c r="E2868" s="778" t="s">
        <v>643</v>
      </c>
      <c r="F2868" s="777" t="s">
        <v>600</v>
      </c>
      <c r="G2868" s="777"/>
      <c r="H2868" s="780"/>
      <c r="I2868" s="780"/>
      <c r="J2868" s="779"/>
      <c r="K2868" s="777"/>
      <c r="L2868" s="781">
        <v>38362</v>
      </c>
      <c r="M2868" s="781"/>
      <c r="N2868" s="418" t="str">
        <f t="shared" si="88"/>
        <v/>
      </c>
    </row>
    <row r="2869" spans="1:14" ht="15.75">
      <c r="A2869" s="536"/>
      <c r="B2869" s="411">
        <f t="shared" si="89"/>
        <v>149</v>
      </c>
      <c r="C2869" s="782" t="s">
        <v>5977</v>
      </c>
      <c r="D2869" s="778" t="s">
        <v>5978</v>
      </c>
      <c r="E2869" s="778" t="s">
        <v>643</v>
      </c>
      <c r="F2869" s="777" t="s">
        <v>600</v>
      </c>
      <c r="G2869" s="777"/>
      <c r="H2869" s="780"/>
      <c r="I2869" s="780"/>
      <c r="J2869" s="779"/>
      <c r="K2869" s="777"/>
      <c r="L2869" s="781">
        <v>40210</v>
      </c>
      <c r="M2869" s="781"/>
      <c r="N2869" s="418" t="str">
        <f t="shared" si="88"/>
        <v/>
      </c>
    </row>
    <row r="2870" spans="1:14" ht="15.75">
      <c r="A2870" s="536"/>
      <c r="B2870" s="411">
        <f t="shared" si="89"/>
        <v>149</v>
      </c>
      <c r="C2870" s="782" t="s">
        <v>5979</v>
      </c>
      <c r="D2870" s="778" t="s">
        <v>5980</v>
      </c>
      <c r="E2870" s="778" t="s">
        <v>643</v>
      </c>
      <c r="F2870" s="777" t="s">
        <v>600</v>
      </c>
      <c r="G2870" s="777"/>
      <c r="H2870" s="780"/>
      <c r="I2870" s="780"/>
      <c r="J2870" s="779"/>
      <c r="K2870" s="777"/>
      <c r="L2870" s="781">
        <v>38362</v>
      </c>
      <c r="M2870" s="781"/>
      <c r="N2870" s="418" t="str">
        <f t="shared" si="88"/>
        <v/>
      </c>
    </row>
    <row r="2871" spans="1:14" ht="15.75">
      <c r="A2871" s="536"/>
      <c r="B2871" s="411">
        <f t="shared" si="89"/>
        <v>149</v>
      </c>
      <c r="C2871" s="782" t="s">
        <v>5981</v>
      </c>
      <c r="D2871" s="778" t="s">
        <v>5982</v>
      </c>
      <c r="E2871" s="778" t="s">
        <v>643</v>
      </c>
      <c r="F2871" s="777" t="s">
        <v>600</v>
      </c>
      <c r="G2871" s="777"/>
      <c r="H2871" s="780"/>
      <c r="I2871" s="780"/>
      <c r="J2871" s="779"/>
      <c r="K2871" s="777"/>
      <c r="L2871" s="781"/>
      <c r="M2871" s="786">
        <v>41306</v>
      </c>
      <c r="N2871" s="418" t="str">
        <f t="shared" si="88"/>
        <v/>
      </c>
    </row>
    <row r="2872" spans="1:14" ht="15.75">
      <c r="A2872" s="536"/>
      <c r="B2872" s="411">
        <f t="shared" si="89"/>
        <v>149</v>
      </c>
      <c r="C2872" s="782" t="s">
        <v>5983</v>
      </c>
      <c r="D2872" s="778" t="s">
        <v>5984</v>
      </c>
      <c r="E2872" s="778" t="s">
        <v>643</v>
      </c>
      <c r="F2872" s="777" t="s">
        <v>600</v>
      </c>
      <c r="G2872" s="777"/>
      <c r="H2872" s="780"/>
      <c r="I2872" s="780"/>
      <c r="J2872" s="779"/>
      <c r="K2872" s="777"/>
      <c r="L2872" s="781"/>
      <c r="M2872" s="781"/>
      <c r="N2872" s="418" t="str">
        <f t="shared" si="88"/>
        <v/>
      </c>
    </row>
    <row r="2873" spans="1:14" ht="15.75">
      <c r="A2873" s="536"/>
      <c r="B2873" s="411">
        <f t="shared" si="89"/>
        <v>149</v>
      </c>
      <c r="C2873" s="782" t="s">
        <v>5985</v>
      </c>
      <c r="D2873" s="778" t="s">
        <v>5986</v>
      </c>
      <c r="E2873" s="778" t="s">
        <v>643</v>
      </c>
      <c r="F2873" s="777" t="s">
        <v>600</v>
      </c>
      <c r="G2873" s="777"/>
      <c r="H2873" s="780"/>
      <c r="I2873" s="780"/>
      <c r="J2873" s="779"/>
      <c r="K2873" s="777"/>
      <c r="L2873" s="781"/>
      <c r="M2873" s="781"/>
      <c r="N2873" s="418" t="str">
        <f t="shared" si="88"/>
        <v/>
      </c>
    </row>
    <row r="2874" spans="1:14" ht="15.75">
      <c r="A2874" s="536"/>
      <c r="B2874" s="411">
        <f t="shared" si="89"/>
        <v>149</v>
      </c>
      <c r="C2874" s="782" t="s">
        <v>5987</v>
      </c>
      <c r="D2874" s="778" t="s">
        <v>5988</v>
      </c>
      <c r="E2874" s="778" t="s">
        <v>643</v>
      </c>
      <c r="F2874" s="777" t="s">
        <v>600</v>
      </c>
      <c r="G2874" s="777"/>
      <c r="H2874" s="780"/>
      <c r="I2874" s="780"/>
      <c r="J2874" s="779"/>
      <c r="K2874" s="777"/>
      <c r="L2874" s="781">
        <v>38362</v>
      </c>
      <c r="M2874" s="781"/>
      <c r="N2874" s="418" t="str">
        <f t="shared" si="88"/>
        <v/>
      </c>
    </row>
    <row r="2875" spans="1:14" ht="15.75">
      <c r="A2875" s="536"/>
      <c r="B2875" s="411">
        <f t="shared" si="89"/>
        <v>149</v>
      </c>
      <c r="C2875" s="782" t="s">
        <v>5989</v>
      </c>
      <c r="D2875" s="778" t="s">
        <v>5990</v>
      </c>
      <c r="E2875" s="778" t="s">
        <v>643</v>
      </c>
      <c r="F2875" s="777" t="s">
        <v>600</v>
      </c>
      <c r="G2875" s="777"/>
      <c r="H2875" s="780"/>
      <c r="I2875" s="780"/>
      <c r="J2875" s="779"/>
      <c r="K2875" s="777"/>
      <c r="L2875" s="781">
        <v>38362</v>
      </c>
      <c r="M2875" s="781"/>
      <c r="N2875" s="418" t="str">
        <f t="shared" si="88"/>
        <v/>
      </c>
    </row>
    <row r="2876" spans="1:14" ht="15.75">
      <c r="A2876" s="536"/>
      <c r="B2876" s="411">
        <f t="shared" si="89"/>
        <v>149</v>
      </c>
      <c r="C2876" s="782" t="s">
        <v>5991</v>
      </c>
      <c r="D2876" s="778" t="s">
        <v>5992</v>
      </c>
      <c r="E2876" s="778" t="s">
        <v>643</v>
      </c>
      <c r="F2876" s="777" t="s">
        <v>600</v>
      </c>
      <c r="G2876" s="777"/>
      <c r="H2876" s="780"/>
      <c r="I2876" s="780"/>
      <c r="J2876" s="779"/>
      <c r="K2876" s="777"/>
      <c r="L2876" s="781">
        <v>38362</v>
      </c>
      <c r="M2876" s="781"/>
      <c r="N2876" s="418" t="str">
        <f t="shared" si="88"/>
        <v/>
      </c>
    </row>
    <row r="2877" spans="1:14" ht="15.75">
      <c r="A2877" s="536"/>
      <c r="B2877" s="411">
        <f t="shared" si="89"/>
        <v>149</v>
      </c>
      <c r="C2877" s="776" t="s">
        <v>5993</v>
      </c>
      <c r="D2877" s="777" t="s">
        <v>5994</v>
      </c>
      <c r="E2877" s="778" t="s">
        <v>643</v>
      </c>
      <c r="F2877" s="779" t="s">
        <v>600</v>
      </c>
      <c r="G2877" s="777"/>
      <c r="H2877" s="780"/>
      <c r="I2877" s="780"/>
      <c r="J2877" s="779"/>
      <c r="K2877" s="779"/>
      <c r="L2877" s="781">
        <v>38362</v>
      </c>
      <c r="M2877" s="781"/>
      <c r="N2877" s="418" t="str">
        <f t="shared" si="88"/>
        <v/>
      </c>
    </row>
    <row r="2878" spans="1:14" ht="15.75">
      <c r="A2878" s="536"/>
      <c r="B2878" s="411">
        <f t="shared" si="89"/>
        <v>149</v>
      </c>
      <c r="C2878" s="782" t="s">
        <v>5995</v>
      </c>
      <c r="D2878" s="778" t="s">
        <v>5996</v>
      </c>
      <c r="E2878" s="778" t="s">
        <v>643</v>
      </c>
      <c r="F2878" s="777" t="s">
        <v>600</v>
      </c>
      <c r="G2878" s="779"/>
      <c r="H2878" s="780"/>
      <c r="I2878" s="780"/>
      <c r="J2878" s="779"/>
      <c r="K2878" s="777"/>
      <c r="L2878" s="781">
        <v>38362</v>
      </c>
      <c r="M2878" s="781"/>
      <c r="N2878" s="418" t="str">
        <f t="shared" si="88"/>
        <v/>
      </c>
    </row>
    <row r="2879" spans="1:14" ht="15.75">
      <c r="A2879" s="536"/>
      <c r="B2879" s="411">
        <f t="shared" si="89"/>
        <v>149</v>
      </c>
      <c r="C2879" s="776" t="s">
        <v>5997</v>
      </c>
      <c r="D2879" s="777" t="s">
        <v>5998</v>
      </c>
      <c r="E2879" s="778" t="s">
        <v>643</v>
      </c>
      <c r="F2879" s="779" t="s">
        <v>600</v>
      </c>
      <c r="G2879" s="777"/>
      <c r="H2879" s="780"/>
      <c r="I2879" s="780"/>
      <c r="J2879" s="778"/>
      <c r="K2879" s="779"/>
      <c r="L2879" s="781">
        <v>38362</v>
      </c>
      <c r="M2879" s="781"/>
      <c r="N2879" s="418" t="str">
        <f t="shared" si="88"/>
        <v/>
      </c>
    </row>
    <row r="2880" spans="1:14" ht="15.75">
      <c r="A2880" s="536"/>
      <c r="B2880" s="411">
        <f t="shared" si="89"/>
        <v>149</v>
      </c>
      <c r="C2880" s="776" t="s">
        <v>5999</v>
      </c>
      <c r="D2880" s="777" t="s">
        <v>6000</v>
      </c>
      <c r="E2880" s="778" t="s">
        <v>643</v>
      </c>
      <c r="F2880" s="779" t="s">
        <v>600</v>
      </c>
      <c r="G2880" s="777"/>
      <c r="H2880" s="780"/>
      <c r="I2880" s="780"/>
      <c r="J2880" s="778"/>
      <c r="K2880" s="779"/>
      <c r="L2880" s="781">
        <v>39845</v>
      </c>
      <c r="M2880" s="781"/>
      <c r="N2880" s="418" t="str">
        <f t="shared" si="88"/>
        <v/>
      </c>
    </row>
    <row r="2881" spans="1:14" ht="15.75">
      <c r="A2881" s="536"/>
      <c r="B2881" s="411">
        <f t="shared" si="89"/>
        <v>149</v>
      </c>
      <c r="C2881" s="776" t="s">
        <v>5999</v>
      </c>
      <c r="D2881" s="777" t="s">
        <v>6001</v>
      </c>
      <c r="E2881" s="778" t="s">
        <v>643</v>
      </c>
      <c r="F2881" s="779" t="s">
        <v>600</v>
      </c>
      <c r="G2881" s="777"/>
      <c r="H2881" s="780"/>
      <c r="I2881" s="780"/>
      <c r="J2881" s="778"/>
      <c r="K2881" s="779"/>
      <c r="L2881" s="781"/>
      <c r="M2881" s="781"/>
      <c r="N2881" s="418" t="str">
        <f t="shared" si="88"/>
        <v/>
      </c>
    </row>
    <row r="2882" spans="1:14" ht="15.75">
      <c r="A2882" s="536"/>
      <c r="B2882" s="411">
        <f t="shared" si="89"/>
        <v>149</v>
      </c>
      <c r="C2882" s="776" t="s">
        <v>6002</v>
      </c>
      <c r="D2882" s="777" t="s">
        <v>6003</v>
      </c>
      <c r="E2882" s="778" t="s">
        <v>643</v>
      </c>
      <c r="F2882" s="779" t="s">
        <v>600</v>
      </c>
      <c r="G2882" s="777"/>
      <c r="H2882" s="780"/>
      <c r="I2882" s="780"/>
      <c r="J2882" s="778"/>
      <c r="K2882" s="779"/>
      <c r="L2882" s="781"/>
      <c r="M2882" s="781"/>
      <c r="N2882" s="418" t="str">
        <f t="shared" si="88"/>
        <v/>
      </c>
    </row>
    <row r="2883" spans="1:14" ht="15.75">
      <c r="A2883" s="536"/>
      <c r="B2883" s="411">
        <f t="shared" si="89"/>
        <v>149</v>
      </c>
      <c r="C2883" s="776" t="s">
        <v>6004</v>
      </c>
      <c r="D2883" s="777" t="s">
        <v>6005</v>
      </c>
      <c r="E2883" s="778" t="s">
        <v>643</v>
      </c>
      <c r="F2883" s="779" t="s">
        <v>600</v>
      </c>
      <c r="G2883" s="777"/>
      <c r="H2883" s="780"/>
      <c r="I2883" s="780"/>
      <c r="J2883" s="778"/>
      <c r="K2883" s="779"/>
      <c r="L2883" s="781"/>
      <c r="M2883" s="781"/>
      <c r="N2883" s="418" t="str">
        <f t="shared" si="88"/>
        <v/>
      </c>
    </row>
    <row r="2884" spans="1:14" ht="15.75">
      <c r="A2884" s="536"/>
      <c r="B2884" s="411">
        <f t="shared" si="89"/>
        <v>149</v>
      </c>
      <c r="C2884" s="776" t="s">
        <v>6006</v>
      </c>
      <c r="D2884" s="777" t="s">
        <v>6007</v>
      </c>
      <c r="E2884" s="778" t="s">
        <v>643</v>
      </c>
      <c r="F2884" s="779" t="s">
        <v>600</v>
      </c>
      <c r="G2884" s="777"/>
      <c r="H2884" s="780"/>
      <c r="I2884" s="780"/>
      <c r="J2884" s="778"/>
      <c r="K2884" s="779"/>
      <c r="L2884" s="781">
        <v>41306</v>
      </c>
      <c r="M2884" s="786"/>
      <c r="N2884" s="418" t="str">
        <f t="shared" si="88"/>
        <v/>
      </c>
    </row>
    <row r="2885" spans="1:14" ht="15.75">
      <c r="A2885" s="536"/>
      <c r="B2885" s="411">
        <f t="shared" si="89"/>
        <v>149</v>
      </c>
      <c r="C2885" s="782" t="s">
        <v>6008</v>
      </c>
      <c r="D2885" s="777" t="s">
        <v>6009</v>
      </c>
      <c r="E2885" s="778" t="s">
        <v>643</v>
      </c>
      <c r="F2885" s="779" t="s">
        <v>600</v>
      </c>
      <c r="G2885" s="777"/>
      <c r="H2885" s="780"/>
      <c r="I2885" s="780"/>
      <c r="J2885" s="779"/>
      <c r="K2885" s="777"/>
      <c r="L2885" s="781">
        <v>38362</v>
      </c>
      <c r="M2885" s="781"/>
      <c r="N2885" s="418" t="str">
        <f t="shared" si="88"/>
        <v/>
      </c>
    </row>
    <row r="2886" spans="1:14" ht="15.75">
      <c r="A2886" s="536"/>
      <c r="B2886" s="411">
        <f t="shared" si="89"/>
        <v>149</v>
      </c>
      <c r="C2886" s="776" t="s">
        <v>6010</v>
      </c>
      <c r="D2886" s="777" t="s">
        <v>6011</v>
      </c>
      <c r="E2886" s="778" t="s">
        <v>643</v>
      </c>
      <c r="F2886" s="779" t="s">
        <v>600</v>
      </c>
      <c r="G2886" s="777"/>
      <c r="H2886" s="780"/>
      <c r="I2886" s="780"/>
      <c r="J2886" s="779"/>
      <c r="K2886" s="777"/>
      <c r="L2886" s="781">
        <v>38362</v>
      </c>
      <c r="M2886" s="781"/>
      <c r="N2886" s="418" t="str">
        <f t="shared" si="88"/>
        <v/>
      </c>
    </row>
    <row r="2887" spans="1:14" ht="15.75">
      <c r="A2887" s="536"/>
      <c r="B2887" s="411">
        <f t="shared" si="89"/>
        <v>149</v>
      </c>
      <c r="C2887" s="776" t="s">
        <v>6012</v>
      </c>
      <c r="D2887" s="777" t="s">
        <v>6013</v>
      </c>
      <c r="E2887" s="778" t="s">
        <v>643</v>
      </c>
      <c r="F2887" s="779" t="s">
        <v>600</v>
      </c>
      <c r="G2887" s="777"/>
      <c r="H2887" s="780"/>
      <c r="I2887" s="780"/>
      <c r="J2887" s="779"/>
      <c r="K2887" s="777"/>
      <c r="L2887" s="781"/>
      <c r="M2887" s="781"/>
      <c r="N2887" s="418" t="str">
        <f t="shared" si="88"/>
        <v/>
      </c>
    </row>
    <row r="2888" spans="1:14" ht="15.75">
      <c r="A2888" s="536"/>
      <c r="B2888" s="411">
        <f t="shared" si="89"/>
        <v>149</v>
      </c>
      <c r="C2888" s="776" t="s">
        <v>6014</v>
      </c>
      <c r="D2888" s="777" t="s">
        <v>6015</v>
      </c>
      <c r="E2888" s="778" t="s">
        <v>643</v>
      </c>
      <c r="F2888" s="779" t="s">
        <v>600</v>
      </c>
      <c r="G2888" s="777"/>
      <c r="H2888" s="780"/>
      <c r="I2888" s="780"/>
      <c r="J2888" s="779"/>
      <c r="K2888" s="777"/>
      <c r="L2888" s="781"/>
      <c r="M2888" s="781"/>
      <c r="N2888" s="418" t="str">
        <f t="shared" si="88"/>
        <v/>
      </c>
    </row>
    <row r="2889" spans="1:14" ht="15.75">
      <c r="A2889" s="536"/>
      <c r="B2889" s="411">
        <f t="shared" si="89"/>
        <v>149</v>
      </c>
      <c r="C2889" s="776" t="s">
        <v>6016</v>
      </c>
      <c r="D2889" s="777" t="s">
        <v>6017</v>
      </c>
      <c r="E2889" s="778" t="s">
        <v>643</v>
      </c>
      <c r="F2889" s="779" t="s">
        <v>600</v>
      </c>
      <c r="G2889" s="777"/>
      <c r="H2889" s="780"/>
      <c r="I2889" s="780"/>
      <c r="J2889" s="779"/>
      <c r="K2889" s="777"/>
      <c r="L2889" s="781">
        <v>38362</v>
      </c>
      <c r="M2889" s="781"/>
      <c r="N2889" s="418" t="str">
        <f t="shared" si="88"/>
        <v/>
      </c>
    </row>
    <row r="2890" spans="1:14" ht="15.75">
      <c r="A2890" s="536"/>
      <c r="B2890" s="411">
        <f t="shared" si="89"/>
        <v>149</v>
      </c>
      <c r="C2890" s="782" t="s">
        <v>6018</v>
      </c>
      <c r="D2890" s="778" t="s">
        <v>6019</v>
      </c>
      <c r="E2890" s="778" t="s">
        <v>643</v>
      </c>
      <c r="F2890" s="777" t="s">
        <v>600</v>
      </c>
      <c r="G2890" s="777"/>
      <c r="H2890" s="780"/>
      <c r="I2890" s="780"/>
      <c r="J2890" s="779"/>
      <c r="K2890" s="777"/>
      <c r="L2890" s="781"/>
      <c r="M2890" s="781"/>
      <c r="N2890" s="418" t="str">
        <f t="shared" ref="N2890:N2953" si="90">IF(D2890="NA","",IF(COUNTIF($D$2:$D$5552,D2890)&gt;1,"DUPLICATE",""))</f>
        <v/>
      </c>
    </row>
    <row r="2891" spans="1:14" ht="15.75">
      <c r="A2891" s="536"/>
      <c r="B2891" s="411">
        <f t="shared" si="89"/>
        <v>149</v>
      </c>
      <c r="C2891" s="776" t="s">
        <v>6020</v>
      </c>
      <c r="D2891" s="777" t="s">
        <v>6021</v>
      </c>
      <c r="E2891" s="778" t="s">
        <v>643</v>
      </c>
      <c r="F2891" s="787" t="s">
        <v>600</v>
      </c>
      <c r="G2891" s="777"/>
      <c r="H2891" s="780"/>
      <c r="I2891" s="780"/>
      <c r="J2891" s="778"/>
      <c r="K2891" s="779"/>
      <c r="L2891" s="781"/>
      <c r="M2891" s="781"/>
      <c r="N2891" s="418" t="str">
        <f t="shared" si="90"/>
        <v/>
      </c>
    </row>
    <row r="2892" spans="1:14" ht="15.75">
      <c r="A2892" s="536"/>
      <c r="B2892" s="411">
        <f t="shared" si="89"/>
        <v>149</v>
      </c>
      <c r="C2892" s="782" t="s">
        <v>6022</v>
      </c>
      <c r="D2892" s="778" t="s">
        <v>6023</v>
      </c>
      <c r="E2892" s="778" t="s">
        <v>643</v>
      </c>
      <c r="F2892" s="777" t="s">
        <v>600</v>
      </c>
      <c r="G2892" s="777"/>
      <c r="H2892" s="780"/>
      <c r="I2892" s="780"/>
      <c r="J2892" s="779"/>
      <c r="K2892" s="777"/>
      <c r="L2892" s="781"/>
      <c r="M2892" s="781"/>
      <c r="N2892" s="418" t="str">
        <f t="shared" si="90"/>
        <v/>
      </c>
    </row>
    <row r="2893" spans="1:14" ht="15.75">
      <c r="A2893" s="536"/>
      <c r="B2893" s="411">
        <f t="shared" si="89"/>
        <v>149</v>
      </c>
      <c r="C2893" s="782" t="s">
        <v>6024</v>
      </c>
      <c r="D2893" s="778" t="s">
        <v>6025</v>
      </c>
      <c r="E2893" s="778" t="s">
        <v>643</v>
      </c>
      <c r="F2893" s="777" t="s">
        <v>600</v>
      </c>
      <c r="G2893" s="777"/>
      <c r="H2893" s="780"/>
      <c r="I2893" s="780"/>
      <c r="J2893" s="779"/>
      <c r="K2893" s="777"/>
      <c r="L2893" s="781">
        <v>38362</v>
      </c>
      <c r="M2893" s="781"/>
      <c r="N2893" s="418" t="str">
        <f t="shared" si="90"/>
        <v/>
      </c>
    </row>
    <row r="2894" spans="1:14" ht="15.75">
      <c r="A2894" s="536"/>
      <c r="B2894" s="411">
        <f t="shared" si="89"/>
        <v>149</v>
      </c>
      <c r="C2894" s="782" t="s">
        <v>6026</v>
      </c>
      <c r="D2894" s="778" t="s">
        <v>6027</v>
      </c>
      <c r="E2894" s="778" t="s">
        <v>643</v>
      </c>
      <c r="F2894" s="777" t="s">
        <v>600</v>
      </c>
      <c r="G2894" s="777"/>
      <c r="H2894" s="780"/>
      <c r="I2894" s="780"/>
      <c r="J2894" s="779"/>
      <c r="K2894" s="777"/>
      <c r="L2894" s="781"/>
      <c r="M2894" s="781"/>
      <c r="N2894" s="418" t="str">
        <f t="shared" si="90"/>
        <v/>
      </c>
    </row>
    <row r="2895" spans="1:14" ht="15.75">
      <c r="A2895" s="536"/>
      <c r="B2895" s="411">
        <f t="shared" si="89"/>
        <v>149</v>
      </c>
      <c r="C2895" s="782" t="s">
        <v>6028</v>
      </c>
      <c r="D2895" s="778" t="s">
        <v>6029</v>
      </c>
      <c r="E2895" s="778" t="s">
        <v>643</v>
      </c>
      <c r="F2895" s="777" t="s">
        <v>600</v>
      </c>
      <c r="G2895" s="777"/>
      <c r="H2895" s="780"/>
      <c r="I2895" s="780"/>
      <c r="J2895" s="779"/>
      <c r="K2895" s="777"/>
      <c r="L2895" s="781">
        <v>39845</v>
      </c>
      <c r="M2895" s="781"/>
      <c r="N2895" s="418" t="str">
        <f t="shared" si="90"/>
        <v/>
      </c>
    </row>
    <row r="2896" spans="1:14" ht="15.75">
      <c r="A2896" s="536"/>
      <c r="B2896" s="411">
        <f t="shared" si="89"/>
        <v>149</v>
      </c>
      <c r="C2896" s="788" t="s">
        <v>6028</v>
      </c>
      <c r="D2896" s="777" t="s">
        <v>6030</v>
      </c>
      <c r="E2896" s="778" t="s">
        <v>643</v>
      </c>
      <c r="F2896" s="779" t="s">
        <v>600</v>
      </c>
      <c r="G2896" s="777"/>
      <c r="H2896" s="780"/>
      <c r="I2896" s="780"/>
      <c r="J2896" s="778"/>
      <c r="K2896" s="779"/>
      <c r="L2896" s="789">
        <v>39845</v>
      </c>
      <c r="M2896" s="781"/>
      <c r="N2896" s="418" t="str">
        <f t="shared" si="90"/>
        <v/>
      </c>
    </row>
    <row r="2897" spans="1:14" ht="63">
      <c r="A2897" s="536">
        <v>150</v>
      </c>
      <c r="B2897" s="411">
        <f t="shared" si="89"/>
        <v>150</v>
      </c>
      <c r="C2897" s="412" t="s">
        <v>6031</v>
      </c>
      <c r="D2897" s="414" t="s">
        <v>6032</v>
      </c>
      <c r="E2897" s="414" t="s">
        <v>643</v>
      </c>
      <c r="F2897" s="438" t="s">
        <v>600</v>
      </c>
      <c r="G2897" s="414" t="s">
        <v>3504</v>
      </c>
      <c r="H2897" s="415"/>
      <c r="I2897" s="415"/>
      <c r="J2897" s="416" t="s">
        <v>3312</v>
      </c>
      <c r="K2897" s="421" t="s">
        <v>1030</v>
      </c>
      <c r="L2897" s="423">
        <v>39479</v>
      </c>
      <c r="M2897" s="439"/>
      <c r="N2897" s="418" t="str">
        <f t="shared" si="90"/>
        <v/>
      </c>
    </row>
    <row r="2898" spans="1:14" ht="63">
      <c r="A2898" s="536">
        <v>151</v>
      </c>
      <c r="B2898" s="411">
        <f t="shared" si="89"/>
        <v>151</v>
      </c>
      <c r="C2898" s="424" t="s">
        <v>6033</v>
      </c>
      <c r="D2898" s="414"/>
      <c r="E2898" s="414" t="s">
        <v>643</v>
      </c>
      <c r="F2898" s="414" t="s">
        <v>600</v>
      </c>
      <c r="G2898" s="414" t="s">
        <v>6034</v>
      </c>
      <c r="H2898" s="415"/>
      <c r="I2898" s="415"/>
      <c r="J2898" s="438" t="s">
        <v>6035</v>
      </c>
      <c r="K2898" s="414" t="s">
        <v>6036</v>
      </c>
      <c r="L2898" s="417">
        <v>38362</v>
      </c>
      <c r="M2898" s="417">
        <v>42767</v>
      </c>
      <c r="N2898" s="418" t="str">
        <f t="shared" si="90"/>
        <v/>
      </c>
    </row>
    <row r="2899" spans="1:14" ht="15.75">
      <c r="A2899" s="574"/>
      <c r="B2899" s="411">
        <f t="shared" si="89"/>
        <v>151</v>
      </c>
      <c r="C2899" s="633" t="s">
        <v>5068</v>
      </c>
      <c r="D2899" s="442" t="s">
        <v>5069</v>
      </c>
      <c r="E2899" s="442" t="s">
        <v>643</v>
      </c>
      <c r="F2899" s="442" t="s">
        <v>600</v>
      </c>
      <c r="G2899" s="442"/>
      <c r="H2899" s="444"/>
      <c r="I2899" s="444"/>
      <c r="J2899" s="577"/>
      <c r="K2899" s="442"/>
      <c r="L2899" s="477">
        <v>42767</v>
      </c>
      <c r="M2899" s="477"/>
      <c r="N2899" s="418" t="str">
        <f t="shared" si="90"/>
        <v>DUPLICATE</v>
      </c>
    </row>
    <row r="2900" spans="1:14" ht="15.75">
      <c r="A2900" s="563"/>
      <c r="B2900" s="411">
        <f t="shared" si="89"/>
        <v>151</v>
      </c>
      <c r="C2900" s="492" t="s">
        <v>6037</v>
      </c>
      <c r="D2900" s="494" t="s">
        <v>6038</v>
      </c>
      <c r="E2900" s="494" t="s">
        <v>643</v>
      </c>
      <c r="F2900" s="494" t="s">
        <v>600</v>
      </c>
      <c r="G2900" s="494" t="s">
        <v>28498</v>
      </c>
      <c r="H2900" s="505"/>
      <c r="I2900" s="495"/>
      <c r="J2900" s="514"/>
      <c r="K2900" s="494"/>
      <c r="L2900" s="516">
        <v>38362</v>
      </c>
      <c r="M2900" s="516">
        <v>43862</v>
      </c>
      <c r="N2900" s="418" t="str">
        <f t="shared" si="90"/>
        <v/>
      </c>
    </row>
    <row r="2901" spans="1:14" ht="28.5">
      <c r="A2901" s="563"/>
      <c r="B2901" s="411">
        <f t="shared" si="89"/>
        <v>151</v>
      </c>
      <c r="C2901" s="492" t="s">
        <v>6039</v>
      </c>
      <c r="D2901" s="494" t="s">
        <v>6040</v>
      </c>
      <c r="E2901" s="494" t="s">
        <v>643</v>
      </c>
      <c r="F2901" s="494" t="s">
        <v>600</v>
      </c>
      <c r="G2901" s="494" t="s">
        <v>28498</v>
      </c>
      <c r="H2901" s="432"/>
      <c r="I2901" s="495"/>
      <c r="J2901" s="514"/>
      <c r="K2901" s="494"/>
      <c r="L2901" s="516">
        <v>38362</v>
      </c>
      <c r="M2901" s="516">
        <v>43862</v>
      </c>
      <c r="N2901" s="418" t="str">
        <f t="shared" si="90"/>
        <v/>
      </c>
    </row>
    <row r="2902" spans="1:14" ht="28.5">
      <c r="A2902" s="563"/>
      <c r="B2902" s="411">
        <f t="shared" si="89"/>
        <v>151</v>
      </c>
      <c r="C2902" s="492" t="s">
        <v>6041</v>
      </c>
      <c r="D2902" s="494" t="s">
        <v>1974</v>
      </c>
      <c r="E2902" s="494" t="s">
        <v>643</v>
      </c>
      <c r="F2902" s="494" t="s">
        <v>600</v>
      </c>
      <c r="G2902" s="494" t="s">
        <v>28498</v>
      </c>
      <c r="H2902" s="432"/>
      <c r="I2902" s="495"/>
      <c r="J2902" s="514"/>
      <c r="K2902" s="494"/>
      <c r="L2902" s="516">
        <v>38362</v>
      </c>
      <c r="M2902" s="516">
        <v>43862</v>
      </c>
      <c r="N2902" s="418" t="str">
        <f t="shared" si="90"/>
        <v>DUPLICATE</v>
      </c>
    </row>
    <row r="2903" spans="1:14" ht="15.75">
      <c r="A2903" s="483"/>
      <c r="B2903" s="411">
        <f t="shared" si="89"/>
        <v>151</v>
      </c>
      <c r="C2903" s="790" t="s">
        <v>6042</v>
      </c>
      <c r="D2903" s="504" t="s">
        <v>6043</v>
      </c>
      <c r="E2903" s="504" t="s">
        <v>643</v>
      </c>
      <c r="F2903" s="504" t="s">
        <v>600</v>
      </c>
      <c r="G2903" s="504" t="s">
        <v>28498</v>
      </c>
      <c r="H2903" s="432"/>
      <c r="I2903" s="505"/>
      <c r="J2903" s="680"/>
      <c r="K2903" s="504"/>
      <c r="L2903" s="589">
        <v>38362</v>
      </c>
      <c r="M2903" s="516">
        <v>43862</v>
      </c>
      <c r="N2903" s="418" t="str">
        <f t="shared" si="90"/>
        <v/>
      </c>
    </row>
    <row r="2904" spans="1:14" ht="78.75">
      <c r="A2904" s="410">
        <v>152</v>
      </c>
      <c r="B2904" s="411">
        <f t="shared" si="89"/>
        <v>152</v>
      </c>
      <c r="C2904" s="412" t="s">
        <v>6044</v>
      </c>
      <c r="D2904" s="458"/>
      <c r="E2904" s="458" t="s">
        <v>707</v>
      </c>
      <c r="F2904" s="458" t="s">
        <v>652</v>
      </c>
      <c r="G2904" s="552" t="s">
        <v>6045</v>
      </c>
      <c r="H2904" s="415"/>
      <c r="I2904" s="460"/>
      <c r="J2904" s="528" t="s">
        <v>654</v>
      </c>
      <c r="K2904" s="458"/>
      <c r="L2904" s="423">
        <v>38362</v>
      </c>
      <c r="M2904" s="423">
        <v>41306</v>
      </c>
      <c r="N2904" s="418" t="str">
        <f t="shared" si="90"/>
        <v/>
      </c>
    </row>
    <row r="2905" spans="1:14" ht="15.75">
      <c r="A2905" s="538"/>
      <c r="B2905" s="411">
        <f t="shared" si="89"/>
        <v>152</v>
      </c>
      <c r="C2905" s="440" t="s">
        <v>6046</v>
      </c>
      <c r="D2905" s="452" t="s">
        <v>651</v>
      </c>
      <c r="E2905" s="510" t="s">
        <v>595</v>
      </c>
      <c r="F2905" s="140" t="s">
        <v>652</v>
      </c>
      <c r="G2905" s="450"/>
      <c r="H2905" s="415"/>
      <c r="I2905" s="481"/>
      <c r="J2905" s="144"/>
      <c r="K2905" s="517"/>
      <c r="L2905" s="455">
        <v>38362</v>
      </c>
      <c r="M2905" s="455">
        <v>41306</v>
      </c>
      <c r="N2905" s="418" t="str">
        <f t="shared" si="90"/>
        <v>DUPLICATE</v>
      </c>
    </row>
    <row r="2906" spans="1:14" ht="15.75">
      <c r="A2906" s="538"/>
      <c r="B2906" s="411">
        <f t="shared" ref="B2906:B2969" si="91">IF(A2906&gt;0,A2906,B2905)</f>
        <v>152</v>
      </c>
      <c r="C2906" s="440" t="s">
        <v>6047</v>
      </c>
      <c r="D2906" s="452" t="s">
        <v>1364</v>
      </c>
      <c r="E2906" s="510" t="s">
        <v>595</v>
      </c>
      <c r="F2906" s="140" t="s">
        <v>652</v>
      </c>
      <c r="G2906" s="450"/>
      <c r="H2906" s="415"/>
      <c r="I2906" s="481"/>
      <c r="J2906" s="144"/>
      <c r="K2906" s="517"/>
      <c r="L2906" s="455">
        <v>38362</v>
      </c>
      <c r="M2906" s="455">
        <v>41306</v>
      </c>
      <c r="N2906" s="418" t="str">
        <f t="shared" si="90"/>
        <v>DUPLICATE</v>
      </c>
    </row>
    <row r="2907" spans="1:14" ht="15.75">
      <c r="A2907" s="538"/>
      <c r="B2907" s="411">
        <f t="shared" si="91"/>
        <v>152</v>
      </c>
      <c r="C2907" s="440" t="s">
        <v>4332</v>
      </c>
      <c r="D2907" s="452" t="s">
        <v>4333</v>
      </c>
      <c r="E2907" s="510" t="s">
        <v>707</v>
      </c>
      <c r="F2907" s="140" t="s">
        <v>600</v>
      </c>
      <c r="G2907" s="450"/>
      <c r="H2907" s="415"/>
      <c r="I2907" s="481"/>
      <c r="J2907" s="144"/>
      <c r="K2907" s="517"/>
      <c r="L2907" s="455">
        <v>38362</v>
      </c>
      <c r="M2907" s="455"/>
      <c r="N2907" s="418" t="str">
        <f t="shared" si="90"/>
        <v>DUPLICATE</v>
      </c>
    </row>
    <row r="2908" spans="1:14" ht="15.75">
      <c r="A2908" s="538"/>
      <c r="B2908" s="411">
        <f t="shared" si="91"/>
        <v>152</v>
      </c>
      <c r="C2908" s="440" t="s">
        <v>6048</v>
      </c>
      <c r="D2908" s="452" t="s">
        <v>6049</v>
      </c>
      <c r="E2908" s="510" t="s">
        <v>595</v>
      </c>
      <c r="F2908" s="140" t="s">
        <v>652</v>
      </c>
      <c r="G2908" s="450"/>
      <c r="H2908" s="415"/>
      <c r="I2908" s="481"/>
      <c r="J2908" s="144"/>
      <c r="K2908" s="517"/>
      <c r="L2908" s="455">
        <v>39114</v>
      </c>
      <c r="M2908" s="455">
        <v>41306</v>
      </c>
      <c r="N2908" s="418" t="str">
        <f t="shared" si="90"/>
        <v/>
      </c>
    </row>
    <row r="2909" spans="1:14" ht="15.75">
      <c r="A2909" s="538"/>
      <c r="B2909" s="411">
        <f t="shared" si="91"/>
        <v>152</v>
      </c>
      <c r="C2909" s="440" t="s">
        <v>6050</v>
      </c>
      <c r="D2909" s="452" t="s">
        <v>6051</v>
      </c>
      <c r="E2909" s="510" t="s">
        <v>595</v>
      </c>
      <c r="F2909" s="140" t="s">
        <v>652</v>
      </c>
      <c r="G2909" s="450"/>
      <c r="H2909" s="415"/>
      <c r="I2909" s="481"/>
      <c r="J2909" s="144"/>
      <c r="K2909" s="517"/>
      <c r="L2909" s="455">
        <v>39114</v>
      </c>
      <c r="M2909" s="455">
        <v>41306</v>
      </c>
      <c r="N2909" s="418" t="str">
        <f t="shared" si="90"/>
        <v/>
      </c>
    </row>
    <row r="2910" spans="1:14" ht="28.5">
      <c r="A2910" s="538"/>
      <c r="B2910" s="411">
        <f t="shared" si="91"/>
        <v>152</v>
      </c>
      <c r="C2910" s="498" t="s">
        <v>4597</v>
      </c>
      <c r="D2910" s="449" t="s">
        <v>4598</v>
      </c>
      <c r="E2910" s="144" t="s">
        <v>707</v>
      </c>
      <c r="F2910" s="449" t="s">
        <v>600</v>
      </c>
      <c r="G2910" s="450"/>
      <c r="H2910" s="415"/>
      <c r="I2910" s="451"/>
      <c r="J2910" s="144"/>
      <c r="K2910" s="517"/>
      <c r="L2910" s="455">
        <v>38362</v>
      </c>
      <c r="M2910" s="455">
        <v>40575</v>
      </c>
      <c r="N2910" s="418" t="str">
        <f t="shared" si="90"/>
        <v>DUPLICATE</v>
      </c>
    </row>
    <row r="2911" spans="1:14" ht="15.75">
      <c r="A2911" s="538"/>
      <c r="B2911" s="411">
        <f t="shared" si="91"/>
        <v>152</v>
      </c>
      <c r="C2911" s="440" t="s">
        <v>6052</v>
      </c>
      <c r="D2911" s="452" t="s">
        <v>3180</v>
      </c>
      <c r="E2911" s="510" t="s">
        <v>595</v>
      </c>
      <c r="F2911" s="140" t="s">
        <v>652</v>
      </c>
      <c r="G2911" s="450"/>
      <c r="H2911" s="415"/>
      <c r="I2911" s="481"/>
      <c r="J2911" s="144"/>
      <c r="K2911" s="517"/>
      <c r="L2911" s="455">
        <v>38362</v>
      </c>
      <c r="M2911" s="455">
        <v>41306</v>
      </c>
      <c r="N2911" s="418" t="str">
        <f t="shared" si="90"/>
        <v>DUPLICATE</v>
      </c>
    </row>
    <row r="2912" spans="1:14" ht="15.75">
      <c r="A2912" s="538"/>
      <c r="B2912" s="411">
        <f t="shared" si="91"/>
        <v>152</v>
      </c>
      <c r="C2912" s="440" t="s">
        <v>5085</v>
      </c>
      <c r="D2912" s="452" t="s">
        <v>5086</v>
      </c>
      <c r="E2912" s="510" t="s">
        <v>707</v>
      </c>
      <c r="F2912" s="140" t="s">
        <v>600</v>
      </c>
      <c r="G2912" s="450"/>
      <c r="H2912" s="415"/>
      <c r="I2912" s="481"/>
      <c r="J2912" s="144"/>
      <c r="K2912" s="517"/>
      <c r="L2912" s="455">
        <v>38362</v>
      </c>
      <c r="M2912" s="455"/>
      <c r="N2912" s="418" t="str">
        <f t="shared" si="90"/>
        <v>DUPLICATE</v>
      </c>
    </row>
    <row r="2913" spans="1:14" ht="15.75">
      <c r="A2913" s="538"/>
      <c r="B2913" s="411">
        <f t="shared" si="91"/>
        <v>152</v>
      </c>
      <c r="C2913" s="440" t="s">
        <v>5711</v>
      </c>
      <c r="D2913" s="452" t="s">
        <v>5712</v>
      </c>
      <c r="E2913" s="510" t="s">
        <v>595</v>
      </c>
      <c r="F2913" s="140" t="s">
        <v>652</v>
      </c>
      <c r="G2913" s="450"/>
      <c r="H2913" s="415"/>
      <c r="I2913" s="481"/>
      <c r="J2913" s="144"/>
      <c r="K2913" s="517"/>
      <c r="L2913" s="455">
        <v>38362</v>
      </c>
      <c r="M2913" s="455">
        <v>41306</v>
      </c>
      <c r="N2913" s="418" t="str">
        <f t="shared" si="90"/>
        <v>DUPLICATE</v>
      </c>
    </row>
    <row r="2914" spans="1:14" ht="15.75">
      <c r="A2914" s="538"/>
      <c r="B2914" s="411">
        <f t="shared" si="91"/>
        <v>152</v>
      </c>
      <c r="C2914" s="440" t="s">
        <v>5428</v>
      </c>
      <c r="D2914" s="452" t="s">
        <v>5429</v>
      </c>
      <c r="E2914" s="510" t="s">
        <v>595</v>
      </c>
      <c r="F2914" s="140" t="s">
        <v>652</v>
      </c>
      <c r="G2914" s="450"/>
      <c r="H2914" s="415"/>
      <c r="I2914" s="481"/>
      <c r="J2914" s="144"/>
      <c r="K2914" s="517"/>
      <c r="L2914" s="455">
        <v>38362</v>
      </c>
      <c r="M2914" s="455">
        <v>41306</v>
      </c>
      <c r="N2914" s="418" t="str">
        <f t="shared" si="90"/>
        <v>DUPLICATE</v>
      </c>
    </row>
    <row r="2915" spans="1:14" ht="15.75">
      <c r="A2915" s="538"/>
      <c r="B2915" s="411">
        <f t="shared" si="91"/>
        <v>152</v>
      </c>
      <c r="C2915" s="440" t="s">
        <v>6053</v>
      </c>
      <c r="D2915" s="452" t="s">
        <v>6054</v>
      </c>
      <c r="E2915" s="510" t="s">
        <v>595</v>
      </c>
      <c r="F2915" s="140" t="s">
        <v>652</v>
      </c>
      <c r="G2915" s="450"/>
      <c r="H2915" s="415"/>
      <c r="I2915" s="481"/>
      <c r="J2915" s="144"/>
      <c r="K2915" s="517"/>
      <c r="L2915" s="455">
        <v>39114</v>
      </c>
      <c r="M2915" s="455">
        <v>41306</v>
      </c>
      <c r="N2915" s="418" t="str">
        <f t="shared" si="90"/>
        <v/>
      </c>
    </row>
    <row r="2916" spans="1:14" ht="15.75">
      <c r="A2916" s="538"/>
      <c r="B2916" s="411">
        <f t="shared" si="91"/>
        <v>152</v>
      </c>
      <c r="C2916" s="440" t="s">
        <v>6055</v>
      </c>
      <c r="D2916" s="452" t="s">
        <v>6056</v>
      </c>
      <c r="E2916" s="510" t="s">
        <v>595</v>
      </c>
      <c r="F2916" s="140" t="s">
        <v>652</v>
      </c>
      <c r="G2916" s="450"/>
      <c r="H2916" s="415"/>
      <c r="I2916" s="481"/>
      <c r="J2916" s="144"/>
      <c r="K2916" s="517"/>
      <c r="L2916" s="455">
        <v>39114</v>
      </c>
      <c r="M2916" s="455">
        <v>41306</v>
      </c>
      <c r="N2916" s="418" t="str">
        <f t="shared" si="90"/>
        <v/>
      </c>
    </row>
    <row r="2917" spans="1:14" ht="15.75">
      <c r="A2917" s="538"/>
      <c r="B2917" s="411">
        <f t="shared" si="91"/>
        <v>152</v>
      </c>
      <c r="C2917" s="440" t="s">
        <v>6057</v>
      </c>
      <c r="D2917" s="452" t="s">
        <v>6058</v>
      </c>
      <c r="E2917" s="457" t="s">
        <v>595</v>
      </c>
      <c r="F2917" s="457" t="s">
        <v>652</v>
      </c>
      <c r="G2917" s="459"/>
      <c r="H2917" s="415"/>
      <c r="I2917" s="481"/>
      <c r="J2917" s="144"/>
      <c r="K2917" s="517"/>
      <c r="L2917" s="455">
        <v>38362</v>
      </c>
      <c r="M2917" s="455">
        <v>41306</v>
      </c>
      <c r="N2917" s="418" t="str">
        <f t="shared" si="90"/>
        <v/>
      </c>
    </row>
    <row r="2918" spans="1:14" ht="31.5">
      <c r="A2918" s="536">
        <v>153</v>
      </c>
      <c r="B2918" s="411">
        <f t="shared" si="91"/>
        <v>153</v>
      </c>
      <c r="C2918" s="557" t="s">
        <v>14051</v>
      </c>
      <c r="D2918" s="554"/>
      <c r="E2918" s="427" t="s">
        <v>595</v>
      </c>
      <c r="F2918" s="445" t="s">
        <v>600</v>
      </c>
      <c r="G2918" s="427" t="s">
        <v>760</v>
      </c>
      <c r="H2918" s="555"/>
      <c r="I2918" s="555"/>
      <c r="J2918" s="554"/>
      <c r="K2918" s="555"/>
      <c r="L2918" s="556">
        <v>43132</v>
      </c>
      <c r="M2918" s="417">
        <v>43497</v>
      </c>
      <c r="N2918" s="418" t="str">
        <f t="shared" si="90"/>
        <v/>
      </c>
    </row>
    <row r="2919" spans="1:14" ht="47.25">
      <c r="A2919" s="574"/>
      <c r="B2919" s="411">
        <f t="shared" si="91"/>
        <v>153</v>
      </c>
      <c r="C2919" s="739" t="s">
        <v>13720</v>
      </c>
      <c r="D2919" s="740" t="s">
        <v>13721</v>
      </c>
      <c r="E2919" s="709" t="s">
        <v>595</v>
      </c>
      <c r="F2919" s="445" t="s">
        <v>600</v>
      </c>
      <c r="G2919" s="709"/>
      <c r="H2919" s="713"/>
      <c r="I2919" s="713"/>
      <c r="J2919" s="740" t="s">
        <v>14052</v>
      </c>
      <c r="K2919" s="713"/>
      <c r="L2919" s="791">
        <v>43132</v>
      </c>
      <c r="M2919" s="417">
        <v>43497</v>
      </c>
      <c r="N2919" s="418" t="str">
        <f t="shared" si="90"/>
        <v/>
      </c>
    </row>
    <row r="2920" spans="1:14" ht="15.75">
      <c r="A2920" s="538"/>
      <c r="B2920" s="411">
        <f t="shared" si="91"/>
        <v>153</v>
      </c>
      <c r="C2920" s="721" t="s">
        <v>14053</v>
      </c>
      <c r="D2920" s="722" t="s">
        <v>13725</v>
      </c>
      <c r="E2920" s="723" t="s">
        <v>595</v>
      </c>
      <c r="F2920" s="445" t="s">
        <v>600</v>
      </c>
      <c r="G2920" s="723"/>
      <c r="H2920" s="724"/>
      <c r="I2920" s="724"/>
      <c r="J2920" s="722" t="s">
        <v>14054</v>
      </c>
      <c r="K2920" s="724"/>
      <c r="L2920" s="792">
        <v>43132</v>
      </c>
      <c r="M2920" s="417">
        <v>43497</v>
      </c>
      <c r="N2920" s="418" t="str">
        <f t="shared" si="90"/>
        <v/>
      </c>
    </row>
    <row r="2921" spans="1:14" ht="15.75">
      <c r="A2921" s="410"/>
      <c r="B2921" s="411">
        <f t="shared" si="91"/>
        <v>153</v>
      </c>
      <c r="C2921" s="744" t="s">
        <v>14055</v>
      </c>
      <c r="D2921" s="745" t="s">
        <v>13728</v>
      </c>
      <c r="E2921" s="746" t="s">
        <v>595</v>
      </c>
      <c r="F2921" s="445" t="s">
        <v>600</v>
      </c>
      <c r="G2921" s="746"/>
      <c r="H2921" s="793"/>
      <c r="I2921" s="793"/>
      <c r="J2921" s="745" t="s">
        <v>14054</v>
      </c>
      <c r="K2921" s="793"/>
      <c r="L2921" s="794">
        <v>43132</v>
      </c>
      <c r="M2921" s="417">
        <v>43497</v>
      </c>
      <c r="N2921" s="418" t="str">
        <f t="shared" si="90"/>
        <v/>
      </c>
    </row>
    <row r="2922" spans="1:14" ht="141.75">
      <c r="A2922" s="536">
        <v>154</v>
      </c>
      <c r="B2922" s="411">
        <f t="shared" si="91"/>
        <v>154</v>
      </c>
      <c r="C2922" s="424" t="s">
        <v>6059</v>
      </c>
      <c r="D2922" s="414"/>
      <c r="E2922" s="414" t="s">
        <v>643</v>
      </c>
      <c r="F2922" s="414" t="s">
        <v>600</v>
      </c>
      <c r="G2922" s="414" t="s">
        <v>14056</v>
      </c>
      <c r="H2922" s="415"/>
      <c r="I2922" s="415"/>
      <c r="J2922" s="414" t="s">
        <v>6060</v>
      </c>
      <c r="K2922" s="414"/>
      <c r="L2922" s="417">
        <v>38362</v>
      </c>
      <c r="M2922" s="417">
        <v>43132</v>
      </c>
      <c r="N2922" s="418" t="str">
        <f t="shared" si="90"/>
        <v/>
      </c>
    </row>
    <row r="2923" spans="1:14" ht="31.5">
      <c r="A2923" s="574"/>
      <c r="B2923" s="411">
        <f t="shared" si="91"/>
        <v>154</v>
      </c>
      <c r="C2923" s="575" t="s">
        <v>6061</v>
      </c>
      <c r="D2923" s="442" t="s">
        <v>6062</v>
      </c>
      <c r="E2923" s="445" t="s">
        <v>643</v>
      </c>
      <c r="F2923" s="442" t="s">
        <v>600</v>
      </c>
      <c r="G2923" s="442" t="s">
        <v>6063</v>
      </c>
      <c r="H2923" s="415"/>
      <c r="I2923" s="648"/>
      <c r="J2923" s="577"/>
      <c r="K2923" s="442"/>
      <c r="L2923" s="477">
        <v>39479</v>
      </c>
      <c r="M2923" s="477"/>
      <c r="N2923" s="418" t="str">
        <f t="shared" si="90"/>
        <v/>
      </c>
    </row>
    <row r="2924" spans="1:14" ht="15.75">
      <c r="A2924" s="538"/>
      <c r="B2924" s="411">
        <f t="shared" si="91"/>
        <v>154</v>
      </c>
      <c r="C2924" s="498" t="s">
        <v>6064</v>
      </c>
      <c r="D2924" s="449" t="s">
        <v>6065</v>
      </c>
      <c r="E2924" s="452" t="s">
        <v>643</v>
      </c>
      <c r="F2924" s="449" t="s">
        <v>600</v>
      </c>
      <c r="G2924" s="449"/>
      <c r="H2924" s="415"/>
      <c r="I2924" s="481"/>
      <c r="J2924" s="144"/>
      <c r="K2924" s="449"/>
      <c r="L2924" s="469">
        <v>39479</v>
      </c>
      <c r="M2924" s="469"/>
      <c r="N2924" s="418" t="str">
        <f t="shared" si="90"/>
        <v/>
      </c>
    </row>
    <row r="2925" spans="1:14" ht="31.5">
      <c r="A2925" s="538"/>
      <c r="B2925" s="411">
        <f t="shared" si="91"/>
        <v>154</v>
      </c>
      <c r="C2925" s="630" t="s">
        <v>6066</v>
      </c>
      <c r="D2925" s="449" t="s">
        <v>6067</v>
      </c>
      <c r="E2925" s="452" t="s">
        <v>643</v>
      </c>
      <c r="F2925" s="449" t="s">
        <v>600</v>
      </c>
      <c r="G2925" s="449" t="s">
        <v>6063</v>
      </c>
      <c r="H2925" s="415"/>
      <c r="I2925" s="481"/>
      <c r="J2925" s="144"/>
      <c r="K2925" s="449"/>
      <c r="L2925" s="469">
        <v>40575</v>
      </c>
      <c r="M2925" s="469">
        <v>40575</v>
      </c>
      <c r="N2925" s="418" t="str">
        <f t="shared" si="90"/>
        <v/>
      </c>
    </row>
    <row r="2926" spans="1:14" ht="42.75">
      <c r="A2926" s="538"/>
      <c r="B2926" s="411">
        <f t="shared" si="91"/>
        <v>154</v>
      </c>
      <c r="C2926" s="795" t="s">
        <v>6068</v>
      </c>
      <c r="D2926" s="449" t="s">
        <v>6069</v>
      </c>
      <c r="E2926" s="452" t="s">
        <v>643</v>
      </c>
      <c r="F2926" s="449" t="s">
        <v>600</v>
      </c>
      <c r="G2926" s="449"/>
      <c r="H2926" s="415"/>
      <c r="I2926" s="481"/>
      <c r="J2926" s="144"/>
      <c r="K2926" s="517"/>
      <c r="L2926" s="455">
        <v>38362</v>
      </c>
      <c r="M2926" s="455"/>
      <c r="N2926" s="418" t="str">
        <f t="shared" si="90"/>
        <v/>
      </c>
    </row>
    <row r="2927" spans="1:14" ht="28.5">
      <c r="A2927" s="538"/>
      <c r="B2927" s="411">
        <f t="shared" si="91"/>
        <v>154</v>
      </c>
      <c r="C2927" s="498" t="s">
        <v>6070</v>
      </c>
      <c r="D2927" s="449" t="s">
        <v>6071</v>
      </c>
      <c r="E2927" s="452" t="s">
        <v>643</v>
      </c>
      <c r="F2927" s="449" t="s">
        <v>600</v>
      </c>
      <c r="G2927" s="479"/>
      <c r="H2927" s="415"/>
      <c r="I2927" s="451"/>
      <c r="J2927" s="452"/>
      <c r="K2927" s="449"/>
      <c r="L2927" s="469">
        <v>38362</v>
      </c>
      <c r="M2927" s="455"/>
      <c r="N2927" s="418" t="str">
        <f t="shared" si="90"/>
        <v/>
      </c>
    </row>
    <row r="2928" spans="1:14" ht="31.5">
      <c r="A2928" s="538"/>
      <c r="B2928" s="411">
        <f t="shared" si="91"/>
        <v>154</v>
      </c>
      <c r="C2928" s="498" t="s">
        <v>6072</v>
      </c>
      <c r="D2928" s="449" t="s">
        <v>6073</v>
      </c>
      <c r="E2928" s="452" t="s">
        <v>643</v>
      </c>
      <c r="F2928" s="480" t="s">
        <v>600</v>
      </c>
      <c r="G2928" s="450" t="s">
        <v>6063</v>
      </c>
      <c r="H2928" s="509"/>
      <c r="I2928" s="451"/>
      <c r="J2928" s="452"/>
      <c r="K2928" s="449"/>
      <c r="L2928" s="469">
        <v>39479</v>
      </c>
      <c r="M2928" s="469"/>
      <c r="N2928" s="418" t="str">
        <f t="shared" si="90"/>
        <v/>
      </c>
    </row>
    <row r="2929" spans="1:14" ht="31.5">
      <c r="A2929" s="538"/>
      <c r="B2929" s="411">
        <f t="shared" si="91"/>
        <v>154</v>
      </c>
      <c r="C2929" s="498" t="s">
        <v>6074</v>
      </c>
      <c r="D2929" s="449" t="s">
        <v>6075</v>
      </c>
      <c r="E2929" s="452" t="s">
        <v>643</v>
      </c>
      <c r="F2929" s="480" t="s">
        <v>600</v>
      </c>
      <c r="G2929" s="450" t="s">
        <v>6063</v>
      </c>
      <c r="H2929" s="509"/>
      <c r="I2929" s="451"/>
      <c r="J2929" s="452"/>
      <c r="K2929" s="449"/>
      <c r="L2929" s="469">
        <v>39479</v>
      </c>
      <c r="M2929" s="469"/>
      <c r="N2929" s="418" t="str">
        <f t="shared" si="90"/>
        <v/>
      </c>
    </row>
    <row r="2930" spans="1:14" ht="31.5">
      <c r="A2930" s="538"/>
      <c r="B2930" s="411">
        <f t="shared" si="91"/>
        <v>154</v>
      </c>
      <c r="C2930" s="498" t="s">
        <v>6076</v>
      </c>
      <c r="D2930" s="449" t="s">
        <v>6077</v>
      </c>
      <c r="E2930" s="452" t="s">
        <v>643</v>
      </c>
      <c r="F2930" s="480" t="s">
        <v>600</v>
      </c>
      <c r="G2930" s="450" t="s">
        <v>6063</v>
      </c>
      <c r="H2930" s="509"/>
      <c r="I2930" s="451"/>
      <c r="J2930" s="452"/>
      <c r="K2930" s="449"/>
      <c r="L2930" s="469">
        <v>39479</v>
      </c>
      <c r="M2930" s="469"/>
      <c r="N2930" s="418" t="str">
        <f t="shared" si="90"/>
        <v/>
      </c>
    </row>
    <row r="2931" spans="1:14" ht="31.5">
      <c r="A2931" s="410"/>
      <c r="B2931" s="411">
        <f t="shared" si="91"/>
        <v>154</v>
      </c>
      <c r="C2931" s="631" t="s">
        <v>6078</v>
      </c>
      <c r="D2931" s="458" t="s">
        <v>6079</v>
      </c>
      <c r="E2931" s="458" t="s">
        <v>643</v>
      </c>
      <c r="F2931" s="458" t="s">
        <v>600</v>
      </c>
      <c r="G2931" s="459" t="s">
        <v>6063</v>
      </c>
      <c r="H2931" s="415"/>
      <c r="I2931" s="460"/>
      <c r="J2931" s="461"/>
      <c r="K2931" s="459"/>
      <c r="L2931" s="423">
        <v>39479</v>
      </c>
      <c r="M2931" s="423"/>
      <c r="N2931" s="418" t="str">
        <f t="shared" si="90"/>
        <v/>
      </c>
    </row>
    <row r="2932" spans="1:14" ht="78.75">
      <c r="A2932" s="410">
        <v>155</v>
      </c>
      <c r="B2932" s="411">
        <f t="shared" si="91"/>
        <v>155</v>
      </c>
      <c r="C2932" s="796" t="s">
        <v>6080</v>
      </c>
      <c r="D2932" s="461"/>
      <c r="E2932" s="458" t="s">
        <v>595</v>
      </c>
      <c r="F2932" s="458" t="s">
        <v>600</v>
      </c>
      <c r="G2932" s="559" t="s">
        <v>6081</v>
      </c>
      <c r="H2932" s="415"/>
      <c r="I2932" s="415"/>
      <c r="J2932" s="414"/>
      <c r="K2932" s="474"/>
      <c r="L2932" s="417">
        <v>42767</v>
      </c>
      <c r="M2932" s="417"/>
      <c r="N2932" s="418" t="str">
        <f t="shared" si="90"/>
        <v/>
      </c>
    </row>
    <row r="2933" spans="1:14" ht="28.5">
      <c r="A2933" s="410"/>
      <c r="B2933" s="411">
        <f t="shared" si="91"/>
        <v>155</v>
      </c>
      <c r="C2933" s="633" t="s">
        <v>6082</v>
      </c>
      <c r="D2933" s="461" t="s">
        <v>6083</v>
      </c>
      <c r="E2933" s="458" t="s">
        <v>595</v>
      </c>
      <c r="F2933" s="526" t="s">
        <v>600</v>
      </c>
      <c r="G2933" s="476"/>
      <c r="H2933" s="797"/>
      <c r="I2933" s="797"/>
      <c r="J2933" s="576"/>
      <c r="K2933" s="443"/>
      <c r="L2933" s="417">
        <v>42767</v>
      </c>
      <c r="M2933" s="417"/>
      <c r="N2933" s="418" t="str">
        <f t="shared" si="90"/>
        <v/>
      </c>
    </row>
    <row r="2934" spans="1:14" ht="28.5">
      <c r="A2934" s="410"/>
      <c r="B2934" s="411">
        <f t="shared" si="91"/>
        <v>155</v>
      </c>
      <c r="C2934" s="440" t="s">
        <v>6084</v>
      </c>
      <c r="D2934" s="461" t="s">
        <v>6085</v>
      </c>
      <c r="E2934" s="458" t="s">
        <v>595</v>
      </c>
      <c r="F2934" s="526" t="s">
        <v>600</v>
      </c>
      <c r="G2934" s="479"/>
      <c r="H2934" s="798"/>
      <c r="I2934" s="798"/>
      <c r="J2934" s="480"/>
      <c r="K2934" s="450"/>
      <c r="L2934" s="417">
        <v>42767</v>
      </c>
      <c r="M2934" s="417"/>
      <c r="N2934" s="418" t="str">
        <f t="shared" si="90"/>
        <v/>
      </c>
    </row>
    <row r="2935" spans="1:14" ht="15.75">
      <c r="A2935" s="410"/>
      <c r="B2935" s="411">
        <f t="shared" si="91"/>
        <v>155</v>
      </c>
      <c r="C2935" s="456" t="s">
        <v>6086</v>
      </c>
      <c r="D2935" s="461" t="s">
        <v>6087</v>
      </c>
      <c r="E2935" s="458" t="s">
        <v>595</v>
      </c>
      <c r="F2935" s="526" t="s">
        <v>600</v>
      </c>
      <c r="G2935" s="676"/>
      <c r="H2935" s="799"/>
      <c r="I2935" s="799"/>
      <c r="J2935" s="526"/>
      <c r="K2935" s="459"/>
      <c r="L2935" s="417">
        <v>42767</v>
      </c>
      <c r="M2935" s="417"/>
      <c r="N2935" s="418" t="str">
        <f t="shared" si="90"/>
        <v/>
      </c>
    </row>
    <row r="2936" spans="1:14" ht="157.5">
      <c r="A2936" s="543">
        <v>156</v>
      </c>
      <c r="B2936" s="484">
        <f t="shared" si="91"/>
        <v>156</v>
      </c>
      <c r="C2936" s="606" t="s">
        <v>6088</v>
      </c>
      <c r="D2936" s="487"/>
      <c r="E2936" s="430" t="s">
        <v>643</v>
      </c>
      <c r="F2936" s="547" t="s">
        <v>600</v>
      </c>
      <c r="G2936" s="800" t="s">
        <v>34165</v>
      </c>
      <c r="H2936" s="505"/>
      <c r="I2936" s="505"/>
      <c r="J2936" s="504" t="s">
        <v>6089</v>
      </c>
      <c r="K2936" s="504" t="s">
        <v>34166</v>
      </c>
      <c r="L2936" s="434">
        <v>39479</v>
      </c>
      <c r="M2936" s="434">
        <v>44228</v>
      </c>
      <c r="N2936" s="418" t="str">
        <f t="shared" si="90"/>
        <v/>
      </c>
    </row>
    <row r="2937" spans="1:14" ht="31.5">
      <c r="A2937" s="563"/>
      <c r="B2937" s="484">
        <f t="shared" si="91"/>
        <v>156</v>
      </c>
      <c r="C2937" s="470" t="s">
        <v>6090</v>
      </c>
      <c r="D2937" s="430" t="s">
        <v>159</v>
      </c>
      <c r="E2937" s="801" t="s">
        <v>643</v>
      </c>
      <c r="F2937" s="684" t="s">
        <v>600</v>
      </c>
      <c r="G2937" s="430" t="s">
        <v>34167</v>
      </c>
      <c r="H2937" s="802">
        <v>44099</v>
      </c>
      <c r="I2937" s="803"/>
      <c r="J2937" s="430"/>
      <c r="K2937" s="430" t="s">
        <v>34168</v>
      </c>
      <c r="L2937" s="569">
        <v>39479</v>
      </c>
      <c r="M2937" s="434">
        <v>44228</v>
      </c>
      <c r="N2937" s="418" t="str">
        <f t="shared" si="90"/>
        <v/>
      </c>
    </row>
    <row r="2938" spans="1:14" ht="57">
      <c r="A2938" s="563"/>
      <c r="B2938" s="484">
        <f t="shared" si="91"/>
        <v>156</v>
      </c>
      <c r="C2938" s="470" t="s">
        <v>14057</v>
      </c>
      <c r="D2938" s="430" t="s">
        <v>14058</v>
      </c>
      <c r="E2938" s="565" t="s">
        <v>643</v>
      </c>
      <c r="F2938" s="684" t="s">
        <v>600</v>
      </c>
      <c r="G2938" s="804"/>
      <c r="H2938" s="805"/>
      <c r="I2938" s="803"/>
      <c r="J2938" s="493"/>
      <c r="K2938" s="494"/>
      <c r="L2938" s="806">
        <v>43132</v>
      </c>
      <c r="M2938" s="434">
        <v>44228</v>
      </c>
      <c r="N2938" s="418" t="str">
        <f t="shared" si="90"/>
        <v/>
      </c>
    </row>
    <row r="2939" spans="1:14" ht="15.75">
      <c r="A2939" s="563"/>
      <c r="B2939" s="484">
        <f t="shared" si="91"/>
        <v>156</v>
      </c>
      <c r="C2939" s="470" t="s">
        <v>6091</v>
      </c>
      <c r="D2939" s="430" t="s">
        <v>6092</v>
      </c>
      <c r="E2939" s="801" t="s">
        <v>643</v>
      </c>
      <c r="F2939" s="684" t="s">
        <v>600</v>
      </c>
      <c r="G2939" s="804"/>
      <c r="H2939" s="805"/>
      <c r="I2939" s="803"/>
      <c r="J2939" s="494"/>
      <c r="K2939" s="494"/>
      <c r="L2939" s="806">
        <v>42401</v>
      </c>
      <c r="M2939" s="434">
        <v>44228</v>
      </c>
      <c r="N2939" s="418" t="str">
        <f t="shared" si="90"/>
        <v/>
      </c>
    </row>
    <row r="2940" spans="1:14" ht="15.75">
      <c r="A2940" s="563"/>
      <c r="B2940" s="484">
        <f t="shared" si="91"/>
        <v>156</v>
      </c>
      <c r="C2940" s="470" t="s">
        <v>6093</v>
      </c>
      <c r="D2940" s="430" t="s">
        <v>6094</v>
      </c>
      <c r="E2940" s="801" t="s">
        <v>643</v>
      </c>
      <c r="F2940" s="684" t="s">
        <v>600</v>
      </c>
      <c r="G2940" s="804"/>
      <c r="H2940" s="805"/>
      <c r="I2940" s="803"/>
      <c r="J2940" s="494"/>
      <c r="K2940" s="494"/>
      <c r="L2940" s="806">
        <v>42401</v>
      </c>
      <c r="M2940" s="434">
        <v>44228</v>
      </c>
      <c r="N2940" s="418" t="str">
        <f t="shared" si="90"/>
        <v/>
      </c>
    </row>
    <row r="2941" spans="1:14" ht="31.5">
      <c r="A2941" s="563"/>
      <c r="B2941" s="484">
        <f t="shared" si="91"/>
        <v>156</v>
      </c>
      <c r="C2941" s="470" t="s">
        <v>6095</v>
      </c>
      <c r="D2941" s="430" t="s">
        <v>6096</v>
      </c>
      <c r="E2941" s="801" t="s">
        <v>643</v>
      </c>
      <c r="F2941" s="684" t="s">
        <v>600</v>
      </c>
      <c r="G2941" s="430" t="s">
        <v>34167</v>
      </c>
      <c r="H2941" s="802">
        <v>44099</v>
      </c>
      <c r="I2941" s="803"/>
      <c r="J2941" s="430"/>
      <c r="K2941" s="430" t="s">
        <v>34168</v>
      </c>
      <c r="L2941" s="806">
        <v>42401</v>
      </c>
      <c r="M2941" s="434">
        <v>44228</v>
      </c>
      <c r="N2941" s="418" t="str">
        <f t="shared" si="90"/>
        <v/>
      </c>
    </row>
    <row r="2942" spans="1:14" ht="15.75">
      <c r="A2942" s="563"/>
      <c r="B2942" s="484">
        <f t="shared" si="91"/>
        <v>156</v>
      </c>
      <c r="C2942" s="470" t="s">
        <v>14059</v>
      </c>
      <c r="D2942" s="430" t="s">
        <v>14060</v>
      </c>
      <c r="E2942" s="565" t="s">
        <v>643</v>
      </c>
      <c r="F2942" s="684" t="s">
        <v>600</v>
      </c>
      <c r="G2942" s="804"/>
      <c r="H2942" s="805"/>
      <c r="I2942" s="803"/>
      <c r="J2942" s="494"/>
      <c r="K2942" s="494"/>
      <c r="L2942" s="806">
        <v>43132</v>
      </c>
      <c r="M2942" s="434">
        <v>44228</v>
      </c>
      <c r="N2942" s="418" t="str">
        <f t="shared" si="90"/>
        <v/>
      </c>
    </row>
    <row r="2943" spans="1:14" ht="71.25">
      <c r="A2943" s="563"/>
      <c r="B2943" s="484">
        <f t="shared" si="91"/>
        <v>156</v>
      </c>
      <c r="C2943" s="470" t="s">
        <v>14061</v>
      </c>
      <c r="D2943" s="430" t="s">
        <v>14062</v>
      </c>
      <c r="E2943" s="565" t="s">
        <v>643</v>
      </c>
      <c r="F2943" s="684" t="s">
        <v>600</v>
      </c>
      <c r="G2943" s="804"/>
      <c r="H2943" s="805"/>
      <c r="I2943" s="803"/>
      <c r="J2943" s="494"/>
      <c r="K2943" s="494"/>
      <c r="L2943" s="806">
        <v>43132</v>
      </c>
      <c r="M2943" s="434">
        <v>44228</v>
      </c>
      <c r="N2943" s="418" t="str">
        <f t="shared" si="90"/>
        <v/>
      </c>
    </row>
    <row r="2944" spans="1:14" ht="31.5">
      <c r="A2944" s="563"/>
      <c r="B2944" s="484">
        <f t="shared" si="91"/>
        <v>156</v>
      </c>
      <c r="C2944" s="470" t="s">
        <v>6097</v>
      </c>
      <c r="D2944" s="430" t="s">
        <v>6098</v>
      </c>
      <c r="E2944" s="801" t="s">
        <v>643</v>
      </c>
      <c r="F2944" s="684" t="s">
        <v>600</v>
      </c>
      <c r="G2944" s="430" t="s">
        <v>34167</v>
      </c>
      <c r="H2944" s="802">
        <v>44099</v>
      </c>
      <c r="I2944" s="803"/>
      <c r="J2944" s="430"/>
      <c r="K2944" s="430" t="s">
        <v>34168</v>
      </c>
      <c r="L2944" s="569">
        <v>39479</v>
      </c>
      <c r="M2944" s="434">
        <v>44228</v>
      </c>
      <c r="N2944" s="418" t="str">
        <f t="shared" si="90"/>
        <v/>
      </c>
    </row>
    <row r="2945" spans="1:14" ht="42.75">
      <c r="A2945" s="563"/>
      <c r="B2945" s="484">
        <f t="shared" si="91"/>
        <v>156</v>
      </c>
      <c r="C2945" s="470" t="s">
        <v>14063</v>
      </c>
      <c r="D2945" s="430" t="s">
        <v>14064</v>
      </c>
      <c r="E2945" s="565" t="s">
        <v>643</v>
      </c>
      <c r="F2945" s="684" t="s">
        <v>600</v>
      </c>
      <c r="G2945" s="804"/>
      <c r="H2945" s="805"/>
      <c r="I2945" s="803"/>
      <c r="J2945" s="494"/>
      <c r="K2945" s="494"/>
      <c r="L2945" s="806">
        <v>43132</v>
      </c>
      <c r="M2945" s="434">
        <v>44228</v>
      </c>
      <c r="N2945" s="418" t="str">
        <f t="shared" si="90"/>
        <v/>
      </c>
    </row>
    <row r="2946" spans="1:14" ht="57">
      <c r="A2946" s="563"/>
      <c r="B2946" s="484">
        <f t="shared" si="91"/>
        <v>156</v>
      </c>
      <c r="C2946" s="470" t="s">
        <v>14065</v>
      </c>
      <c r="D2946" s="430" t="s">
        <v>14066</v>
      </c>
      <c r="E2946" s="565" t="s">
        <v>643</v>
      </c>
      <c r="F2946" s="684" t="s">
        <v>600</v>
      </c>
      <c r="G2946" s="804"/>
      <c r="H2946" s="805"/>
      <c r="I2946" s="803"/>
      <c r="J2946" s="494"/>
      <c r="K2946" s="494"/>
      <c r="L2946" s="806">
        <v>43132</v>
      </c>
      <c r="M2946" s="434">
        <v>44228</v>
      </c>
      <c r="N2946" s="418" t="str">
        <f t="shared" si="90"/>
        <v/>
      </c>
    </row>
    <row r="2947" spans="1:14" ht="71.25">
      <c r="A2947" s="563"/>
      <c r="B2947" s="484">
        <f t="shared" si="91"/>
        <v>156</v>
      </c>
      <c r="C2947" s="470" t="s">
        <v>14067</v>
      </c>
      <c r="D2947" s="430" t="s">
        <v>14068</v>
      </c>
      <c r="E2947" s="565" t="s">
        <v>643</v>
      </c>
      <c r="F2947" s="684" t="s">
        <v>600</v>
      </c>
      <c r="G2947" s="804"/>
      <c r="H2947" s="805"/>
      <c r="I2947" s="803"/>
      <c r="J2947" s="494"/>
      <c r="K2947" s="494"/>
      <c r="L2947" s="806">
        <v>43132</v>
      </c>
      <c r="M2947" s="434">
        <v>44228</v>
      </c>
      <c r="N2947" s="418" t="str">
        <f t="shared" si="90"/>
        <v/>
      </c>
    </row>
    <row r="2948" spans="1:14" ht="31.5">
      <c r="A2948" s="563"/>
      <c r="B2948" s="484">
        <f t="shared" si="91"/>
        <v>156</v>
      </c>
      <c r="C2948" s="470" t="s">
        <v>6099</v>
      </c>
      <c r="D2948" s="430" t="s">
        <v>6100</v>
      </c>
      <c r="E2948" s="801" t="s">
        <v>643</v>
      </c>
      <c r="F2948" s="684" t="s">
        <v>600</v>
      </c>
      <c r="G2948" s="430" t="s">
        <v>34167</v>
      </c>
      <c r="H2948" s="802">
        <v>44099</v>
      </c>
      <c r="I2948" s="803"/>
      <c r="J2948" s="430"/>
      <c r="K2948" s="430" t="s">
        <v>34168</v>
      </c>
      <c r="L2948" s="569">
        <v>39479</v>
      </c>
      <c r="M2948" s="434">
        <v>44228</v>
      </c>
      <c r="N2948" s="418" t="str">
        <f t="shared" si="90"/>
        <v/>
      </c>
    </row>
    <row r="2949" spans="1:14" ht="31.5">
      <c r="A2949" s="563"/>
      <c r="B2949" s="484">
        <f t="shared" si="91"/>
        <v>156</v>
      </c>
      <c r="C2949" s="470" t="s">
        <v>6101</v>
      </c>
      <c r="D2949" s="430" t="s">
        <v>6102</v>
      </c>
      <c r="E2949" s="801" t="s">
        <v>643</v>
      </c>
      <c r="F2949" s="684" t="s">
        <v>600</v>
      </c>
      <c r="G2949" s="430" t="s">
        <v>34167</v>
      </c>
      <c r="H2949" s="802">
        <v>44099</v>
      </c>
      <c r="I2949" s="803"/>
      <c r="J2949" s="430"/>
      <c r="K2949" s="430" t="s">
        <v>34168</v>
      </c>
      <c r="L2949" s="569">
        <v>39479</v>
      </c>
      <c r="M2949" s="434">
        <v>44228</v>
      </c>
      <c r="N2949" s="418" t="str">
        <f t="shared" si="90"/>
        <v/>
      </c>
    </row>
    <row r="2950" spans="1:14" ht="71.25">
      <c r="A2950" s="563"/>
      <c r="B2950" s="484">
        <f t="shared" si="91"/>
        <v>156</v>
      </c>
      <c r="C2950" s="470" t="s">
        <v>14069</v>
      </c>
      <c r="D2950" s="430" t="s">
        <v>14070</v>
      </c>
      <c r="E2950" s="565" t="s">
        <v>643</v>
      </c>
      <c r="F2950" s="684" t="s">
        <v>600</v>
      </c>
      <c r="G2950" s="804"/>
      <c r="H2950" s="805"/>
      <c r="I2950" s="803"/>
      <c r="J2950" s="494"/>
      <c r="K2950" s="494"/>
      <c r="L2950" s="806">
        <v>43132</v>
      </c>
      <c r="M2950" s="434">
        <v>44228</v>
      </c>
      <c r="N2950" s="418" t="str">
        <f t="shared" si="90"/>
        <v/>
      </c>
    </row>
    <row r="2951" spans="1:14" ht="31.5">
      <c r="A2951" s="563"/>
      <c r="B2951" s="484">
        <f t="shared" si="91"/>
        <v>156</v>
      </c>
      <c r="C2951" s="470" t="s">
        <v>6103</v>
      </c>
      <c r="D2951" s="430" t="s">
        <v>171</v>
      </c>
      <c r="E2951" s="801" t="s">
        <v>643</v>
      </c>
      <c r="F2951" s="684" t="s">
        <v>600</v>
      </c>
      <c r="G2951" s="430" t="s">
        <v>34167</v>
      </c>
      <c r="H2951" s="802">
        <v>44099</v>
      </c>
      <c r="I2951" s="803"/>
      <c r="J2951" s="430"/>
      <c r="K2951" s="430" t="s">
        <v>34168</v>
      </c>
      <c r="L2951" s="569">
        <v>39479</v>
      </c>
      <c r="M2951" s="434">
        <v>44228</v>
      </c>
      <c r="N2951" s="418" t="str">
        <f t="shared" si="90"/>
        <v/>
      </c>
    </row>
    <row r="2952" spans="1:14" ht="15.75">
      <c r="A2952" s="807"/>
      <c r="B2952" s="484">
        <f t="shared" si="91"/>
        <v>156</v>
      </c>
      <c r="C2952" s="808" t="s">
        <v>26656</v>
      </c>
      <c r="D2952" s="547" t="s">
        <v>26657</v>
      </c>
      <c r="E2952" s="565" t="s">
        <v>643</v>
      </c>
      <c r="F2952" s="566" t="s">
        <v>600</v>
      </c>
      <c r="G2952" s="809"/>
      <c r="H2952" s="810"/>
      <c r="I2952" s="803"/>
      <c r="J2952" s="566"/>
      <c r="K2952" s="811"/>
      <c r="L2952" s="434">
        <v>43497</v>
      </c>
      <c r="M2952" s="434">
        <v>44228</v>
      </c>
      <c r="N2952" s="418" t="str">
        <f t="shared" si="90"/>
        <v/>
      </c>
    </row>
    <row r="2953" spans="1:14" ht="15.75">
      <c r="A2953" s="563"/>
      <c r="B2953" s="484">
        <f t="shared" si="91"/>
        <v>156</v>
      </c>
      <c r="C2953" s="812" t="s">
        <v>26658</v>
      </c>
      <c r="D2953" s="547"/>
      <c r="E2953" s="565" t="s">
        <v>643</v>
      </c>
      <c r="F2953" s="566" t="s">
        <v>600</v>
      </c>
      <c r="G2953" s="430"/>
      <c r="H2953" s="432"/>
      <c r="I2953" s="531"/>
      <c r="J2953" s="566"/>
      <c r="K2953" s="811"/>
      <c r="L2953" s="434">
        <v>43497</v>
      </c>
      <c r="M2953" s="434">
        <v>44228</v>
      </c>
      <c r="N2953" s="418" t="str">
        <f t="shared" si="90"/>
        <v/>
      </c>
    </row>
    <row r="2954" spans="1:14" ht="15.75">
      <c r="A2954" s="563"/>
      <c r="B2954" s="484">
        <f t="shared" si="91"/>
        <v>156</v>
      </c>
      <c r="C2954" s="808" t="s">
        <v>26659</v>
      </c>
      <c r="D2954" s="547" t="s">
        <v>26660</v>
      </c>
      <c r="E2954" s="565" t="s">
        <v>643</v>
      </c>
      <c r="F2954" s="566" t="s">
        <v>600</v>
      </c>
      <c r="G2954" s="809"/>
      <c r="H2954" s="810"/>
      <c r="I2954" s="803"/>
      <c r="J2954" s="566"/>
      <c r="K2954" s="811"/>
      <c r="L2954" s="434">
        <v>43497</v>
      </c>
      <c r="M2954" s="434">
        <v>44228</v>
      </c>
      <c r="N2954" s="418" t="str">
        <f t="shared" ref="N2954:N3017" si="92">IF(D2954="NA","",IF(COUNTIF($D$2:$D$5552,D2954)&gt;1,"DUPLICATE",""))</f>
        <v/>
      </c>
    </row>
    <row r="2955" spans="1:14" ht="28.5">
      <c r="A2955" s="563"/>
      <c r="B2955" s="484">
        <f t="shared" si="91"/>
        <v>156</v>
      </c>
      <c r="C2955" s="470" t="s">
        <v>26661</v>
      </c>
      <c r="D2955" s="547" t="s">
        <v>26662</v>
      </c>
      <c r="E2955" s="565" t="s">
        <v>643</v>
      </c>
      <c r="F2955" s="566" t="s">
        <v>600</v>
      </c>
      <c r="G2955" s="809"/>
      <c r="H2955" s="810"/>
      <c r="I2955" s="803"/>
      <c r="J2955" s="566"/>
      <c r="K2955" s="811"/>
      <c r="L2955" s="434">
        <v>43497</v>
      </c>
      <c r="M2955" s="434">
        <v>44228</v>
      </c>
      <c r="N2955" s="418" t="str">
        <f t="shared" si="92"/>
        <v/>
      </c>
    </row>
    <row r="2956" spans="1:14" ht="28.5">
      <c r="A2956" s="563"/>
      <c r="B2956" s="484">
        <f t="shared" si="91"/>
        <v>156</v>
      </c>
      <c r="C2956" s="470" t="s">
        <v>26663</v>
      </c>
      <c r="D2956" s="547" t="s">
        <v>26664</v>
      </c>
      <c r="E2956" s="565" t="s">
        <v>643</v>
      </c>
      <c r="F2956" s="566" t="s">
        <v>600</v>
      </c>
      <c r="G2956" s="809"/>
      <c r="H2956" s="810"/>
      <c r="I2956" s="803"/>
      <c r="J2956" s="566"/>
      <c r="K2956" s="811"/>
      <c r="L2956" s="434">
        <v>43497</v>
      </c>
      <c r="M2956" s="434">
        <v>44228</v>
      </c>
      <c r="N2956" s="418" t="str">
        <f t="shared" si="92"/>
        <v/>
      </c>
    </row>
    <row r="2957" spans="1:14" ht="28.5">
      <c r="A2957" s="563"/>
      <c r="B2957" s="484">
        <f t="shared" si="91"/>
        <v>156</v>
      </c>
      <c r="C2957" s="470" t="s">
        <v>26665</v>
      </c>
      <c r="D2957" s="547" t="s">
        <v>26666</v>
      </c>
      <c r="E2957" s="565" t="s">
        <v>643</v>
      </c>
      <c r="F2957" s="566" t="s">
        <v>600</v>
      </c>
      <c r="G2957" s="809"/>
      <c r="H2957" s="810"/>
      <c r="I2957" s="803"/>
      <c r="J2957" s="566"/>
      <c r="K2957" s="811"/>
      <c r="L2957" s="434">
        <v>43497</v>
      </c>
      <c r="M2957" s="434">
        <v>44228</v>
      </c>
      <c r="N2957" s="418" t="str">
        <f t="shared" si="92"/>
        <v/>
      </c>
    </row>
    <row r="2958" spans="1:14" ht="28.5">
      <c r="A2958" s="563"/>
      <c r="B2958" s="484">
        <f t="shared" si="91"/>
        <v>156</v>
      </c>
      <c r="C2958" s="470" t="s">
        <v>26667</v>
      </c>
      <c r="D2958" s="547" t="s">
        <v>26668</v>
      </c>
      <c r="E2958" s="565" t="s">
        <v>643</v>
      </c>
      <c r="F2958" s="566" t="s">
        <v>600</v>
      </c>
      <c r="G2958" s="809"/>
      <c r="H2958" s="810"/>
      <c r="I2958" s="803"/>
      <c r="J2958" s="566"/>
      <c r="K2958" s="811"/>
      <c r="L2958" s="434">
        <v>43497</v>
      </c>
      <c r="M2958" s="434">
        <v>44228</v>
      </c>
      <c r="N2958" s="418" t="str">
        <f t="shared" si="92"/>
        <v/>
      </c>
    </row>
    <row r="2959" spans="1:14" ht="28.5">
      <c r="A2959" s="563"/>
      <c r="B2959" s="484">
        <f t="shared" si="91"/>
        <v>156</v>
      </c>
      <c r="C2959" s="470" t="s">
        <v>26669</v>
      </c>
      <c r="D2959" s="547" t="s">
        <v>26670</v>
      </c>
      <c r="E2959" s="565" t="s">
        <v>643</v>
      </c>
      <c r="F2959" s="566" t="s">
        <v>600</v>
      </c>
      <c r="G2959" s="809"/>
      <c r="H2959" s="810"/>
      <c r="I2959" s="803"/>
      <c r="J2959" s="566"/>
      <c r="K2959" s="811"/>
      <c r="L2959" s="434">
        <v>43497</v>
      </c>
      <c r="M2959" s="434">
        <v>44228</v>
      </c>
      <c r="N2959" s="418" t="str">
        <f t="shared" si="92"/>
        <v/>
      </c>
    </row>
    <row r="2960" spans="1:14" ht="28.5">
      <c r="A2960" s="563"/>
      <c r="B2960" s="484">
        <f t="shared" si="91"/>
        <v>156</v>
      </c>
      <c r="C2960" s="470" t="s">
        <v>26671</v>
      </c>
      <c r="D2960" s="547" t="s">
        <v>26672</v>
      </c>
      <c r="E2960" s="565" t="s">
        <v>643</v>
      </c>
      <c r="F2960" s="566" t="s">
        <v>600</v>
      </c>
      <c r="G2960" s="809"/>
      <c r="H2960" s="810"/>
      <c r="I2960" s="803"/>
      <c r="J2960" s="566"/>
      <c r="K2960" s="811"/>
      <c r="L2960" s="434">
        <v>43497</v>
      </c>
      <c r="M2960" s="434">
        <v>44228</v>
      </c>
      <c r="N2960" s="418" t="str">
        <f t="shared" si="92"/>
        <v/>
      </c>
    </row>
    <row r="2961" spans="1:14" ht="28.5">
      <c r="A2961" s="563"/>
      <c r="B2961" s="484">
        <f t="shared" si="91"/>
        <v>156</v>
      </c>
      <c r="C2961" s="470" t="s">
        <v>26673</v>
      </c>
      <c r="D2961" s="547" t="s">
        <v>26674</v>
      </c>
      <c r="E2961" s="565" t="s">
        <v>643</v>
      </c>
      <c r="F2961" s="566" t="s">
        <v>600</v>
      </c>
      <c r="G2961" s="809"/>
      <c r="H2961" s="810"/>
      <c r="I2961" s="803"/>
      <c r="J2961" s="566"/>
      <c r="K2961" s="811"/>
      <c r="L2961" s="434">
        <v>43497</v>
      </c>
      <c r="M2961" s="434">
        <v>44228</v>
      </c>
      <c r="N2961" s="418" t="str">
        <f t="shared" si="92"/>
        <v/>
      </c>
    </row>
    <row r="2962" spans="1:14" ht="28.5">
      <c r="A2962" s="563"/>
      <c r="B2962" s="484">
        <f t="shared" si="91"/>
        <v>156</v>
      </c>
      <c r="C2962" s="470" t="s">
        <v>26675</v>
      </c>
      <c r="D2962" s="547" t="s">
        <v>26676</v>
      </c>
      <c r="E2962" s="565" t="s">
        <v>643</v>
      </c>
      <c r="F2962" s="566" t="s">
        <v>600</v>
      </c>
      <c r="G2962" s="809"/>
      <c r="H2962" s="810"/>
      <c r="I2962" s="803"/>
      <c r="J2962" s="566"/>
      <c r="K2962" s="811"/>
      <c r="L2962" s="434">
        <v>43497</v>
      </c>
      <c r="M2962" s="434">
        <v>44228</v>
      </c>
      <c r="N2962" s="418" t="str">
        <f t="shared" si="92"/>
        <v/>
      </c>
    </row>
    <row r="2963" spans="1:14" ht="28.5">
      <c r="A2963" s="563"/>
      <c r="B2963" s="484">
        <f t="shared" si="91"/>
        <v>156</v>
      </c>
      <c r="C2963" s="470" t="s">
        <v>26677</v>
      </c>
      <c r="D2963" s="547" t="s">
        <v>26678</v>
      </c>
      <c r="E2963" s="565" t="s">
        <v>643</v>
      </c>
      <c r="F2963" s="566" t="s">
        <v>600</v>
      </c>
      <c r="G2963" s="809"/>
      <c r="H2963" s="810"/>
      <c r="I2963" s="803"/>
      <c r="J2963" s="566"/>
      <c r="K2963" s="811"/>
      <c r="L2963" s="434">
        <v>43497</v>
      </c>
      <c r="M2963" s="434">
        <v>44228</v>
      </c>
      <c r="N2963" s="418" t="str">
        <f t="shared" si="92"/>
        <v/>
      </c>
    </row>
    <row r="2964" spans="1:14" ht="28.5">
      <c r="A2964" s="563"/>
      <c r="B2964" s="484">
        <f t="shared" si="91"/>
        <v>156</v>
      </c>
      <c r="C2964" s="470" t="s">
        <v>26679</v>
      </c>
      <c r="D2964" s="547" t="s">
        <v>26680</v>
      </c>
      <c r="E2964" s="565" t="s">
        <v>643</v>
      </c>
      <c r="F2964" s="566" t="s">
        <v>600</v>
      </c>
      <c r="G2964" s="809"/>
      <c r="H2964" s="810"/>
      <c r="I2964" s="803"/>
      <c r="J2964" s="566"/>
      <c r="K2964" s="811"/>
      <c r="L2964" s="434">
        <v>43497</v>
      </c>
      <c r="M2964" s="434">
        <v>44228</v>
      </c>
      <c r="N2964" s="418" t="str">
        <f t="shared" si="92"/>
        <v/>
      </c>
    </row>
    <row r="2965" spans="1:14" ht="28.5">
      <c r="A2965" s="563"/>
      <c r="B2965" s="484">
        <f t="shared" si="91"/>
        <v>156</v>
      </c>
      <c r="C2965" s="470" t="s">
        <v>26681</v>
      </c>
      <c r="D2965" s="547" t="s">
        <v>26682</v>
      </c>
      <c r="E2965" s="565" t="s">
        <v>643</v>
      </c>
      <c r="F2965" s="566" t="s">
        <v>600</v>
      </c>
      <c r="G2965" s="809"/>
      <c r="H2965" s="810"/>
      <c r="I2965" s="803"/>
      <c r="J2965" s="566"/>
      <c r="K2965" s="811"/>
      <c r="L2965" s="434">
        <v>43497</v>
      </c>
      <c r="M2965" s="434">
        <v>44228</v>
      </c>
      <c r="N2965" s="418" t="str">
        <f t="shared" si="92"/>
        <v/>
      </c>
    </row>
    <row r="2966" spans="1:14" ht="28.5">
      <c r="A2966" s="563"/>
      <c r="B2966" s="484">
        <f t="shared" si="91"/>
        <v>156</v>
      </c>
      <c r="C2966" s="470" t="s">
        <v>26683</v>
      </c>
      <c r="D2966" s="547" t="s">
        <v>26684</v>
      </c>
      <c r="E2966" s="565" t="s">
        <v>643</v>
      </c>
      <c r="F2966" s="566" t="s">
        <v>600</v>
      </c>
      <c r="G2966" s="809"/>
      <c r="H2966" s="810"/>
      <c r="I2966" s="803"/>
      <c r="J2966" s="566"/>
      <c r="K2966" s="811"/>
      <c r="L2966" s="434">
        <v>43497</v>
      </c>
      <c r="M2966" s="434">
        <v>44228</v>
      </c>
      <c r="N2966" s="418" t="str">
        <f t="shared" si="92"/>
        <v/>
      </c>
    </row>
    <row r="2967" spans="1:14" ht="28.5">
      <c r="A2967" s="563"/>
      <c r="B2967" s="484">
        <f t="shared" si="91"/>
        <v>156</v>
      </c>
      <c r="C2967" s="470" t="s">
        <v>26685</v>
      </c>
      <c r="D2967" s="547" t="s">
        <v>26686</v>
      </c>
      <c r="E2967" s="565" t="s">
        <v>643</v>
      </c>
      <c r="F2967" s="566" t="s">
        <v>600</v>
      </c>
      <c r="G2967" s="809"/>
      <c r="H2967" s="810"/>
      <c r="I2967" s="803"/>
      <c r="J2967" s="566"/>
      <c r="K2967" s="811"/>
      <c r="L2967" s="434">
        <v>43497</v>
      </c>
      <c r="M2967" s="434">
        <v>44228</v>
      </c>
      <c r="N2967" s="418" t="str">
        <f t="shared" si="92"/>
        <v/>
      </c>
    </row>
    <row r="2968" spans="1:14" ht="28.5">
      <c r="A2968" s="563"/>
      <c r="B2968" s="484">
        <f t="shared" si="91"/>
        <v>156</v>
      </c>
      <c r="C2968" s="470" t="s">
        <v>26687</v>
      </c>
      <c r="D2968" s="547" t="s">
        <v>26688</v>
      </c>
      <c r="E2968" s="565" t="s">
        <v>643</v>
      </c>
      <c r="F2968" s="566" t="s">
        <v>600</v>
      </c>
      <c r="G2968" s="809"/>
      <c r="H2968" s="805"/>
      <c r="I2968" s="813"/>
      <c r="J2968" s="566"/>
      <c r="K2968" s="811"/>
      <c r="L2968" s="434">
        <v>43497</v>
      </c>
      <c r="M2968" s="434">
        <v>44228</v>
      </c>
      <c r="N2968" s="418" t="str">
        <f t="shared" si="92"/>
        <v/>
      </c>
    </row>
    <row r="2969" spans="1:14" ht="28.5">
      <c r="A2969" s="563"/>
      <c r="B2969" s="484">
        <f t="shared" si="91"/>
        <v>156</v>
      </c>
      <c r="C2969" s="470" t="s">
        <v>26689</v>
      </c>
      <c r="D2969" s="547" t="s">
        <v>26690</v>
      </c>
      <c r="E2969" s="565" t="s">
        <v>643</v>
      </c>
      <c r="F2969" s="566" t="s">
        <v>600</v>
      </c>
      <c r="G2969" s="809"/>
      <c r="H2969" s="805"/>
      <c r="I2969" s="813"/>
      <c r="J2969" s="566"/>
      <c r="K2969" s="811"/>
      <c r="L2969" s="434">
        <v>43497</v>
      </c>
      <c r="M2969" s="434">
        <v>44228</v>
      </c>
      <c r="N2969" s="418" t="str">
        <f t="shared" si="92"/>
        <v/>
      </c>
    </row>
    <row r="2970" spans="1:14" ht="28.5">
      <c r="A2970" s="563"/>
      <c r="B2970" s="484">
        <f t="shared" ref="B2970:B3033" si="93">IF(A2970&gt;0,A2970,B2969)</f>
        <v>156</v>
      </c>
      <c r="C2970" s="470" t="s">
        <v>26691</v>
      </c>
      <c r="D2970" s="547" t="s">
        <v>26692</v>
      </c>
      <c r="E2970" s="565" t="s">
        <v>643</v>
      </c>
      <c r="F2970" s="566" t="s">
        <v>600</v>
      </c>
      <c r="G2970" s="809"/>
      <c r="H2970" s="805"/>
      <c r="I2970" s="813"/>
      <c r="J2970" s="566"/>
      <c r="K2970" s="811"/>
      <c r="L2970" s="434">
        <v>43497</v>
      </c>
      <c r="M2970" s="434">
        <v>44228</v>
      </c>
      <c r="N2970" s="418" t="str">
        <f t="shared" si="92"/>
        <v/>
      </c>
    </row>
    <row r="2971" spans="1:14" ht="28.5">
      <c r="A2971" s="563"/>
      <c r="B2971" s="484">
        <f t="shared" si="93"/>
        <v>156</v>
      </c>
      <c r="C2971" s="470" t="s">
        <v>26693</v>
      </c>
      <c r="D2971" s="547" t="s">
        <v>26694</v>
      </c>
      <c r="E2971" s="565" t="s">
        <v>643</v>
      </c>
      <c r="F2971" s="566" t="s">
        <v>600</v>
      </c>
      <c r="G2971" s="809"/>
      <c r="H2971" s="805"/>
      <c r="I2971" s="813"/>
      <c r="J2971" s="566"/>
      <c r="K2971" s="811"/>
      <c r="L2971" s="434">
        <v>43497</v>
      </c>
      <c r="M2971" s="434">
        <v>44228</v>
      </c>
      <c r="N2971" s="418" t="str">
        <f t="shared" si="92"/>
        <v/>
      </c>
    </row>
    <row r="2972" spans="1:14" ht="28.5">
      <c r="A2972" s="563"/>
      <c r="B2972" s="484">
        <f t="shared" si="93"/>
        <v>156</v>
      </c>
      <c r="C2972" s="470" t="s">
        <v>26695</v>
      </c>
      <c r="D2972" s="547" t="s">
        <v>26696</v>
      </c>
      <c r="E2972" s="565" t="s">
        <v>643</v>
      </c>
      <c r="F2972" s="566" t="s">
        <v>600</v>
      </c>
      <c r="G2972" s="809"/>
      <c r="H2972" s="805"/>
      <c r="I2972" s="813"/>
      <c r="J2972" s="566"/>
      <c r="K2972" s="811"/>
      <c r="L2972" s="434">
        <v>43497</v>
      </c>
      <c r="M2972" s="434">
        <v>44228</v>
      </c>
      <c r="N2972" s="418" t="str">
        <f t="shared" si="92"/>
        <v/>
      </c>
    </row>
    <row r="2973" spans="1:14" ht="28.5">
      <c r="A2973" s="563"/>
      <c r="B2973" s="484">
        <f t="shared" si="93"/>
        <v>156</v>
      </c>
      <c r="C2973" s="470" t="s">
        <v>26697</v>
      </c>
      <c r="D2973" s="547" t="s">
        <v>26698</v>
      </c>
      <c r="E2973" s="565" t="s">
        <v>643</v>
      </c>
      <c r="F2973" s="566" t="s">
        <v>600</v>
      </c>
      <c r="G2973" s="809"/>
      <c r="H2973" s="805"/>
      <c r="I2973" s="813"/>
      <c r="J2973" s="566"/>
      <c r="K2973" s="811"/>
      <c r="L2973" s="434">
        <v>43497</v>
      </c>
      <c r="M2973" s="434">
        <v>44228</v>
      </c>
      <c r="N2973" s="418" t="str">
        <f t="shared" si="92"/>
        <v/>
      </c>
    </row>
    <row r="2974" spans="1:14" ht="28.5">
      <c r="A2974" s="563"/>
      <c r="B2974" s="484">
        <f t="shared" si="93"/>
        <v>156</v>
      </c>
      <c r="C2974" s="470" t="s">
        <v>26699</v>
      </c>
      <c r="D2974" s="547" t="s">
        <v>26700</v>
      </c>
      <c r="E2974" s="565" t="s">
        <v>643</v>
      </c>
      <c r="F2974" s="566" t="s">
        <v>600</v>
      </c>
      <c r="G2974" s="809"/>
      <c r="H2974" s="805"/>
      <c r="I2974" s="813"/>
      <c r="J2974" s="566"/>
      <c r="K2974" s="811"/>
      <c r="L2974" s="434">
        <v>43497</v>
      </c>
      <c r="M2974" s="434">
        <v>44228</v>
      </c>
      <c r="N2974" s="418" t="str">
        <f t="shared" si="92"/>
        <v/>
      </c>
    </row>
    <row r="2975" spans="1:14" ht="28.5">
      <c r="A2975" s="563"/>
      <c r="B2975" s="484">
        <f t="shared" si="93"/>
        <v>156</v>
      </c>
      <c r="C2975" s="470" t="s">
        <v>26701</v>
      </c>
      <c r="D2975" s="547" t="s">
        <v>26702</v>
      </c>
      <c r="E2975" s="565" t="s">
        <v>643</v>
      </c>
      <c r="F2975" s="566" t="s">
        <v>600</v>
      </c>
      <c r="G2975" s="809"/>
      <c r="H2975" s="805"/>
      <c r="I2975" s="813"/>
      <c r="J2975" s="566"/>
      <c r="K2975" s="811"/>
      <c r="L2975" s="434">
        <v>43497</v>
      </c>
      <c r="M2975" s="434">
        <v>44228</v>
      </c>
      <c r="N2975" s="418" t="str">
        <f t="shared" si="92"/>
        <v/>
      </c>
    </row>
    <row r="2976" spans="1:14" ht="28.5">
      <c r="A2976" s="563"/>
      <c r="B2976" s="484">
        <f t="shared" si="93"/>
        <v>156</v>
      </c>
      <c r="C2976" s="470" t="s">
        <v>26703</v>
      </c>
      <c r="D2976" s="547" t="s">
        <v>26704</v>
      </c>
      <c r="E2976" s="565" t="s">
        <v>643</v>
      </c>
      <c r="F2976" s="566" t="s">
        <v>600</v>
      </c>
      <c r="G2976" s="809"/>
      <c r="H2976" s="805"/>
      <c r="I2976" s="813"/>
      <c r="J2976" s="566"/>
      <c r="K2976" s="811"/>
      <c r="L2976" s="434">
        <v>43497</v>
      </c>
      <c r="M2976" s="434">
        <v>44228</v>
      </c>
      <c r="N2976" s="418" t="str">
        <f t="shared" si="92"/>
        <v/>
      </c>
    </row>
    <row r="2977" spans="1:14" ht="28.5">
      <c r="A2977" s="563"/>
      <c r="B2977" s="484">
        <f t="shared" si="93"/>
        <v>156</v>
      </c>
      <c r="C2977" s="470" t="s">
        <v>26705</v>
      </c>
      <c r="D2977" s="547" t="s">
        <v>26706</v>
      </c>
      <c r="E2977" s="565" t="s">
        <v>643</v>
      </c>
      <c r="F2977" s="566" t="s">
        <v>600</v>
      </c>
      <c r="G2977" s="809"/>
      <c r="H2977" s="805"/>
      <c r="I2977" s="813"/>
      <c r="J2977" s="566"/>
      <c r="K2977" s="811"/>
      <c r="L2977" s="434">
        <v>43497</v>
      </c>
      <c r="M2977" s="434">
        <v>44228</v>
      </c>
      <c r="N2977" s="418" t="str">
        <f t="shared" si="92"/>
        <v/>
      </c>
    </row>
    <row r="2978" spans="1:14" ht="28.5">
      <c r="A2978" s="563"/>
      <c r="B2978" s="484">
        <f t="shared" si="93"/>
        <v>156</v>
      </c>
      <c r="C2978" s="470" t="s">
        <v>26707</v>
      </c>
      <c r="D2978" s="547" t="s">
        <v>26708</v>
      </c>
      <c r="E2978" s="565" t="s">
        <v>643</v>
      </c>
      <c r="F2978" s="566" t="s">
        <v>600</v>
      </c>
      <c r="G2978" s="809"/>
      <c r="H2978" s="805"/>
      <c r="I2978" s="813"/>
      <c r="J2978" s="566"/>
      <c r="K2978" s="811"/>
      <c r="L2978" s="434">
        <v>43497</v>
      </c>
      <c r="M2978" s="434">
        <v>44228</v>
      </c>
      <c r="N2978" s="418" t="str">
        <f t="shared" si="92"/>
        <v/>
      </c>
    </row>
    <row r="2979" spans="1:14" ht="28.5">
      <c r="A2979" s="563"/>
      <c r="B2979" s="484">
        <f t="shared" si="93"/>
        <v>156</v>
      </c>
      <c r="C2979" s="470" t="s">
        <v>26709</v>
      </c>
      <c r="D2979" s="547" t="s">
        <v>26710</v>
      </c>
      <c r="E2979" s="565" t="s">
        <v>643</v>
      </c>
      <c r="F2979" s="566" t="s">
        <v>600</v>
      </c>
      <c r="G2979" s="809"/>
      <c r="H2979" s="805"/>
      <c r="I2979" s="813"/>
      <c r="J2979" s="566"/>
      <c r="K2979" s="811"/>
      <c r="L2979" s="434">
        <v>43497</v>
      </c>
      <c r="M2979" s="434">
        <v>44228</v>
      </c>
      <c r="N2979" s="418" t="str">
        <f t="shared" si="92"/>
        <v/>
      </c>
    </row>
    <row r="2980" spans="1:14" ht="28.5">
      <c r="A2980" s="563"/>
      <c r="B2980" s="484">
        <f t="shared" si="93"/>
        <v>156</v>
      </c>
      <c r="C2980" s="470" t="s">
        <v>26711</v>
      </c>
      <c r="D2980" s="547" t="s">
        <v>26712</v>
      </c>
      <c r="E2980" s="565" t="s">
        <v>643</v>
      </c>
      <c r="F2980" s="566" t="s">
        <v>600</v>
      </c>
      <c r="G2980" s="809"/>
      <c r="H2980" s="805"/>
      <c r="I2980" s="813"/>
      <c r="J2980" s="566"/>
      <c r="K2980" s="811"/>
      <c r="L2980" s="434">
        <v>43497</v>
      </c>
      <c r="M2980" s="434">
        <v>44228</v>
      </c>
      <c r="N2980" s="418" t="str">
        <f t="shared" si="92"/>
        <v/>
      </c>
    </row>
    <row r="2981" spans="1:14" ht="28.5">
      <c r="A2981" s="563"/>
      <c r="B2981" s="484">
        <f t="shared" si="93"/>
        <v>156</v>
      </c>
      <c r="C2981" s="470" t="s">
        <v>26713</v>
      </c>
      <c r="D2981" s="547" t="s">
        <v>26714</v>
      </c>
      <c r="E2981" s="565" t="s">
        <v>643</v>
      </c>
      <c r="F2981" s="566" t="s">
        <v>600</v>
      </c>
      <c r="G2981" s="809"/>
      <c r="H2981" s="805"/>
      <c r="I2981" s="813"/>
      <c r="J2981" s="566"/>
      <c r="K2981" s="811"/>
      <c r="L2981" s="434">
        <v>43497</v>
      </c>
      <c r="M2981" s="434">
        <v>44228</v>
      </c>
      <c r="N2981" s="418" t="str">
        <f t="shared" si="92"/>
        <v/>
      </c>
    </row>
    <row r="2982" spans="1:14" ht="28.5">
      <c r="A2982" s="563"/>
      <c r="B2982" s="484">
        <f t="shared" si="93"/>
        <v>156</v>
      </c>
      <c r="C2982" s="470" t="s">
        <v>26715</v>
      </c>
      <c r="D2982" s="547" t="s">
        <v>26716</v>
      </c>
      <c r="E2982" s="565" t="s">
        <v>643</v>
      </c>
      <c r="F2982" s="566" t="s">
        <v>600</v>
      </c>
      <c r="G2982" s="809"/>
      <c r="H2982" s="805"/>
      <c r="I2982" s="813"/>
      <c r="J2982" s="566"/>
      <c r="K2982" s="811"/>
      <c r="L2982" s="434">
        <v>43497</v>
      </c>
      <c r="M2982" s="434">
        <v>44228</v>
      </c>
      <c r="N2982" s="418" t="str">
        <f t="shared" si="92"/>
        <v/>
      </c>
    </row>
    <row r="2983" spans="1:14" ht="28.5">
      <c r="A2983" s="563"/>
      <c r="B2983" s="484">
        <f t="shared" si="93"/>
        <v>156</v>
      </c>
      <c r="C2983" s="470" t="s">
        <v>26717</v>
      </c>
      <c r="D2983" s="547" t="s">
        <v>26718</v>
      </c>
      <c r="E2983" s="565" t="s">
        <v>643</v>
      </c>
      <c r="F2983" s="566" t="s">
        <v>600</v>
      </c>
      <c r="G2983" s="809"/>
      <c r="H2983" s="805"/>
      <c r="I2983" s="813"/>
      <c r="J2983" s="566"/>
      <c r="K2983" s="811"/>
      <c r="L2983" s="434">
        <v>43497</v>
      </c>
      <c r="M2983" s="434">
        <v>44228</v>
      </c>
      <c r="N2983" s="418" t="str">
        <f t="shared" si="92"/>
        <v/>
      </c>
    </row>
    <row r="2984" spans="1:14" ht="28.5">
      <c r="A2984" s="563"/>
      <c r="B2984" s="484">
        <f t="shared" si="93"/>
        <v>156</v>
      </c>
      <c r="C2984" s="470" t="s">
        <v>26719</v>
      </c>
      <c r="D2984" s="547" t="s">
        <v>26720</v>
      </c>
      <c r="E2984" s="565" t="s">
        <v>643</v>
      </c>
      <c r="F2984" s="566" t="s">
        <v>600</v>
      </c>
      <c r="G2984" s="809"/>
      <c r="H2984" s="805"/>
      <c r="I2984" s="813"/>
      <c r="J2984" s="566"/>
      <c r="K2984" s="811"/>
      <c r="L2984" s="434">
        <v>43497</v>
      </c>
      <c r="M2984" s="434">
        <v>44228</v>
      </c>
      <c r="N2984" s="418" t="str">
        <f t="shared" si="92"/>
        <v/>
      </c>
    </row>
    <row r="2985" spans="1:14" ht="28.5">
      <c r="A2985" s="563"/>
      <c r="B2985" s="484">
        <f t="shared" si="93"/>
        <v>156</v>
      </c>
      <c r="C2985" s="470" t="s">
        <v>26721</v>
      </c>
      <c r="D2985" s="547" t="s">
        <v>26722</v>
      </c>
      <c r="E2985" s="565" t="s">
        <v>643</v>
      </c>
      <c r="F2985" s="566" t="s">
        <v>600</v>
      </c>
      <c r="G2985" s="809"/>
      <c r="H2985" s="805"/>
      <c r="I2985" s="813"/>
      <c r="J2985" s="566"/>
      <c r="K2985" s="811"/>
      <c r="L2985" s="434">
        <v>43497</v>
      </c>
      <c r="M2985" s="434">
        <v>44228</v>
      </c>
      <c r="N2985" s="418" t="str">
        <f t="shared" si="92"/>
        <v/>
      </c>
    </row>
    <row r="2986" spans="1:14" ht="28.5">
      <c r="A2986" s="563"/>
      <c r="B2986" s="484">
        <f t="shared" si="93"/>
        <v>156</v>
      </c>
      <c r="C2986" s="470" t="s">
        <v>26723</v>
      </c>
      <c r="D2986" s="547" t="s">
        <v>26724</v>
      </c>
      <c r="E2986" s="565" t="s">
        <v>643</v>
      </c>
      <c r="F2986" s="566" t="s">
        <v>600</v>
      </c>
      <c r="G2986" s="809"/>
      <c r="H2986" s="805"/>
      <c r="I2986" s="813"/>
      <c r="J2986" s="566"/>
      <c r="K2986" s="811"/>
      <c r="L2986" s="434">
        <v>43497</v>
      </c>
      <c r="M2986" s="434">
        <v>44228</v>
      </c>
      <c r="N2986" s="418" t="str">
        <f t="shared" si="92"/>
        <v/>
      </c>
    </row>
    <row r="2987" spans="1:14" ht="28.5">
      <c r="A2987" s="563"/>
      <c r="B2987" s="484">
        <f t="shared" si="93"/>
        <v>156</v>
      </c>
      <c r="C2987" s="470" t="s">
        <v>26725</v>
      </c>
      <c r="D2987" s="547" t="s">
        <v>26726</v>
      </c>
      <c r="E2987" s="565" t="s">
        <v>643</v>
      </c>
      <c r="F2987" s="566" t="s">
        <v>600</v>
      </c>
      <c r="G2987" s="809"/>
      <c r="H2987" s="805"/>
      <c r="I2987" s="813"/>
      <c r="J2987" s="566"/>
      <c r="K2987" s="811"/>
      <c r="L2987" s="434">
        <v>43497</v>
      </c>
      <c r="M2987" s="434">
        <v>44228</v>
      </c>
      <c r="N2987" s="418" t="str">
        <f t="shared" si="92"/>
        <v/>
      </c>
    </row>
    <row r="2988" spans="1:14" ht="28.5">
      <c r="A2988" s="563"/>
      <c r="B2988" s="484">
        <f t="shared" si="93"/>
        <v>156</v>
      </c>
      <c r="C2988" s="470" t="s">
        <v>26727</v>
      </c>
      <c r="D2988" s="547" t="s">
        <v>26728</v>
      </c>
      <c r="E2988" s="565" t="s">
        <v>643</v>
      </c>
      <c r="F2988" s="566" t="s">
        <v>600</v>
      </c>
      <c r="G2988" s="809"/>
      <c r="H2988" s="810"/>
      <c r="I2988" s="803"/>
      <c r="J2988" s="566"/>
      <c r="K2988" s="811"/>
      <c r="L2988" s="434">
        <v>43497</v>
      </c>
      <c r="M2988" s="434">
        <v>44228</v>
      </c>
      <c r="N2988" s="418" t="str">
        <f t="shared" si="92"/>
        <v/>
      </c>
    </row>
    <row r="2989" spans="1:14" ht="28.5">
      <c r="A2989" s="563"/>
      <c r="B2989" s="484">
        <f t="shared" si="93"/>
        <v>156</v>
      </c>
      <c r="C2989" s="470" t="s">
        <v>26729</v>
      </c>
      <c r="D2989" s="547" t="s">
        <v>26730</v>
      </c>
      <c r="E2989" s="565" t="s">
        <v>643</v>
      </c>
      <c r="F2989" s="566" t="s">
        <v>600</v>
      </c>
      <c r="G2989" s="809"/>
      <c r="H2989" s="810"/>
      <c r="I2989" s="803"/>
      <c r="J2989" s="566"/>
      <c r="K2989" s="811"/>
      <c r="L2989" s="434">
        <v>43497</v>
      </c>
      <c r="M2989" s="434">
        <v>44228</v>
      </c>
      <c r="N2989" s="418" t="str">
        <f t="shared" si="92"/>
        <v/>
      </c>
    </row>
    <row r="2990" spans="1:14" ht="28.5">
      <c r="A2990" s="563"/>
      <c r="B2990" s="484">
        <f t="shared" si="93"/>
        <v>156</v>
      </c>
      <c r="C2990" s="470" t="s">
        <v>26731</v>
      </c>
      <c r="D2990" s="547" t="s">
        <v>26732</v>
      </c>
      <c r="E2990" s="565" t="s">
        <v>643</v>
      </c>
      <c r="F2990" s="566" t="s">
        <v>600</v>
      </c>
      <c r="G2990" s="809"/>
      <c r="H2990" s="810"/>
      <c r="I2990" s="803"/>
      <c r="J2990" s="566"/>
      <c r="K2990" s="811"/>
      <c r="L2990" s="434">
        <v>43497</v>
      </c>
      <c r="M2990" s="434">
        <v>44228</v>
      </c>
      <c r="N2990" s="418" t="str">
        <f t="shared" si="92"/>
        <v/>
      </c>
    </row>
    <row r="2991" spans="1:14" ht="15.75">
      <c r="A2991" s="563"/>
      <c r="B2991" s="484">
        <f t="shared" si="93"/>
        <v>156</v>
      </c>
      <c r="C2991" s="808" t="s">
        <v>26733</v>
      </c>
      <c r="D2991" s="547" t="s">
        <v>26734</v>
      </c>
      <c r="E2991" s="565" t="s">
        <v>643</v>
      </c>
      <c r="F2991" s="566" t="s">
        <v>600</v>
      </c>
      <c r="G2991" s="809"/>
      <c r="H2991" s="810"/>
      <c r="I2991" s="803"/>
      <c r="J2991" s="566"/>
      <c r="K2991" s="811"/>
      <c r="L2991" s="434">
        <v>43497</v>
      </c>
      <c r="M2991" s="434">
        <v>44228</v>
      </c>
      <c r="N2991" s="418" t="str">
        <f t="shared" si="92"/>
        <v/>
      </c>
    </row>
    <row r="2992" spans="1:14" ht="28.5">
      <c r="A2992" s="563"/>
      <c r="B2992" s="484">
        <f t="shared" si="93"/>
        <v>156</v>
      </c>
      <c r="C2992" s="470" t="s">
        <v>26735</v>
      </c>
      <c r="D2992" s="547" t="s">
        <v>26736</v>
      </c>
      <c r="E2992" s="565" t="s">
        <v>643</v>
      </c>
      <c r="F2992" s="566" t="s">
        <v>600</v>
      </c>
      <c r="G2992" s="809"/>
      <c r="H2992" s="810"/>
      <c r="I2992" s="803"/>
      <c r="J2992" s="566"/>
      <c r="K2992" s="811"/>
      <c r="L2992" s="434">
        <v>43497</v>
      </c>
      <c r="M2992" s="434">
        <v>44228</v>
      </c>
      <c r="N2992" s="418" t="str">
        <f t="shared" si="92"/>
        <v/>
      </c>
    </row>
    <row r="2993" spans="1:14" ht="28.5">
      <c r="A2993" s="563"/>
      <c r="B2993" s="484">
        <f t="shared" si="93"/>
        <v>156</v>
      </c>
      <c r="C2993" s="470" t="s">
        <v>26737</v>
      </c>
      <c r="D2993" s="547" t="s">
        <v>26738</v>
      </c>
      <c r="E2993" s="565" t="s">
        <v>643</v>
      </c>
      <c r="F2993" s="566" t="s">
        <v>600</v>
      </c>
      <c r="G2993" s="809"/>
      <c r="H2993" s="810"/>
      <c r="I2993" s="803"/>
      <c r="J2993" s="566"/>
      <c r="K2993" s="811"/>
      <c r="L2993" s="434">
        <v>43497</v>
      </c>
      <c r="M2993" s="434">
        <v>44228</v>
      </c>
      <c r="N2993" s="418" t="str">
        <f t="shared" si="92"/>
        <v/>
      </c>
    </row>
    <row r="2994" spans="1:14" ht="15.75">
      <c r="A2994" s="563"/>
      <c r="B2994" s="484">
        <f t="shared" si="93"/>
        <v>156</v>
      </c>
      <c r="C2994" s="812" t="s">
        <v>26739</v>
      </c>
      <c r="D2994" s="547"/>
      <c r="E2994" s="565" t="s">
        <v>643</v>
      </c>
      <c r="F2994" s="566" t="s">
        <v>600</v>
      </c>
      <c r="G2994" s="430"/>
      <c r="H2994" s="432"/>
      <c r="I2994" s="531"/>
      <c r="J2994" s="566"/>
      <c r="K2994" s="811"/>
      <c r="L2994" s="434">
        <v>43497</v>
      </c>
      <c r="M2994" s="434">
        <v>44228</v>
      </c>
      <c r="N2994" s="418" t="str">
        <f t="shared" si="92"/>
        <v/>
      </c>
    </row>
    <row r="2995" spans="1:14" ht="28.5">
      <c r="A2995" s="563"/>
      <c r="B2995" s="484">
        <f t="shared" si="93"/>
        <v>156</v>
      </c>
      <c r="C2995" s="470" t="s">
        <v>26740</v>
      </c>
      <c r="D2995" s="547" t="s">
        <v>26741</v>
      </c>
      <c r="E2995" s="565" t="s">
        <v>643</v>
      </c>
      <c r="F2995" s="566" t="s">
        <v>600</v>
      </c>
      <c r="G2995" s="809"/>
      <c r="H2995" s="810"/>
      <c r="I2995" s="803"/>
      <c r="J2995" s="566"/>
      <c r="K2995" s="811"/>
      <c r="L2995" s="434">
        <v>43497</v>
      </c>
      <c r="M2995" s="434">
        <v>44228</v>
      </c>
      <c r="N2995" s="418" t="str">
        <f t="shared" si="92"/>
        <v/>
      </c>
    </row>
    <row r="2996" spans="1:14" ht="28.5">
      <c r="A2996" s="563"/>
      <c r="B2996" s="484">
        <f t="shared" si="93"/>
        <v>156</v>
      </c>
      <c r="C2996" s="470" t="s">
        <v>26742</v>
      </c>
      <c r="D2996" s="547" t="s">
        <v>26743</v>
      </c>
      <c r="E2996" s="565" t="s">
        <v>643</v>
      </c>
      <c r="F2996" s="566" t="s">
        <v>600</v>
      </c>
      <c r="G2996" s="809"/>
      <c r="H2996" s="810"/>
      <c r="I2996" s="803"/>
      <c r="J2996" s="566"/>
      <c r="K2996" s="811"/>
      <c r="L2996" s="434">
        <v>43497</v>
      </c>
      <c r="M2996" s="434">
        <v>44228</v>
      </c>
      <c r="N2996" s="418" t="str">
        <f t="shared" si="92"/>
        <v/>
      </c>
    </row>
    <row r="2997" spans="1:14" ht="42.75">
      <c r="A2997" s="563"/>
      <c r="B2997" s="484">
        <f t="shared" si="93"/>
        <v>156</v>
      </c>
      <c r="C2997" s="470" t="s">
        <v>26744</v>
      </c>
      <c r="D2997" s="547" t="s">
        <v>26745</v>
      </c>
      <c r="E2997" s="565" t="s">
        <v>643</v>
      </c>
      <c r="F2997" s="566" t="s">
        <v>600</v>
      </c>
      <c r="G2997" s="809"/>
      <c r="H2997" s="810"/>
      <c r="I2997" s="803"/>
      <c r="J2997" s="566"/>
      <c r="K2997" s="811"/>
      <c r="L2997" s="434">
        <v>43497</v>
      </c>
      <c r="M2997" s="434">
        <v>44228</v>
      </c>
      <c r="N2997" s="418" t="str">
        <f t="shared" si="92"/>
        <v/>
      </c>
    </row>
    <row r="2998" spans="1:14" ht="28.5">
      <c r="A2998" s="563"/>
      <c r="B2998" s="484">
        <f t="shared" si="93"/>
        <v>156</v>
      </c>
      <c r="C2998" s="470" t="s">
        <v>26746</v>
      </c>
      <c r="D2998" s="547" t="s">
        <v>26747</v>
      </c>
      <c r="E2998" s="565" t="s">
        <v>643</v>
      </c>
      <c r="F2998" s="566" t="s">
        <v>600</v>
      </c>
      <c r="G2998" s="809"/>
      <c r="H2998" s="810"/>
      <c r="I2998" s="803"/>
      <c r="J2998" s="566"/>
      <c r="K2998" s="811"/>
      <c r="L2998" s="434">
        <v>43497</v>
      </c>
      <c r="M2998" s="434">
        <v>44228</v>
      </c>
      <c r="N2998" s="418" t="str">
        <f t="shared" si="92"/>
        <v/>
      </c>
    </row>
    <row r="2999" spans="1:14" ht="28.5">
      <c r="A2999" s="563"/>
      <c r="B2999" s="484">
        <f t="shared" si="93"/>
        <v>156</v>
      </c>
      <c r="C2999" s="470" t="s">
        <v>26748</v>
      </c>
      <c r="D2999" s="547" t="s">
        <v>26749</v>
      </c>
      <c r="E2999" s="565" t="s">
        <v>643</v>
      </c>
      <c r="F2999" s="566" t="s">
        <v>600</v>
      </c>
      <c r="G2999" s="809"/>
      <c r="H2999" s="810"/>
      <c r="I2999" s="803"/>
      <c r="J2999" s="566"/>
      <c r="K2999" s="811"/>
      <c r="L2999" s="434">
        <v>43497</v>
      </c>
      <c r="M2999" s="434">
        <v>44228</v>
      </c>
      <c r="N2999" s="418" t="str">
        <f t="shared" si="92"/>
        <v/>
      </c>
    </row>
    <row r="3000" spans="1:14" ht="28.5">
      <c r="A3000" s="563"/>
      <c r="B3000" s="484">
        <f t="shared" si="93"/>
        <v>156</v>
      </c>
      <c r="C3000" s="470" t="s">
        <v>26750</v>
      </c>
      <c r="D3000" s="547" t="s">
        <v>26751</v>
      </c>
      <c r="E3000" s="565" t="s">
        <v>643</v>
      </c>
      <c r="F3000" s="566" t="s">
        <v>600</v>
      </c>
      <c r="G3000" s="809"/>
      <c r="H3000" s="810"/>
      <c r="I3000" s="803"/>
      <c r="J3000" s="566"/>
      <c r="K3000" s="811"/>
      <c r="L3000" s="434">
        <v>43497</v>
      </c>
      <c r="M3000" s="434">
        <v>44228</v>
      </c>
      <c r="N3000" s="418" t="str">
        <f t="shared" si="92"/>
        <v/>
      </c>
    </row>
    <row r="3001" spans="1:14" ht="28.5">
      <c r="A3001" s="563"/>
      <c r="B3001" s="484">
        <f t="shared" si="93"/>
        <v>156</v>
      </c>
      <c r="C3001" s="470" t="s">
        <v>26752</v>
      </c>
      <c r="D3001" s="547" t="s">
        <v>26753</v>
      </c>
      <c r="E3001" s="565" t="s">
        <v>643</v>
      </c>
      <c r="F3001" s="566" t="s">
        <v>600</v>
      </c>
      <c r="G3001" s="809"/>
      <c r="H3001" s="810"/>
      <c r="I3001" s="803"/>
      <c r="J3001" s="566"/>
      <c r="K3001" s="811"/>
      <c r="L3001" s="434">
        <v>43497</v>
      </c>
      <c r="M3001" s="434">
        <v>44228</v>
      </c>
      <c r="N3001" s="418" t="str">
        <f t="shared" si="92"/>
        <v/>
      </c>
    </row>
    <row r="3002" spans="1:14" ht="28.5">
      <c r="A3002" s="563"/>
      <c r="B3002" s="484">
        <f t="shared" si="93"/>
        <v>156</v>
      </c>
      <c r="C3002" s="470" t="s">
        <v>26754</v>
      </c>
      <c r="D3002" s="547" t="s">
        <v>26755</v>
      </c>
      <c r="E3002" s="565" t="s">
        <v>643</v>
      </c>
      <c r="F3002" s="566" t="s">
        <v>600</v>
      </c>
      <c r="G3002" s="809"/>
      <c r="H3002" s="810"/>
      <c r="I3002" s="803"/>
      <c r="J3002" s="566"/>
      <c r="K3002" s="811"/>
      <c r="L3002" s="434">
        <v>43497</v>
      </c>
      <c r="M3002" s="434">
        <v>44228</v>
      </c>
      <c r="N3002" s="418" t="str">
        <f t="shared" si="92"/>
        <v/>
      </c>
    </row>
    <row r="3003" spans="1:14" ht="28.5">
      <c r="A3003" s="563"/>
      <c r="B3003" s="484">
        <f t="shared" si="93"/>
        <v>156</v>
      </c>
      <c r="C3003" s="470" t="s">
        <v>26756</v>
      </c>
      <c r="D3003" s="547" t="s">
        <v>26757</v>
      </c>
      <c r="E3003" s="565" t="s">
        <v>643</v>
      </c>
      <c r="F3003" s="566" t="s">
        <v>600</v>
      </c>
      <c r="G3003" s="809"/>
      <c r="H3003" s="810"/>
      <c r="I3003" s="803"/>
      <c r="J3003" s="566"/>
      <c r="K3003" s="811"/>
      <c r="L3003" s="434">
        <v>43497</v>
      </c>
      <c r="M3003" s="434">
        <v>44228</v>
      </c>
      <c r="N3003" s="418" t="str">
        <f t="shared" si="92"/>
        <v/>
      </c>
    </row>
    <row r="3004" spans="1:14" ht="28.5">
      <c r="A3004" s="563"/>
      <c r="B3004" s="484">
        <f t="shared" si="93"/>
        <v>156</v>
      </c>
      <c r="C3004" s="470" t="s">
        <v>26758</v>
      </c>
      <c r="D3004" s="547" t="s">
        <v>26759</v>
      </c>
      <c r="E3004" s="565" t="s">
        <v>643</v>
      </c>
      <c r="F3004" s="566" t="s">
        <v>600</v>
      </c>
      <c r="G3004" s="809"/>
      <c r="H3004" s="810"/>
      <c r="I3004" s="803"/>
      <c r="J3004" s="566"/>
      <c r="K3004" s="811"/>
      <c r="L3004" s="434">
        <v>43497</v>
      </c>
      <c r="M3004" s="434">
        <v>44228</v>
      </c>
      <c r="N3004" s="418" t="str">
        <f t="shared" si="92"/>
        <v/>
      </c>
    </row>
    <row r="3005" spans="1:14" ht="28.5">
      <c r="A3005" s="563"/>
      <c r="B3005" s="484">
        <f t="shared" si="93"/>
        <v>156</v>
      </c>
      <c r="C3005" s="470" t="s">
        <v>26760</v>
      </c>
      <c r="D3005" s="547" t="s">
        <v>26761</v>
      </c>
      <c r="E3005" s="565" t="s">
        <v>643</v>
      </c>
      <c r="F3005" s="566" t="s">
        <v>600</v>
      </c>
      <c r="G3005" s="809"/>
      <c r="H3005" s="810"/>
      <c r="I3005" s="803"/>
      <c r="J3005" s="566"/>
      <c r="K3005" s="811"/>
      <c r="L3005" s="434">
        <v>43497</v>
      </c>
      <c r="M3005" s="434">
        <v>44228</v>
      </c>
      <c r="N3005" s="418" t="str">
        <f t="shared" si="92"/>
        <v/>
      </c>
    </row>
    <row r="3006" spans="1:14" ht="15.75">
      <c r="A3006" s="563"/>
      <c r="B3006" s="484">
        <f t="shared" si="93"/>
        <v>156</v>
      </c>
      <c r="C3006" s="812" t="s">
        <v>26762</v>
      </c>
      <c r="D3006" s="547"/>
      <c r="E3006" s="565" t="s">
        <v>643</v>
      </c>
      <c r="F3006" s="566" t="s">
        <v>600</v>
      </c>
      <c r="G3006" s="430"/>
      <c r="H3006" s="432"/>
      <c r="I3006" s="531"/>
      <c r="J3006" s="566"/>
      <c r="K3006" s="811"/>
      <c r="L3006" s="434">
        <v>43497</v>
      </c>
      <c r="M3006" s="434">
        <v>44228</v>
      </c>
      <c r="N3006" s="418" t="str">
        <f t="shared" si="92"/>
        <v/>
      </c>
    </row>
    <row r="3007" spans="1:14" ht="31.5">
      <c r="A3007" s="563"/>
      <c r="B3007" s="484">
        <f t="shared" si="93"/>
        <v>156</v>
      </c>
      <c r="C3007" s="470" t="s">
        <v>26763</v>
      </c>
      <c r="D3007" s="547" t="s">
        <v>3542</v>
      </c>
      <c r="E3007" s="565" t="s">
        <v>643</v>
      </c>
      <c r="F3007" s="566" t="s">
        <v>600</v>
      </c>
      <c r="G3007" s="430" t="s">
        <v>34167</v>
      </c>
      <c r="H3007" s="802">
        <v>44099</v>
      </c>
      <c r="I3007" s="803"/>
      <c r="J3007" s="430"/>
      <c r="K3007" s="430" t="s">
        <v>34168</v>
      </c>
      <c r="L3007" s="434">
        <v>43497</v>
      </c>
      <c r="M3007" s="434">
        <v>44228</v>
      </c>
      <c r="N3007" s="418" t="str">
        <f t="shared" si="92"/>
        <v/>
      </c>
    </row>
    <row r="3008" spans="1:14" ht="31.5">
      <c r="A3008" s="563"/>
      <c r="B3008" s="484">
        <f t="shared" si="93"/>
        <v>156</v>
      </c>
      <c r="C3008" s="470" t="s">
        <v>26764</v>
      </c>
      <c r="D3008" s="547" t="s">
        <v>3545</v>
      </c>
      <c r="E3008" s="565" t="s">
        <v>643</v>
      </c>
      <c r="F3008" s="566" t="s">
        <v>600</v>
      </c>
      <c r="G3008" s="430" t="s">
        <v>34167</v>
      </c>
      <c r="H3008" s="802">
        <v>44099</v>
      </c>
      <c r="I3008" s="814"/>
      <c r="J3008" s="430"/>
      <c r="K3008" s="430" t="s">
        <v>34168</v>
      </c>
      <c r="L3008" s="434">
        <v>43497</v>
      </c>
      <c r="M3008" s="434">
        <v>44228</v>
      </c>
      <c r="N3008" s="418" t="str">
        <f t="shared" si="92"/>
        <v/>
      </c>
    </row>
    <row r="3009" spans="1:14" ht="31.5">
      <c r="A3009" s="563"/>
      <c r="B3009" s="484">
        <f t="shared" si="93"/>
        <v>156</v>
      </c>
      <c r="C3009" s="470" t="s">
        <v>26765</v>
      </c>
      <c r="D3009" s="547" t="s">
        <v>26766</v>
      </c>
      <c r="E3009" s="565" t="s">
        <v>643</v>
      </c>
      <c r="F3009" s="566" t="s">
        <v>600</v>
      </c>
      <c r="G3009" s="430" t="s">
        <v>34167</v>
      </c>
      <c r="H3009" s="802">
        <v>44099</v>
      </c>
      <c r="I3009" s="814"/>
      <c r="J3009" s="430"/>
      <c r="K3009" s="430" t="s">
        <v>34168</v>
      </c>
      <c r="L3009" s="434">
        <v>43497</v>
      </c>
      <c r="M3009" s="434">
        <v>44228</v>
      </c>
      <c r="N3009" s="418" t="str">
        <f t="shared" si="92"/>
        <v/>
      </c>
    </row>
    <row r="3010" spans="1:14" ht="31.5">
      <c r="A3010" s="563"/>
      <c r="B3010" s="484">
        <f t="shared" si="93"/>
        <v>156</v>
      </c>
      <c r="C3010" s="470" t="s">
        <v>26767</v>
      </c>
      <c r="D3010" s="547" t="s">
        <v>26768</v>
      </c>
      <c r="E3010" s="565" t="s">
        <v>643</v>
      </c>
      <c r="F3010" s="566" t="s">
        <v>600</v>
      </c>
      <c r="G3010" s="430" t="s">
        <v>34167</v>
      </c>
      <c r="H3010" s="802">
        <v>44099</v>
      </c>
      <c r="I3010" s="814"/>
      <c r="J3010" s="494"/>
      <c r="K3010" s="430" t="s">
        <v>34168</v>
      </c>
      <c r="L3010" s="434">
        <v>43497</v>
      </c>
      <c r="M3010" s="434">
        <v>44228</v>
      </c>
      <c r="N3010" s="418" t="str">
        <f t="shared" si="92"/>
        <v/>
      </c>
    </row>
    <row r="3011" spans="1:14" ht="28.5">
      <c r="A3011" s="563"/>
      <c r="B3011" s="484">
        <f t="shared" si="93"/>
        <v>156</v>
      </c>
      <c r="C3011" s="470" t="s">
        <v>26769</v>
      </c>
      <c r="D3011" s="547" t="s">
        <v>26770</v>
      </c>
      <c r="E3011" s="565" t="s">
        <v>643</v>
      </c>
      <c r="F3011" s="566" t="s">
        <v>600</v>
      </c>
      <c r="G3011" s="430"/>
      <c r="H3011" s="432"/>
      <c r="I3011" s="531"/>
      <c r="J3011" s="566"/>
      <c r="K3011" s="566"/>
      <c r="L3011" s="434">
        <v>43497</v>
      </c>
      <c r="M3011" s="434">
        <v>44228</v>
      </c>
      <c r="N3011" s="418" t="str">
        <f t="shared" si="92"/>
        <v/>
      </c>
    </row>
    <row r="3012" spans="1:14" ht="15.75">
      <c r="A3012" s="563"/>
      <c r="B3012" s="484">
        <f t="shared" si="93"/>
        <v>156</v>
      </c>
      <c r="C3012" s="808" t="s">
        <v>26771</v>
      </c>
      <c r="D3012" s="547" t="s">
        <v>26772</v>
      </c>
      <c r="E3012" s="565" t="s">
        <v>643</v>
      </c>
      <c r="F3012" s="566" t="s">
        <v>600</v>
      </c>
      <c r="G3012" s="804"/>
      <c r="H3012" s="805"/>
      <c r="I3012" s="803"/>
      <c r="J3012" s="566"/>
      <c r="K3012" s="566"/>
      <c r="L3012" s="434">
        <v>43497</v>
      </c>
      <c r="M3012" s="434">
        <v>44228</v>
      </c>
      <c r="N3012" s="418" t="str">
        <f t="shared" si="92"/>
        <v/>
      </c>
    </row>
    <row r="3013" spans="1:14" ht="15.75">
      <c r="A3013" s="563"/>
      <c r="B3013" s="484">
        <f t="shared" si="93"/>
        <v>156</v>
      </c>
      <c r="C3013" s="808" t="s">
        <v>26773</v>
      </c>
      <c r="D3013" s="547" t="s">
        <v>26774</v>
      </c>
      <c r="E3013" s="565" t="s">
        <v>643</v>
      </c>
      <c r="F3013" s="566" t="s">
        <v>600</v>
      </c>
      <c r="G3013" s="430"/>
      <c r="H3013" s="432"/>
      <c r="I3013" s="531"/>
      <c r="J3013" s="566"/>
      <c r="K3013" s="566"/>
      <c r="L3013" s="434">
        <v>43497</v>
      </c>
      <c r="M3013" s="434">
        <v>44228</v>
      </c>
      <c r="N3013" s="418" t="str">
        <f t="shared" si="92"/>
        <v/>
      </c>
    </row>
    <row r="3014" spans="1:14" ht="15.75">
      <c r="A3014" s="563"/>
      <c r="B3014" s="484">
        <f t="shared" si="93"/>
        <v>156</v>
      </c>
      <c r="C3014" s="812" t="s">
        <v>26775</v>
      </c>
      <c r="D3014" s="547"/>
      <c r="E3014" s="565" t="s">
        <v>643</v>
      </c>
      <c r="F3014" s="566" t="s">
        <v>600</v>
      </c>
      <c r="G3014" s="430"/>
      <c r="H3014" s="432"/>
      <c r="I3014" s="531"/>
      <c r="J3014" s="566"/>
      <c r="K3014" s="566"/>
      <c r="L3014" s="434">
        <v>43497</v>
      </c>
      <c r="M3014" s="434">
        <v>44228</v>
      </c>
      <c r="N3014" s="418" t="str">
        <f t="shared" si="92"/>
        <v/>
      </c>
    </row>
    <row r="3015" spans="1:14" ht="42.75">
      <c r="A3015" s="563"/>
      <c r="B3015" s="484">
        <f t="shared" si="93"/>
        <v>156</v>
      </c>
      <c r="C3015" s="470" t="s">
        <v>26776</v>
      </c>
      <c r="D3015" s="547" t="s">
        <v>26777</v>
      </c>
      <c r="E3015" s="565" t="s">
        <v>643</v>
      </c>
      <c r="F3015" s="566" t="s">
        <v>600</v>
      </c>
      <c r="G3015" s="430" t="s">
        <v>34167</v>
      </c>
      <c r="H3015" s="802">
        <v>44099</v>
      </c>
      <c r="I3015" s="814"/>
      <c r="J3015" s="430"/>
      <c r="K3015" s="430" t="s">
        <v>34168</v>
      </c>
      <c r="L3015" s="434">
        <v>43497</v>
      </c>
      <c r="M3015" s="434">
        <v>44228</v>
      </c>
      <c r="N3015" s="418" t="str">
        <f t="shared" si="92"/>
        <v/>
      </c>
    </row>
    <row r="3016" spans="1:14" ht="42.75">
      <c r="A3016" s="563"/>
      <c r="B3016" s="484">
        <f t="shared" si="93"/>
        <v>156</v>
      </c>
      <c r="C3016" s="470" t="s">
        <v>26778</v>
      </c>
      <c r="D3016" s="547" t="s">
        <v>26779</v>
      </c>
      <c r="E3016" s="565" t="s">
        <v>643</v>
      </c>
      <c r="F3016" s="566" t="s">
        <v>600</v>
      </c>
      <c r="G3016" s="430" t="s">
        <v>34167</v>
      </c>
      <c r="H3016" s="802">
        <v>44099</v>
      </c>
      <c r="I3016" s="814"/>
      <c r="J3016" s="430"/>
      <c r="K3016" s="430" t="s">
        <v>34168</v>
      </c>
      <c r="L3016" s="434">
        <v>43497</v>
      </c>
      <c r="M3016" s="434">
        <v>44228</v>
      </c>
      <c r="N3016" s="418" t="str">
        <f t="shared" si="92"/>
        <v/>
      </c>
    </row>
    <row r="3017" spans="1:14" ht="42.75">
      <c r="A3017" s="563"/>
      <c r="B3017" s="484">
        <f t="shared" si="93"/>
        <v>156</v>
      </c>
      <c r="C3017" s="470" t="s">
        <v>26780</v>
      </c>
      <c r="D3017" s="547" t="s">
        <v>3544</v>
      </c>
      <c r="E3017" s="565" t="s">
        <v>643</v>
      </c>
      <c r="F3017" s="566" t="s">
        <v>600</v>
      </c>
      <c r="G3017" s="430" t="s">
        <v>34167</v>
      </c>
      <c r="H3017" s="802">
        <v>44099</v>
      </c>
      <c r="I3017" s="814"/>
      <c r="J3017" s="494"/>
      <c r="K3017" s="430" t="s">
        <v>34168</v>
      </c>
      <c r="L3017" s="434">
        <v>43497</v>
      </c>
      <c r="M3017" s="434">
        <v>44228</v>
      </c>
      <c r="N3017" s="418" t="str">
        <f t="shared" si="92"/>
        <v/>
      </c>
    </row>
    <row r="3018" spans="1:14" ht="31.5">
      <c r="A3018" s="563"/>
      <c r="B3018" s="484">
        <f t="shared" si="93"/>
        <v>156</v>
      </c>
      <c r="C3018" s="470" t="s">
        <v>26781</v>
      </c>
      <c r="D3018" s="547" t="s">
        <v>3540</v>
      </c>
      <c r="E3018" s="565" t="s">
        <v>643</v>
      </c>
      <c r="F3018" s="566" t="s">
        <v>600</v>
      </c>
      <c r="G3018" s="430" t="s">
        <v>34167</v>
      </c>
      <c r="H3018" s="802">
        <v>44099</v>
      </c>
      <c r="I3018" s="803"/>
      <c r="J3018" s="815"/>
      <c r="K3018" s="430" t="s">
        <v>34168</v>
      </c>
      <c r="L3018" s="434">
        <v>43497</v>
      </c>
      <c r="M3018" s="434">
        <v>44228</v>
      </c>
      <c r="N3018" s="418" t="str">
        <f t="shared" ref="N3018:N3058" si="94">IF(D3018="NA","",IF(COUNTIF($D$2:$D$5552,D3018)&gt;1,"DUPLICATE",""))</f>
        <v/>
      </c>
    </row>
    <row r="3019" spans="1:14" ht="15.75">
      <c r="A3019" s="563"/>
      <c r="B3019" s="484">
        <f t="shared" si="93"/>
        <v>156</v>
      </c>
      <c r="C3019" s="812" t="s">
        <v>26782</v>
      </c>
      <c r="D3019" s="547"/>
      <c r="E3019" s="565" t="s">
        <v>643</v>
      </c>
      <c r="F3019" s="566" t="s">
        <v>600</v>
      </c>
      <c r="G3019" s="430"/>
      <c r="H3019" s="432"/>
      <c r="I3019" s="531"/>
      <c r="J3019" s="494"/>
      <c r="K3019" s="501"/>
      <c r="L3019" s="434">
        <v>43497</v>
      </c>
      <c r="M3019" s="434">
        <v>44228</v>
      </c>
      <c r="N3019" s="418" t="str">
        <f t="shared" si="94"/>
        <v/>
      </c>
    </row>
    <row r="3020" spans="1:14" ht="57">
      <c r="A3020" s="563"/>
      <c r="B3020" s="484">
        <f t="shared" si="93"/>
        <v>156</v>
      </c>
      <c r="C3020" s="470" t="s">
        <v>26783</v>
      </c>
      <c r="D3020" s="547" t="s">
        <v>26784</v>
      </c>
      <c r="E3020" s="565" t="s">
        <v>643</v>
      </c>
      <c r="F3020" s="566" t="s">
        <v>600</v>
      </c>
      <c r="G3020" s="430"/>
      <c r="H3020" s="432"/>
      <c r="I3020" s="531"/>
      <c r="J3020" s="494"/>
      <c r="K3020" s="501"/>
      <c r="L3020" s="434">
        <v>43497</v>
      </c>
      <c r="M3020" s="434">
        <v>44228</v>
      </c>
      <c r="N3020" s="418" t="str">
        <f t="shared" si="94"/>
        <v/>
      </c>
    </row>
    <row r="3021" spans="1:14" ht="42.75">
      <c r="A3021" s="563"/>
      <c r="B3021" s="484">
        <f t="shared" si="93"/>
        <v>156</v>
      </c>
      <c r="C3021" s="470" t="s">
        <v>26785</v>
      </c>
      <c r="D3021" s="547" t="s">
        <v>26786</v>
      </c>
      <c r="E3021" s="565" t="s">
        <v>643</v>
      </c>
      <c r="F3021" s="566" t="s">
        <v>600</v>
      </c>
      <c r="G3021" s="430"/>
      <c r="H3021" s="432"/>
      <c r="I3021" s="531"/>
      <c r="J3021" s="494"/>
      <c r="K3021" s="501"/>
      <c r="L3021" s="434">
        <v>43497</v>
      </c>
      <c r="M3021" s="434">
        <v>44228</v>
      </c>
      <c r="N3021" s="418" t="str">
        <f t="shared" si="94"/>
        <v/>
      </c>
    </row>
    <row r="3022" spans="1:14" ht="42.75">
      <c r="A3022" s="563"/>
      <c r="B3022" s="484">
        <f t="shared" si="93"/>
        <v>156</v>
      </c>
      <c r="C3022" s="470" t="s">
        <v>26787</v>
      </c>
      <c r="D3022" s="547" t="s">
        <v>26788</v>
      </c>
      <c r="E3022" s="565" t="s">
        <v>643</v>
      </c>
      <c r="F3022" s="566" t="s">
        <v>600</v>
      </c>
      <c r="G3022" s="430"/>
      <c r="H3022" s="432"/>
      <c r="I3022" s="531"/>
      <c r="J3022" s="494"/>
      <c r="K3022" s="501"/>
      <c r="L3022" s="434">
        <v>43497</v>
      </c>
      <c r="M3022" s="434">
        <v>44228</v>
      </c>
      <c r="N3022" s="418" t="str">
        <f t="shared" si="94"/>
        <v/>
      </c>
    </row>
    <row r="3023" spans="1:14" ht="57">
      <c r="A3023" s="563"/>
      <c r="B3023" s="484">
        <f t="shared" si="93"/>
        <v>156</v>
      </c>
      <c r="C3023" s="470" t="s">
        <v>26789</v>
      </c>
      <c r="D3023" s="547" t="s">
        <v>26790</v>
      </c>
      <c r="E3023" s="565" t="s">
        <v>643</v>
      </c>
      <c r="F3023" s="566" t="s">
        <v>600</v>
      </c>
      <c r="G3023" s="430"/>
      <c r="H3023" s="432"/>
      <c r="I3023" s="531"/>
      <c r="J3023" s="494"/>
      <c r="K3023" s="501"/>
      <c r="L3023" s="434">
        <v>43497</v>
      </c>
      <c r="M3023" s="434">
        <v>44228</v>
      </c>
      <c r="N3023" s="418" t="str">
        <f t="shared" si="94"/>
        <v/>
      </c>
    </row>
    <row r="3024" spans="1:14" ht="42.75">
      <c r="A3024" s="563"/>
      <c r="B3024" s="484">
        <f t="shared" si="93"/>
        <v>156</v>
      </c>
      <c r="C3024" s="470" t="s">
        <v>26791</v>
      </c>
      <c r="D3024" s="547" t="s">
        <v>26792</v>
      </c>
      <c r="E3024" s="565" t="s">
        <v>643</v>
      </c>
      <c r="F3024" s="566" t="s">
        <v>600</v>
      </c>
      <c r="G3024" s="430"/>
      <c r="H3024" s="432"/>
      <c r="I3024" s="531"/>
      <c r="J3024" s="494"/>
      <c r="K3024" s="501"/>
      <c r="L3024" s="434">
        <v>43497</v>
      </c>
      <c r="M3024" s="434">
        <v>44228</v>
      </c>
      <c r="N3024" s="418" t="str">
        <f t="shared" si="94"/>
        <v/>
      </c>
    </row>
    <row r="3025" spans="1:14" ht="42.75">
      <c r="A3025" s="563"/>
      <c r="B3025" s="484">
        <f t="shared" si="93"/>
        <v>156</v>
      </c>
      <c r="C3025" s="470" t="s">
        <v>26793</v>
      </c>
      <c r="D3025" s="547" t="s">
        <v>26794</v>
      </c>
      <c r="E3025" s="565" t="s">
        <v>643</v>
      </c>
      <c r="F3025" s="566" t="s">
        <v>600</v>
      </c>
      <c r="G3025" s="430"/>
      <c r="H3025" s="432"/>
      <c r="I3025" s="531"/>
      <c r="J3025" s="494"/>
      <c r="K3025" s="501"/>
      <c r="L3025" s="434">
        <v>43497</v>
      </c>
      <c r="M3025" s="434">
        <v>44228</v>
      </c>
      <c r="N3025" s="418" t="str">
        <f t="shared" si="94"/>
        <v/>
      </c>
    </row>
    <row r="3026" spans="1:14" ht="42.75">
      <c r="A3026" s="563"/>
      <c r="B3026" s="484">
        <f t="shared" si="93"/>
        <v>156</v>
      </c>
      <c r="C3026" s="470" t="s">
        <v>26795</v>
      </c>
      <c r="D3026" s="547" t="s">
        <v>26796</v>
      </c>
      <c r="E3026" s="565" t="s">
        <v>643</v>
      </c>
      <c r="F3026" s="566" t="s">
        <v>600</v>
      </c>
      <c r="G3026" s="430"/>
      <c r="H3026" s="432"/>
      <c r="I3026" s="531"/>
      <c r="J3026" s="494"/>
      <c r="K3026" s="501"/>
      <c r="L3026" s="434">
        <v>43497</v>
      </c>
      <c r="M3026" s="434">
        <v>44228</v>
      </c>
      <c r="N3026" s="418" t="str">
        <f t="shared" si="94"/>
        <v/>
      </c>
    </row>
    <row r="3027" spans="1:14" ht="42.75">
      <c r="A3027" s="563"/>
      <c r="B3027" s="484">
        <f t="shared" si="93"/>
        <v>156</v>
      </c>
      <c r="C3027" s="470" t="s">
        <v>26797</v>
      </c>
      <c r="D3027" s="547" t="s">
        <v>26798</v>
      </c>
      <c r="E3027" s="565" t="s">
        <v>643</v>
      </c>
      <c r="F3027" s="566" t="s">
        <v>600</v>
      </c>
      <c r="G3027" s="430" t="s">
        <v>34167</v>
      </c>
      <c r="H3027" s="802">
        <v>44099</v>
      </c>
      <c r="I3027" s="814"/>
      <c r="J3027" s="815"/>
      <c r="K3027" s="430" t="s">
        <v>34168</v>
      </c>
      <c r="L3027" s="434">
        <v>43497</v>
      </c>
      <c r="M3027" s="434">
        <v>44228</v>
      </c>
      <c r="N3027" s="418" t="str">
        <f t="shared" si="94"/>
        <v/>
      </c>
    </row>
    <row r="3028" spans="1:14" ht="42.75">
      <c r="A3028" s="563"/>
      <c r="B3028" s="484">
        <f t="shared" si="93"/>
        <v>156</v>
      </c>
      <c r="C3028" s="470" t="s">
        <v>26799</v>
      </c>
      <c r="D3028" s="547" t="s">
        <v>26800</v>
      </c>
      <c r="E3028" s="565" t="s">
        <v>643</v>
      </c>
      <c r="F3028" s="566" t="s">
        <v>600</v>
      </c>
      <c r="G3028" s="504"/>
      <c r="H3028" s="432"/>
      <c r="I3028" s="531"/>
      <c r="J3028" s="494"/>
      <c r="K3028" s="494"/>
      <c r="L3028" s="434">
        <v>43497</v>
      </c>
      <c r="M3028" s="434">
        <v>44228</v>
      </c>
      <c r="N3028" s="418" t="str">
        <f t="shared" si="94"/>
        <v/>
      </c>
    </row>
    <row r="3029" spans="1:14" ht="42.75">
      <c r="A3029" s="563"/>
      <c r="B3029" s="484">
        <f t="shared" si="93"/>
        <v>156</v>
      </c>
      <c r="C3029" s="470" t="s">
        <v>26801</v>
      </c>
      <c r="D3029" s="547" t="s">
        <v>26802</v>
      </c>
      <c r="E3029" s="565" t="s">
        <v>643</v>
      </c>
      <c r="F3029" s="566" t="s">
        <v>600</v>
      </c>
      <c r="G3029" s="430" t="s">
        <v>34167</v>
      </c>
      <c r="H3029" s="802">
        <v>44099</v>
      </c>
      <c r="I3029" s="803"/>
      <c r="J3029" s="815"/>
      <c r="K3029" s="430" t="s">
        <v>34168</v>
      </c>
      <c r="L3029" s="434">
        <v>43497</v>
      </c>
      <c r="M3029" s="434">
        <v>44228</v>
      </c>
      <c r="N3029" s="418" t="str">
        <f t="shared" si="94"/>
        <v/>
      </c>
    </row>
    <row r="3030" spans="1:14" ht="42.75">
      <c r="A3030" s="563"/>
      <c r="B3030" s="484">
        <f t="shared" si="93"/>
        <v>156</v>
      </c>
      <c r="C3030" s="470" t="s">
        <v>26803</v>
      </c>
      <c r="D3030" s="547" t="s">
        <v>26804</v>
      </c>
      <c r="E3030" s="565" t="s">
        <v>643</v>
      </c>
      <c r="F3030" s="566" t="s">
        <v>600</v>
      </c>
      <c r="G3030" s="809"/>
      <c r="H3030" s="810"/>
      <c r="I3030" s="803"/>
      <c r="J3030" s="494"/>
      <c r="K3030" s="501"/>
      <c r="L3030" s="434">
        <v>43497</v>
      </c>
      <c r="M3030" s="434">
        <v>44228</v>
      </c>
      <c r="N3030" s="418" t="str">
        <f t="shared" si="94"/>
        <v/>
      </c>
    </row>
    <row r="3031" spans="1:14" ht="15.75">
      <c r="A3031" s="563"/>
      <c r="B3031" s="484">
        <f t="shared" si="93"/>
        <v>156</v>
      </c>
      <c r="C3031" s="808" t="s">
        <v>26805</v>
      </c>
      <c r="D3031" s="547" t="s">
        <v>26806</v>
      </c>
      <c r="E3031" s="565" t="s">
        <v>643</v>
      </c>
      <c r="F3031" s="566" t="s">
        <v>600</v>
      </c>
      <c r="G3031" s="809"/>
      <c r="H3031" s="810"/>
      <c r="I3031" s="803"/>
      <c r="J3031" s="494"/>
      <c r="K3031" s="501"/>
      <c r="L3031" s="434">
        <v>43497</v>
      </c>
      <c r="M3031" s="434">
        <v>44228</v>
      </c>
      <c r="N3031" s="418" t="str">
        <f t="shared" si="94"/>
        <v/>
      </c>
    </row>
    <row r="3032" spans="1:14" ht="57">
      <c r="A3032" s="563"/>
      <c r="B3032" s="484">
        <f t="shared" si="93"/>
        <v>156</v>
      </c>
      <c r="C3032" s="470" t="s">
        <v>26807</v>
      </c>
      <c r="D3032" s="547" t="s">
        <v>26808</v>
      </c>
      <c r="E3032" s="565" t="s">
        <v>643</v>
      </c>
      <c r="F3032" s="566" t="s">
        <v>600</v>
      </c>
      <c r="G3032" s="430"/>
      <c r="H3032" s="432"/>
      <c r="I3032" s="531"/>
      <c r="J3032" s="494"/>
      <c r="K3032" s="501"/>
      <c r="L3032" s="434">
        <v>43497</v>
      </c>
      <c r="M3032" s="434">
        <v>44228</v>
      </c>
      <c r="N3032" s="418" t="str">
        <f t="shared" si="94"/>
        <v/>
      </c>
    </row>
    <row r="3033" spans="1:14" ht="57">
      <c r="A3033" s="563"/>
      <c r="B3033" s="484">
        <f t="shared" si="93"/>
        <v>156</v>
      </c>
      <c r="C3033" s="470" t="s">
        <v>26809</v>
      </c>
      <c r="D3033" s="547" t="s">
        <v>26810</v>
      </c>
      <c r="E3033" s="565" t="s">
        <v>643</v>
      </c>
      <c r="F3033" s="566" t="s">
        <v>600</v>
      </c>
      <c r="G3033" s="430"/>
      <c r="H3033" s="432"/>
      <c r="I3033" s="531"/>
      <c r="J3033" s="494"/>
      <c r="K3033" s="501"/>
      <c r="L3033" s="434">
        <v>43497</v>
      </c>
      <c r="M3033" s="434">
        <v>44228</v>
      </c>
      <c r="N3033" s="418" t="str">
        <f t="shared" si="94"/>
        <v/>
      </c>
    </row>
    <row r="3034" spans="1:14" ht="57">
      <c r="A3034" s="563"/>
      <c r="B3034" s="484">
        <f t="shared" ref="B3034:B3057" si="95">IF(A3034&gt;0,A3034,B3033)</f>
        <v>156</v>
      </c>
      <c r="C3034" s="470" t="s">
        <v>26811</v>
      </c>
      <c r="D3034" s="547" t="s">
        <v>26812</v>
      </c>
      <c r="E3034" s="565" t="s">
        <v>643</v>
      </c>
      <c r="F3034" s="566" t="s">
        <v>600</v>
      </c>
      <c r="G3034" s="430"/>
      <c r="H3034" s="432"/>
      <c r="I3034" s="531"/>
      <c r="J3034" s="494"/>
      <c r="K3034" s="501"/>
      <c r="L3034" s="434">
        <v>43497</v>
      </c>
      <c r="M3034" s="434">
        <v>44228</v>
      </c>
      <c r="N3034" s="418" t="str">
        <f t="shared" si="94"/>
        <v/>
      </c>
    </row>
    <row r="3035" spans="1:14" ht="57">
      <c r="A3035" s="563"/>
      <c r="B3035" s="484">
        <f t="shared" si="95"/>
        <v>156</v>
      </c>
      <c r="C3035" s="470" t="s">
        <v>26813</v>
      </c>
      <c r="D3035" s="547" t="s">
        <v>26814</v>
      </c>
      <c r="E3035" s="565" t="s">
        <v>643</v>
      </c>
      <c r="F3035" s="566" t="s">
        <v>600</v>
      </c>
      <c r="G3035" s="430"/>
      <c r="H3035" s="432"/>
      <c r="I3035" s="531"/>
      <c r="J3035" s="494"/>
      <c r="K3035" s="501"/>
      <c r="L3035" s="434">
        <v>43497</v>
      </c>
      <c r="M3035" s="434">
        <v>44228</v>
      </c>
      <c r="N3035" s="418" t="str">
        <f t="shared" si="94"/>
        <v/>
      </c>
    </row>
    <row r="3036" spans="1:14" ht="15.75">
      <c r="A3036" s="563"/>
      <c r="B3036" s="484">
        <f t="shared" si="95"/>
        <v>156</v>
      </c>
      <c r="C3036" s="812" t="s">
        <v>26815</v>
      </c>
      <c r="D3036" s="547"/>
      <c r="E3036" s="565" t="s">
        <v>643</v>
      </c>
      <c r="F3036" s="566" t="s">
        <v>600</v>
      </c>
      <c r="G3036" s="430"/>
      <c r="H3036" s="432"/>
      <c r="I3036" s="531"/>
      <c r="J3036" s="494"/>
      <c r="K3036" s="501"/>
      <c r="L3036" s="434">
        <v>43497</v>
      </c>
      <c r="M3036" s="434">
        <v>44228</v>
      </c>
      <c r="N3036" s="418" t="str">
        <f t="shared" si="94"/>
        <v/>
      </c>
    </row>
    <row r="3037" spans="1:14" ht="31.5">
      <c r="A3037" s="563"/>
      <c r="B3037" s="484">
        <f t="shared" si="95"/>
        <v>156</v>
      </c>
      <c r="C3037" s="808" t="s">
        <v>26816</v>
      </c>
      <c r="D3037" s="547" t="s">
        <v>3543</v>
      </c>
      <c r="E3037" s="565" t="s">
        <v>643</v>
      </c>
      <c r="F3037" s="566" t="s">
        <v>600</v>
      </c>
      <c r="G3037" s="430" t="s">
        <v>34167</v>
      </c>
      <c r="H3037" s="802">
        <v>44099</v>
      </c>
      <c r="I3037" s="803"/>
      <c r="J3037" s="815"/>
      <c r="K3037" s="430" t="s">
        <v>34168</v>
      </c>
      <c r="L3037" s="434">
        <v>43497</v>
      </c>
      <c r="M3037" s="434">
        <v>44228</v>
      </c>
      <c r="N3037" s="418" t="str">
        <f t="shared" si="94"/>
        <v/>
      </c>
    </row>
    <row r="3038" spans="1:14" ht="42.75">
      <c r="A3038" s="563"/>
      <c r="B3038" s="484">
        <f t="shared" si="95"/>
        <v>156</v>
      </c>
      <c r="C3038" s="470" t="s">
        <v>26817</v>
      </c>
      <c r="D3038" s="547" t="s">
        <v>26818</v>
      </c>
      <c r="E3038" s="565" t="s">
        <v>643</v>
      </c>
      <c r="F3038" s="566" t="s">
        <v>600</v>
      </c>
      <c r="G3038" s="430"/>
      <c r="H3038" s="432"/>
      <c r="I3038" s="531"/>
      <c r="J3038" s="494"/>
      <c r="K3038" s="501"/>
      <c r="L3038" s="434">
        <v>43497</v>
      </c>
      <c r="M3038" s="434">
        <v>44228</v>
      </c>
      <c r="N3038" s="418" t="str">
        <f t="shared" si="94"/>
        <v/>
      </c>
    </row>
    <row r="3039" spans="1:14" ht="42.75">
      <c r="A3039" s="563"/>
      <c r="B3039" s="484">
        <f t="shared" si="95"/>
        <v>156</v>
      </c>
      <c r="C3039" s="470" t="s">
        <v>26819</v>
      </c>
      <c r="D3039" s="547" t="s">
        <v>26820</v>
      </c>
      <c r="E3039" s="565" t="s">
        <v>643</v>
      </c>
      <c r="F3039" s="566" t="s">
        <v>600</v>
      </c>
      <c r="G3039" s="430"/>
      <c r="H3039" s="432"/>
      <c r="I3039" s="531"/>
      <c r="J3039" s="494"/>
      <c r="K3039" s="501"/>
      <c r="L3039" s="434">
        <v>43497</v>
      </c>
      <c r="M3039" s="434">
        <v>44228</v>
      </c>
      <c r="N3039" s="418" t="str">
        <f t="shared" si="94"/>
        <v/>
      </c>
    </row>
    <row r="3040" spans="1:14" ht="42.75">
      <c r="A3040" s="563"/>
      <c r="B3040" s="484">
        <f t="shared" si="95"/>
        <v>156</v>
      </c>
      <c r="C3040" s="470" t="s">
        <v>26821</v>
      </c>
      <c r="D3040" s="547" t="s">
        <v>26822</v>
      </c>
      <c r="E3040" s="565" t="s">
        <v>643</v>
      </c>
      <c r="F3040" s="566" t="s">
        <v>600</v>
      </c>
      <c r="G3040" s="430"/>
      <c r="H3040" s="432"/>
      <c r="I3040" s="531"/>
      <c r="J3040" s="494"/>
      <c r="K3040" s="501"/>
      <c r="L3040" s="434">
        <v>43497</v>
      </c>
      <c r="M3040" s="434">
        <v>44228</v>
      </c>
      <c r="N3040" s="418" t="str">
        <f t="shared" si="94"/>
        <v/>
      </c>
    </row>
    <row r="3041" spans="1:14" ht="42.75">
      <c r="A3041" s="563"/>
      <c r="B3041" s="484">
        <f t="shared" si="95"/>
        <v>156</v>
      </c>
      <c r="C3041" s="470" t="s">
        <v>26823</v>
      </c>
      <c r="D3041" s="547" t="s">
        <v>26824</v>
      </c>
      <c r="E3041" s="565" t="s">
        <v>643</v>
      </c>
      <c r="F3041" s="566" t="s">
        <v>600</v>
      </c>
      <c r="G3041" s="430"/>
      <c r="H3041" s="432"/>
      <c r="I3041" s="531"/>
      <c r="J3041" s="494"/>
      <c r="K3041" s="501"/>
      <c r="L3041" s="434">
        <v>43497</v>
      </c>
      <c r="M3041" s="434">
        <v>44228</v>
      </c>
      <c r="N3041" s="418" t="str">
        <f t="shared" si="94"/>
        <v/>
      </c>
    </row>
    <row r="3042" spans="1:14" ht="42.75">
      <c r="A3042" s="563"/>
      <c r="B3042" s="484">
        <f t="shared" si="95"/>
        <v>156</v>
      </c>
      <c r="C3042" s="470" t="s">
        <v>26825</v>
      </c>
      <c r="D3042" s="547" t="s">
        <v>26826</v>
      </c>
      <c r="E3042" s="565" t="s">
        <v>643</v>
      </c>
      <c r="F3042" s="566" t="s">
        <v>600</v>
      </c>
      <c r="G3042" s="430"/>
      <c r="H3042" s="432"/>
      <c r="I3042" s="531"/>
      <c r="J3042" s="494"/>
      <c r="K3042" s="501"/>
      <c r="L3042" s="434">
        <v>43497</v>
      </c>
      <c r="M3042" s="434">
        <v>44228</v>
      </c>
      <c r="N3042" s="418" t="str">
        <f t="shared" si="94"/>
        <v/>
      </c>
    </row>
    <row r="3043" spans="1:14" ht="28.5">
      <c r="A3043" s="563"/>
      <c r="B3043" s="484">
        <f t="shared" si="95"/>
        <v>156</v>
      </c>
      <c r="C3043" s="470" t="s">
        <v>26827</v>
      </c>
      <c r="D3043" s="547" t="s">
        <v>26828</v>
      </c>
      <c r="E3043" s="565" t="s">
        <v>643</v>
      </c>
      <c r="F3043" s="566" t="s">
        <v>600</v>
      </c>
      <c r="G3043" s="430"/>
      <c r="H3043" s="432"/>
      <c r="I3043" s="531"/>
      <c r="J3043" s="494"/>
      <c r="K3043" s="501"/>
      <c r="L3043" s="434">
        <v>43497</v>
      </c>
      <c r="M3043" s="434">
        <v>44228</v>
      </c>
      <c r="N3043" s="418" t="str">
        <f t="shared" si="94"/>
        <v/>
      </c>
    </row>
    <row r="3044" spans="1:14" ht="28.5">
      <c r="A3044" s="563"/>
      <c r="B3044" s="484">
        <f t="shared" si="95"/>
        <v>156</v>
      </c>
      <c r="C3044" s="470" t="s">
        <v>26829</v>
      </c>
      <c r="D3044" s="547" t="s">
        <v>26830</v>
      </c>
      <c r="E3044" s="565" t="s">
        <v>643</v>
      </c>
      <c r="F3044" s="566" t="s">
        <v>600</v>
      </c>
      <c r="G3044" s="430"/>
      <c r="H3044" s="432"/>
      <c r="I3044" s="531"/>
      <c r="J3044" s="494"/>
      <c r="K3044" s="501"/>
      <c r="L3044" s="434">
        <v>43497</v>
      </c>
      <c r="M3044" s="434">
        <v>44228</v>
      </c>
      <c r="N3044" s="418" t="str">
        <f t="shared" si="94"/>
        <v/>
      </c>
    </row>
    <row r="3045" spans="1:14" ht="28.5">
      <c r="A3045" s="563"/>
      <c r="B3045" s="484">
        <f t="shared" si="95"/>
        <v>156</v>
      </c>
      <c r="C3045" s="470" t="s">
        <v>26831</v>
      </c>
      <c r="D3045" s="547" t="s">
        <v>26832</v>
      </c>
      <c r="E3045" s="565" t="s">
        <v>643</v>
      </c>
      <c r="F3045" s="566" t="s">
        <v>600</v>
      </c>
      <c r="G3045" s="430"/>
      <c r="H3045" s="432"/>
      <c r="I3045" s="531"/>
      <c r="J3045" s="494"/>
      <c r="K3045" s="501"/>
      <c r="L3045" s="434">
        <v>43497</v>
      </c>
      <c r="M3045" s="434">
        <v>44228</v>
      </c>
      <c r="N3045" s="418" t="str">
        <f t="shared" si="94"/>
        <v/>
      </c>
    </row>
    <row r="3046" spans="1:14" ht="42.75">
      <c r="A3046" s="563"/>
      <c r="B3046" s="484">
        <f t="shared" si="95"/>
        <v>156</v>
      </c>
      <c r="C3046" s="470" t="s">
        <v>26833</v>
      </c>
      <c r="D3046" s="547" t="s">
        <v>26834</v>
      </c>
      <c r="E3046" s="565" t="s">
        <v>643</v>
      </c>
      <c r="F3046" s="566" t="s">
        <v>600</v>
      </c>
      <c r="G3046" s="430"/>
      <c r="H3046" s="432"/>
      <c r="I3046" s="531"/>
      <c r="J3046" s="494"/>
      <c r="K3046" s="501"/>
      <c r="L3046" s="434">
        <v>43497</v>
      </c>
      <c r="M3046" s="434">
        <v>44228</v>
      </c>
      <c r="N3046" s="418" t="str">
        <f t="shared" si="94"/>
        <v/>
      </c>
    </row>
    <row r="3047" spans="1:14" ht="42.75">
      <c r="A3047" s="563"/>
      <c r="B3047" s="484">
        <f t="shared" si="95"/>
        <v>156</v>
      </c>
      <c r="C3047" s="470" t="s">
        <v>26835</v>
      </c>
      <c r="D3047" s="547" t="s">
        <v>26836</v>
      </c>
      <c r="E3047" s="565" t="s">
        <v>643</v>
      </c>
      <c r="F3047" s="566" t="s">
        <v>600</v>
      </c>
      <c r="G3047" s="430"/>
      <c r="H3047" s="432"/>
      <c r="I3047" s="531"/>
      <c r="J3047" s="494"/>
      <c r="K3047" s="501"/>
      <c r="L3047" s="434">
        <v>43497</v>
      </c>
      <c r="M3047" s="434">
        <v>44228</v>
      </c>
      <c r="N3047" s="418" t="str">
        <f t="shared" si="94"/>
        <v/>
      </c>
    </row>
    <row r="3048" spans="1:14" ht="42.75">
      <c r="A3048" s="563"/>
      <c r="B3048" s="484">
        <f t="shared" si="95"/>
        <v>156</v>
      </c>
      <c r="C3048" s="470" t="s">
        <v>26837</v>
      </c>
      <c r="D3048" s="547" t="s">
        <v>26838</v>
      </c>
      <c r="E3048" s="565" t="s">
        <v>643</v>
      </c>
      <c r="F3048" s="566" t="s">
        <v>600</v>
      </c>
      <c r="G3048" s="430"/>
      <c r="H3048" s="432"/>
      <c r="I3048" s="531"/>
      <c r="J3048" s="494"/>
      <c r="K3048" s="501"/>
      <c r="L3048" s="434">
        <v>43497</v>
      </c>
      <c r="M3048" s="434">
        <v>44228</v>
      </c>
      <c r="N3048" s="418" t="str">
        <f t="shared" si="94"/>
        <v/>
      </c>
    </row>
    <row r="3049" spans="1:14" ht="15.75">
      <c r="A3049" s="563"/>
      <c r="B3049" s="484">
        <f t="shared" si="95"/>
        <v>156</v>
      </c>
      <c r="C3049" s="808" t="s">
        <v>26839</v>
      </c>
      <c r="D3049" s="547" t="s">
        <v>26840</v>
      </c>
      <c r="E3049" s="565" t="s">
        <v>643</v>
      </c>
      <c r="F3049" s="566" t="s">
        <v>600</v>
      </c>
      <c r="G3049" s="809"/>
      <c r="H3049" s="810"/>
      <c r="I3049" s="803"/>
      <c r="J3049" s="494"/>
      <c r="K3049" s="501"/>
      <c r="L3049" s="434">
        <v>43497</v>
      </c>
      <c r="M3049" s="434">
        <v>44228</v>
      </c>
      <c r="N3049" s="418" t="str">
        <f t="shared" si="94"/>
        <v/>
      </c>
    </row>
    <row r="3050" spans="1:14" ht="15.75">
      <c r="A3050" s="563"/>
      <c r="B3050" s="484">
        <f t="shared" si="95"/>
        <v>156</v>
      </c>
      <c r="C3050" s="812" t="s">
        <v>28515</v>
      </c>
      <c r="D3050" s="547"/>
      <c r="E3050" s="565" t="s">
        <v>643</v>
      </c>
      <c r="F3050" s="566" t="s">
        <v>600</v>
      </c>
      <c r="G3050" s="430"/>
      <c r="H3050" s="432"/>
      <c r="I3050" s="531"/>
      <c r="J3050" s="494"/>
      <c r="K3050" s="501"/>
      <c r="L3050" s="434">
        <v>43497</v>
      </c>
      <c r="M3050" s="434">
        <v>44228</v>
      </c>
      <c r="N3050" s="418" t="str">
        <f t="shared" si="94"/>
        <v/>
      </c>
    </row>
    <row r="3051" spans="1:14" ht="15.75">
      <c r="A3051" s="563"/>
      <c r="B3051" s="484">
        <f t="shared" si="95"/>
        <v>156</v>
      </c>
      <c r="C3051" s="808" t="s">
        <v>26841</v>
      </c>
      <c r="D3051" s="547" t="s">
        <v>3541</v>
      </c>
      <c r="E3051" s="565" t="s">
        <v>643</v>
      </c>
      <c r="F3051" s="566" t="s">
        <v>600</v>
      </c>
      <c r="G3051" s="809"/>
      <c r="H3051" s="810"/>
      <c r="I3051" s="803"/>
      <c r="J3051" s="494"/>
      <c r="K3051" s="501"/>
      <c r="L3051" s="434">
        <v>43497</v>
      </c>
      <c r="M3051" s="434">
        <v>44228</v>
      </c>
      <c r="N3051" s="418" t="str">
        <f t="shared" si="94"/>
        <v/>
      </c>
    </row>
    <row r="3052" spans="1:14" ht="42.75">
      <c r="A3052" s="563"/>
      <c r="B3052" s="484">
        <f t="shared" si="95"/>
        <v>156</v>
      </c>
      <c r="C3052" s="470" t="s">
        <v>26842</v>
      </c>
      <c r="D3052" s="547" t="s">
        <v>26843</v>
      </c>
      <c r="E3052" s="565" t="s">
        <v>643</v>
      </c>
      <c r="F3052" s="566" t="s">
        <v>600</v>
      </c>
      <c r="G3052" s="430"/>
      <c r="H3052" s="432"/>
      <c r="I3052" s="531"/>
      <c r="J3052" s="494"/>
      <c r="K3052" s="501"/>
      <c r="L3052" s="434">
        <v>43497</v>
      </c>
      <c r="M3052" s="434">
        <v>44228</v>
      </c>
      <c r="N3052" s="418" t="str">
        <f t="shared" si="94"/>
        <v/>
      </c>
    </row>
    <row r="3053" spans="1:14" ht="15.75">
      <c r="A3053" s="563"/>
      <c r="B3053" s="484">
        <f t="shared" si="95"/>
        <v>156</v>
      </c>
      <c r="C3053" s="812" t="s">
        <v>26844</v>
      </c>
      <c r="D3053" s="547"/>
      <c r="E3053" s="565" t="s">
        <v>643</v>
      </c>
      <c r="F3053" s="566" t="s">
        <v>600</v>
      </c>
      <c r="G3053" s="430"/>
      <c r="H3053" s="432"/>
      <c r="I3053" s="531"/>
      <c r="J3053" s="494"/>
      <c r="K3053" s="501"/>
      <c r="L3053" s="434">
        <v>43497</v>
      </c>
      <c r="M3053" s="434">
        <v>44228</v>
      </c>
      <c r="N3053" s="418" t="str">
        <f t="shared" si="94"/>
        <v/>
      </c>
    </row>
    <row r="3054" spans="1:14" ht="57">
      <c r="A3054" s="563"/>
      <c r="B3054" s="484">
        <f t="shared" si="95"/>
        <v>156</v>
      </c>
      <c r="C3054" s="470" t="s">
        <v>26845</v>
      </c>
      <c r="D3054" s="547" t="s">
        <v>26846</v>
      </c>
      <c r="E3054" s="565" t="s">
        <v>643</v>
      </c>
      <c r="F3054" s="566" t="s">
        <v>600</v>
      </c>
      <c r="G3054" s="430" t="s">
        <v>34167</v>
      </c>
      <c r="H3054" s="802">
        <v>44099</v>
      </c>
      <c r="I3054" s="803"/>
      <c r="J3054" s="815"/>
      <c r="K3054" s="430" t="s">
        <v>34168</v>
      </c>
      <c r="L3054" s="434">
        <v>43497</v>
      </c>
      <c r="M3054" s="434">
        <v>44228</v>
      </c>
      <c r="N3054" s="418" t="str">
        <f t="shared" si="94"/>
        <v/>
      </c>
    </row>
    <row r="3055" spans="1:14" ht="28.5">
      <c r="A3055" s="563"/>
      <c r="B3055" s="484">
        <f t="shared" si="95"/>
        <v>156</v>
      </c>
      <c r="C3055" s="470" t="s">
        <v>26847</v>
      </c>
      <c r="D3055" s="547" t="s">
        <v>26848</v>
      </c>
      <c r="E3055" s="565" t="s">
        <v>643</v>
      </c>
      <c r="F3055" s="566" t="s">
        <v>600</v>
      </c>
      <c r="G3055" s="809"/>
      <c r="H3055" s="810"/>
      <c r="I3055" s="803"/>
      <c r="J3055" s="494"/>
      <c r="K3055" s="501"/>
      <c r="L3055" s="434">
        <v>43497</v>
      </c>
      <c r="M3055" s="434">
        <v>44228</v>
      </c>
      <c r="N3055" s="418" t="str">
        <f t="shared" si="94"/>
        <v/>
      </c>
    </row>
    <row r="3056" spans="1:14" ht="42.75">
      <c r="A3056" s="563"/>
      <c r="B3056" s="484">
        <f t="shared" si="95"/>
        <v>156</v>
      </c>
      <c r="C3056" s="470" t="s">
        <v>26849</v>
      </c>
      <c r="D3056" s="547" t="s">
        <v>26850</v>
      </c>
      <c r="E3056" s="565" t="s">
        <v>643</v>
      </c>
      <c r="F3056" s="566" t="s">
        <v>600</v>
      </c>
      <c r="G3056" s="809"/>
      <c r="H3056" s="810"/>
      <c r="I3056" s="803"/>
      <c r="J3056" s="494"/>
      <c r="K3056" s="501"/>
      <c r="L3056" s="434">
        <v>43497</v>
      </c>
      <c r="M3056" s="434">
        <v>44228</v>
      </c>
      <c r="N3056" s="418" t="str">
        <f t="shared" si="94"/>
        <v/>
      </c>
    </row>
    <row r="3057" spans="1:14" ht="28.5">
      <c r="A3057" s="563"/>
      <c r="B3057" s="484">
        <f t="shared" si="95"/>
        <v>156</v>
      </c>
      <c r="C3057" s="470" t="s">
        <v>26851</v>
      </c>
      <c r="D3057" s="547" t="s">
        <v>26852</v>
      </c>
      <c r="E3057" s="565" t="s">
        <v>643</v>
      </c>
      <c r="F3057" s="566" t="s">
        <v>600</v>
      </c>
      <c r="G3057" s="809"/>
      <c r="H3057" s="810"/>
      <c r="I3057" s="803"/>
      <c r="J3057" s="494"/>
      <c r="K3057" s="501"/>
      <c r="L3057" s="434">
        <v>43497</v>
      </c>
      <c r="M3057" s="434">
        <v>44228</v>
      </c>
      <c r="N3057" s="418" t="str">
        <f t="shared" si="94"/>
        <v/>
      </c>
    </row>
    <row r="3058" spans="1:14" ht="28.5">
      <c r="A3058" s="563"/>
      <c r="B3058" s="484">
        <f>IF(A3058&gt;0,A3058,B3057)</f>
        <v>156</v>
      </c>
      <c r="C3058" s="470" t="s">
        <v>26853</v>
      </c>
      <c r="D3058" s="547" t="s">
        <v>26854</v>
      </c>
      <c r="E3058" s="565" t="s">
        <v>643</v>
      </c>
      <c r="F3058" s="566" t="s">
        <v>600</v>
      </c>
      <c r="G3058" s="809"/>
      <c r="H3058" s="810"/>
      <c r="I3058" s="803"/>
      <c r="J3058" s="494"/>
      <c r="K3058" s="501"/>
      <c r="L3058" s="434">
        <v>43497</v>
      </c>
      <c r="M3058" s="434">
        <v>44228</v>
      </c>
      <c r="N3058" s="418" t="str">
        <f t="shared" si="94"/>
        <v/>
      </c>
    </row>
    <row r="3059" spans="1:14" ht="15.75">
      <c r="A3059" s="563"/>
      <c r="B3059" s="484">
        <f>IF(A3059&gt;0,A3059,B3058)</f>
        <v>156</v>
      </c>
      <c r="C3059" s="470" t="s">
        <v>34169</v>
      </c>
      <c r="D3059" s="547" t="s">
        <v>34170</v>
      </c>
      <c r="E3059" s="565" t="s">
        <v>643</v>
      </c>
      <c r="F3059" s="566" t="s">
        <v>600</v>
      </c>
      <c r="G3059" s="430"/>
      <c r="H3059" s="432"/>
      <c r="I3059" s="531"/>
      <c r="J3059" s="816"/>
      <c r="K3059" s="501"/>
      <c r="L3059" s="434">
        <v>44228</v>
      </c>
      <c r="M3059" s="434"/>
      <c r="N3059" s="418"/>
    </row>
    <row r="3060" spans="1:14" ht="28.5">
      <c r="A3060" s="563"/>
      <c r="B3060" s="484">
        <f t="shared" ref="B3060:B3123" si="96">IF(A3060&gt;0,A3060,B3059)</f>
        <v>156</v>
      </c>
      <c r="C3060" s="470" t="s">
        <v>34171</v>
      </c>
      <c r="D3060" s="547" t="s">
        <v>34172</v>
      </c>
      <c r="E3060" s="565" t="s">
        <v>643</v>
      </c>
      <c r="F3060" s="566" t="s">
        <v>600</v>
      </c>
      <c r="G3060" s="430"/>
      <c r="H3060" s="432"/>
      <c r="I3060" s="531"/>
      <c r="J3060" s="816"/>
      <c r="K3060" s="501"/>
      <c r="L3060" s="434">
        <v>44228</v>
      </c>
      <c r="M3060" s="434"/>
      <c r="N3060" s="418"/>
    </row>
    <row r="3061" spans="1:14" ht="28.5">
      <c r="A3061" s="563"/>
      <c r="B3061" s="484">
        <f t="shared" si="96"/>
        <v>156</v>
      </c>
      <c r="C3061" s="470" t="s">
        <v>34173</v>
      </c>
      <c r="D3061" s="547" t="s">
        <v>34174</v>
      </c>
      <c r="E3061" s="565" t="s">
        <v>643</v>
      </c>
      <c r="F3061" s="566" t="s">
        <v>600</v>
      </c>
      <c r="G3061" s="430"/>
      <c r="H3061" s="432"/>
      <c r="I3061" s="531"/>
      <c r="J3061" s="816"/>
      <c r="K3061" s="501"/>
      <c r="L3061" s="434">
        <v>44228</v>
      </c>
      <c r="M3061" s="434"/>
      <c r="N3061" s="418"/>
    </row>
    <row r="3062" spans="1:14" ht="28.5">
      <c r="A3062" s="563"/>
      <c r="B3062" s="484">
        <f t="shared" si="96"/>
        <v>156</v>
      </c>
      <c r="C3062" s="470" t="s">
        <v>34175</v>
      </c>
      <c r="D3062" s="547" t="s">
        <v>34176</v>
      </c>
      <c r="E3062" s="565" t="s">
        <v>643</v>
      </c>
      <c r="F3062" s="566" t="s">
        <v>600</v>
      </c>
      <c r="G3062" s="430"/>
      <c r="H3062" s="432"/>
      <c r="I3062" s="531"/>
      <c r="J3062" s="816"/>
      <c r="K3062" s="501"/>
      <c r="L3062" s="434">
        <v>44228</v>
      </c>
      <c r="M3062" s="434"/>
      <c r="N3062" s="418"/>
    </row>
    <row r="3063" spans="1:14" ht="15.75">
      <c r="A3063" s="563"/>
      <c r="B3063" s="484">
        <f t="shared" si="96"/>
        <v>156</v>
      </c>
      <c r="C3063" s="470" t="s">
        <v>34177</v>
      </c>
      <c r="D3063" s="547" t="s">
        <v>34178</v>
      </c>
      <c r="E3063" s="565" t="s">
        <v>643</v>
      </c>
      <c r="F3063" s="566" t="s">
        <v>600</v>
      </c>
      <c r="G3063" s="430"/>
      <c r="H3063" s="432"/>
      <c r="I3063" s="531"/>
      <c r="J3063" s="816"/>
      <c r="K3063" s="501"/>
      <c r="L3063" s="434">
        <v>44228</v>
      </c>
      <c r="M3063" s="434"/>
      <c r="N3063" s="418"/>
    </row>
    <row r="3064" spans="1:14" ht="28.5">
      <c r="A3064" s="563"/>
      <c r="B3064" s="484">
        <f t="shared" si="96"/>
        <v>156</v>
      </c>
      <c r="C3064" s="470" t="s">
        <v>34179</v>
      </c>
      <c r="D3064" s="547" t="s">
        <v>34180</v>
      </c>
      <c r="E3064" s="565" t="s">
        <v>643</v>
      </c>
      <c r="F3064" s="566" t="s">
        <v>600</v>
      </c>
      <c r="G3064" s="430"/>
      <c r="H3064" s="432"/>
      <c r="I3064" s="531"/>
      <c r="J3064" s="816"/>
      <c r="K3064" s="501"/>
      <c r="L3064" s="434">
        <v>44228</v>
      </c>
      <c r="M3064" s="434"/>
      <c r="N3064" s="418"/>
    </row>
    <row r="3065" spans="1:14" ht="15.75">
      <c r="A3065" s="563"/>
      <c r="B3065" s="484">
        <f t="shared" si="96"/>
        <v>156</v>
      </c>
      <c r="C3065" s="470" t="s">
        <v>34181</v>
      </c>
      <c r="D3065" s="547" t="s">
        <v>34182</v>
      </c>
      <c r="E3065" s="565" t="s">
        <v>643</v>
      </c>
      <c r="F3065" s="566" t="s">
        <v>600</v>
      </c>
      <c r="G3065" s="430"/>
      <c r="H3065" s="432"/>
      <c r="I3065" s="531"/>
      <c r="J3065" s="816"/>
      <c r="K3065" s="501"/>
      <c r="L3065" s="434">
        <v>44228</v>
      </c>
      <c r="M3065" s="434"/>
      <c r="N3065" s="418"/>
    </row>
    <row r="3066" spans="1:14" ht="28.5">
      <c r="A3066" s="563"/>
      <c r="B3066" s="484">
        <f t="shared" si="96"/>
        <v>156</v>
      </c>
      <c r="C3066" s="470" t="s">
        <v>34183</v>
      </c>
      <c r="D3066" s="547" t="s">
        <v>34184</v>
      </c>
      <c r="E3066" s="565" t="s">
        <v>643</v>
      </c>
      <c r="F3066" s="566" t="s">
        <v>600</v>
      </c>
      <c r="G3066" s="430"/>
      <c r="H3066" s="432"/>
      <c r="I3066" s="531"/>
      <c r="J3066" s="816"/>
      <c r="K3066" s="501"/>
      <c r="L3066" s="434">
        <v>44228</v>
      </c>
      <c r="M3066" s="434"/>
      <c r="N3066" s="418"/>
    </row>
    <row r="3067" spans="1:14" ht="28.5">
      <c r="A3067" s="563"/>
      <c r="B3067" s="484">
        <f t="shared" si="96"/>
        <v>156</v>
      </c>
      <c r="C3067" s="470" t="s">
        <v>34185</v>
      </c>
      <c r="D3067" s="547" t="s">
        <v>34186</v>
      </c>
      <c r="E3067" s="565" t="s">
        <v>643</v>
      </c>
      <c r="F3067" s="566" t="s">
        <v>600</v>
      </c>
      <c r="G3067" s="430"/>
      <c r="H3067" s="432"/>
      <c r="I3067" s="531"/>
      <c r="J3067" s="816"/>
      <c r="K3067" s="501"/>
      <c r="L3067" s="434">
        <v>44228</v>
      </c>
      <c r="M3067" s="434"/>
      <c r="N3067" s="418"/>
    </row>
    <row r="3068" spans="1:14" ht="28.5">
      <c r="A3068" s="563"/>
      <c r="B3068" s="484">
        <f t="shared" si="96"/>
        <v>156</v>
      </c>
      <c r="C3068" s="470" t="s">
        <v>34187</v>
      </c>
      <c r="D3068" s="547" t="s">
        <v>34188</v>
      </c>
      <c r="E3068" s="565" t="s">
        <v>643</v>
      </c>
      <c r="F3068" s="566" t="s">
        <v>600</v>
      </c>
      <c r="G3068" s="430"/>
      <c r="H3068" s="432"/>
      <c r="I3068" s="531"/>
      <c r="J3068" s="816"/>
      <c r="K3068" s="501"/>
      <c r="L3068" s="434">
        <v>44228</v>
      </c>
      <c r="M3068" s="434"/>
      <c r="N3068" s="418"/>
    </row>
    <row r="3069" spans="1:14" ht="28.5">
      <c r="A3069" s="563"/>
      <c r="B3069" s="484">
        <f t="shared" si="96"/>
        <v>156</v>
      </c>
      <c r="C3069" s="470" t="s">
        <v>34189</v>
      </c>
      <c r="D3069" s="547" t="s">
        <v>34190</v>
      </c>
      <c r="E3069" s="565" t="s">
        <v>643</v>
      </c>
      <c r="F3069" s="566" t="s">
        <v>600</v>
      </c>
      <c r="G3069" s="430"/>
      <c r="H3069" s="432"/>
      <c r="I3069" s="531"/>
      <c r="J3069" s="816"/>
      <c r="K3069" s="501"/>
      <c r="L3069" s="434">
        <v>44228</v>
      </c>
      <c r="M3069" s="434"/>
      <c r="N3069" s="418"/>
    </row>
    <row r="3070" spans="1:14" ht="28.5">
      <c r="A3070" s="563"/>
      <c r="B3070" s="484">
        <f t="shared" si="96"/>
        <v>156</v>
      </c>
      <c r="C3070" s="470" t="s">
        <v>34191</v>
      </c>
      <c r="D3070" s="547" t="s">
        <v>34192</v>
      </c>
      <c r="E3070" s="565" t="s">
        <v>643</v>
      </c>
      <c r="F3070" s="566" t="s">
        <v>600</v>
      </c>
      <c r="G3070" s="430"/>
      <c r="H3070" s="432"/>
      <c r="I3070" s="531"/>
      <c r="J3070" s="816"/>
      <c r="K3070" s="501"/>
      <c r="L3070" s="434">
        <v>44228</v>
      </c>
      <c r="M3070" s="434"/>
      <c r="N3070" s="418"/>
    </row>
    <row r="3071" spans="1:14" ht="28.5">
      <c r="A3071" s="563"/>
      <c r="B3071" s="484">
        <f t="shared" si="96"/>
        <v>156</v>
      </c>
      <c r="C3071" s="470" t="s">
        <v>34193</v>
      </c>
      <c r="D3071" s="547" t="s">
        <v>34194</v>
      </c>
      <c r="E3071" s="565" t="s">
        <v>643</v>
      </c>
      <c r="F3071" s="566" t="s">
        <v>600</v>
      </c>
      <c r="G3071" s="430"/>
      <c r="H3071" s="432"/>
      <c r="I3071" s="531"/>
      <c r="J3071" s="816"/>
      <c r="K3071" s="501"/>
      <c r="L3071" s="434">
        <v>44228</v>
      </c>
      <c r="M3071" s="434"/>
      <c r="N3071" s="418"/>
    </row>
    <row r="3072" spans="1:14" ht="42.75">
      <c r="A3072" s="563"/>
      <c r="B3072" s="484">
        <f t="shared" si="96"/>
        <v>156</v>
      </c>
      <c r="C3072" s="470" t="s">
        <v>34195</v>
      </c>
      <c r="D3072" s="547" t="s">
        <v>34196</v>
      </c>
      <c r="E3072" s="565" t="s">
        <v>643</v>
      </c>
      <c r="F3072" s="566" t="s">
        <v>600</v>
      </c>
      <c r="G3072" s="430"/>
      <c r="H3072" s="432"/>
      <c r="I3072" s="531"/>
      <c r="J3072" s="816"/>
      <c r="K3072" s="501"/>
      <c r="L3072" s="434">
        <v>44228</v>
      </c>
      <c r="M3072" s="434"/>
      <c r="N3072" s="418"/>
    </row>
    <row r="3073" spans="1:14" ht="28.5">
      <c r="A3073" s="563"/>
      <c r="B3073" s="484">
        <f t="shared" si="96"/>
        <v>156</v>
      </c>
      <c r="C3073" s="470" t="s">
        <v>34197</v>
      </c>
      <c r="D3073" s="547" t="s">
        <v>34198</v>
      </c>
      <c r="E3073" s="565" t="s">
        <v>643</v>
      </c>
      <c r="F3073" s="566" t="s">
        <v>600</v>
      </c>
      <c r="G3073" s="430"/>
      <c r="H3073" s="432"/>
      <c r="I3073" s="531"/>
      <c r="J3073" s="816"/>
      <c r="K3073" s="501"/>
      <c r="L3073" s="434">
        <v>44228</v>
      </c>
      <c r="M3073" s="434"/>
      <c r="N3073" s="418"/>
    </row>
    <row r="3074" spans="1:14" ht="28.5">
      <c r="A3074" s="563"/>
      <c r="B3074" s="484">
        <f t="shared" si="96"/>
        <v>156</v>
      </c>
      <c r="C3074" s="470" t="s">
        <v>34199</v>
      </c>
      <c r="D3074" s="547" t="s">
        <v>34200</v>
      </c>
      <c r="E3074" s="565" t="s">
        <v>643</v>
      </c>
      <c r="F3074" s="566" t="s">
        <v>600</v>
      </c>
      <c r="G3074" s="430"/>
      <c r="H3074" s="432"/>
      <c r="I3074" s="531"/>
      <c r="J3074" s="816"/>
      <c r="K3074" s="501"/>
      <c r="L3074" s="434">
        <v>44228</v>
      </c>
      <c r="M3074" s="434"/>
      <c r="N3074" s="418"/>
    </row>
    <row r="3075" spans="1:14" ht="28.5">
      <c r="A3075" s="563"/>
      <c r="B3075" s="484">
        <f t="shared" si="96"/>
        <v>156</v>
      </c>
      <c r="C3075" s="470" t="s">
        <v>34201</v>
      </c>
      <c r="D3075" s="547" t="s">
        <v>34202</v>
      </c>
      <c r="E3075" s="565" t="s">
        <v>643</v>
      </c>
      <c r="F3075" s="566" t="s">
        <v>600</v>
      </c>
      <c r="G3075" s="430"/>
      <c r="H3075" s="432"/>
      <c r="I3075" s="531"/>
      <c r="J3075" s="816"/>
      <c r="K3075" s="501"/>
      <c r="L3075" s="434">
        <v>44228</v>
      </c>
      <c r="M3075" s="434"/>
      <c r="N3075" s="418"/>
    </row>
    <row r="3076" spans="1:14" ht="28.5">
      <c r="A3076" s="563"/>
      <c r="B3076" s="484">
        <f t="shared" si="96"/>
        <v>156</v>
      </c>
      <c r="C3076" s="470" t="s">
        <v>34203</v>
      </c>
      <c r="D3076" s="547" t="s">
        <v>34204</v>
      </c>
      <c r="E3076" s="565" t="s">
        <v>643</v>
      </c>
      <c r="F3076" s="566" t="s">
        <v>600</v>
      </c>
      <c r="G3076" s="430"/>
      <c r="H3076" s="432"/>
      <c r="I3076" s="531"/>
      <c r="J3076" s="816"/>
      <c r="K3076" s="501"/>
      <c r="L3076" s="434">
        <v>44228</v>
      </c>
      <c r="M3076" s="434"/>
      <c r="N3076" s="418"/>
    </row>
    <row r="3077" spans="1:14" ht="28.5">
      <c r="A3077" s="563"/>
      <c r="B3077" s="484">
        <f t="shared" si="96"/>
        <v>156</v>
      </c>
      <c r="C3077" s="470" t="s">
        <v>34205</v>
      </c>
      <c r="D3077" s="547" t="s">
        <v>34206</v>
      </c>
      <c r="E3077" s="565" t="s">
        <v>643</v>
      </c>
      <c r="F3077" s="566" t="s">
        <v>600</v>
      </c>
      <c r="G3077" s="430"/>
      <c r="H3077" s="432"/>
      <c r="I3077" s="531"/>
      <c r="J3077" s="816"/>
      <c r="K3077" s="501"/>
      <c r="L3077" s="434">
        <v>44228</v>
      </c>
      <c r="M3077" s="434"/>
      <c r="N3077" s="418"/>
    </row>
    <row r="3078" spans="1:14" ht="28.5">
      <c r="A3078" s="563"/>
      <c r="B3078" s="484">
        <f t="shared" si="96"/>
        <v>156</v>
      </c>
      <c r="C3078" s="470" t="s">
        <v>34207</v>
      </c>
      <c r="D3078" s="547" t="s">
        <v>34208</v>
      </c>
      <c r="E3078" s="565" t="s">
        <v>643</v>
      </c>
      <c r="F3078" s="566" t="s">
        <v>600</v>
      </c>
      <c r="G3078" s="430"/>
      <c r="H3078" s="432"/>
      <c r="I3078" s="531"/>
      <c r="J3078" s="816"/>
      <c r="K3078" s="501"/>
      <c r="L3078" s="434">
        <v>44228</v>
      </c>
      <c r="M3078" s="434"/>
      <c r="N3078" s="418"/>
    </row>
    <row r="3079" spans="1:14" ht="15.75">
      <c r="A3079" s="563"/>
      <c r="B3079" s="484">
        <f t="shared" si="96"/>
        <v>156</v>
      </c>
      <c r="C3079" s="470" t="s">
        <v>34209</v>
      </c>
      <c r="D3079" s="547" t="s">
        <v>34210</v>
      </c>
      <c r="E3079" s="565" t="s">
        <v>643</v>
      </c>
      <c r="F3079" s="566" t="s">
        <v>600</v>
      </c>
      <c r="G3079" s="430"/>
      <c r="H3079" s="432"/>
      <c r="I3079" s="531"/>
      <c r="J3079" s="816"/>
      <c r="K3079" s="501"/>
      <c r="L3079" s="434">
        <v>44228</v>
      </c>
      <c r="M3079" s="434"/>
      <c r="N3079" s="418"/>
    </row>
    <row r="3080" spans="1:14" ht="28.5">
      <c r="A3080" s="563"/>
      <c r="B3080" s="484">
        <f t="shared" si="96"/>
        <v>156</v>
      </c>
      <c r="C3080" s="470" t="s">
        <v>34211</v>
      </c>
      <c r="D3080" s="547" t="s">
        <v>34212</v>
      </c>
      <c r="E3080" s="565" t="s">
        <v>643</v>
      </c>
      <c r="F3080" s="566" t="s">
        <v>600</v>
      </c>
      <c r="G3080" s="430"/>
      <c r="H3080" s="432"/>
      <c r="I3080" s="531"/>
      <c r="J3080" s="816"/>
      <c r="K3080" s="501"/>
      <c r="L3080" s="434">
        <v>44228</v>
      </c>
      <c r="M3080" s="434"/>
      <c r="N3080" s="418"/>
    </row>
    <row r="3081" spans="1:14" ht="42.75">
      <c r="A3081" s="563"/>
      <c r="B3081" s="484">
        <f t="shared" si="96"/>
        <v>156</v>
      </c>
      <c r="C3081" s="470" t="s">
        <v>34213</v>
      </c>
      <c r="D3081" s="547" t="s">
        <v>34214</v>
      </c>
      <c r="E3081" s="565" t="s">
        <v>643</v>
      </c>
      <c r="F3081" s="566" t="s">
        <v>600</v>
      </c>
      <c r="G3081" s="430"/>
      <c r="H3081" s="432"/>
      <c r="I3081" s="531"/>
      <c r="J3081" s="816"/>
      <c r="K3081" s="501"/>
      <c r="L3081" s="434">
        <v>44228</v>
      </c>
      <c r="M3081" s="434"/>
      <c r="N3081" s="418"/>
    </row>
    <row r="3082" spans="1:14" ht="15.75">
      <c r="A3082" s="563"/>
      <c r="B3082" s="484">
        <f t="shared" si="96"/>
        <v>156</v>
      </c>
      <c r="C3082" s="470" t="s">
        <v>34215</v>
      </c>
      <c r="D3082" s="547" t="s">
        <v>34216</v>
      </c>
      <c r="E3082" s="565" t="s">
        <v>643</v>
      </c>
      <c r="F3082" s="566" t="s">
        <v>600</v>
      </c>
      <c r="G3082" s="430"/>
      <c r="H3082" s="432"/>
      <c r="I3082" s="531"/>
      <c r="J3082" s="816"/>
      <c r="K3082" s="501"/>
      <c r="L3082" s="434">
        <v>44228</v>
      </c>
      <c r="M3082" s="434"/>
      <c r="N3082" s="418"/>
    </row>
    <row r="3083" spans="1:14" ht="28.5">
      <c r="A3083" s="563"/>
      <c r="B3083" s="484">
        <f t="shared" si="96"/>
        <v>156</v>
      </c>
      <c r="C3083" s="470" t="s">
        <v>34217</v>
      </c>
      <c r="D3083" s="547" t="s">
        <v>34218</v>
      </c>
      <c r="E3083" s="565" t="s">
        <v>643</v>
      </c>
      <c r="F3083" s="566" t="s">
        <v>600</v>
      </c>
      <c r="G3083" s="430"/>
      <c r="H3083" s="432"/>
      <c r="I3083" s="531"/>
      <c r="J3083" s="816"/>
      <c r="K3083" s="501"/>
      <c r="L3083" s="434">
        <v>44228</v>
      </c>
      <c r="M3083" s="434"/>
      <c r="N3083" s="418"/>
    </row>
    <row r="3084" spans="1:14" ht="28.5">
      <c r="A3084" s="563"/>
      <c r="B3084" s="484">
        <f t="shared" si="96"/>
        <v>156</v>
      </c>
      <c r="C3084" s="470" t="s">
        <v>34219</v>
      </c>
      <c r="D3084" s="547" t="s">
        <v>34220</v>
      </c>
      <c r="E3084" s="565" t="s">
        <v>643</v>
      </c>
      <c r="F3084" s="566" t="s">
        <v>600</v>
      </c>
      <c r="G3084" s="430"/>
      <c r="H3084" s="432"/>
      <c r="I3084" s="531"/>
      <c r="J3084" s="816"/>
      <c r="K3084" s="501"/>
      <c r="L3084" s="434">
        <v>44228</v>
      </c>
      <c r="M3084" s="434"/>
      <c r="N3084" s="418"/>
    </row>
    <row r="3085" spans="1:14" ht="42.75">
      <c r="A3085" s="563"/>
      <c r="B3085" s="484">
        <f t="shared" si="96"/>
        <v>156</v>
      </c>
      <c r="C3085" s="470" t="s">
        <v>34221</v>
      </c>
      <c r="D3085" s="547" t="s">
        <v>34222</v>
      </c>
      <c r="E3085" s="565" t="s">
        <v>643</v>
      </c>
      <c r="F3085" s="566" t="s">
        <v>600</v>
      </c>
      <c r="G3085" s="430"/>
      <c r="H3085" s="432"/>
      <c r="I3085" s="531"/>
      <c r="J3085" s="816"/>
      <c r="K3085" s="501"/>
      <c r="L3085" s="434">
        <v>44228</v>
      </c>
      <c r="M3085" s="434"/>
      <c r="N3085" s="418"/>
    </row>
    <row r="3086" spans="1:14" ht="28.5">
      <c r="A3086" s="563"/>
      <c r="B3086" s="484">
        <f t="shared" si="96"/>
        <v>156</v>
      </c>
      <c r="C3086" s="470" t="s">
        <v>34223</v>
      </c>
      <c r="D3086" s="547" t="s">
        <v>34224</v>
      </c>
      <c r="E3086" s="565" t="s">
        <v>643</v>
      </c>
      <c r="F3086" s="566" t="s">
        <v>600</v>
      </c>
      <c r="G3086" s="430"/>
      <c r="H3086" s="432"/>
      <c r="I3086" s="531"/>
      <c r="J3086" s="816"/>
      <c r="K3086" s="501"/>
      <c r="L3086" s="434">
        <v>44228</v>
      </c>
      <c r="M3086" s="434"/>
      <c r="N3086" s="418"/>
    </row>
    <row r="3087" spans="1:14" ht="42.75">
      <c r="A3087" s="563"/>
      <c r="B3087" s="484">
        <f t="shared" si="96"/>
        <v>156</v>
      </c>
      <c r="C3087" s="470" t="s">
        <v>34225</v>
      </c>
      <c r="D3087" s="547" t="s">
        <v>34226</v>
      </c>
      <c r="E3087" s="565" t="s">
        <v>643</v>
      </c>
      <c r="F3087" s="566" t="s">
        <v>600</v>
      </c>
      <c r="G3087" s="430"/>
      <c r="H3087" s="432"/>
      <c r="I3087" s="531"/>
      <c r="J3087" s="816"/>
      <c r="K3087" s="501"/>
      <c r="L3087" s="434">
        <v>44228</v>
      </c>
      <c r="M3087" s="434"/>
      <c r="N3087" s="418"/>
    </row>
    <row r="3088" spans="1:14" ht="28.5">
      <c r="A3088" s="563"/>
      <c r="B3088" s="484">
        <f t="shared" si="96"/>
        <v>156</v>
      </c>
      <c r="C3088" s="470" t="s">
        <v>34227</v>
      </c>
      <c r="D3088" s="547" t="s">
        <v>34228</v>
      </c>
      <c r="E3088" s="565" t="s">
        <v>643</v>
      </c>
      <c r="F3088" s="566" t="s">
        <v>600</v>
      </c>
      <c r="G3088" s="430"/>
      <c r="H3088" s="432"/>
      <c r="I3088" s="531"/>
      <c r="J3088" s="816"/>
      <c r="K3088" s="501"/>
      <c r="L3088" s="434">
        <v>44228</v>
      </c>
      <c r="M3088" s="434"/>
      <c r="N3088" s="418"/>
    </row>
    <row r="3089" spans="1:14" ht="15.75">
      <c r="A3089" s="563"/>
      <c r="B3089" s="484">
        <f t="shared" si="96"/>
        <v>156</v>
      </c>
      <c r="C3089" s="470" t="s">
        <v>34229</v>
      </c>
      <c r="D3089" s="547" t="s">
        <v>34230</v>
      </c>
      <c r="E3089" s="565" t="s">
        <v>643</v>
      </c>
      <c r="F3089" s="566" t="s">
        <v>600</v>
      </c>
      <c r="G3089" s="430"/>
      <c r="H3089" s="432"/>
      <c r="I3089" s="531"/>
      <c r="J3089" s="816"/>
      <c r="K3089" s="501"/>
      <c r="L3089" s="434">
        <v>44228</v>
      </c>
      <c r="M3089" s="434"/>
      <c r="N3089" s="418"/>
    </row>
    <row r="3090" spans="1:14" ht="28.5">
      <c r="A3090" s="563"/>
      <c r="B3090" s="484">
        <f t="shared" si="96"/>
        <v>156</v>
      </c>
      <c r="C3090" s="470" t="s">
        <v>34231</v>
      </c>
      <c r="D3090" s="547" t="s">
        <v>34232</v>
      </c>
      <c r="E3090" s="565" t="s">
        <v>643</v>
      </c>
      <c r="F3090" s="566" t="s">
        <v>600</v>
      </c>
      <c r="G3090" s="430"/>
      <c r="H3090" s="432"/>
      <c r="I3090" s="531"/>
      <c r="J3090" s="816"/>
      <c r="K3090" s="501"/>
      <c r="L3090" s="434">
        <v>44228</v>
      </c>
      <c r="M3090" s="434"/>
      <c r="N3090" s="418"/>
    </row>
    <row r="3091" spans="1:14" ht="28.5">
      <c r="A3091" s="563"/>
      <c r="B3091" s="484">
        <f t="shared" si="96"/>
        <v>156</v>
      </c>
      <c r="C3091" s="470" t="s">
        <v>34233</v>
      </c>
      <c r="D3091" s="547" t="s">
        <v>34234</v>
      </c>
      <c r="E3091" s="565" t="s">
        <v>643</v>
      </c>
      <c r="F3091" s="566" t="s">
        <v>600</v>
      </c>
      <c r="G3091" s="430"/>
      <c r="H3091" s="432"/>
      <c r="I3091" s="531"/>
      <c r="J3091" s="816"/>
      <c r="K3091" s="501"/>
      <c r="L3091" s="434">
        <v>44228</v>
      </c>
      <c r="M3091" s="434"/>
      <c r="N3091" s="418"/>
    </row>
    <row r="3092" spans="1:14" ht="28.5">
      <c r="A3092" s="563"/>
      <c r="B3092" s="484">
        <f t="shared" si="96"/>
        <v>156</v>
      </c>
      <c r="C3092" s="470" t="s">
        <v>34235</v>
      </c>
      <c r="D3092" s="547" t="s">
        <v>34236</v>
      </c>
      <c r="E3092" s="565" t="s">
        <v>643</v>
      </c>
      <c r="F3092" s="566" t="s">
        <v>600</v>
      </c>
      <c r="G3092" s="430"/>
      <c r="H3092" s="432"/>
      <c r="I3092" s="531"/>
      <c r="J3092" s="816"/>
      <c r="K3092" s="501"/>
      <c r="L3092" s="434">
        <v>44228</v>
      </c>
      <c r="M3092" s="434"/>
      <c r="N3092" s="418"/>
    </row>
    <row r="3093" spans="1:14" ht="28.5">
      <c r="A3093" s="563"/>
      <c r="B3093" s="484">
        <f t="shared" si="96"/>
        <v>156</v>
      </c>
      <c r="C3093" s="470" t="s">
        <v>34237</v>
      </c>
      <c r="D3093" s="547" t="s">
        <v>34238</v>
      </c>
      <c r="E3093" s="565" t="s">
        <v>643</v>
      </c>
      <c r="F3093" s="566" t="s">
        <v>600</v>
      </c>
      <c r="G3093" s="430"/>
      <c r="H3093" s="432"/>
      <c r="I3093" s="531"/>
      <c r="J3093" s="816"/>
      <c r="K3093" s="501"/>
      <c r="L3093" s="434">
        <v>44228</v>
      </c>
      <c r="M3093" s="434"/>
      <c r="N3093" s="418"/>
    </row>
    <row r="3094" spans="1:14" ht="28.5">
      <c r="A3094" s="563"/>
      <c r="B3094" s="484">
        <f t="shared" si="96"/>
        <v>156</v>
      </c>
      <c r="C3094" s="470" t="s">
        <v>34239</v>
      </c>
      <c r="D3094" s="547" t="s">
        <v>34240</v>
      </c>
      <c r="E3094" s="565" t="s">
        <v>643</v>
      </c>
      <c r="F3094" s="566" t="s">
        <v>600</v>
      </c>
      <c r="G3094" s="430"/>
      <c r="H3094" s="432"/>
      <c r="I3094" s="531"/>
      <c r="J3094" s="816"/>
      <c r="K3094" s="501"/>
      <c r="L3094" s="434">
        <v>44228</v>
      </c>
      <c r="M3094" s="434"/>
      <c r="N3094" s="418"/>
    </row>
    <row r="3095" spans="1:14" ht="42.75">
      <c r="A3095" s="563"/>
      <c r="B3095" s="484">
        <f t="shared" si="96"/>
        <v>156</v>
      </c>
      <c r="C3095" s="470" t="s">
        <v>34241</v>
      </c>
      <c r="D3095" s="547" t="s">
        <v>34242</v>
      </c>
      <c r="E3095" s="565" t="s">
        <v>643</v>
      </c>
      <c r="F3095" s="566" t="s">
        <v>600</v>
      </c>
      <c r="G3095" s="430"/>
      <c r="H3095" s="432"/>
      <c r="I3095" s="531"/>
      <c r="J3095" s="816"/>
      <c r="K3095" s="501"/>
      <c r="L3095" s="434">
        <v>44228</v>
      </c>
      <c r="M3095" s="434"/>
      <c r="N3095" s="418"/>
    </row>
    <row r="3096" spans="1:14" ht="28.5">
      <c r="A3096" s="563"/>
      <c r="B3096" s="484">
        <f t="shared" si="96"/>
        <v>156</v>
      </c>
      <c r="C3096" s="470" t="s">
        <v>34243</v>
      </c>
      <c r="D3096" s="547" t="s">
        <v>34244</v>
      </c>
      <c r="E3096" s="565" t="s">
        <v>643</v>
      </c>
      <c r="F3096" s="566" t="s">
        <v>600</v>
      </c>
      <c r="G3096" s="430"/>
      <c r="H3096" s="432"/>
      <c r="I3096" s="531"/>
      <c r="J3096" s="816"/>
      <c r="K3096" s="501"/>
      <c r="L3096" s="434">
        <v>44228</v>
      </c>
      <c r="M3096" s="434"/>
      <c r="N3096" s="418"/>
    </row>
    <row r="3097" spans="1:14" ht="28.5">
      <c r="A3097" s="563"/>
      <c r="B3097" s="484">
        <f t="shared" si="96"/>
        <v>156</v>
      </c>
      <c r="C3097" s="470" t="s">
        <v>34245</v>
      </c>
      <c r="D3097" s="547" t="s">
        <v>34246</v>
      </c>
      <c r="E3097" s="565" t="s">
        <v>643</v>
      </c>
      <c r="F3097" s="566" t="s">
        <v>600</v>
      </c>
      <c r="G3097" s="430"/>
      <c r="H3097" s="432"/>
      <c r="I3097" s="531"/>
      <c r="J3097" s="816"/>
      <c r="K3097" s="501"/>
      <c r="L3097" s="434">
        <v>44228</v>
      </c>
      <c r="M3097" s="434"/>
      <c r="N3097" s="418"/>
    </row>
    <row r="3098" spans="1:14" ht="28.5">
      <c r="A3098" s="563"/>
      <c r="B3098" s="484">
        <f t="shared" si="96"/>
        <v>156</v>
      </c>
      <c r="C3098" s="470" t="s">
        <v>34247</v>
      </c>
      <c r="D3098" s="547" t="s">
        <v>34248</v>
      </c>
      <c r="E3098" s="565" t="s">
        <v>643</v>
      </c>
      <c r="F3098" s="566" t="s">
        <v>600</v>
      </c>
      <c r="G3098" s="430"/>
      <c r="H3098" s="432"/>
      <c r="I3098" s="531"/>
      <c r="J3098" s="816"/>
      <c r="K3098" s="501"/>
      <c r="L3098" s="434">
        <v>44228</v>
      </c>
      <c r="M3098" s="434"/>
      <c r="N3098" s="418"/>
    </row>
    <row r="3099" spans="1:14" ht="28.5">
      <c r="A3099" s="563"/>
      <c r="B3099" s="484">
        <f t="shared" si="96"/>
        <v>156</v>
      </c>
      <c r="C3099" s="470" t="s">
        <v>34249</v>
      </c>
      <c r="D3099" s="547" t="s">
        <v>34250</v>
      </c>
      <c r="E3099" s="565" t="s">
        <v>643</v>
      </c>
      <c r="F3099" s="566" t="s">
        <v>600</v>
      </c>
      <c r="G3099" s="430"/>
      <c r="H3099" s="432"/>
      <c r="I3099" s="531"/>
      <c r="J3099" s="816"/>
      <c r="K3099" s="501"/>
      <c r="L3099" s="434">
        <v>44228</v>
      </c>
      <c r="M3099" s="434"/>
      <c r="N3099" s="418"/>
    </row>
    <row r="3100" spans="1:14" ht="28.5">
      <c r="A3100" s="563"/>
      <c r="B3100" s="484">
        <f t="shared" si="96"/>
        <v>156</v>
      </c>
      <c r="C3100" s="470" t="s">
        <v>34251</v>
      </c>
      <c r="D3100" s="547" t="s">
        <v>34252</v>
      </c>
      <c r="E3100" s="565" t="s">
        <v>643</v>
      </c>
      <c r="F3100" s="566" t="s">
        <v>600</v>
      </c>
      <c r="G3100" s="430"/>
      <c r="H3100" s="432"/>
      <c r="I3100" s="531"/>
      <c r="J3100" s="816"/>
      <c r="K3100" s="501"/>
      <c r="L3100" s="434">
        <v>44228</v>
      </c>
      <c r="M3100" s="434"/>
      <c r="N3100" s="418"/>
    </row>
    <row r="3101" spans="1:14" ht="28.5">
      <c r="A3101" s="563"/>
      <c r="B3101" s="484">
        <f t="shared" si="96"/>
        <v>156</v>
      </c>
      <c r="C3101" s="470" t="s">
        <v>34253</v>
      </c>
      <c r="D3101" s="547" t="s">
        <v>34254</v>
      </c>
      <c r="E3101" s="565" t="s">
        <v>643</v>
      </c>
      <c r="F3101" s="566" t="s">
        <v>600</v>
      </c>
      <c r="G3101" s="430"/>
      <c r="H3101" s="432"/>
      <c r="I3101" s="531"/>
      <c r="J3101" s="816"/>
      <c r="K3101" s="501"/>
      <c r="L3101" s="434">
        <v>44228</v>
      </c>
      <c r="M3101" s="434"/>
      <c r="N3101" s="418"/>
    </row>
    <row r="3102" spans="1:14" ht="28.5">
      <c r="A3102" s="563"/>
      <c r="B3102" s="484">
        <f t="shared" si="96"/>
        <v>156</v>
      </c>
      <c r="C3102" s="470" t="s">
        <v>34255</v>
      </c>
      <c r="D3102" s="547" t="s">
        <v>34256</v>
      </c>
      <c r="E3102" s="565" t="s">
        <v>643</v>
      </c>
      <c r="F3102" s="566" t="s">
        <v>600</v>
      </c>
      <c r="G3102" s="430"/>
      <c r="H3102" s="432"/>
      <c r="I3102" s="531"/>
      <c r="J3102" s="816"/>
      <c r="K3102" s="501"/>
      <c r="L3102" s="434">
        <v>44228</v>
      </c>
      <c r="M3102" s="434"/>
      <c r="N3102" s="418"/>
    </row>
    <row r="3103" spans="1:14" ht="28.5">
      <c r="A3103" s="563"/>
      <c r="B3103" s="484">
        <f t="shared" si="96"/>
        <v>156</v>
      </c>
      <c r="C3103" s="470" t="s">
        <v>34257</v>
      </c>
      <c r="D3103" s="547" t="s">
        <v>34258</v>
      </c>
      <c r="E3103" s="565" t="s">
        <v>643</v>
      </c>
      <c r="F3103" s="566" t="s">
        <v>600</v>
      </c>
      <c r="G3103" s="430"/>
      <c r="H3103" s="432"/>
      <c r="I3103" s="531"/>
      <c r="J3103" s="816"/>
      <c r="K3103" s="501"/>
      <c r="L3103" s="434">
        <v>44228</v>
      </c>
      <c r="M3103" s="434"/>
      <c r="N3103" s="418"/>
    </row>
    <row r="3104" spans="1:14" ht="28.5">
      <c r="A3104" s="563"/>
      <c r="B3104" s="484">
        <f t="shared" si="96"/>
        <v>156</v>
      </c>
      <c r="C3104" s="470" t="s">
        <v>34259</v>
      </c>
      <c r="D3104" s="547" t="s">
        <v>34260</v>
      </c>
      <c r="E3104" s="565" t="s">
        <v>643</v>
      </c>
      <c r="F3104" s="566" t="s">
        <v>600</v>
      </c>
      <c r="G3104" s="430"/>
      <c r="H3104" s="432"/>
      <c r="I3104" s="531"/>
      <c r="J3104" s="816"/>
      <c r="K3104" s="501"/>
      <c r="L3104" s="434">
        <v>44228</v>
      </c>
      <c r="M3104" s="434"/>
      <c r="N3104" s="418"/>
    </row>
    <row r="3105" spans="1:14" ht="28.5">
      <c r="A3105" s="563"/>
      <c r="B3105" s="484">
        <f t="shared" si="96"/>
        <v>156</v>
      </c>
      <c r="C3105" s="470" t="s">
        <v>34261</v>
      </c>
      <c r="D3105" s="547" t="s">
        <v>34262</v>
      </c>
      <c r="E3105" s="565" t="s">
        <v>643</v>
      </c>
      <c r="F3105" s="566" t="s">
        <v>600</v>
      </c>
      <c r="G3105" s="430"/>
      <c r="H3105" s="432"/>
      <c r="I3105" s="531"/>
      <c r="J3105" s="816"/>
      <c r="K3105" s="501"/>
      <c r="L3105" s="434">
        <v>44228</v>
      </c>
      <c r="M3105" s="434"/>
      <c r="N3105" s="418"/>
    </row>
    <row r="3106" spans="1:14" ht="28.5">
      <c r="A3106" s="563"/>
      <c r="B3106" s="484">
        <f t="shared" si="96"/>
        <v>156</v>
      </c>
      <c r="C3106" s="470" t="s">
        <v>34263</v>
      </c>
      <c r="D3106" s="547" t="s">
        <v>34264</v>
      </c>
      <c r="E3106" s="565" t="s">
        <v>643</v>
      </c>
      <c r="F3106" s="566" t="s">
        <v>600</v>
      </c>
      <c r="G3106" s="430"/>
      <c r="H3106" s="432"/>
      <c r="I3106" s="531"/>
      <c r="J3106" s="816"/>
      <c r="K3106" s="501"/>
      <c r="L3106" s="434">
        <v>44228</v>
      </c>
      <c r="M3106" s="434"/>
      <c r="N3106" s="418"/>
    </row>
    <row r="3107" spans="1:14" ht="28.5">
      <c r="A3107" s="563"/>
      <c r="B3107" s="484">
        <f t="shared" si="96"/>
        <v>156</v>
      </c>
      <c r="C3107" s="470" t="s">
        <v>34265</v>
      </c>
      <c r="D3107" s="547" t="s">
        <v>34266</v>
      </c>
      <c r="E3107" s="565" t="s">
        <v>643</v>
      </c>
      <c r="F3107" s="566" t="s">
        <v>600</v>
      </c>
      <c r="G3107" s="430"/>
      <c r="H3107" s="432"/>
      <c r="I3107" s="531"/>
      <c r="J3107" s="816"/>
      <c r="K3107" s="501"/>
      <c r="L3107" s="434">
        <v>44228</v>
      </c>
      <c r="M3107" s="434"/>
      <c r="N3107" s="418"/>
    </row>
    <row r="3108" spans="1:14" ht="28.5">
      <c r="A3108" s="563"/>
      <c r="B3108" s="484">
        <f t="shared" si="96"/>
        <v>156</v>
      </c>
      <c r="C3108" s="470" t="s">
        <v>34267</v>
      </c>
      <c r="D3108" s="547" t="s">
        <v>34268</v>
      </c>
      <c r="E3108" s="565" t="s">
        <v>643</v>
      </c>
      <c r="F3108" s="566" t="s">
        <v>600</v>
      </c>
      <c r="G3108" s="430"/>
      <c r="H3108" s="432"/>
      <c r="I3108" s="531"/>
      <c r="J3108" s="816"/>
      <c r="K3108" s="501"/>
      <c r="L3108" s="434">
        <v>44228</v>
      </c>
      <c r="M3108" s="434"/>
      <c r="N3108" s="418"/>
    </row>
    <row r="3109" spans="1:14" ht="15.75">
      <c r="A3109" s="563"/>
      <c r="B3109" s="484">
        <f t="shared" si="96"/>
        <v>156</v>
      </c>
      <c r="C3109" s="470" t="s">
        <v>34269</v>
      </c>
      <c r="D3109" s="547" t="s">
        <v>34270</v>
      </c>
      <c r="E3109" s="565" t="s">
        <v>643</v>
      </c>
      <c r="F3109" s="566" t="s">
        <v>600</v>
      </c>
      <c r="G3109" s="430"/>
      <c r="H3109" s="432"/>
      <c r="I3109" s="531"/>
      <c r="J3109" s="816"/>
      <c r="K3109" s="501"/>
      <c r="L3109" s="434">
        <v>44228</v>
      </c>
      <c r="M3109" s="434"/>
      <c r="N3109" s="418"/>
    </row>
    <row r="3110" spans="1:14" ht="28.5">
      <c r="A3110" s="563"/>
      <c r="B3110" s="484">
        <f t="shared" si="96"/>
        <v>156</v>
      </c>
      <c r="C3110" s="470" t="s">
        <v>34271</v>
      </c>
      <c r="D3110" s="547" t="s">
        <v>34272</v>
      </c>
      <c r="E3110" s="565" t="s">
        <v>643</v>
      </c>
      <c r="F3110" s="566" t="s">
        <v>600</v>
      </c>
      <c r="G3110" s="430"/>
      <c r="H3110" s="432"/>
      <c r="I3110" s="531"/>
      <c r="J3110" s="816"/>
      <c r="K3110" s="501"/>
      <c r="L3110" s="434">
        <v>44228</v>
      </c>
      <c r="M3110" s="434"/>
      <c r="N3110" s="418"/>
    </row>
    <row r="3111" spans="1:14" ht="28.5">
      <c r="A3111" s="563"/>
      <c r="B3111" s="484">
        <f t="shared" si="96"/>
        <v>156</v>
      </c>
      <c r="C3111" s="470" t="s">
        <v>34273</v>
      </c>
      <c r="D3111" s="547" t="s">
        <v>34274</v>
      </c>
      <c r="E3111" s="565" t="s">
        <v>643</v>
      </c>
      <c r="F3111" s="566" t="s">
        <v>600</v>
      </c>
      <c r="G3111" s="430"/>
      <c r="H3111" s="432"/>
      <c r="I3111" s="531"/>
      <c r="J3111" s="816"/>
      <c r="K3111" s="501"/>
      <c r="L3111" s="434">
        <v>44228</v>
      </c>
      <c r="M3111" s="434"/>
      <c r="N3111" s="418"/>
    </row>
    <row r="3112" spans="1:14" ht="28.5">
      <c r="A3112" s="563"/>
      <c r="B3112" s="484">
        <f t="shared" si="96"/>
        <v>156</v>
      </c>
      <c r="C3112" s="470" t="s">
        <v>34275</v>
      </c>
      <c r="D3112" s="547" t="s">
        <v>34276</v>
      </c>
      <c r="E3112" s="565" t="s">
        <v>643</v>
      </c>
      <c r="F3112" s="566" t="s">
        <v>600</v>
      </c>
      <c r="G3112" s="430"/>
      <c r="H3112" s="432"/>
      <c r="I3112" s="531"/>
      <c r="J3112" s="816"/>
      <c r="K3112" s="501"/>
      <c r="L3112" s="434">
        <v>44228</v>
      </c>
      <c r="M3112" s="434"/>
      <c r="N3112" s="418"/>
    </row>
    <row r="3113" spans="1:14" ht="28.5">
      <c r="A3113" s="563"/>
      <c r="B3113" s="484">
        <f t="shared" si="96"/>
        <v>156</v>
      </c>
      <c r="C3113" s="470" t="s">
        <v>34277</v>
      </c>
      <c r="D3113" s="547" t="s">
        <v>34278</v>
      </c>
      <c r="E3113" s="565" t="s">
        <v>643</v>
      </c>
      <c r="F3113" s="566" t="s">
        <v>600</v>
      </c>
      <c r="G3113" s="430"/>
      <c r="H3113" s="432"/>
      <c r="I3113" s="531"/>
      <c r="J3113" s="816"/>
      <c r="K3113" s="501"/>
      <c r="L3113" s="434">
        <v>44228</v>
      </c>
      <c r="M3113" s="434"/>
      <c r="N3113" s="418"/>
    </row>
    <row r="3114" spans="1:14" ht="28.5">
      <c r="A3114" s="563"/>
      <c r="B3114" s="484">
        <f t="shared" si="96"/>
        <v>156</v>
      </c>
      <c r="C3114" s="470" t="s">
        <v>34279</v>
      </c>
      <c r="D3114" s="547" t="s">
        <v>34280</v>
      </c>
      <c r="E3114" s="565" t="s">
        <v>643</v>
      </c>
      <c r="F3114" s="566" t="s">
        <v>600</v>
      </c>
      <c r="G3114" s="430"/>
      <c r="H3114" s="432"/>
      <c r="I3114" s="531"/>
      <c r="J3114" s="816"/>
      <c r="K3114" s="501"/>
      <c r="L3114" s="434">
        <v>44228</v>
      </c>
      <c r="M3114" s="434"/>
      <c r="N3114" s="418"/>
    </row>
    <row r="3115" spans="1:14" ht="28.5">
      <c r="A3115" s="563"/>
      <c r="B3115" s="484">
        <f t="shared" si="96"/>
        <v>156</v>
      </c>
      <c r="C3115" s="470" t="s">
        <v>34281</v>
      </c>
      <c r="D3115" s="547" t="s">
        <v>34282</v>
      </c>
      <c r="E3115" s="565" t="s">
        <v>643</v>
      </c>
      <c r="F3115" s="566" t="s">
        <v>600</v>
      </c>
      <c r="G3115" s="430"/>
      <c r="H3115" s="432"/>
      <c r="I3115" s="531"/>
      <c r="J3115" s="816"/>
      <c r="K3115" s="501"/>
      <c r="L3115" s="434">
        <v>44228</v>
      </c>
      <c r="M3115" s="434"/>
      <c r="N3115" s="418"/>
    </row>
    <row r="3116" spans="1:14" ht="28.5">
      <c r="A3116" s="563"/>
      <c r="B3116" s="484">
        <f t="shared" si="96"/>
        <v>156</v>
      </c>
      <c r="C3116" s="470" t="s">
        <v>34283</v>
      </c>
      <c r="D3116" s="547" t="s">
        <v>34284</v>
      </c>
      <c r="E3116" s="565" t="s">
        <v>643</v>
      </c>
      <c r="F3116" s="566" t="s">
        <v>600</v>
      </c>
      <c r="G3116" s="430"/>
      <c r="H3116" s="432"/>
      <c r="I3116" s="531"/>
      <c r="J3116" s="816"/>
      <c r="K3116" s="501"/>
      <c r="L3116" s="434">
        <v>44228</v>
      </c>
      <c r="M3116" s="434"/>
      <c r="N3116" s="418"/>
    </row>
    <row r="3117" spans="1:14" ht="28.5">
      <c r="A3117" s="563"/>
      <c r="B3117" s="484">
        <f t="shared" si="96"/>
        <v>156</v>
      </c>
      <c r="C3117" s="470" t="s">
        <v>34285</v>
      </c>
      <c r="D3117" s="547" t="s">
        <v>34286</v>
      </c>
      <c r="E3117" s="565" t="s">
        <v>643</v>
      </c>
      <c r="F3117" s="566" t="s">
        <v>600</v>
      </c>
      <c r="G3117" s="430"/>
      <c r="H3117" s="432"/>
      <c r="I3117" s="531"/>
      <c r="J3117" s="816"/>
      <c r="K3117" s="501"/>
      <c r="L3117" s="434">
        <v>44228</v>
      </c>
      <c r="M3117" s="434"/>
      <c r="N3117" s="418"/>
    </row>
    <row r="3118" spans="1:14" ht="28.5">
      <c r="A3118" s="563"/>
      <c r="B3118" s="484">
        <f t="shared" si="96"/>
        <v>156</v>
      </c>
      <c r="C3118" s="470" t="s">
        <v>34287</v>
      </c>
      <c r="D3118" s="547" t="s">
        <v>34288</v>
      </c>
      <c r="E3118" s="565" t="s">
        <v>643</v>
      </c>
      <c r="F3118" s="566" t="s">
        <v>600</v>
      </c>
      <c r="G3118" s="430"/>
      <c r="H3118" s="432"/>
      <c r="I3118" s="531"/>
      <c r="J3118" s="816"/>
      <c r="K3118" s="501"/>
      <c r="L3118" s="434">
        <v>44228</v>
      </c>
      <c r="M3118" s="434"/>
      <c r="N3118" s="418"/>
    </row>
    <row r="3119" spans="1:14" ht="42.75">
      <c r="A3119" s="563"/>
      <c r="B3119" s="484">
        <f>IF(A3119&gt;0,A3119,B3118)</f>
        <v>156</v>
      </c>
      <c r="C3119" s="470" t="s">
        <v>34289</v>
      </c>
      <c r="D3119" s="547" t="s">
        <v>34290</v>
      </c>
      <c r="E3119" s="565" t="s">
        <v>643</v>
      </c>
      <c r="F3119" s="566" t="s">
        <v>600</v>
      </c>
      <c r="G3119" s="430"/>
      <c r="H3119" s="432"/>
      <c r="I3119" s="531"/>
      <c r="J3119" s="816"/>
      <c r="K3119" s="501"/>
      <c r="L3119" s="434">
        <v>44228</v>
      </c>
      <c r="M3119" s="434"/>
      <c r="N3119" s="418"/>
    </row>
    <row r="3120" spans="1:14" ht="42.75">
      <c r="A3120" s="563"/>
      <c r="B3120" s="484">
        <f t="shared" si="96"/>
        <v>156</v>
      </c>
      <c r="C3120" s="470" t="s">
        <v>34291</v>
      </c>
      <c r="D3120" s="547" t="s">
        <v>34292</v>
      </c>
      <c r="E3120" s="565" t="s">
        <v>643</v>
      </c>
      <c r="F3120" s="566" t="s">
        <v>600</v>
      </c>
      <c r="G3120" s="430"/>
      <c r="H3120" s="432"/>
      <c r="I3120" s="531"/>
      <c r="J3120" s="816"/>
      <c r="K3120" s="501"/>
      <c r="L3120" s="434">
        <v>44228</v>
      </c>
      <c r="M3120" s="434"/>
      <c r="N3120" s="418"/>
    </row>
    <row r="3121" spans="1:14" ht="42.75">
      <c r="A3121" s="563"/>
      <c r="B3121" s="484">
        <f t="shared" si="96"/>
        <v>156</v>
      </c>
      <c r="C3121" s="470" t="s">
        <v>34293</v>
      </c>
      <c r="D3121" s="547" t="s">
        <v>34294</v>
      </c>
      <c r="E3121" s="565" t="s">
        <v>643</v>
      </c>
      <c r="F3121" s="566" t="s">
        <v>600</v>
      </c>
      <c r="G3121" s="430"/>
      <c r="H3121" s="432"/>
      <c r="I3121" s="531"/>
      <c r="J3121" s="816"/>
      <c r="K3121" s="501"/>
      <c r="L3121" s="434">
        <v>44228</v>
      </c>
      <c r="M3121" s="434"/>
      <c r="N3121" s="418"/>
    </row>
    <row r="3122" spans="1:14" ht="28.5">
      <c r="A3122" s="563"/>
      <c r="B3122" s="484">
        <f t="shared" si="96"/>
        <v>156</v>
      </c>
      <c r="C3122" s="470" t="s">
        <v>34295</v>
      </c>
      <c r="D3122" s="547" t="s">
        <v>34296</v>
      </c>
      <c r="E3122" s="565" t="s">
        <v>643</v>
      </c>
      <c r="F3122" s="566" t="s">
        <v>600</v>
      </c>
      <c r="G3122" s="430"/>
      <c r="H3122" s="432"/>
      <c r="I3122" s="531"/>
      <c r="J3122" s="816"/>
      <c r="K3122" s="501"/>
      <c r="L3122" s="434">
        <v>44228</v>
      </c>
      <c r="M3122" s="434"/>
      <c r="N3122" s="418"/>
    </row>
    <row r="3123" spans="1:14" ht="28.5">
      <c r="A3123" s="563"/>
      <c r="B3123" s="484">
        <f t="shared" si="96"/>
        <v>156</v>
      </c>
      <c r="C3123" s="470" t="s">
        <v>34297</v>
      </c>
      <c r="D3123" s="547" t="s">
        <v>34298</v>
      </c>
      <c r="E3123" s="565" t="s">
        <v>643</v>
      </c>
      <c r="F3123" s="566" t="s">
        <v>600</v>
      </c>
      <c r="G3123" s="430"/>
      <c r="H3123" s="432"/>
      <c r="I3123" s="531"/>
      <c r="J3123" s="816"/>
      <c r="K3123" s="501"/>
      <c r="L3123" s="434">
        <v>44228</v>
      </c>
      <c r="M3123" s="434"/>
      <c r="N3123" s="418"/>
    </row>
    <row r="3124" spans="1:14" ht="28.5">
      <c r="A3124" s="563"/>
      <c r="B3124" s="484">
        <f t="shared" ref="B3124:B3187" si="97">IF(A3124&gt;0,A3124,B3123)</f>
        <v>156</v>
      </c>
      <c r="C3124" s="470" t="s">
        <v>34299</v>
      </c>
      <c r="D3124" s="547" t="s">
        <v>34300</v>
      </c>
      <c r="E3124" s="565" t="s">
        <v>643</v>
      </c>
      <c r="F3124" s="566" t="s">
        <v>600</v>
      </c>
      <c r="G3124" s="430"/>
      <c r="H3124" s="432"/>
      <c r="I3124" s="531"/>
      <c r="J3124" s="816"/>
      <c r="K3124" s="501"/>
      <c r="L3124" s="434">
        <v>44228</v>
      </c>
      <c r="M3124" s="434"/>
      <c r="N3124" s="418"/>
    </row>
    <row r="3125" spans="1:14" ht="28.5">
      <c r="A3125" s="563"/>
      <c r="B3125" s="484">
        <f t="shared" si="97"/>
        <v>156</v>
      </c>
      <c r="C3125" s="470" t="s">
        <v>34301</v>
      </c>
      <c r="D3125" s="547" t="s">
        <v>34302</v>
      </c>
      <c r="E3125" s="565" t="s">
        <v>643</v>
      </c>
      <c r="F3125" s="566" t="s">
        <v>600</v>
      </c>
      <c r="G3125" s="430"/>
      <c r="H3125" s="432"/>
      <c r="I3125" s="531"/>
      <c r="J3125" s="816"/>
      <c r="K3125" s="501"/>
      <c r="L3125" s="434">
        <v>44228</v>
      </c>
      <c r="M3125" s="434"/>
      <c r="N3125" s="418"/>
    </row>
    <row r="3126" spans="1:14" ht="28.5">
      <c r="A3126" s="563"/>
      <c r="B3126" s="484">
        <f t="shared" si="97"/>
        <v>156</v>
      </c>
      <c r="C3126" s="470" t="s">
        <v>34303</v>
      </c>
      <c r="D3126" s="547" t="s">
        <v>34304</v>
      </c>
      <c r="E3126" s="565" t="s">
        <v>643</v>
      </c>
      <c r="F3126" s="566" t="s">
        <v>600</v>
      </c>
      <c r="G3126" s="430"/>
      <c r="H3126" s="432"/>
      <c r="I3126" s="531"/>
      <c r="J3126" s="816"/>
      <c r="K3126" s="501"/>
      <c r="L3126" s="434">
        <v>44228</v>
      </c>
      <c r="M3126" s="434"/>
      <c r="N3126" s="418"/>
    </row>
    <row r="3127" spans="1:14" ht="42.75">
      <c r="A3127" s="563"/>
      <c r="B3127" s="484">
        <f t="shared" si="97"/>
        <v>156</v>
      </c>
      <c r="C3127" s="470" t="s">
        <v>34305</v>
      </c>
      <c r="D3127" s="547" t="s">
        <v>34306</v>
      </c>
      <c r="E3127" s="565" t="s">
        <v>643</v>
      </c>
      <c r="F3127" s="566" t="s">
        <v>600</v>
      </c>
      <c r="G3127" s="430"/>
      <c r="H3127" s="432"/>
      <c r="I3127" s="531"/>
      <c r="J3127" s="816"/>
      <c r="K3127" s="501"/>
      <c r="L3127" s="434">
        <v>44228</v>
      </c>
      <c r="M3127" s="434"/>
      <c r="N3127" s="418"/>
    </row>
    <row r="3128" spans="1:14" ht="28.5">
      <c r="A3128" s="563"/>
      <c r="B3128" s="484">
        <f t="shared" si="97"/>
        <v>156</v>
      </c>
      <c r="C3128" s="470" t="s">
        <v>34307</v>
      </c>
      <c r="D3128" s="547" t="s">
        <v>34308</v>
      </c>
      <c r="E3128" s="565" t="s">
        <v>643</v>
      </c>
      <c r="F3128" s="566" t="s">
        <v>600</v>
      </c>
      <c r="G3128" s="430"/>
      <c r="H3128" s="432"/>
      <c r="I3128" s="531"/>
      <c r="J3128" s="816"/>
      <c r="K3128" s="501"/>
      <c r="L3128" s="434">
        <v>44228</v>
      </c>
      <c r="M3128" s="434"/>
      <c r="N3128" s="418"/>
    </row>
    <row r="3129" spans="1:14" ht="28.5">
      <c r="A3129" s="563"/>
      <c r="B3129" s="484">
        <f t="shared" si="97"/>
        <v>156</v>
      </c>
      <c r="C3129" s="470" t="s">
        <v>34309</v>
      </c>
      <c r="D3129" s="547" t="s">
        <v>34310</v>
      </c>
      <c r="E3129" s="565" t="s">
        <v>643</v>
      </c>
      <c r="F3129" s="566" t="s">
        <v>600</v>
      </c>
      <c r="G3129" s="430"/>
      <c r="H3129" s="432"/>
      <c r="I3129" s="531"/>
      <c r="J3129" s="816"/>
      <c r="K3129" s="501"/>
      <c r="L3129" s="434">
        <v>44228</v>
      </c>
      <c r="M3129" s="434"/>
      <c r="N3129" s="418"/>
    </row>
    <row r="3130" spans="1:14" ht="42.75">
      <c r="A3130" s="563"/>
      <c r="B3130" s="484">
        <f t="shared" si="97"/>
        <v>156</v>
      </c>
      <c r="C3130" s="470" t="s">
        <v>34311</v>
      </c>
      <c r="D3130" s="547" t="s">
        <v>34312</v>
      </c>
      <c r="E3130" s="565" t="s">
        <v>643</v>
      </c>
      <c r="F3130" s="566" t="s">
        <v>600</v>
      </c>
      <c r="G3130" s="430"/>
      <c r="H3130" s="432"/>
      <c r="I3130" s="531"/>
      <c r="J3130" s="816"/>
      <c r="K3130" s="501"/>
      <c r="L3130" s="434">
        <v>44228</v>
      </c>
      <c r="M3130" s="434"/>
      <c r="N3130" s="418"/>
    </row>
    <row r="3131" spans="1:14" ht="28.5">
      <c r="A3131" s="563"/>
      <c r="B3131" s="484">
        <f t="shared" si="97"/>
        <v>156</v>
      </c>
      <c r="C3131" s="470" t="s">
        <v>34313</v>
      </c>
      <c r="D3131" s="547" t="s">
        <v>34314</v>
      </c>
      <c r="E3131" s="565" t="s">
        <v>643</v>
      </c>
      <c r="F3131" s="566" t="s">
        <v>600</v>
      </c>
      <c r="G3131" s="430"/>
      <c r="H3131" s="432"/>
      <c r="I3131" s="531"/>
      <c r="J3131" s="816"/>
      <c r="K3131" s="501"/>
      <c r="L3131" s="434">
        <v>44228</v>
      </c>
      <c r="M3131" s="434"/>
      <c r="N3131" s="418"/>
    </row>
    <row r="3132" spans="1:14" ht="42.75">
      <c r="A3132" s="563"/>
      <c r="B3132" s="484">
        <f t="shared" si="97"/>
        <v>156</v>
      </c>
      <c r="C3132" s="470" t="s">
        <v>34315</v>
      </c>
      <c r="D3132" s="547" t="s">
        <v>34316</v>
      </c>
      <c r="E3132" s="565" t="s">
        <v>643</v>
      </c>
      <c r="F3132" s="566" t="s">
        <v>600</v>
      </c>
      <c r="G3132" s="430"/>
      <c r="H3132" s="432"/>
      <c r="I3132" s="531"/>
      <c r="J3132" s="816"/>
      <c r="K3132" s="501"/>
      <c r="L3132" s="434">
        <v>44228</v>
      </c>
      <c r="M3132" s="434"/>
      <c r="N3132" s="418"/>
    </row>
    <row r="3133" spans="1:14" ht="42.75">
      <c r="A3133" s="563"/>
      <c r="B3133" s="484">
        <f t="shared" si="97"/>
        <v>156</v>
      </c>
      <c r="C3133" s="470" t="s">
        <v>34317</v>
      </c>
      <c r="D3133" s="547" t="s">
        <v>34318</v>
      </c>
      <c r="E3133" s="565" t="s">
        <v>643</v>
      </c>
      <c r="F3133" s="566" t="s">
        <v>600</v>
      </c>
      <c r="G3133" s="430"/>
      <c r="H3133" s="432"/>
      <c r="I3133" s="531"/>
      <c r="J3133" s="816"/>
      <c r="K3133" s="501"/>
      <c r="L3133" s="434">
        <v>44228</v>
      </c>
      <c r="M3133" s="434"/>
      <c r="N3133" s="418"/>
    </row>
    <row r="3134" spans="1:14" ht="42.75">
      <c r="A3134" s="563"/>
      <c r="B3134" s="484">
        <f t="shared" si="97"/>
        <v>156</v>
      </c>
      <c r="C3134" s="470" t="s">
        <v>34319</v>
      </c>
      <c r="D3134" s="547" t="s">
        <v>34320</v>
      </c>
      <c r="E3134" s="565" t="s">
        <v>643</v>
      </c>
      <c r="F3134" s="566" t="s">
        <v>600</v>
      </c>
      <c r="G3134" s="430"/>
      <c r="H3134" s="432"/>
      <c r="I3134" s="531"/>
      <c r="J3134" s="816"/>
      <c r="K3134" s="501"/>
      <c r="L3134" s="434">
        <v>44228</v>
      </c>
      <c r="M3134" s="434"/>
      <c r="N3134" s="418"/>
    </row>
    <row r="3135" spans="1:14" ht="28.5">
      <c r="A3135" s="563"/>
      <c r="B3135" s="484">
        <f t="shared" si="97"/>
        <v>156</v>
      </c>
      <c r="C3135" s="470" t="s">
        <v>34321</v>
      </c>
      <c r="D3135" s="547" t="s">
        <v>34322</v>
      </c>
      <c r="E3135" s="565" t="s">
        <v>643</v>
      </c>
      <c r="F3135" s="566" t="s">
        <v>600</v>
      </c>
      <c r="G3135" s="430"/>
      <c r="H3135" s="432"/>
      <c r="I3135" s="531"/>
      <c r="J3135" s="816"/>
      <c r="K3135" s="501"/>
      <c r="L3135" s="434">
        <v>44228</v>
      </c>
      <c r="M3135" s="434"/>
      <c r="N3135" s="418"/>
    </row>
    <row r="3136" spans="1:14" ht="28.5">
      <c r="A3136" s="563"/>
      <c r="B3136" s="484">
        <f t="shared" si="97"/>
        <v>156</v>
      </c>
      <c r="C3136" s="470" t="s">
        <v>34323</v>
      </c>
      <c r="D3136" s="547" t="s">
        <v>34324</v>
      </c>
      <c r="E3136" s="565" t="s">
        <v>643</v>
      </c>
      <c r="F3136" s="566" t="s">
        <v>600</v>
      </c>
      <c r="G3136" s="430"/>
      <c r="H3136" s="432"/>
      <c r="I3136" s="531"/>
      <c r="J3136" s="816"/>
      <c r="K3136" s="501"/>
      <c r="L3136" s="434">
        <v>44228</v>
      </c>
      <c r="M3136" s="434"/>
      <c r="N3136" s="418"/>
    </row>
    <row r="3137" spans="1:14" ht="28.5">
      <c r="A3137" s="563"/>
      <c r="B3137" s="484">
        <f t="shared" si="97"/>
        <v>156</v>
      </c>
      <c r="C3137" s="470" t="s">
        <v>34325</v>
      </c>
      <c r="D3137" s="547" t="s">
        <v>34326</v>
      </c>
      <c r="E3137" s="565" t="s">
        <v>643</v>
      </c>
      <c r="F3137" s="566" t="s">
        <v>600</v>
      </c>
      <c r="G3137" s="430"/>
      <c r="H3137" s="432"/>
      <c r="I3137" s="531"/>
      <c r="J3137" s="816"/>
      <c r="K3137" s="501"/>
      <c r="L3137" s="434">
        <v>44228</v>
      </c>
      <c r="M3137" s="434"/>
      <c r="N3137" s="418"/>
    </row>
    <row r="3138" spans="1:14" ht="28.5">
      <c r="A3138" s="563"/>
      <c r="B3138" s="484">
        <f t="shared" si="97"/>
        <v>156</v>
      </c>
      <c r="C3138" s="470" t="s">
        <v>34327</v>
      </c>
      <c r="D3138" s="547" t="s">
        <v>34328</v>
      </c>
      <c r="E3138" s="565" t="s">
        <v>643</v>
      </c>
      <c r="F3138" s="566" t="s">
        <v>600</v>
      </c>
      <c r="G3138" s="430"/>
      <c r="H3138" s="432"/>
      <c r="I3138" s="531"/>
      <c r="J3138" s="816"/>
      <c r="K3138" s="501"/>
      <c r="L3138" s="434">
        <v>44228</v>
      </c>
      <c r="M3138" s="434"/>
      <c r="N3138" s="418"/>
    </row>
    <row r="3139" spans="1:14" ht="28.5">
      <c r="A3139" s="563"/>
      <c r="B3139" s="484">
        <f t="shared" si="97"/>
        <v>156</v>
      </c>
      <c r="C3139" s="470" t="s">
        <v>34329</v>
      </c>
      <c r="D3139" s="547" t="s">
        <v>34330</v>
      </c>
      <c r="E3139" s="565" t="s">
        <v>643</v>
      </c>
      <c r="F3139" s="566" t="s">
        <v>600</v>
      </c>
      <c r="G3139" s="430"/>
      <c r="H3139" s="432"/>
      <c r="I3139" s="531"/>
      <c r="J3139" s="816"/>
      <c r="K3139" s="501"/>
      <c r="L3139" s="434">
        <v>44228</v>
      </c>
      <c r="M3139" s="434"/>
      <c r="N3139" s="418"/>
    </row>
    <row r="3140" spans="1:14" ht="42.75">
      <c r="A3140" s="563"/>
      <c r="B3140" s="484">
        <f t="shared" si="97"/>
        <v>156</v>
      </c>
      <c r="C3140" s="470" t="s">
        <v>34331</v>
      </c>
      <c r="D3140" s="547" t="s">
        <v>34332</v>
      </c>
      <c r="E3140" s="565" t="s">
        <v>643</v>
      </c>
      <c r="F3140" s="566" t="s">
        <v>600</v>
      </c>
      <c r="G3140" s="430"/>
      <c r="H3140" s="432"/>
      <c r="I3140" s="531"/>
      <c r="J3140" s="816"/>
      <c r="K3140" s="501"/>
      <c r="L3140" s="434">
        <v>44228</v>
      </c>
      <c r="M3140" s="434"/>
      <c r="N3140" s="418"/>
    </row>
    <row r="3141" spans="1:14" ht="28.5">
      <c r="A3141" s="563"/>
      <c r="B3141" s="484">
        <f t="shared" si="97"/>
        <v>156</v>
      </c>
      <c r="C3141" s="470" t="s">
        <v>34333</v>
      </c>
      <c r="D3141" s="547" t="s">
        <v>34334</v>
      </c>
      <c r="E3141" s="565" t="s">
        <v>643</v>
      </c>
      <c r="F3141" s="566" t="s">
        <v>600</v>
      </c>
      <c r="G3141" s="430"/>
      <c r="H3141" s="432"/>
      <c r="I3141" s="531"/>
      <c r="J3141" s="816"/>
      <c r="K3141" s="501"/>
      <c r="L3141" s="434">
        <v>44228</v>
      </c>
      <c r="M3141" s="434"/>
      <c r="N3141" s="418"/>
    </row>
    <row r="3142" spans="1:14" ht="28.5">
      <c r="A3142" s="563"/>
      <c r="B3142" s="484">
        <f t="shared" si="97"/>
        <v>156</v>
      </c>
      <c r="C3142" s="470" t="s">
        <v>34335</v>
      </c>
      <c r="D3142" s="547" t="s">
        <v>34336</v>
      </c>
      <c r="E3142" s="565" t="s">
        <v>643</v>
      </c>
      <c r="F3142" s="566" t="s">
        <v>600</v>
      </c>
      <c r="G3142" s="430"/>
      <c r="H3142" s="432"/>
      <c r="I3142" s="531"/>
      <c r="J3142" s="816"/>
      <c r="K3142" s="501"/>
      <c r="L3142" s="434">
        <v>44228</v>
      </c>
      <c r="M3142" s="434"/>
      <c r="N3142" s="418"/>
    </row>
    <row r="3143" spans="1:14" ht="42.75">
      <c r="A3143" s="563"/>
      <c r="B3143" s="484">
        <f t="shared" si="97"/>
        <v>156</v>
      </c>
      <c r="C3143" s="470" t="s">
        <v>34337</v>
      </c>
      <c r="D3143" s="547" t="s">
        <v>34338</v>
      </c>
      <c r="E3143" s="565" t="s">
        <v>643</v>
      </c>
      <c r="F3143" s="566" t="s">
        <v>600</v>
      </c>
      <c r="G3143" s="430"/>
      <c r="H3143" s="432"/>
      <c r="I3143" s="531"/>
      <c r="J3143" s="816"/>
      <c r="K3143" s="501"/>
      <c r="L3143" s="434">
        <v>44228</v>
      </c>
      <c r="M3143" s="434"/>
      <c r="N3143" s="418"/>
    </row>
    <row r="3144" spans="1:14" ht="28.5">
      <c r="A3144" s="563"/>
      <c r="B3144" s="484">
        <f t="shared" si="97"/>
        <v>156</v>
      </c>
      <c r="C3144" s="470" t="s">
        <v>34339</v>
      </c>
      <c r="D3144" s="547" t="s">
        <v>34340</v>
      </c>
      <c r="E3144" s="565" t="s">
        <v>643</v>
      </c>
      <c r="F3144" s="566" t="s">
        <v>600</v>
      </c>
      <c r="G3144" s="430"/>
      <c r="H3144" s="432"/>
      <c r="I3144" s="531"/>
      <c r="J3144" s="816"/>
      <c r="K3144" s="501"/>
      <c r="L3144" s="434">
        <v>44228</v>
      </c>
      <c r="M3144" s="434"/>
      <c r="N3144" s="418"/>
    </row>
    <row r="3145" spans="1:14" ht="42.75">
      <c r="A3145" s="563"/>
      <c r="B3145" s="484">
        <f t="shared" si="97"/>
        <v>156</v>
      </c>
      <c r="C3145" s="470" t="s">
        <v>34341</v>
      </c>
      <c r="D3145" s="547" t="s">
        <v>34342</v>
      </c>
      <c r="E3145" s="565" t="s">
        <v>643</v>
      </c>
      <c r="F3145" s="566" t="s">
        <v>600</v>
      </c>
      <c r="G3145" s="430"/>
      <c r="H3145" s="432"/>
      <c r="I3145" s="531"/>
      <c r="J3145" s="816"/>
      <c r="K3145" s="501"/>
      <c r="L3145" s="434">
        <v>44228</v>
      </c>
      <c r="M3145" s="434"/>
      <c r="N3145" s="418"/>
    </row>
    <row r="3146" spans="1:14" ht="42.75">
      <c r="A3146" s="563"/>
      <c r="B3146" s="484">
        <f t="shared" si="97"/>
        <v>156</v>
      </c>
      <c r="C3146" s="470" t="s">
        <v>34343</v>
      </c>
      <c r="D3146" s="547" t="s">
        <v>34344</v>
      </c>
      <c r="E3146" s="565" t="s">
        <v>643</v>
      </c>
      <c r="F3146" s="566" t="s">
        <v>600</v>
      </c>
      <c r="G3146" s="430"/>
      <c r="H3146" s="432"/>
      <c r="I3146" s="531"/>
      <c r="J3146" s="816"/>
      <c r="K3146" s="501"/>
      <c r="L3146" s="434">
        <v>44228</v>
      </c>
      <c r="M3146" s="434"/>
      <c r="N3146" s="418"/>
    </row>
    <row r="3147" spans="1:14" ht="28.5">
      <c r="A3147" s="563"/>
      <c r="B3147" s="484">
        <f t="shared" si="97"/>
        <v>156</v>
      </c>
      <c r="C3147" s="470" t="s">
        <v>34345</v>
      </c>
      <c r="D3147" s="547" t="s">
        <v>34346</v>
      </c>
      <c r="E3147" s="565" t="s">
        <v>643</v>
      </c>
      <c r="F3147" s="566" t="s">
        <v>600</v>
      </c>
      <c r="G3147" s="430"/>
      <c r="H3147" s="432"/>
      <c r="I3147" s="531"/>
      <c r="J3147" s="816"/>
      <c r="K3147" s="501"/>
      <c r="L3147" s="434">
        <v>44228</v>
      </c>
      <c r="M3147" s="434"/>
      <c r="N3147" s="418"/>
    </row>
    <row r="3148" spans="1:14" ht="42.75">
      <c r="A3148" s="563"/>
      <c r="B3148" s="484">
        <f t="shared" si="97"/>
        <v>156</v>
      </c>
      <c r="C3148" s="470" t="s">
        <v>34347</v>
      </c>
      <c r="D3148" s="547" t="s">
        <v>34348</v>
      </c>
      <c r="E3148" s="565" t="s">
        <v>643</v>
      </c>
      <c r="F3148" s="566" t="s">
        <v>600</v>
      </c>
      <c r="G3148" s="430"/>
      <c r="H3148" s="432"/>
      <c r="I3148" s="531"/>
      <c r="J3148" s="816"/>
      <c r="K3148" s="501"/>
      <c r="L3148" s="434">
        <v>44228</v>
      </c>
      <c r="M3148" s="434"/>
      <c r="N3148" s="418"/>
    </row>
    <row r="3149" spans="1:14" ht="42.75">
      <c r="A3149" s="563"/>
      <c r="B3149" s="484">
        <f t="shared" si="97"/>
        <v>156</v>
      </c>
      <c r="C3149" s="470" t="s">
        <v>34349</v>
      </c>
      <c r="D3149" s="547" t="s">
        <v>34350</v>
      </c>
      <c r="E3149" s="565" t="s">
        <v>643</v>
      </c>
      <c r="F3149" s="566" t="s">
        <v>600</v>
      </c>
      <c r="G3149" s="430"/>
      <c r="H3149" s="432"/>
      <c r="I3149" s="531"/>
      <c r="J3149" s="816"/>
      <c r="K3149" s="501"/>
      <c r="L3149" s="434">
        <v>44228</v>
      </c>
      <c r="M3149" s="434"/>
      <c r="N3149" s="418"/>
    </row>
    <row r="3150" spans="1:14" ht="42.75">
      <c r="A3150" s="563"/>
      <c r="B3150" s="484">
        <f t="shared" si="97"/>
        <v>156</v>
      </c>
      <c r="C3150" s="470" t="s">
        <v>34351</v>
      </c>
      <c r="D3150" s="547" t="s">
        <v>34352</v>
      </c>
      <c r="E3150" s="565" t="s">
        <v>643</v>
      </c>
      <c r="F3150" s="566" t="s">
        <v>600</v>
      </c>
      <c r="G3150" s="430"/>
      <c r="H3150" s="432"/>
      <c r="I3150" s="531"/>
      <c r="J3150" s="816"/>
      <c r="K3150" s="501"/>
      <c r="L3150" s="434">
        <v>44228</v>
      </c>
      <c r="M3150" s="434"/>
      <c r="N3150" s="418"/>
    </row>
    <row r="3151" spans="1:14" ht="28.5">
      <c r="A3151" s="563"/>
      <c r="B3151" s="484">
        <f t="shared" si="97"/>
        <v>156</v>
      </c>
      <c r="C3151" s="470" t="s">
        <v>34353</v>
      </c>
      <c r="D3151" s="547" t="s">
        <v>34354</v>
      </c>
      <c r="E3151" s="565" t="s">
        <v>643</v>
      </c>
      <c r="F3151" s="566" t="s">
        <v>600</v>
      </c>
      <c r="G3151" s="430"/>
      <c r="H3151" s="432"/>
      <c r="I3151" s="531"/>
      <c r="J3151" s="816"/>
      <c r="K3151" s="501"/>
      <c r="L3151" s="434">
        <v>44228</v>
      </c>
      <c r="M3151" s="434"/>
      <c r="N3151" s="418"/>
    </row>
    <row r="3152" spans="1:14" ht="28.5">
      <c r="A3152" s="563"/>
      <c r="B3152" s="484">
        <f t="shared" si="97"/>
        <v>156</v>
      </c>
      <c r="C3152" s="470" t="s">
        <v>34355</v>
      </c>
      <c r="D3152" s="547" t="s">
        <v>34356</v>
      </c>
      <c r="E3152" s="565" t="s">
        <v>643</v>
      </c>
      <c r="F3152" s="566" t="s">
        <v>600</v>
      </c>
      <c r="G3152" s="430"/>
      <c r="H3152" s="432"/>
      <c r="I3152" s="531"/>
      <c r="J3152" s="816"/>
      <c r="K3152" s="501"/>
      <c r="L3152" s="434">
        <v>44228</v>
      </c>
      <c r="M3152" s="434"/>
      <c r="N3152" s="418"/>
    </row>
    <row r="3153" spans="1:14" ht="28.5">
      <c r="A3153" s="563"/>
      <c r="B3153" s="484">
        <f t="shared" si="97"/>
        <v>156</v>
      </c>
      <c r="C3153" s="470" t="s">
        <v>34357</v>
      </c>
      <c r="D3153" s="547" t="s">
        <v>34358</v>
      </c>
      <c r="E3153" s="565" t="s">
        <v>643</v>
      </c>
      <c r="F3153" s="566" t="s">
        <v>600</v>
      </c>
      <c r="G3153" s="430"/>
      <c r="H3153" s="432"/>
      <c r="I3153" s="531"/>
      <c r="J3153" s="816"/>
      <c r="K3153" s="501"/>
      <c r="L3153" s="434">
        <v>44228</v>
      </c>
      <c r="M3153" s="434"/>
      <c r="N3153" s="418"/>
    </row>
    <row r="3154" spans="1:14" ht="28.5">
      <c r="A3154" s="563"/>
      <c r="B3154" s="484">
        <f t="shared" si="97"/>
        <v>156</v>
      </c>
      <c r="C3154" s="470" t="s">
        <v>34359</v>
      </c>
      <c r="D3154" s="547" t="s">
        <v>34360</v>
      </c>
      <c r="E3154" s="565" t="s">
        <v>643</v>
      </c>
      <c r="F3154" s="566" t="s">
        <v>600</v>
      </c>
      <c r="G3154" s="430"/>
      <c r="H3154" s="432"/>
      <c r="I3154" s="531"/>
      <c r="J3154" s="816"/>
      <c r="K3154" s="501"/>
      <c r="L3154" s="434">
        <v>44228</v>
      </c>
      <c r="M3154" s="434"/>
      <c r="N3154" s="418"/>
    </row>
    <row r="3155" spans="1:14" ht="42.75">
      <c r="A3155" s="563"/>
      <c r="B3155" s="484">
        <f t="shared" si="97"/>
        <v>156</v>
      </c>
      <c r="C3155" s="470" t="s">
        <v>34361</v>
      </c>
      <c r="D3155" s="547" t="s">
        <v>34362</v>
      </c>
      <c r="E3155" s="565" t="s">
        <v>643</v>
      </c>
      <c r="F3155" s="566" t="s">
        <v>600</v>
      </c>
      <c r="G3155" s="430"/>
      <c r="H3155" s="432"/>
      <c r="I3155" s="531"/>
      <c r="J3155" s="816"/>
      <c r="K3155" s="501"/>
      <c r="L3155" s="434">
        <v>44228</v>
      </c>
      <c r="M3155" s="434"/>
      <c r="N3155" s="418"/>
    </row>
    <row r="3156" spans="1:14" ht="28.5">
      <c r="A3156" s="563"/>
      <c r="B3156" s="484">
        <f t="shared" si="97"/>
        <v>156</v>
      </c>
      <c r="C3156" s="470" t="s">
        <v>34363</v>
      </c>
      <c r="D3156" s="547" t="s">
        <v>34364</v>
      </c>
      <c r="E3156" s="565" t="s">
        <v>643</v>
      </c>
      <c r="F3156" s="566" t="s">
        <v>600</v>
      </c>
      <c r="G3156" s="430"/>
      <c r="H3156" s="432"/>
      <c r="I3156" s="531"/>
      <c r="J3156" s="816"/>
      <c r="K3156" s="501"/>
      <c r="L3156" s="434">
        <v>44228</v>
      </c>
      <c r="M3156" s="434"/>
      <c r="N3156" s="418"/>
    </row>
    <row r="3157" spans="1:14" ht="42.75">
      <c r="A3157" s="563"/>
      <c r="B3157" s="484">
        <f t="shared" si="97"/>
        <v>156</v>
      </c>
      <c r="C3157" s="470" t="s">
        <v>34365</v>
      </c>
      <c r="D3157" s="547" t="s">
        <v>34366</v>
      </c>
      <c r="E3157" s="565" t="s">
        <v>643</v>
      </c>
      <c r="F3157" s="566" t="s">
        <v>600</v>
      </c>
      <c r="G3157" s="430"/>
      <c r="H3157" s="432"/>
      <c r="I3157" s="531"/>
      <c r="J3157" s="816"/>
      <c r="K3157" s="501"/>
      <c r="L3157" s="434">
        <v>44228</v>
      </c>
      <c r="M3157" s="434"/>
      <c r="N3157" s="418"/>
    </row>
    <row r="3158" spans="1:14" ht="28.5">
      <c r="A3158" s="563"/>
      <c r="B3158" s="484">
        <f t="shared" si="97"/>
        <v>156</v>
      </c>
      <c r="C3158" s="470" t="s">
        <v>34367</v>
      </c>
      <c r="D3158" s="547" t="s">
        <v>34368</v>
      </c>
      <c r="E3158" s="565" t="s">
        <v>643</v>
      </c>
      <c r="F3158" s="566" t="s">
        <v>600</v>
      </c>
      <c r="G3158" s="430"/>
      <c r="H3158" s="432"/>
      <c r="I3158" s="531"/>
      <c r="J3158" s="816"/>
      <c r="K3158" s="501"/>
      <c r="L3158" s="434">
        <v>44228</v>
      </c>
      <c r="M3158" s="434"/>
      <c r="N3158" s="418"/>
    </row>
    <row r="3159" spans="1:14" ht="42.75">
      <c r="A3159" s="563"/>
      <c r="B3159" s="484">
        <f t="shared" si="97"/>
        <v>156</v>
      </c>
      <c r="C3159" s="470" t="s">
        <v>34369</v>
      </c>
      <c r="D3159" s="547" t="s">
        <v>34370</v>
      </c>
      <c r="E3159" s="565" t="s">
        <v>643</v>
      </c>
      <c r="F3159" s="566" t="s">
        <v>600</v>
      </c>
      <c r="G3159" s="430"/>
      <c r="H3159" s="432"/>
      <c r="I3159" s="531"/>
      <c r="J3159" s="816"/>
      <c r="K3159" s="501"/>
      <c r="L3159" s="434">
        <v>44228</v>
      </c>
      <c r="M3159" s="434"/>
      <c r="N3159" s="418"/>
    </row>
    <row r="3160" spans="1:14" ht="42.75">
      <c r="A3160" s="563"/>
      <c r="B3160" s="484">
        <f t="shared" si="97"/>
        <v>156</v>
      </c>
      <c r="C3160" s="470" t="s">
        <v>34371</v>
      </c>
      <c r="D3160" s="547" t="s">
        <v>34372</v>
      </c>
      <c r="E3160" s="565" t="s">
        <v>643</v>
      </c>
      <c r="F3160" s="566" t="s">
        <v>600</v>
      </c>
      <c r="G3160" s="430"/>
      <c r="H3160" s="432"/>
      <c r="I3160" s="531"/>
      <c r="J3160" s="816"/>
      <c r="K3160" s="501"/>
      <c r="L3160" s="434">
        <v>44228</v>
      </c>
      <c r="M3160" s="434"/>
      <c r="N3160" s="418"/>
    </row>
    <row r="3161" spans="1:14" ht="28.5">
      <c r="A3161" s="563"/>
      <c r="B3161" s="484">
        <f t="shared" si="97"/>
        <v>156</v>
      </c>
      <c r="C3161" s="470" t="s">
        <v>34373</v>
      </c>
      <c r="D3161" s="547" t="s">
        <v>34374</v>
      </c>
      <c r="E3161" s="565" t="s">
        <v>643</v>
      </c>
      <c r="F3161" s="566" t="s">
        <v>600</v>
      </c>
      <c r="G3161" s="430"/>
      <c r="H3161" s="432"/>
      <c r="I3161" s="531"/>
      <c r="J3161" s="816"/>
      <c r="K3161" s="501"/>
      <c r="L3161" s="434">
        <v>44228</v>
      </c>
      <c r="M3161" s="434"/>
      <c r="N3161" s="418"/>
    </row>
    <row r="3162" spans="1:14" ht="28.5">
      <c r="A3162" s="563"/>
      <c r="B3162" s="484">
        <f t="shared" si="97"/>
        <v>156</v>
      </c>
      <c r="C3162" s="470" t="s">
        <v>34375</v>
      </c>
      <c r="D3162" s="547" t="s">
        <v>34376</v>
      </c>
      <c r="E3162" s="565" t="s">
        <v>643</v>
      </c>
      <c r="F3162" s="566" t="s">
        <v>600</v>
      </c>
      <c r="G3162" s="430"/>
      <c r="H3162" s="432"/>
      <c r="I3162" s="531"/>
      <c r="J3162" s="816"/>
      <c r="K3162" s="501"/>
      <c r="L3162" s="434">
        <v>44228</v>
      </c>
      <c r="M3162" s="434"/>
      <c r="N3162" s="418"/>
    </row>
    <row r="3163" spans="1:14" ht="28.5">
      <c r="A3163" s="563"/>
      <c r="B3163" s="484">
        <f t="shared" si="97"/>
        <v>156</v>
      </c>
      <c r="C3163" s="470" t="s">
        <v>34377</v>
      </c>
      <c r="D3163" s="547" t="s">
        <v>34378</v>
      </c>
      <c r="E3163" s="565" t="s">
        <v>643</v>
      </c>
      <c r="F3163" s="566" t="s">
        <v>600</v>
      </c>
      <c r="G3163" s="430"/>
      <c r="H3163" s="432"/>
      <c r="I3163" s="531"/>
      <c r="J3163" s="816"/>
      <c r="K3163" s="501"/>
      <c r="L3163" s="434">
        <v>44228</v>
      </c>
      <c r="M3163" s="434"/>
      <c r="N3163" s="418"/>
    </row>
    <row r="3164" spans="1:14" ht="28.5">
      <c r="A3164" s="563"/>
      <c r="B3164" s="484">
        <f t="shared" si="97"/>
        <v>156</v>
      </c>
      <c r="C3164" s="470" t="s">
        <v>34379</v>
      </c>
      <c r="D3164" s="547" t="s">
        <v>34380</v>
      </c>
      <c r="E3164" s="565" t="s">
        <v>643</v>
      </c>
      <c r="F3164" s="566" t="s">
        <v>600</v>
      </c>
      <c r="G3164" s="430"/>
      <c r="H3164" s="432"/>
      <c r="I3164" s="531"/>
      <c r="J3164" s="816"/>
      <c r="K3164" s="501"/>
      <c r="L3164" s="434">
        <v>44228</v>
      </c>
      <c r="M3164" s="434"/>
      <c r="N3164" s="418"/>
    </row>
    <row r="3165" spans="1:14" ht="28.5">
      <c r="A3165" s="563"/>
      <c r="B3165" s="484">
        <f t="shared" si="97"/>
        <v>156</v>
      </c>
      <c r="C3165" s="470" t="s">
        <v>34381</v>
      </c>
      <c r="D3165" s="547" t="s">
        <v>34382</v>
      </c>
      <c r="E3165" s="565" t="s">
        <v>643</v>
      </c>
      <c r="F3165" s="566" t="s">
        <v>600</v>
      </c>
      <c r="G3165" s="430"/>
      <c r="H3165" s="432"/>
      <c r="I3165" s="531"/>
      <c r="J3165" s="816"/>
      <c r="K3165" s="501"/>
      <c r="L3165" s="434">
        <v>44228</v>
      </c>
      <c r="M3165" s="434"/>
      <c r="N3165" s="418"/>
    </row>
    <row r="3166" spans="1:14" ht="28.5">
      <c r="A3166" s="563"/>
      <c r="B3166" s="484">
        <f t="shared" si="97"/>
        <v>156</v>
      </c>
      <c r="C3166" s="470" t="s">
        <v>34383</v>
      </c>
      <c r="D3166" s="547" t="s">
        <v>34384</v>
      </c>
      <c r="E3166" s="565" t="s">
        <v>643</v>
      </c>
      <c r="F3166" s="566" t="s">
        <v>600</v>
      </c>
      <c r="G3166" s="430"/>
      <c r="H3166" s="432"/>
      <c r="I3166" s="531"/>
      <c r="J3166" s="816"/>
      <c r="K3166" s="501"/>
      <c r="L3166" s="434">
        <v>44228</v>
      </c>
      <c r="M3166" s="434"/>
      <c r="N3166" s="418"/>
    </row>
    <row r="3167" spans="1:14" ht="28.5">
      <c r="A3167" s="563"/>
      <c r="B3167" s="484">
        <f>IF(A3167&gt;0,A3167,B3166)</f>
        <v>156</v>
      </c>
      <c r="C3167" s="470" t="s">
        <v>34385</v>
      </c>
      <c r="D3167" s="547" t="s">
        <v>34386</v>
      </c>
      <c r="E3167" s="565" t="s">
        <v>643</v>
      </c>
      <c r="F3167" s="566" t="s">
        <v>600</v>
      </c>
      <c r="G3167" s="430"/>
      <c r="H3167" s="432"/>
      <c r="I3167" s="531"/>
      <c r="J3167" s="816"/>
      <c r="K3167" s="501"/>
      <c r="L3167" s="434">
        <v>44228</v>
      </c>
      <c r="M3167" s="434"/>
      <c r="N3167" s="418"/>
    </row>
    <row r="3168" spans="1:14" ht="28.5">
      <c r="A3168" s="563"/>
      <c r="B3168" s="484">
        <f t="shared" si="97"/>
        <v>156</v>
      </c>
      <c r="C3168" s="470" t="s">
        <v>34387</v>
      </c>
      <c r="D3168" s="547" t="s">
        <v>34388</v>
      </c>
      <c r="E3168" s="565" t="s">
        <v>643</v>
      </c>
      <c r="F3168" s="566" t="s">
        <v>600</v>
      </c>
      <c r="G3168" s="430"/>
      <c r="H3168" s="432"/>
      <c r="I3168" s="531"/>
      <c r="J3168" s="816"/>
      <c r="K3168" s="501"/>
      <c r="L3168" s="434">
        <v>44228</v>
      </c>
      <c r="M3168" s="434"/>
      <c r="N3168" s="418"/>
    </row>
    <row r="3169" spans="1:14" ht="42.75">
      <c r="A3169" s="563"/>
      <c r="B3169" s="484">
        <f t="shared" si="97"/>
        <v>156</v>
      </c>
      <c r="C3169" s="470" t="s">
        <v>34389</v>
      </c>
      <c r="D3169" s="547" t="s">
        <v>34390</v>
      </c>
      <c r="E3169" s="565" t="s">
        <v>643</v>
      </c>
      <c r="F3169" s="566" t="s">
        <v>600</v>
      </c>
      <c r="G3169" s="430"/>
      <c r="H3169" s="432"/>
      <c r="I3169" s="531"/>
      <c r="J3169" s="816"/>
      <c r="K3169" s="501"/>
      <c r="L3169" s="434">
        <v>44228</v>
      </c>
      <c r="M3169" s="434"/>
      <c r="N3169" s="418"/>
    </row>
    <row r="3170" spans="1:14" ht="28.5">
      <c r="A3170" s="563"/>
      <c r="B3170" s="484">
        <f t="shared" si="97"/>
        <v>156</v>
      </c>
      <c r="C3170" s="470" t="s">
        <v>34391</v>
      </c>
      <c r="D3170" s="547" t="s">
        <v>34392</v>
      </c>
      <c r="E3170" s="565" t="s">
        <v>643</v>
      </c>
      <c r="F3170" s="566" t="s">
        <v>600</v>
      </c>
      <c r="G3170" s="430"/>
      <c r="H3170" s="432"/>
      <c r="I3170" s="531"/>
      <c r="J3170" s="816"/>
      <c r="K3170" s="501"/>
      <c r="L3170" s="434">
        <v>44228</v>
      </c>
      <c r="M3170" s="434"/>
      <c r="N3170" s="418"/>
    </row>
    <row r="3171" spans="1:14" ht="42.75">
      <c r="A3171" s="563"/>
      <c r="B3171" s="484">
        <f t="shared" si="97"/>
        <v>156</v>
      </c>
      <c r="C3171" s="470" t="s">
        <v>34393</v>
      </c>
      <c r="D3171" s="547" t="s">
        <v>34394</v>
      </c>
      <c r="E3171" s="565" t="s">
        <v>643</v>
      </c>
      <c r="F3171" s="566" t="s">
        <v>600</v>
      </c>
      <c r="G3171" s="430"/>
      <c r="H3171" s="432"/>
      <c r="I3171" s="531"/>
      <c r="J3171" s="816"/>
      <c r="K3171" s="501"/>
      <c r="L3171" s="434">
        <v>44228</v>
      </c>
      <c r="M3171" s="434"/>
      <c r="N3171" s="418"/>
    </row>
    <row r="3172" spans="1:14" ht="42.75">
      <c r="A3172" s="563"/>
      <c r="B3172" s="484">
        <f t="shared" si="97"/>
        <v>156</v>
      </c>
      <c r="C3172" s="470" t="s">
        <v>34395</v>
      </c>
      <c r="D3172" s="547" t="s">
        <v>34396</v>
      </c>
      <c r="E3172" s="565" t="s">
        <v>643</v>
      </c>
      <c r="F3172" s="566" t="s">
        <v>600</v>
      </c>
      <c r="G3172" s="430"/>
      <c r="H3172" s="432"/>
      <c r="I3172" s="531"/>
      <c r="J3172" s="816"/>
      <c r="K3172" s="501"/>
      <c r="L3172" s="434">
        <v>44228</v>
      </c>
      <c r="M3172" s="434"/>
      <c r="N3172" s="418"/>
    </row>
    <row r="3173" spans="1:14" ht="28.5">
      <c r="A3173" s="563"/>
      <c r="B3173" s="484">
        <f t="shared" si="97"/>
        <v>156</v>
      </c>
      <c r="C3173" s="470" t="s">
        <v>34397</v>
      </c>
      <c r="D3173" s="547" t="s">
        <v>34398</v>
      </c>
      <c r="E3173" s="565" t="s">
        <v>643</v>
      </c>
      <c r="F3173" s="566" t="s">
        <v>600</v>
      </c>
      <c r="G3173" s="430"/>
      <c r="H3173" s="432"/>
      <c r="I3173" s="531"/>
      <c r="J3173" s="816"/>
      <c r="K3173" s="501"/>
      <c r="L3173" s="434">
        <v>44228</v>
      </c>
      <c r="M3173" s="434"/>
      <c r="N3173" s="418"/>
    </row>
    <row r="3174" spans="1:14" ht="42.75">
      <c r="A3174" s="563"/>
      <c r="B3174" s="484">
        <f t="shared" si="97"/>
        <v>156</v>
      </c>
      <c r="C3174" s="470" t="s">
        <v>34399</v>
      </c>
      <c r="D3174" s="547" t="s">
        <v>34400</v>
      </c>
      <c r="E3174" s="565" t="s">
        <v>643</v>
      </c>
      <c r="F3174" s="566" t="s">
        <v>600</v>
      </c>
      <c r="G3174" s="430"/>
      <c r="H3174" s="432"/>
      <c r="I3174" s="531"/>
      <c r="J3174" s="816"/>
      <c r="K3174" s="501"/>
      <c r="L3174" s="434">
        <v>44228</v>
      </c>
      <c r="M3174" s="434"/>
      <c r="N3174" s="418"/>
    </row>
    <row r="3175" spans="1:14" ht="28.5">
      <c r="A3175" s="563"/>
      <c r="B3175" s="484">
        <f t="shared" si="97"/>
        <v>156</v>
      </c>
      <c r="C3175" s="470" t="s">
        <v>34401</v>
      </c>
      <c r="D3175" s="547" t="s">
        <v>34402</v>
      </c>
      <c r="E3175" s="565" t="s">
        <v>643</v>
      </c>
      <c r="F3175" s="566" t="s">
        <v>600</v>
      </c>
      <c r="G3175" s="430"/>
      <c r="H3175" s="432"/>
      <c r="I3175" s="531"/>
      <c r="J3175" s="816"/>
      <c r="K3175" s="501"/>
      <c r="L3175" s="434">
        <v>44228</v>
      </c>
      <c r="M3175" s="434"/>
      <c r="N3175" s="418"/>
    </row>
    <row r="3176" spans="1:14" ht="28.5">
      <c r="A3176" s="563"/>
      <c r="B3176" s="484">
        <f t="shared" si="97"/>
        <v>156</v>
      </c>
      <c r="C3176" s="470" t="s">
        <v>34403</v>
      </c>
      <c r="D3176" s="547" t="s">
        <v>34404</v>
      </c>
      <c r="E3176" s="565" t="s">
        <v>643</v>
      </c>
      <c r="F3176" s="566" t="s">
        <v>600</v>
      </c>
      <c r="G3176" s="430"/>
      <c r="H3176" s="432"/>
      <c r="I3176" s="531"/>
      <c r="J3176" s="816"/>
      <c r="K3176" s="501"/>
      <c r="L3176" s="434">
        <v>44228</v>
      </c>
      <c r="M3176" s="434"/>
      <c r="N3176" s="418"/>
    </row>
    <row r="3177" spans="1:14" ht="15.75">
      <c r="A3177" s="563"/>
      <c r="B3177" s="484">
        <f t="shared" si="97"/>
        <v>156</v>
      </c>
      <c r="C3177" s="470" t="s">
        <v>34405</v>
      </c>
      <c r="D3177" s="547" t="s">
        <v>34406</v>
      </c>
      <c r="E3177" s="565" t="s">
        <v>643</v>
      </c>
      <c r="F3177" s="566" t="s">
        <v>600</v>
      </c>
      <c r="G3177" s="430"/>
      <c r="H3177" s="432"/>
      <c r="I3177" s="531"/>
      <c r="J3177" s="816"/>
      <c r="K3177" s="501"/>
      <c r="L3177" s="434">
        <v>44228</v>
      </c>
      <c r="M3177" s="434"/>
      <c r="N3177" s="418"/>
    </row>
    <row r="3178" spans="1:14" ht="28.5">
      <c r="A3178" s="563"/>
      <c r="B3178" s="484">
        <f t="shared" si="97"/>
        <v>156</v>
      </c>
      <c r="C3178" s="470" t="s">
        <v>34407</v>
      </c>
      <c r="D3178" s="547" t="s">
        <v>34408</v>
      </c>
      <c r="E3178" s="565" t="s">
        <v>643</v>
      </c>
      <c r="F3178" s="566" t="s">
        <v>600</v>
      </c>
      <c r="G3178" s="430"/>
      <c r="H3178" s="432"/>
      <c r="I3178" s="531"/>
      <c r="J3178" s="816"/>
      <c r="K3178" s="501"/>
      <c r="L3178" s="434">
        <v>44228</v>
      </c>
      <c r="M3178" s="434"/>
      <c r="N3178" s="418"/>
    </row>
    <row r="3179" spans="1:14" ht="28.5">
      <c r="A3179" s="563"/>
      <c r="B3179" s="484">
        <f t="shared" si="97"/>
        <v>156</v>
      </c>
      <c r="C3179" s="470" t="s">
        <v>34409</v>
      </c>
      <c r="D3179" s="547" t="s">
        <v>34410</v>
      </c>
      <c r="E3179" s="565" t="s">
        <v>643</v>
      </c>
      <c r="F3179" s="566" t="s">
        <v>600</v>
      </c>
      <c r="G3179" s="430"/>
      <c r="H3179" s="432"/>
      <c r="I3179" s="531"/>
      <c r="J3179" s="816"/>
      <c r="K3179" s="501"/>
      <c r="L3179" s="434">
        <v>44228</v>
      </c>
      <c r="M3179" s="434"/>
      <c r="N3179" s="418"/>
    </row>
    <row r="3180" spans="1:14" ht="28.5">
      <c r="A3180" s="563"/>
      <c r="B3180" s="484">
        <f t="shared" si="97"/>
        <v>156</v>
      </c>
      <c r="C3180" s="470" t="s">
        <v>34411</v>
      </c>
      <c r="D3180" s="547" t="s">
        <v>34412</v>
      </c>
      <c r="E3180" s="565" t="s">
        <v>643</v>
      </c>
      <c r="F3180" s="566" t="s">
        <v>600</v>
      </c>
      <c r="G3180" s="430"/>
      <c r="H3180" s="432"/>
      <c r="I3180" s="531"/>
      <c r="J3180" s="816"/>
      <c r="K3180" s="501"/>
      <c r="L3180" s="434">
        <v>44228</v>
      </c>
      <c r="M3180" s="434"/>
      <c r="N3180" s="418"/>
    </row>
    <row r="3181" spans="1:14" ht="28.5">
      <c r="A3181" s="563"/>
      <c r="B3181" s="484">
        <f t="shared" si="97"/>
        <v>156</v>
      </c>
      <c r="C3181" s="470" t="s">
        <v>34413</v>
      </c>
      <c r="D3181" s="547" t="s">
        <v>34414</v>
      </c>
      <c r="E3181" s="565" t="s">
        <v>643</v>
      </c>
      <c r="F3181" s="566" t="s">
        <v>600</v>
      </c>
      <c r="G3181" s="430"/>
      <c r="H3181" s="432"/>
      <c r="I3181" s="531"/>
      <c r="J3181" s="816"/>
      <c r="K3181" s="501"/>
      <c r="L3181" s="434">
        <v>44228</v>
      </c>
      <c r="M3181" s="434"/>
      <c r="N3181" s="418"/>
    </row>
    <row r="3182" spans="1:14" ht="42.75">
      <c r="A3182" s="563"/>
      <c r="B3182" s="484">
        <f t="shared" si="97"/>
        <v>156</v>
      </c>
      <c r="C3182" s="470" t="s">
        <v>34415</v>
      </c>
      <c r="D3182" s="547" t="s">
        <v>34416</v>
      </c>
      <c r="E3182" s="565" t="s">
        <v>643</v>
      </c>
      <c r="F3182" s="566" t="s">
        <v>600</v>
      </c>
      <c r="G3182" s="430"/>
      <c r="H3182" s="432"/>
      <c r="I3182" s="531"/>
      <c r="J3182" s="816"/>
      <c r="K3182" s="501"/>
      <c r="L3182" s="434">
        <v>44228</v>
      </c>
      <c r="M3182" s="434"/>
      <c r="N3182" s="418"/>
    </row>
    <row r="3183" spans="1:14" ht="28.5">
      <c r="A3183" s="563"/>
      <c r="B3183" s="484">
        <f t="shared" si="97"/>
        <v>156</v>
      </c>
      <c r="C3183" s="470" t="s">
        <v>34417</v>
      </c>
      <c r="D3183" s="547" t="s">
        <v>34418</v>
      </c>
      <c r="E3183" s="565" t="s">
        <v>643</v>
      </c>
      <c r="F3183" s="566" t="s">
        <v>600</v>
      </c>
      <c r="G3183" s="430"/>
      <c r="H3183" s="432"/>
      <c r="I3183" s="531"/>
      <c r="J3183" s="816"/>
      <c r="K3183" s="501"/>
      <c r="L3183" s="434">
        <v>44228</v>
      </c>
      <c r="M3183" s="434"/>
      <c r="N3183" s="418"/>
    </row>
    <row r="3184" spans="1:14" ht="28.5">
      <c r="A3184" s="563"/>
      <c r="B3184" s="484">
        <f t="shared" si="97"/>
        <v>156</v>
      </c>
      <c r="C3184" s="470" t="s">
        <v>34419</v>
      </c>
      <c r="D3184" s="547" t="s">
        <v>34420</v>
      </c>
      <c r="E3184" s="565" t="s">
        <v>643</v>
      </c>
      <c r="F3184" s="566" t="s">
        <v>600</v>
      </c>
      <c r="G3184" s="430"/>
      <c r="H3184" s="432"/>
      <c r="I3184" s="531"/>
      <c r="J3184" s="816"/>
      <c r="K3184" s="501"/>
      <c r="L3184" s="434">
        <v>44228</v>
      </c>
      <c r="M3184" s="434"/>
      <c r="N3184" s="418"/>
    </row>
    <row r="3185" spans="1:14" ht="28.5">
      <c r="A3185" s="563"/>
      <c r="B3185" s="484">
        <f t="shared" si="97"/>
        <v>156</v>
      </c>
      <c r="C3185" s="470" t="s">
        <v>34421</v>
      </c>
      <c r="D3185" s="547" t="s">
        <v>34422</v>
      </c>
      <c r="E3185" s="565" t="s">
        <v>643</v>
      </c>
      <c r="F3185" s="566" t="s">
        <v>600</v>
      </c>
      <c r="G3185" s="430"/>
      <c r="H3185" s="432"/>
      <c r="I3185" s="531"/>
      <c r="J3185" s="816"/>
      <c r="K3185" s="501"/>
      <c r="L3185" s="434">
        <v>44228</v>
      </c>
      <c r="M3185" s="434"/>
      <c r="N3185" s="418"/>
    </row>
    <row r="3186" spans="1:14" ht="28.5">
      <c r="A3186" s="563"/>
      <c r="B3186" s="484">
        <f t="shared" si="97"/>
        <v>156</v>
      </c>
      <c r="C3186" s="470" t="s">
        <v>34423</v>
      </c>
      <c r="D3186" s="547" t="s">
        <v>34424</v>
      </c>
      <c r="E3186" s="565" t="s">
        <v>643</v>
      </c>
      <c r="F3186" s="566" t="s">
        <v>600</v>
      </c>
      <c r="G3186" s="430"/>
      <c r="H3186" s="432"/>
      <c r="I3186" s="531"/>
      <c r="J3186" s="816"/>
      <c r="K3186" s="501"/>
      <c r="L3186" s="434">
        <v>44228</v>
      </c>
      <c r="M3186" s="434"/>
      <c r="N3186" s="418"/>
    </row>
    <row r="3187" spans="1:14" ht="28.5">
      <c r="A3187" s="563"/>
      <c r="B3187" s="484">
        <f t="shared" si="97"/>
        <v>156</v>
      </c>
      <c r="C3187" s="470" t="s">
        <v>34425</v>
      </c>
      <c r="D3187" s="547" t="s">
        <v>34426</v>
      </c>
      <c r="E3187" s="565" t="s">
        <v>643</v>
      </c>
      <c r="F3187" s="566" t="s">
        <v>600</v>
      </c>
      <c r="G3187" s="430"/>
      <c r="H3187" s="432"/>
      <c r="I3187" s="531"/>
      <c r="J3187" s="816"/>
      <c r="K3187" s="501"/>
      <c r="L3187" s="434">
        <v>44228</v>
      </c>
      <c r="M3187" s="434"/>
      <c r="N3187" s="418"/>
    </row>
    <row r="3188" spans="1:14" ht="28.5">
      <c r="A3188" s="563"/>
      <c r="B3188" s="484">
        <f t="shared" ref="B3188:B3251" si="98">IF(A3188&gt;0,A3188,B3187)</f>
        <v>156</v>
      </c>
      <c r="C3188" s="470" t="s">
        <v>34427</v>
      </c>
      <c r="D3188" s="547" t="s">
        <v>34428</v>
      </c>
      <c r="E3188" s="565" t="s">
        <v>643</v>
      </c>
      <c r="F3188" s="566" t="s">
        <v>600</v>
      </c>
      <c r="G3188" s="430"/>
      <c r="H3188" s="432"/>
      <c r="I3188" s="531"/>
      <c r="J3188" s="816"/>
      <c r="K3188" s="501"/>
      <c r="L3188" s="434">
        <v>44228</v>
      </c>
      <c r="M3188" s="434"/>
      <c r="N3188" s="418"/>
    </row>
    <row r="3189" spans="1:14" ht="42.75">
      <c r="A3189" s="563"/>
      <c r="B3189" s="484">
        <f t="shared" si="98"/>
        <v>156</v>
      </c>
      <c r="C3189" s="470" t="s">
        <v>34429</v>
      </c>
      <c r="D3189" s="547" t="s">
        <v>34430</v>
      </c>
      <c r="E3189" s="565" t="s">
        <v>643</v>
      </c>
      <c r="F3189" s="566" t="s">
        <v>600</v>
      </c>
      <c r="G3189" s="430"/>
      <c r="H3189" s="432"/>
      <c r="I3189" s="531"/>
      <c r="J3189" s="816"/>
      <c r="K3189" s="501"/>
      <c r="L3189" s="434">
        <v>44228</v>
      </c>
      <c r="M3189" s="434"/>
      <c r="N3189" s="418"/>
    </row>
    <row r="3190" spans="1:14" ht="42.75">
      <c r="A3190" s="563"/>
      <c r="B3190" s="484">
        <f t="shared" si="98"/>
        <v>156</v>
      </c>
      <c r="C3190" s="470" t="s">
        <v>34431</v>
      </c>
      <c r="D3190" s="547" t="s">
        <v>34432</v>
      </c>
      <c r="E3190" s="565" t="s">
        <v>643</v>
      </c>
      <c r="F3190" s="566" t="s">
        <v>600</v>
      </c>
      <c r="G3190" s="430"/>
      <c r="H3190" s="432"/>
      <c r="I3190" s="531"/>
      <c r="J3190" s="816"/>
      <c r="K3190" s="501"/>
      <c r="L3190" s="434">
        <v>44228</v>
      </c>
      <c r="M3190" s="434"/>
      <c r="N3190" s="418"/>
    </row>
    <row r="3191" spans="1:14" ht="42.75">
      <c r="A3191" s="563"/>
      <c r="B3191" s="484">
        <f>IF(A3191&gt;0,A3191,B3190)</f>
        <v>156</v>
      </c>
      <c r="C3191" s="470" t="s">
        <v>34433</v>
      </c>
      <c r="D3191" s="547" t="s">
        <v>34434</v>
      </c>
      <c r="E3191" s="565" t="s">
        <v>643</v>
      </c>
      <c r="F3191" s="566" t="s">
        <v>600</v>
      </c>
      <c r="G3191" s="430"/>
      <c r="H3191" s="432"/>
      <c r="I3191" s="531"/>
      <c r="J3191" s="816"/>
      <c r="K3191" s="501"/>
      <c r="L3191" s="434">
        <v>44228</v>
      </c>
      <c r="M3191" s="434"/>
      <c r="N3191" s="418"/>
    </row>
    <row r="3192" spans="1:14" ht="28.5">
      <c r="A3192" s="563"/>
      <c r="B3192" s="484">
        <f t="shared" si="98"/>
        <v>156</v>
      </c>
      <c r="C3192" s="470" t="s">
        <v>34435</v>
      </c>
      <c r="D3192" s="547" t="s">
        <v>34436</v>
      </c>
      <c r="E3192" s="565" t="s">
        <v>643</v>
      </c>
      <c r="F3192" s="566" t="s">
        <v>600</v>
      </c>
      <c r="G3192" s="430"/>
      <c r="H3192" s="432"/>
      <c r="I3192" s="531"/>
      <c r="J3192" s="816"/>
      <c r="K3192" s="501"/>
      <c r="L3192" s="434">
        <v>44228</v>
      </c>
      <c r="M3192" s="434"/>
      <c r="N3192" s="418"/>
    </row>
    <row r="3193" spans="1:14" ht="42.75">
      <c r="A3193" s="563"/>
      <c r="B3193" s="484">
        <f t="shared" si="98"/>
        <v>156</v>
      </c>
      <c r="C3193" s="470" t="s">
        <v>34437</v>
      </c>
      <c r="D3193" s="547" t="s">
        <v>34438</v>
      </c>
      <c r="E3193" s="565" t="s">
        <v>643</v>
      </c>
      <c r="F3193" s="566" t="s">
        <v>600</v>
      </c>
      <c r="G3193" s="430"/>
      <c r="H3193" s="432"/>
      <c r="I3193" s="531"/>
      <c r="J3193" s="816"/>
      <c r="K3193" s="501"/>
      <c r="L3193" s="434">
        <v>44228</v>
      </c>
      <c r="M3193" s="434"/>
      <c r="N3193" s="418"/>
    </row>
    <row r="3194" spans="1:14" ht="42.75">
      <c r="A3194" s="563"/>
      <c r="B3194" s="484">
        <f t="shared" si="98"/>
        <v>156</v>
      </c>
      <c r="C3194" s="470" t="s">
        <v>34439</v>
      </c>
      <c r="D3194" s="547" t="s">
        <v>34440</v>
      </c>
      <c r="E3194" s="565" t="s">
        <v>643</v>
      </c>
      <c r="F3194" s="566" t="s">
        <v>600</v>
      </c>
      <c r="G3194" s="430"/>
      <c r="H3194" s="432"/>
      <c r="I3194" s="531"/>
      <c r="J3194" s="816"/>
      <c r="K3194" s="501"/>
      <c r="L3194" s="434">
        <v>44228</v>
      </c>
      <c r="M3194" s="434"/>
      <c r="N3194" s="418"/>
    </row>
    <row r="3195" spans="1:14" ht="28.5">
      <c r="A3195" s="563"/>
      <c r="B3195" s="484">
        <f t="shared" si="98"/>
        <v>156</v>
      </c>
      <c r="C3195" s="470" t="s">
        <v>34441</v>
      </c>
      <c r="D3195" s="547" t="s">
        <v>34442</v>
      </c>
      <c r="E3195" s="565" t="s">
        <v>643</v>
      </c>
      <c r="F3195" s="566" t="s">
        <v>600</v>
      </c>
      <c r="G3195" s="430"/>
      <c r="H3195" s="432"/>
      <c r="I3195" s="531"/>
      <c r="J3195" s="816"/>
      <c r="K3195" s="501"/>
      <c r="L3195" s="434">
        <v>44228</v>
      </c>
      <c r="M3195" s="434"/>
      <c r="N3195" s="418"/>
    </row>
    <row r="3196" spans="1:14" ht="28.5">
      <c r="A3196" s="563"/>
      <c r="B3196" s="484">
        <f t="shared" si="98"/>
        <v>156</v>
      </c>
      <c r="C3196" s="470" t="s">
        <v>34443</v>
      </c>
      <c r="D3196" s="547" t="s">
        <v>34444</v>
      </c>
      <c r="E3196" s="565" t="s">
        <v>643</v>
      </c>
      <c r="F3196" s="566" t="s">
        <v>600</v>
      </c>
      <c r="G3196" s="430"/>
      <c r="H3196" s="432"/>
      <c r="I3196" s="531"/>
      <c r="J3196" s="816"/>
      <c r="K3196" s="501"/>
      <c r="L3196" s="434">
        <v>44228</v>
      </c>
      <c r="M3196" s="434"/>
      <c r="N3196" s="418"/>
    </row>
    <row r="3197" spans="1:14" ht="42.75">
      <c r="A3197" s="563"/>
      <c r="B3197" s="484">
        <f t="shared" si="98"/>
        <v>156</v>
      </c>
      <c r="C3197" s="470" t="s">
        <v>34445</v>
      </c>
      <c r="D3197" s="547" t="s">
        <v>34446</v>
      </c>
      <c r="E3197" s="565" t="s">
        <v>643</v>
      </c>
      <c r="F3197" s="566" t="s">
        <v>600</v>
      </c>
      <c r="G3197" s="430"/>
      <c r="H3197" s="432"/>
      <c r="I3197" s="531"/>
      <c r="J3197" s="816"/>
      <c r="K3197" s="501"/>
      <c r="L3197" s="434">
        <v>44228</v>
      </c>
      <c r="M3197" s="434"/>
      <c r="N3197" s="418"/>
    </row>
    <row r="3198" spans="1:14" ht="42.75">
      <c r="A3198" s="563"/>
      <c r="B3198" s="484">
        <f t="shared" si="98"/>
        <v>156</v>
      </c>
      <c r="C3198" s="470" t="s">
        <v>34447</v>
      </c>
      <c r="D3198" s="547" t="s">
        <v>34448</v>
      </c>
      <c r="E3198" s="565" t="s">
        <v>643</v>
      </c>
      <c r="F3198" s="566" t="s">
        <v>600</v>
      </c>
      <c r="G3198" s="430"/>
      <c r="H3198" s="432"/>
      <c r="I3198" s="531"/>
      <c r="J3198" s="816"/>
      <c r="K3198" s="501"/>
      <c r="L3198" s="434">
        <v>44228</v>
      </c>
      <c r="M3198" s="434"/>
      <c r="N3198" s="418"/>
    </row>
    <row r="3199" spans="1:14" ht="42.75">
      <c r="A3199" s="563"/>
      <c r="B3199" s="484">
        <f t="shared" si="98"/>
        <v>156</v>
      </c>
      <c r="C3199" s="470" t="s">
        <v>34449</v>
      </c>
      <c r="D3199" s="547" t="s">
        <v>34450</v>
      </c>
      <c r="E3199" s="565" t="s">
        <v>643</v>
      </c>
      <c r="F3199" s="566" t="s">
        <v>600</v>
      </c>
      <c r="G3199" s="430"/>
      <c r="H3199" s="432"/>
      <c r="I3199" s="531"/>
      <c r="J3199" s="816"/>
      <c r="K3199" s="501"/>
      <c r="L3199" s="434">
        <v>44228</v>
      </c>
      <c r="M3199" s="434"/>
      <c r="N3199" s="418"/>
    </row>
    <row r="3200" spans="1:14" ht="42.75">
      <c r="A3200" s="563"/>
      <c r="B3200" s="484">
        <f t="shared" si="98"/>
        <v>156</v>
      </c>
      <c r="C3200" s="470" t="s">
        <v>34451</v>
      </c>
      <c r="D3200" s="547" t="s">
        <v>34452</v>
      </c>
      <c r="E3200" s="565" t="s">
        <v>643</v>
      </c>
      <c r="F3200" s="566" t="s">
        <v>600</v>
      </c>
      <c r="G3200" s="430"/>
      <c r="H3200" s="432"/>
      <c r="I3200" s="531"/>
      <c r="J3200" s="816"/>
      <c r="K3200" s="501"/>
      <c r="L3200" s="434">
        <v>44228</v>
      </c>
      <c r="M3200" s="434"/>
      <c r="N3200" s="418"/>
    </row>
    <row r="3201" spans="1:14" ht="28.5">
      <c r="A3201" s="563"/>
      <c r="B3201" s="484">
        <f t="shared" si="98"/>
        <v>156</v>
      </c>
      <c r="C3201" s="470" t="s">
        <v>34453</v>
      </c>
      <c r="D3201" s="547" t="s">
        <v>34454</v>
      </c>
      <c r="E3201" s="565" t="s">
        <v>643</v>
      </c>
      <c r="F3201" s="566" t="s">
        <v>600</v>
      </c>
      <c r="G3201" s="430"/>
      <c r="H3201" s="432"/>
      <c r="I3201" s="531"/>
      <c r="J3201" s="816"/>
      <c r="K3201" s="501"/>
      <c r="L3201" s="434">
        <v>44228</v>
      </c>
      <c r="M3201" s="434"/>
      <c r="N3201" s="418"/>
    </row>
    <row r="3202" spans="1:14" ht="57">
      <c r="A3202" s="563"/>
      <c r="B3202" s="484">
        <f t="shared" si="98"/>
        <v>156</v>
      </c>
      <c r="C3202" s="470" t="s">
        <v>34455</v>
      </c>
      <c r="D3202" s="547" t="s">
        <v>34456</v>
      </c>
      <c r="E3202" s="565" t="s">
        <v>643</v>
      </c>
      <c r="F3202" s="566" t="s">
        <v>600</v>
      </c>
      <c r="G3202" s="430"/>
      <c r="H3202" s="432"/>
      <c r="I3202" s="531"/>
      <c r="J3202" s="816"/>
      <c r="K3202" s="501"/>
      <c r="L3202" s="434">
        <v>44228</v>
      </c>
      <c r="M3202" s="434"/>
      <c r="N3202" s="418"/>
    </row>
    <row r="3203" spans="1:14" ht="28.5">
      <c r="A3203" s="563"/>
      <c r="B3203" s="484">
        <f t="shared" si="98"/>
        <v>156</v>
      </c>
      <c r="C3203" s="470" t="s">
        <v>34457</v>
      </c>
      <c r="D3203" s="547" t="s">
        <v>34458</v>
      </c>
      <c r="E3203" s="565" t="s">
        <v>643</v>
      </c>
      <c r="F3203" s="566" t="s">
        <v>600</v>
      </c>
      <c r="G3203" s="430"/>
      <c r="H3203" s="432"/>
      <c r="I3203" s="531"/>
      <c r="J3203" s="816"/>
      <c r="K3203" s="501"/>
      <c r="L3203" s="434">
        <v>44228</v>
      </c>
      <c r="M3203" s="434"/>
      <c r="N3203" s="418"/>
    </row>
    <row r="3204" spans="1:14" ht="28.5">
      <c r="A3204" s="563"/>
      <c r="B3204" s="484">
        <f t="shared" si="98"/>
        <v>156</v>
      </c>
      <c r="C3204" s="470" t="s">
        <v>34459</v>
      </c>
      <c r="D3204" s="547" t="s">
        <v>34460</v>
      </c>
      <c r="E3204" s="565" t="s">
        <v>643</v>
      </c>
      <c r="F3204" s="566" t="s">
        <v>600</v>
      </c>
      <c r="G3204" s="430"/>
      <c r="H3204" s="432"/>
      <c r="I3204" s="531"/>
      <c r="J3204" s="816"/>
      <c r="K3204" s="501"/>
      <c r="L3204" s="434">
        <v>44228</v>
      </c>
      <c r="M3204" s="434"/>
      <c r="N3204" s="418"/>
    </row>
    <row r="3205" spans="1:14" ht="28.5">
      <c r="A3205" s="563"/>
      <c r="B3205" s="484">
        <f t="shared" si="98"/>
        <v>156</v>
      </c>
      <c r="C3205" s="470" t="s">
        <v>34461</v>
      </c>
      <c r="D3205" s="547" t="s">
        <v>34462</v>
      </c>
      <c r="E3205" s="565" t="s">
        <v>643</v>
      </c>
      <c r="F3205" s="566" t="s">
        <v>600</v>
      </c>
      <c r="G3205" s="430"/>
      <c r="H3205" s="432"/>
      <c r="I3205" s="531"/>
      <c r="J3205" s="816"/>
      <c r="K3205" s="501"/>
      <c r="L3205" s="434">
        <v>44228</v>
      </c>
      <c r="M3205" s="434"/>
      <c r="N3205" s="418"/>
    </row>
    <row r="3206" spans="1:14" ht="28.5">
      <c r="A3206" s="563"/>
      <c r="B3206" s="484">
        <f t="shared" si="98"/>
        <v>156</v>
      </c>
      <c r="C3206" s="470" t="s">
        <v>34463</v>
      </c>
      <c r="D3206" s="547" t="s">
        <v>34464</v>
      </c>
      <c r="E3206" s="565" t="s">
        <v>643</v>
      </c>
      <c r="F3206" s="566" t="s">
        <v>600</v>
      </c>
      <c r="G3206" s="430"/>
      <c r="H3206" s="432"/>
      <c r="I3206" s="531"/>
      <c r="J3206" s="816"/>
      <c r="K3206" s="501"/>
      <c r="L3206" s="434">
        <v>44228</v>
      </c>
      <c r="M3206" s="434"/>
      <c r="N3206" s="418"/>
    </row>
    <row r="3207" spans="1:14" ht="42.75">
      <c r="A3207" s="563"/>
      <c r="B3207" s="484">
        <f t="shared" si="98"/>
        <v>156</v>
      </c>
      <c r="C3207" s="470" t="s">
        <v>34465</v>
      </c>
      <c r="D3207" s="547" t="s">
        <v>34466</v>
      </c>
      <c r="E3207" s="565" t="s">
        <v>643</v>
      </c>
      <c r="F3207" s="566" t="s">
        <v>600</v>
      </c>
      <c r="G3207" s="430"/>
      <c r="H3207" s="432"/>
      <c r="I3207" s="531"/>
      <c r="J3207" s="816"/>
      <c r="K3207" s="501"/>
      <c r="L3207" s="434">
        <v>44228</v>
      </c>
      <c r="M3207" s="434"/>
      <c r="N3207" s="418"/>
    </row>
    <row r="3208" spans="1:14" ht="42.75">
      <c r="A3208" s="563"/>
      <c r="B3208" s="484">
        <f t="shared" si="98"/>
        <v>156</v>
      </c>
      <c r="C3208" s="470" t="s">
        <v>34467</v>
      </c>
      <c r="D3208" s="547" t="s">
        <v>34468</v>
      </c>
      <c r="E3208" s="565" t="s">
        <v>643</v>
      </c>
      <c r="F3208" s="566" t="s">
        <v>600</v>
      </c>
      <c r="G3208" s="430"/>
      <c r="H3208" s="432"/>
      <c r="I3208" s="531"/>
      <c r="J3208" s="816"/>
      <c r="K3208" s="501"/>
      <c r="L3208" s="434">
        <v>44228</v>
      </c>
      <c r="M3208" s="434"/>
      <c r="N3208" s="418"/>
    </row>
    <row r="3209" spans="1:14" ht="28.5">
      <c r="A3209" s="563"/>
      <c r="B3209" s="484">
        <f t="shared" si="98"/>
        <v>156</v>
      </c>
      <c r="C3209" s="470" t="s">
        <v>34469</v>
      </c>
      <c r="D3209" s="547" t="s">
        <v>34470</v>
      </c>
      <c r="E3209" s="565" t="s">
        <v>643</v>
      </c>
      <c r="F3209" s="566" t="s">
        <v>600</v>
      </c>
      <c r="G3209" s="430"/>
      <c r="H3209" s="432"/>
      <c r="I3209" s="531"/>
      <c r="J3209" s="816"/>
      <c r="K3209" s="501"/>
      <c r="L3209" s="434">
        <v>44228</v>
      </c>
      <c r="M3209" s="434"/>
      <c r="N3209" s="418"/>
    </row>
    <row r="3210" spans="1:14" ht="28.5">
      <c r="A3210" s="563"/>
      <c r="B3210" s="484">
        <f t="shared" si="98"/>
        <v>156</v>
      </c>
      <c r="C3210" s="470" t="s">
        <v>34471</v>
      </c>
      <c r="D3210" s="547" t="s">
        <v>34472</v>
      </c>
      <c r="E3210" s="565" t="s">
        <v>643</v>
      </c>
      <c r="F3210" s="566" t="s">
        <v>600</v>
      </c>
      <c r="G3210" s="430"/>
      <c r="H3210" s="432"/>
      <c r="I3210" s="531"/>
      <c r="J3210" s="816"/>
      <c r="K3210" s="501"/>
      <c r="L3210" s="434">
        <v>44228</v>
      </c>
      <c r="M3210" s="434"/>
      <c r="N3210" s="418"/>
    </row>
    <row r="3211" spans="1:14" ht="28.5">
      <c r="A3211" s="563"/>
      <c r="B3211" s="484">
        <f t="shared" si="98"/>
        <v>156</v>
      </c>
      <c r="C3211" s="470" t="s">
        <v>34473</v>
      </c>
      <c r="D3211" s="547" t="s">
        <v>34474</v>
      </c>
      <c r="E3211" s="565" t="s">
        <v>643</v>
      </c>
      <c r="F3211" s="566" t="s">
        <v>600</v>
      </c>
      <c r="G3211" s="430"/>
      <c r="H3211" s="432"/>
      <c r="I3211" s="531"/>
      <c r="J3211" s="816"/>
      <c r="K3211" s="501"/>
      <c r="L3211" s="434">
        <v>44228</v>
      </c>
      <c r="M3211" s="434"/>
      <c r="N3211" s="418"/>
    </row>
    <row r="3212" spans="1:14" ht="42.75">
      <c r="A3212" s="563"/>
      <c r="B3212" s="484">
        <f t="shared" si="98"/>
        <v>156</v>
      </c>
      <c r="C3212" s="470" t="s">
        <v>34475</v>
      </c>
      <c r="D3212" s="547" t="s">
        <v>34476</v>
      </c>
      <c r="E3212" s="565" t="s">
        <v>643</v>
      </c>
      <c r="F3212" s="566" t="s">
        <v>600</v>
      </c>
      <c r="G3212" s="430"/>
      <c r="H3212" s="432"/>
      <c r="I3212" s="531"/>
      <c r="J3212" s="816"/>
      <c r="K3212" s="501"/>
      <c r="L3212" s="434">
        <v>44228</v>
      </c>
      <c r="M3212" s="434"/>
      <c r="N3212" s="418"/>
    </row>
    <row r="3213" spans="1:14" ht="42.75">
      <c r="A3213" s="563"/>
      <c r="B3213" s="484">
        <f t="shared" si="98"/>
        <v>156</v>
      </c>
      <c r="C3213" s="470" t="s">
        <v>34477</v>
      </c>
      <c r="D3213" s="547" t="s">
        <v>34478</v>
      </c>
      <c r="E3213" s="565" t="s">
        <v>643</v>
      </c>
      <c r="F3213" s="566" t="s">
        <v>600</v>
      </c>
      <c r="G3213" s="430"/>
      <c r="H3213" s="432"/>
      <c r="I3213" s="531"/>
      <c r="J3213" s="816"/>
      <c r="K3213" s="501"/>
      <c r="L3213" s="434">
        <v>44228</v>
      </c>
      <c r="M3213" s="434"/>
      <c r="N3213" s="418"/>
    </row>
    <row r="3214" spans="1:14" ht="42.75">
      <c r="A3214" s="563"/>
      <c r="B3214" s="484">
        <f t="shared" si="98"/>
        <v>156</v>
      </c>
      <c r="C3214" s="470" t="s">
        <v>34479</v>
      </c>
      <c r="D3214" s="547" t="s">
        <v>34480</v>
      </c>
      <c r="E3214" s="565" t="s">
        <v>643</v>
      </c>
      <c r="F3214" s="566" t="s">
        <v>600</v>
      </c>
      <c r="G3214" s="430"/>
      <c r="H3214" s="432"/>
      <c r="I3214" s="531"/>
      <c r="J3214" s="816"/>
      <c r="K3214" s="501"/>
      <c r="L3214" s="434">
        <v>44228</v>
      </c>
      <c r="M3214" s="434"/>
      <c r="N3214" s="418"/>
    </row>
    <row r="3215" spans="1:14" ht="42.75">
      <c r="A3215" s="563"/>
      <c r="B3215" s="484">
        <f t="shared" si="98"/>
        <v>156</v>
      </c>
      <c r="C3215" s="470" t="s">
        <v>34481</v>
      </c>
      <c r="D3215" s="547" t="s">
        <v>34482</v>
      </c>
      <c r="E3215" s="565" t="s">
        <v>643</v>
      </c>
      <c r="F3215" s="566" t="s">
        <v>600</v>
      </c>
      <c r="G3215" s="430"/>
      <c r="H3215" s="432"/>
      <c r="I3215" s="531"/>
      <c r="J3215" s="816"/>
      <c r="K3215" s="501"/>
      <c r="L3215" s="434">
        <v>44228</v>
      </c>
      <c r="M3215" s="434"/>
      <c r="N3215" s="418"/>
    </row>
    <row r="3216" spans="1:14" ht="28.5">
      <c r="A3216" s="563"/>
      <c r="B3216" s="484">
        <f t="shared" si="98"/>
        <v>156</v>
      </c>
      <c r="C3216" s="470" t="s">
        <v>34483</v>
      </c>
      <c r="D3216" s="547" t="s">
        <v>34484</v>
      </c>
      <c r="E3216" s="565" t="s">
        <v>643</v>
      </c>
      <c r="F3216" s="566" t="s">
        <v>600</v>
      </c>
      <c r="G3216" s="430"/>
      <c r="H3216" s="432"/>
      <c r="I3216" s="531"/>
      <c r="J3216" s="816"/>
      <c r="K3216" s="501"/>
      <c r="L3216" s="434">
        <v>44228</v>
      </c>
      <c r="M3216" s="434"/>
      <c r="N3216" s="418"/>
    </row>
    <row r="3217" spans="1:14" ht="28.5">
      <c r="A3217" s="563"/>
      <c r="B3217" s="484">
        <f t="shared" si="98"/>
        <v>156</v>
      </c>
      <c r="C3217" s="470" t="s">
        <v>34485</v>
      </c>
      <c r="D3217" s="547" t="s">
        <v>34486</v>
      </c>
      <c r="E3217" s="565" t="s">
        <v>643</v>
      </c>
      <c r="F3217" s="566" t="s">
        <v>600</v>
      </c>
      <c r="G3217" s="430"/>
      <c r="H3217" s="432"/>
      <c r="I3217" s="531"/>
      <c r="J3217" s="816"/>
      <c r="K3217" s="501"/>
      <c r="L3217" s="434">
        <v>44228</v>
      </c>
      <c r="M3217" s="434"/>
      <c r="N3217" s="418"/>
    </row>
    <row r="3218" spans="1:14" ht="28.5">
      <c r="A3218" s="563"/>
      <c r="B3218" s="484">
        <f t="shared" si="98"/>
        <v>156</v>
      </c>
      <c r="C3218" s="470" t="s">
        <v>34487</v>
      </c>
      <c r="D3218" s="547" t="s">
        <v>34488</v>
      </c>
      <c r="E3218" s="565" t="s">
        <v>643</v>
      </c>
      <c r="F3218" s="566" t="s">
        <v>600</v>
      </c>
      <c r="G3218" s="430"/>
      <c r="H3218" s="432"/>
      <c r="I3218" s="531"/>
      <c r="J3218" s="816"/>
      <c r="K3218" s="501"/>
      <c r="L3218" s="434">
        <v>44228</v>
      </c>
      <c r="M3218" s="434"/>
      <c r="N3218" s="418"/>
    </row>
    <row r="3219" spans="1:14" ht="28.5">
      <c r="A3219" s="563"/>
      <c r="B3219" s="484">
        <f t="shared" si="98"/>
        <v>156</v>
      </c>
      <c r="C3219" s="470" t="s">
        <v>34489</v>
      </c>
      <c r="D3219" s="547" t="s">
        <v>34490</v>
      </c>
      <c r="E3219" s="565" t="s">
        <v>643</v>
      </c>
      <c r="F3219" s="566" t="s">
        <v>600</v>
      </c>
      <c r="G3219" s="430"/>
      <c r="H3219" s="432"/>
      <c r="I3219" s="531"/>
      <c r="J3219" s="816"/>
      <c r="K3219" s="501"/>
      <c r="L3219" s="434">
        <v>44228</v>
      </c>
      <c r="M3219" s="434"/>
      <c r="N3219" s="418"/>
    </row>
    <row r="3220" spans="1:14" ht="28.5">
      <c r="A3220" s="563"/>
      <c r="B3220" s="484">
        <f t="shared" si="98"/>
        <v>156</v>
      </c>
      <c r="C3220" s="470" t="s">
        <v>34491</v>
      </c>
      <c r="D3220" s="547" t="s">
        <v>34492</v>
      </c>
      <c r="E3220" s="565" t="s">
        <v>643</v>
      </c>
      <c r="F3220" s="566" t="s">
        <v>600</v>
      </c>
      <c r="G3220" s="430"/>
      <c r="H3220" s="432"/>
      <c r="I3220" s="531"/>
      <c r="J3220" s="816"/>
      <c r="K3220" s="501"/>
      <c r="L3220" s="434">
        <v>44228</v>
      </c>
      <c r="M3220" s="434"/>
      <c r="N3220" s="418"/>
    </row>
    <row r="3221" spans="1:14" ht="42.75">
      <c r="A3221" s="563"/>
      <c r="B3221" s="484">
        <f t="shared" si="98"/>
        <v>156</v>
      </c>
      <c r="C3221" s="470" t="s">
        <v>34493</v>
      </c>
      <c r="D3221" s="547" t="s">
        <v>34494</v>
      </c>
      <c r="E3221" s="565" t="s">
        <v>643</v>
      </c>
      <c r="F3221" s="566" t="s">
        <v>600</v>
      </c>
      <c r="G3221" s="430"/>
      <c r="H3221" s="432"/>
      <c r="I3221" s="531"/>
      <c r="J3221" s="816"/>
      <c r="K3221" s="501"/>
      <c r="L3221" s="434">
        <v>44228</v>
      </c>
      <c r="M3221" s="434"/>
      <c r="N3221" s="418"/>
    </row>
    <row r="3222" spans="1:14" ht="28.5">
      <c r="A3222" s="563"/>
      <c r="B3222" s="484">
        <f t="shared" si="98"/>
        <v>156</v>
      </c>
      <c r="C3222" s="470" t="s">
        <v>34495</v>
      </c>
      <c r="D3222" s="547" t="s">
        <v>34496</v>
      </c>
      <c r="E3222" s="565" t="s">
        <v>643</v>
      </c>
      <c r="F3222" s="566" t="s">
        <v>600</v>
      </c>
      <c r="G3222" s="430"/>
      <c r="H3222" s="432"/>
      <c r="I3222" s="531"/>
      <c r="J3222" s="816"/>
      <c r="K3222" s="501"/>
      <c r="L3222" s="434">
        <v>44228</v>
      </c>
      <c r="M3222" s="434"/>
      <c r="N3222" s="418"/>
    </row>
    <row r="3223" spans="1:14" ht="42.75">
      <c r="A3223" s="563"/>
      <c r="B3223" s="484">
        <f t="shared" si="98"/>
        <v>156</v>
      </c>
      <c r="C3223" s="470" t="s">
        <v>34497</v>
      </c>
      <c r="D3223" s="547" t="s">
        <v>34498</v>
      </c>
      <c r="E3223" s="565" t="s">
        <v>643</v>
      </c>
      <c r="F3223" s="566" t="s">
        <v>600</v>
      </c>
      <c r="G3223" s="430"/>
      <c r="H3223" s="432"/>
      <c r="I3223" s="531"/>
      <c r="J3223" s="816"/>
      <c r="K3223" s="501"/>
      <c r="L3223" s="434">
        <v>44228</v>
      </c>
      <c r="M3223" s="434"/>
      <c r="N3223" s="418"/>
    </row>
    <row r="3224" spans="1:14" ht="42.75">
      <c r="A3224" s="563"/>
      <c r="B3224" s="484">
        <f t="shared" si="98"/>
        <v>156</v>
      </c>
      <c r="C3224" s="470" t="s">
        <v>34499</v>
      </c>
      <c r="D3224" s="547" t="s">
        <v>34500</v>
      </c>
      <c r="E3224" s="565" t="s">
        <v>643</v>
      </c>
      <c r="F3224" s="566" t="s">
        <v>600</v>
      </c>
      <c r="G3224" s="430"/>
      <c r="H3224" s="432"/>
      <c r="I3224" s="531"/>
      <c r="J3224" s="816"/>
      <c r="K3224" s="501"/>
      <c r="L3224" s="434">
        <v>44228</v>
      </c>
      <c r="M3224" s="434"/>
      <c r="N3224" s="418"/>
    </row>
    <row r="3225" spans="1:14" ht="28.5">
      <c r="A3225" s="563"/>
      <c r="B3225" s="484">
        <f t="shared" si="98"/>
        <v>156</v>
      </c>
      <c r="C3225" s="470" t="s">
        <v>34501</v>
      </c>
      <c r="D3225" s="547" t="s">
        <v>34502</v>
      </c>
      <c r="E3225" s="565" t="s">
        <v>643</v>
      </c>
      <c r="F3225" s="566" t="s">
        <v>600</v>
      </c>
      <c r="G3225" s="430"/>
      <c r="H3225" s="432"/>
      <c r="I3225" s="531"/>
      <c r="J3225" s="816"/>
      <c r="K3225" s="501"/>
      <c r="L3225" s="434">
        <v>44228</v>
      </c>
      <c r="M3225" s="434"/>
      <c r="N3225" s="418"/>
    </row>
    <row r="3226" spans="1:14" ht="28.5">
      <c r="A3226" s="563"/>
      <c r="B3226" s="484">
        <f t="shared" si="98"/>
        <v>156</v>
      </c>
      <c r="C3226" s="470" t="s">
        <v>34503</v>
      </c>
      <c r="D3226" s="547" t="s">
        <v>34504</v>
      </c>
      <c r="E3226" s="565" t="s">
        <v>643</v>
      </c>
      <c r="F3226" s="566" t="s">
        <v>600</v>
      </c>
      <c r="G3226" s="430"/>
      <c r="H3226" s="432"/>
      <c r="I3226" s="531"/>
      <c r="J3226" s="816"/>
      <c r="K3226" s="501"/>
      <c r="L3226" s="434">
        <v>44228</v>
      </c>
      <c r="M3226" s="434"/>
      <c r="N3226" s="418"/>
    </row>
    <row r="3227" spans="1:14" ht="28.5">
      <c r="A3227" s="563"/>
      <c r="B3227" s="484">
        <f t="shared" si="98"/>
        <v>156</v>
      </c>
      <c r="C3227" s="470" t="s">
        <v>34505</v>
      </c>
      <c r="D3227" s="547" t="s">
        <v>34506</v>
      </c>
      <c r="E3227" s="565" t="s">
        <v>643</v>
      </c>
      <c r="F3227" s="566" t="s">
        <v>600</v>
      </c>
      <c r="G3227" s="430"/>
      <c r="H3227" s="432"/>
      <c r="I3227" s="531"/>
      <c r="J3227" s="816"/>
      <c r="K3227" s="501"/>
      <c r="L3227" s="434">
        <v>44228</v>
      </c>
      <c r="M3227" s="434"/>
      <c r="N3227" s="418"/>
    </row>
    <row r="3228" spans="1:14" ht="28.5">
      <c r="A3228" s="563"/>
      <c r="B3228" s="484">
        <f t="shared" si="98"/>
        <v>156</v>
      </c>
      <c r="C3228" s="470" t="s">
        <v>34507</v>
      </c>
      <c r="D3228" s="547" t="s">
        <v>34508</v>
      </c>
      <c r="E3228" s="565" t="s">
        <v>643</v>
      </c>
      <c r="F3228" s="566" t="s">
        <v>600</v>
      </c>
      <c r="G3228" s="430"/>
      <c r="H3228" s="432"/>
      <c r="I3228" s="531"/>
      <c r="J3228" s="816"/>
      <c r="K3228" s="501"/>
      <c r="L3228" s="434">
        <v>44228</v>
      </c>
      <c r="M3228" s="434"/>
      <c r="N3228" s="418"/>
    </row>
    <row r="3229" spans="1:14" ht="28.5">
      <c r="A3229" s="563"/>
      <c r="B3229" s="484">
        <f t="shared" si="98"/>
        <v>156</v>
      </c>
      <c r="C3229" s="470" t="s">
        <v>34509</v>
      </c>
      <c r="D3229" s="547" t="s">
        <v>34510</v>
      </c>
      <c r="E3229" s="565" t="s">
        <v>643</v>
      </c>
      <c r="F3229" s="566" t="s">
        <v>600</v>
      </c>
      <c r="G3229" s="430"/>
      <c r="H3229" s="432"/>
      <c r="I3229" s="531"/>
      <c r="J3229" s="816"/>
      <c r="K3229" s="501"/>
      <c r="L3229" s="434">
        <v>44228</v>
      </c>
      <c r="M3229" s="434"/>
      <c r="N3229" s="418"/>
    </row>
    <row r="3230" spans="1:14" ht="28.5">
      <c r="A3230" s="563"/>
      <c r="B3230" s="484">
        <f t="shared" si="98"/>
        <v>156</v>
      </c>
      <c r="C3230" s="470" t="s">
        <v>34511</v>
      </c>
      <c r="D3230" s="547" t="s">
        <v>34512</v>
      </c>
      <c r="E3230" s="565" t="s">
        <v>643</v>
      </c>
      <c r="F3230" s="566" t="s">
        <v>600</v>
      </c>
      <c r="G3230" s="430"/>
      <c r="H3230" s="432"/>
      <c r="I3230" s="531"/>
      <c r="J3230" s="816"/>
      <c r="K3230" s="501"/>
      <c r="L3230" s="434">
        <v>44228</v>
      </c>
      <c r="M3230" s="434"/>
      <c r="N3230" s="418"/>
    </row>
    <row r="3231" spans="1:14" ht="28.5">
      <c r="A3231" s="563"/>
      <c r="B3231" s="484">
        <f t="shared" si="98"/>
        <v>156</v>
      </c>
      <c r="C3231" s="470" t="s">
        <v>34513</v>
      </c>
      <c r="D3231" s="547" t="s">
        <v>34514</v>
      </c>
      <c r="E3231" s="565" t="s">
        <v>643</v>
      </c>
      <c r="F3231" s="566" t="s">
        <v>600</v>
      </c>
      <c r="G3231" s="430"/>
      <c r="H3231" s="432"/>
      <c r="I3231" s="531"/>
      <c r="J3231" s="816"/>
      <c r="K3231" s="501"/>
      <c r="L3231" s="434">
        <v>44228</v>
      </c>
      <c r="M3231" s="434"/>
      <c r="N3231" s="418"/>
    </row>
    <row r="3232" spans="1:14" ht="42.75">
      <c r="A3232" s="563"/>
      <c r="B3232" s="484">
        <f t="shared" si="98"/>
        <v>156</v>
      </c>
      <c r="C3232" s="470" t="s">
        <v>34515</v>
      </c>
      <c r="D3232" s="547" t="s">
        <v>34516</v>
      </c>
      <c r="E3232" s="565" t="s">
        <v>643</v>
      </c>
      <c r="F3232" s="566" t="s">
        <v>600</v>
      </c>
      <c r="G3232" s="430"/>
      <c r="H3232" s="432"/>
      <c r="I3232" s="531"/>
      <c r="J3232" s="816"/>
      <c r="K3232" s="501"/>
      <c r="L3232" s="434">
        <v>44228</v>
      </c>
      <c r="M3232" s="434"/>
      <c r="N3232" s="418"/>
    </row>
    <row r="3233" spans="1:14" ht="28.5">
      <c r="A3233" s="563"/>
      <c r="B3233" s="484">
        <f t="shared" si="98"/>
        <v>156</v>
      </c>
      <c r="C3233" s="470" t="s">
        <v>34517</v>
      </c>
      <c r="D3233" s="547" t="s">
        <v>34518</v>
      </c>
      <c r="E3233" s="565" t="s">
        <v>643</v>
      </c>
      <c r="F3233" s="566" t="s">
        <v>600</v>
      </c>
      <c r="G3233" s="430"/>
      <c r="H3233" s="432"/>
      <c r="I3233" s="531"/>
      <c r="J3233" s="816"/>
      <c r="K3233" s="501"/>
      <c r="L3233" s="434">
        <v>44228</v>
      </c>
      <c r="M3233" s="434"/>
      <c r="N3233" s="418"/>
    </row>
    <row r="3234" spans="1:14" ht="42.75">
      <c r="A3234" s="563"/>
      <c r="B3234" s="484">
        <f t="shared" si="98"/>
        <v>156</v>
      </c>
      <c r="C3234" s="470" t="s">
        <v>34519</v>
      </c>
      <c r="D3234" s="547" t="s">
        <v>34520</v>
      </c>
      <c r="E3234" s="565" t="s">
        <v>643</v>
      </c>
      <c r="F3234" s="566" t="s">
        <v>600</v>
      </c>
      <c r="G3234" s="430"/>
      <c r="H3234" s="432"/>
      <c r="I3234" s="531"/>
      <c r="J3234" s="816"/>
      <c r="K3234" s="501"/>
      <c r="L3234" s="434">
        <v>44228</v>
      </c>
      <c r="M3234" s="434"/>
      <c r="N3234" s="418"/>
    </row>
    <row r="3235" spans="1:14" ht="42.75">
      <c r="A3235" s="563"/>
      <c r="B3235" s="484">
        <f t="shared" si="98"/>
        <v>156</v>
      </c>
      <c r="C3235" s="470" t="s">
        <v>34521</v>
      </c>
      <c r="D3235" s="547" t="s">
        <v>34522</v>
      </c>
      <c r="E3235" s="565" t="s">
        <v>643</v>
      </c>
      <c r="F3235" s="566" t="s">
        <v>600</v>
      </c>
      <c r="G3235" s="430"/>
      <c r="H3235" s="432"/>
      <c r="I3235" s="531"/>
      <c r="J3235" s="816"/>
      <c r="K3235" s="501"/>
      <c r="L3235" s="434">
        <v>44228</v>
      </c>
      <c r="M3235" s="434"/>
      <c r="N3235" s="418"/>
    </row>
    <row r="3236" spans="1:14" ht="57">
      <c r="A3236" s="563"/>
      <c r="B3236" s="484">
        <f t="shared" si="98"/>
        <v>156</v>
      </c>
      <c r="C3236" s="470" t="s">
        <v>34523</v>
      </c>
      <c r="D3236" s="547" t="s">
        <v>34524</v>
      </c>
      <c r="E3236" s="565" t="s">
        <v>643</v>
      </c>
      <c r="F3236" s="566" t="s">
        <v>600</v>
      </c>
      <c r="G3236" s="430"/>
      <c r="H3236" s="432"/>
      <c r="I3236" s="531"/>
      <c r="J3236" s="816"/>
      <c r="K3236" s="501"/>
      <c r="L3236" s="434">
        <v>44228</v>
      </c>
      <c r="M3236" s="434"/>
      <c r="N3236" s="418"/>
    </row>
    <row r="3237" spans="1:14" ht="28.5">
      <c r="A3237" s="563"/>
      <c r="B3237" s="484">
        <f t="shared" si="98"/>
        <v>156</v>
      </c>
      <c r="C3237" s="470" t="s">
        <v>34525</v>
      </c>
      <c r="D3237" s="547" t="s">
        <v>34526</v>
      </c>
      <c r="E3237" s="565" t="s">
        <v>643</v>
      </c>
      <c r="F3237" s="566" t="s">
        <v>600</v>
      </c>
      <c r="G3237" s="430"/>
      <c r="H3237" s="432"/>
      <c r="I3237" s="531"/>
      <c r="J3237" s="816"/>
      <c r="K3237" s="501"/>
      <c r="L3237" s="434">
        <v>44228</v>
      </c>
      <c r="M3237" s="434"/>
      <c r="N3237" s="418"/>
    </row>
    <row r="3238" spans="1:14" ht="28.5">
      <c r="A3238" s="563"/>
      <c r="B3238" s="484">
        <f t="shared" si="98"/>
        <v>156</v>
      </c>
      <c r="C3238" s="470" t="s">
        <v>34527</v>
      </c>
      <c r="D3238" s="547" t="s">
        <v>34528</v>
      </c>
      <c r="E3238" s="565" t="s">
        <v>643</v>
      </c>
      <c r="F3238" s="566" t="s">
        <v>600</v>
      </c>
      <c r="G3238" s="430"/>
      <c r="H3238" s="432"/>
      <c r="I3238" s="531"/>
      <c r="J3238" s="816"/>
      <c r="K3238" s="501"/>
      <c r="L3238" s="434">
        <v>44228</v>
      </c>
      <c r="M3238" s="434"/>
      <c r="N3238" s="418"/>
    </row>
    <row r="3239" spans="1:14" ht="28.5">
      <c r="A3239" s="563"/>
      <c r="B3239" s="484">
        <f t="shared" si="98"/>
        <v>156</v>
      </c>
      <c r="C3239" s="470" t="s">
        <v>34529</v>
      </c>
      <c r="D3239" s="547" t="s">
        <v>34530</v>
      </c>
      <c r="E3239" s="565" t="s">
        <v>643</v>
      </c>
      <c r="F3239" s="566" t="s">
        <v>600</v>
      </c>
      <c r="G3239" s="430"/>
      <c r="H3239" s="432"/>
      <c r="I3239" s="531"/>
      <c r="J3239" s="816"/>
      <c r="K3239" s="501"/>
      <c r="L3239" s="434">
        <v>44228</v>
      </c>
      <c r="M3239" s="434"/>
      <c r="N3239" s="418"/>
    </row>
    <row r="3240" spans="1:14" ht="28.5">
      <c r="A3240" s="563"/>
      <c r="B3240" s="484">
        <f t="shared" si="98"/>
        <v>156</v>
      </c>
      <c r="C3240" s="470" t="s">
        <v>34531</v>
      </c>
      <c r="D3240" s="547" t="s">
        <v>34532</v>
      </c>
      <c r="E3240" s="565" t="s">
        <v>643</v>
      </c>
      <c r="F3240" s="566" t="s">
        <v>600</v>
      </c>
      <c r="G3240" s="430"/>
      <c r="H3240" s="432"/>
      <c r="I3240" s="531"/>
      <c r="J3240" s="816"/>
      <c r="K3240" s="501"/>
      <c r="L3240" s="434">
        <v>44228</v>
      </c>
      <c r="M3240" s="434"/>
      <c r="N3240" s="418"/>
    </row>
    <row r="3241" spans="1:14" ht="42.75">
      <c r="A3241" s="563"/>
      <c r="B3241" s="484">
        <f t="shared" si="98"/>
        <v>156</v>
      </c>
      <c r="C3241" s="470" t="s">
        <v>34533</v>
      </c>
      <c r="D3241" s="547" t="s">
        <v>34534</v>
      </c>
      <c r="E3241" s="565" t="s">
        <v>643</v>
      </c>
      <c r="F3241" s="566" t="s">
        <v>600</v>
      </c>
      <c r="G3241" s="430"/>
      <c r="H3241" s="432"/>
      <c r="I3241" s="531"/>
      <c r="J3241" s="816"/>
      <c r="K3241" s="501"/>
      <c r="L3241" s="434">
        <v>44228</v>
      </c>
      <c r="M3241" s="434"/>
      <c r="N3241" s="418"/>
    </row>
    <row r="3242" spans="1:14" ht="28.5">
      <c r="A3242" s="563"/>
      <c r="B3242" s="484">
        <f t="shared" si="98"/>
        <v>156</v>
      </c>
      <c r="C3242" s="470" t="s">
        <v>34535</v>
      </c>
      <c r="D3242" s="547" t="s">
        <v>34536</v>
      </c>
      <c r="E3242" s="565" t="s">
        <v>643</v>
      </c>
      <c r="F3242" s="566" t="s">
        <v>600</v>
      </c>
      <c r="G3242" s="430"/>
      <c r="H3242" s="432"/>
      <c r="I3242" s="531"/>
      <c r="J3242" s="816"/>
      <c r="K3242" s="501"/>
      <c r="L3242" s="434">
        <v>44228</v>
      </c>
      <c r="M3242" s="434"/>
      <c r="N3242" s="418"/>
    </row>
    <row r="3243" spans="1:14" ht="28.5">
      <c r="A3243" s="563"/>
      <c r="B3243" s="484">
        <f t="shared" si="98"/>
        <v>156</v>
      </c>
      <c r="C3243" s="470" t="s">
        <v>34537</v>
      </c>
      <c r="D3243" s="547" t="s">
        <v>34538</v>
      </c>
      <c r="E3243" s="565" t="s">
        <v>643</v>
      </c>
      <c r="F3243" s="566" t="s">
        <v>600</v>
      </c>
      <c r="G3243" s="430"/>
      <c r="H3243" s="432"/>
      <c r="I3243" s="531"/>
      <c r="J3243" s="816"/>
      <c r="K3243" s="501"/>
      <c r="L3243" s="434">
        <v>44228</v>
      </c>
      <c r="M3243" s="434"/>
      <c r="N3243" s="418"/>
    </row>
    <row r="3244" spans="1:14" ht="28.5">
      <c r="A3244" s="563"/>
      <c r="B3244" s="484">
        <f t="shared" si="98"/>
        <v>156</v>
      </c>
      <c r="C3244" s="470" t="s">
        <v>34539</v>
      </c>
      <c r="D3244" s="547" t="s">
        <v>34540</v>
      </c>
      <c r="E3244" s="565" t="s">
        <v>643</v>
      </c>
      <c r="F3244" s="566" t="s">
        <v>600</v>
      </c>
      <c r="G3244" s="430"/>
      <c r="H3244" s="432"/>
      <c r="I3244" s="531"/>
      <c r="J3244" s="816"/>
      <c r="K3244" s="501"/>
      <c r="L3244" s="434">
        <v>44228</v>
      </c>
      <c r="M3244" s="434"/>
      <c r="N3244" s="418"/>
    </row>
    <row r="3245" spans="1:14" ht="42.75">
      <c r="A3245" s="563"/>
      <c r="B3245" s="484">
        <f t="shared" si="98"/>
        <v>156</v>
      </c>
      <c r="C3245" s="470" t="s">
        <v>34541</v>
      </c>
      <c r="D3245" s="547" t="s">
        <v>34542</v>
      </c>
      <c r="E3245" s="565" t="s">
        <v>643</v>
      </c>
      <c r="F3245" s="566" t="s">
        <v>600</v>
      </c>
      <c r="G3245" s="430"/>
      <c r="H3245" s="432"/>
      <c r="I3245" s="531"/>
      <c r="J3245" s="816"/>
      <c r="K3245" s="501"/>
      <c r="L3245" s="434">
        <v>44228</v>
      </c>
      <c r="M3245" s="434"/>
      <c r="N3245" s="418"/>
    </row>
    <row r="3246" spans="1:14" ht="42.75">
      <c r="A3246" s="563"/>
      <c r="B3246" s="484">
        <f t="shared" si="98"/>
        <v>156</v>
      </c>
      <c r="C3246" s="470" t="s">
        <v>34543</v>
      </c>
      <c r="D3246" s="547" t="s">
        <v>34544</v>
      </c>
      <c r="E3246" s="565" t="s">
        <v>643</v>
      </c>
      <c r="F3246" s="566" t="s">
        <v>600</v>
      </c>
      <c r="G3246" s="430"/>
      <c r="H3246" s="432"/>
      <c r="I3246" s="531"/>
      <c r="J3246" s="816"/>
      <c r="K3246" s="501"/>
      <c r="L3246" s="434">
        <v>44228</v>
      </c>
      <c r="M3246" s="434"/>
      <c r="N3246" s="418"/>
    </row>
    <row r="3247" spans="1:14" ht="28.5">
      <c r="A3247" s="563"/>
      <c r="B3247" s="484">
        <f t="shared" si="98"/>
        <v>156</v>
      </c>
      <c r="C3247" s="470" t="s">
        <v>34545</v>
      </c>
      <c r="D3247" s="547" t="s">
        <v>34546</v>
      </c>
      <c r="E3247" s="565" t="s">
        <v>643</v>
      </c>
      <c r="F3247" s="566" t="s">
        <v>600</v>
      </c>
      <c r="G3247" s="430"/>
      <c r="H3247" s="432"/>
      <c r="I3247" s="531"/>
      <c r="J3247" s="816"/>
      <c r="K3247" s="501"/>
      <c r="L3247" s="434">
        <v>44228</v>
      </c>
      <c r="M3247" s="434"/>
      <c r="N3247" s="418"/>
    </row>
    <row r="3248" spans="1:14" ht="28.5">
      <c r="A3248" s="563"/>
      <c r="B3248" s="484">
        <f t="shared" si="98"/>
        <v>156</v>
      </c>
      <c r="C3248" s="470" t="s">
        <v>34547</v>
      </c>
      <c r="D3248" s="547" t="s">
        <v>34548</v>
      </c>
      <c r="E3248" s="565" t="s">
        <v>643</v>
      </c>
      <c r="F3248" s="566" t="s">
        <v>600</v>
      </c>
      <c r="G3248" s="430"/>
      <c r="H3248" s="432"/>
      <c r="I3248" s="531"/>
      <c r="J3248" s="816"/>
      <c r="K3248" s="501"/>
      <c r="L3248" s="434">
        <v>44228</v>
      </c>
      <c r="M3248" s="434"/>
      <c r="N3248" s="418"/>
    </row>
    <row r="3249" spans="1:14" ht="28.5">
      <c r="A3249" s="563"/>
      <c r="B3249" s="484">
        <f t="shared" si="98"/>
        <v>156</v>
      </c>
      <c r="C3249" s="470" t="s">
        <v>34549</v>
      </c>
      <c r="D3249" s="547" t="s">
        <v>34550</v>
      </c>
      <c r="E3249" s="565" t="s">
        <v>643</v>
      </c>
      <c r="F3249" s="566" t="s">
        <v>600</v>
      </c>
      <c r="G3249" s="430"/>
      <c r="H3249" s="432"/>
      <c r="I3249" s="531"/>
      <c r="J3249" s="816"/>
      <c r="K3249" s="501"/>
      <c r="L3249" s="434">
        <v>44228</v>
      </c>
      <c r="M3249" s="434"/>
      <c r="N3249" s="418"/>
    </row>
    <row r="3250" spans="1:14" ht="42.75">
      <c r="A3250" s="563"/>
      <c r="B3250" s="484">
        <f t="shared" si="98"/>
        <v>156</v>
      </c>
      <c r="C3250" s="470" t="s">
        <v>34551</v>
      </c>
      <c r="D3250" s="547" t="s">
        <v>34552</v>
      </c>
      <c r="E3250" s="565" t="s">
        <v>643</v>
      </c>
      <c r="F3250" s="566" t="s">
        <v>600</v>
      </c>
      <c r="G3250" s="430"/>
      <c r="H3250" s="432"/>
      <c r="I3250" s="531"/>
      <c r="J3250" s="816"/>
      <c r="K3250" s="501"/>
      <c r="L3250" s="434">
        <v>44228</v>
      </c>
      <c r="M3250" s="434"/>
      <c r="N3250" s="418"/>
    </row>
    <row r="3251" spans="1:14" ht="28.5">
      <c r="A3251" s="563"/>
      <c r="B3251" s="484">
        <f t="shared" si="98"/>
        <v>156</v>
      </c>
      <c r="C3251" s="470" t="s">
        <v>34553</v>
      </c>
      <c r="D3251" s="547" t="s">
        <v>34554</v>
      </c>
      <c r="E3251" s="565" t="s">
        <v>643</v>
      </c>
      <c r="F3251" s="566" t="s">
        <v>600</v>
      </c>
      <c r="G3251" s="430"/>
      <c r="H3251" s="432"/>
      <c r="I3251" s="531"/>
      <c r="J3251" s="816"/>
      <c r="K3251" s="501"/>
      <c r="L3251" s="434">
        <v>44228</v>
      </c>
      <c r="M3251" s="434"/>
      <c r="N3251" s="418"/>
    </row>
    <row r="3252" spans="1:14" ht="42.75">
      <c r="A3252" s="563"/>
      <c r="B3252" s="484">
        <f t="shared" ref="B3252:B3315" si="99">IF(A3252&gt;0,A3252,B3251)</f>
        <v>156</v>
      </c>
      <c r="C3252" s="470" t="s">
        <v>34555</v>
      </c>
      <c r="D3252" s="547" t="s">
        <v>34556</v>
      </c>
      <c r="E3252" s="565" t="s">
        <v>643</v>
      </c>
      <c r="F3252" s="566" t="s">
        <v>600</v>
      </c>
      <c r="G3252" s="430"/>
      <c r="H3252" s="432"/>
      <c r="I3252" s="531"/>
      <c r="J3252" s="816"/>
      <c r="K3252" s="501"/>
      <c r="L3252" s="434">
        <v>44228</v>
      </c>
      <c r="M3252" s="434"/>
      <c r="N3252" s="418"/>
    </row>
    <row r="3253" spans="1:14" ht="28.5">
      <c r="A3253" s="563"/>
      <c r="B3253" s="484">
        <f t="shared" si="99"/>
        <v>156</v>
      </c>
      <c r="C3253" s="470" t="s">
        <v>34557</v>
      </c>
      <c r="D3253" s="547" t="s">
        <v>34558</v>
      </c>
      <c r="E3253" s="565" t="s">
        <v>643</v>
      </c>
      <c r="F3253" s="566" t="s">
        <v>600</v>
      </c>
      <c r="G3253" s="430"/>
      <c r="H3253" s="432"/>
      <c r="I3253" s="531"/>
      <c r="J3253" s="816"/>
      <c r="K3253" s="501"/>
      <c r="L3253" s="434">
        <v>44228</v>
      </c>
      <c r="M3253" s="434"/>
      <c r="N3253" s="418"/>
    </row>
    <row r="3254" spans="1:14" ht="28.5">
      <c r="A3254" s="563"/>
      <c r="B3254" s="484">
        <f t="shared" si="99"/>
        <v>156</v>
      </c>
      <c r="C3254" s="470" t="s">
        <v>34559</v>
      </c>
      <c r="D3254" s="547" t="s">
        <v>34560</v>
      </c>
      <c r="E3254" s="565" t="s">
        <v>643</v>
      </c>
      <c r="F3254" s="566" t="s">
        <v>600</v>
      </c>
      <c r="G3254" s="430"/>
      <c r="H3254" s="432"/>
      <c r="I3254" s="531"/>
      <c r="J3254" s="816"/>
      <c r="K3254" s="501"/>
      <c r="L3254" s="434">
        <v>44228</v>
      </c>
      <c r="M3254" s="434"/>
      <c r="N3254" s="418"/>
    </row>
    <row r="3255" spans="1:14" ht="28.5">
      <c r="A3255" s="563"/>
      <c r="B3255" s="484">
        <f t="shared" si="99"/>
        <v>156</v>
      </c>
      <c r="C3255" s="470" t="s">
        <v>34561</v>
      </c>
      <c r="D3255" s="547" t="s">
        <v>34562</v>
      </c>
      <c r="E3255" s="565" t="s">
        <v>643</v>
      </c>
      <c r="F3255" s="566" t="s">
        <v>600</v>
      </c>
      <c r="G3255" s="430"/>
      <c r="H3255" s="432"/>
      <c r="I3255" s="531"/>
      <c r="J3255" s="816"/>
      <c r="K3255" s="501"/>
      <c r="L3255" s="434">
        <v>44228</v>
      </c>
      <c r="M3255" s="434"/>
      <c r="N3255" s="418"/>
    </row>
    <row r="3256" spans="1:14" ht="42.75">
      <c r="A3256" s="563"/>
      <c r="B3256" s="484">
        <f t="shared" si="99"/>
        <v>156</v>
      </c>
      <c r="C3256" s="470" t="s">
        <v>34563</v>
      </c>
      <c r="D3256" s="547" t="s">
        <v>34564</v>
      </c>
      <c r="E3256" s="565" t="s">
        <v>643</v>
      </c>
      <c r="F3256" s="566" t="s">
        <v>600</v>
      </c>
      <c r="G3256" s="430"/>
      <c r="H3256" s="432"/>
      <c r="I3256" s="531"/>
      <c r="J3256" s="816"/>
      <c r="K3256" s="501"/>
      <c r="L3256" s="434">
        <v>44228</v>
      </c>
      <c r="M3256" s="434"/>
      <c r="N3256" s="418"/>
    </row>
    <row r="3257" spans="1:14" ht="28.5">
      <c r="A3257" s="563"/>
      <c r="B3257" s="484">
        <f t="shared" si="99"/>
        <v>156</v>
      </c>
      <c r="C3257" s="470" t="s">
        <v>34565</v>
      </c>
      <c r="D3257" s="547" t="s">
        <v>34566</v>
      </c>
      <c r="E3257" s="565" t="s">
        <v>643</v>
      </c>
      <c r="F3257" s="566" t="s">
        <v>600</v>
      </c>
      <c r="G3257" s="430"/>
      <c r="H3257" s="432"/>
      <c r="I3257" s="531"/>
      <c r="J3257" s="816"/>
      <c r="K3257" s="501"/>
      <c r="L3257" s="434">
        <v>44228</v>
      </c>
      <c r="M3257" s="434"/>
      <c r="N3257" s="418"/>
    </row>
    <row r="3258" spans="1:14" ht="28.5">
      <c r="A3258" s="563"/>
      <c r="B3258" s="484">
        <f t="shared" si="99"/>
        <v>156</v>
      </c>
      <c r="C3258" s="470" t="s">
        <v>34567</v>
      </c>
      <c r="D3258" s="547" t="s">
        <v>34568</v>
      </c>
      <c r="E3258" s="565" t="s">
        <v>643</v>
      </c>
      <c r="F3258" s="566" t="s">
        <v>600</v>
      </c>
      <c r="G3258" s="430"/>
      <c r="H3258" s="432"/>
      <c r="I3258" s="531"/>
      <c r="J3258" s="816"/>
      <c r="K3258" s="501"/>
      <c r="L3258" s="434">
        <v>44228</v>
      </c>
      <c r="M3258" s="434"/>
      <c r="N3258" s="418"/>
    </row>
    <row r="3259" spans="1:14" ht="28.5">
      <c r="A3259" s="563"/>
      <c r="B3259" s="484">
        <f t="shared" si="99"/>
        <v>156</v>
      </c>
      <c r="C3259" s="470" t="s">
        <v>34569</v>
      </c>
      <c r="D3259" s="547" t="s">
        <v>26934</v>
      </c>
      <c r="E3259" s="565" t="s">
        <v>643</v>
      </c>
      <c r="F3259" s="566" t="s">
        <v>600</v>
      </c>
      <c r="G3259" s="430"/>
      <c r="H3259" s="432"/>
      <c r="I3259" s="531"/>
      <c r="J3259" s="816"/>
      <c r="K3259" s="501"/>
      <c r="L3259" s="434">
        <v>44228</v>
      </c>
      <c r="M3259" s="434"/>
      <c r="N3259" s="418"/>
    </row>
    <row r="3260" spans="1:14" ht="28.5">
      <c r="A3260" s="563"/>
      <c r="B3260" s="484">
        <f t="shared" si="99"/>
        <v>156</v>
      </c>
      <c r="C3260" s="470" t="s">
        <v>34570</v>
      </c>
      <c r="D3260" s="547" t="s">
        <v>34571</v>
      </c>
      <c r="E3260" s="565" t="s">
        <v>643</v>
      </c>
      <c r="F3260" s="566" t="s">
        <v>600</v>
      </c>
      <c r="G3260" s="430"/>
      <c r="H3260" s="432"/>
      <c r="I3260" s="531"/>
      <c r="J3260" s="816"/>
      <c r="K3260" s="501"/>
      <c r="L3260" s="434">
        <v>44228</v>
      </c>
      <c r="M3260" s="434"/>
      <c r="N3260" s="418"/>
    </row>
    <row r="3261" spans="1:14" ht="28.5">
      <c r="A3261" s="563"/>
      <c r="B3261" s="484">
        <f t="shared" si="99"/>
        <v>156</v>
      </c>
      <c r="C3261" s="470" t="s">
        <v>34572</v>
      </c>
      <c r="D3261" s="547" t="s">
        <v>34573</v>
      </c>
      <c r="E3261" s="565" t="s">
        <v>643</v>
      </c>
      <c r="F3261" s="566" t="s">
        <v>600</v>
      </c>
      <c r="G3261" s="430"/>
      <c r="H3261" s="432"/>
      <c r="I3261" s="531"/>
      <c r="J3261" s="816"/>
      <c r="K3261" s="501"/>
      <c r="L3261" s="434">
        <v>44228</v>
      </c>
      <c r="M3261" s="434"/>
      <c r="N3261" s="418"/>
    </row>
    <row r="3262" spans="1:14" ht="28.5">
      <c r="A3262" s="563"/>
      <c r="B3262" s="484">
        <f t="shared" si="99"/>
        <v>156</v>
      </c>
      <c r="C3262" s="470" t="s">
        <v>34574</v>
      </c>
      <c r="D3262" s="547" t="s">
        <v>34575</v>
      </c>
      <c r="E3262" s="565" t="s">
        <v>643</v>
      </c>
      <c r="F3262" s="566" t="s">
        <v>600</v>
      </c>
      <c r="G3262" s="430"/>
      <c r="H3262" s="432"/>
      <c r="I3262" s="531"/>
      <c r="J3262" s="816"/>
      <c r="K3262" s="501"/>
      <c r="L3262" s="434">
        <v>44228</v>
      </c>
      <c r="M3262" s="434"/>
      <c r="N3262" s="418"/>
    </row>
    <row r="3263" spans="1:14" ht="28.5">
      <c r="A3263" s="563"/>
      <c r="B3263" s="484">
        <f t="shared" si="99"/>
        <v>156</v>
      </c>
      <c r="C3263" s="470" t="s">
        <v>34576</v>
      </c>
      <c r="D3263" s="547" t="s">
        <v>34577</v>
      </c>
      <c r="E3263" s="565" t="s">
        <v>643</v>
      </c>
      <c r="F3263" s="566" t="s">
        <v>600</v>
      </c>
      <c r="G3263" s="430"/>
      <c r="H3263" s="432"/>
      <c r="I3263" s="531"/>
      <c r="J3263" s="816"/>
      <c r="K3263" s="501"/>
      <c r="L3263" s="434">
        <v>44228</v>
      </c>
      <c r="M3263" s="434"/>
      <c r="N3263" s="418"/>
    </row>
    <row r="3264" spans="1:14" ht="28.5">
      <c r="A3264" s="563"/>
      <c r="B3264" s="484">
        <f t="shared" si="99"/>
        <v>156</v>
      </c>
      <c r="C3264" s="470" t="s">
        <v>34578</v>
      </c>
      <c r="D3264" s="547" t="s">
        <v>34579</v>
      </c>
      <c r="E3264" s="565" t="s">
        <v>643</v>
      </c>
      <c r="F3264" s="566" t="s">
        <v>600</v>
      </c>
      <c r="G3264" s="430"/>
      <c r="H3264" s="432"/>
      <c r="I3264" s="531"/>
      <c r="J3264" s="816"/>
      <c r="K3264" s="501"/>
      <c r="L3264" s="434">
        <v>44228</v>
      </c>
      <c r="M3264" s="434"/>
      <c r="N3264" s="418"/>
    </row>
    <row r="3265" spans="1:14" ht="28.5">
      <c r="A3265" s="563"/>
      <c r="B3265" s="484">
        <f t="shared" si="99"/>
        <v>156</v>
      </c>
      <c r="C3265" s="470" t="s">
        <v>34580</v>
      </c>
      <c r="D3265" s="547" t="s">
        <v>34581</v>
      </c>
      <c r="E3265" s="565" t="s">
        <v>643</v>
      </c>
      <c r="F3265" s="566" t="s">
        <v>600</v>
      </c>
      <c r="G3265" s="430"/>
      <c r="H3265" s="432"/>
      <c r="I3265" s="531"/>
      <c r="J3265" s="816"/>
      <c r="K3265" s="501"/>
      <c r="L3265" s="434">
        <v>44228</v>
      </c>
      <c r="M3265" s="434"/>
      <c r="N3265" s="418"/>
    </row>
    <row r="3266" spans="1:14" ht="28.5">
      <c r="A3266" s="563"/>
      <c r="B3266" s="484">
        <f t="shared" si="99"/>
        <v>156</v>
      </c>
      <c r="C3266" s="470" t="s">
        <v>34582</v>
      </c>
      <c r="D3266" s="547" t="s">
        <v>34583</v>
      </c>
      <c r="E3266" s="565" t="s">
        <v>643</v>
      </c>
      <c r="F3266" s="566" t="s">
        <v>600</v>
      </c>
      <c r="G3266" s="430"/>
      <c r="H3266" s="432"/>
      <c r="I3266" s="531"/>
      <c r="J3266" s="816"/>
      <c r="K3266" s="501"/>
      <c r="L3266" s="434">
        <v>44228</v>
      </c>
      <c r="M3266" s="434"/>
      <c r="N3266" s="418"/>
    </row>
    <row r="3267" spans="1:14" ht="42.75">
      <c r="A3267" s="563"/>
      <c r="B3267" s="484">
        <f t="shared" si="99"/>
        <v>156</v>
      </c>
      <c r="C3267" s="470" t="s">
        <v>34584</v>
      </c>
      <c r="D3267" s="547" t="s">
        <v>34585</v>
      </c>
      <c r="E3267" s="565" t="s">
        <v>643</v>
      </c>
      <c r="F3267" s="566" t="s">
        <v>600</v>
      </c>
      <c r="G3267" s="430"/>
      <c r="H3267" s="432"/>
      <c r="I3267" s="531"/>
      <c r="J3267" s="816"/>
      <c r="K3267" s="501"/>
      <c r="L3267" s="434">
        <v>44228</v>
      </c>
      <c r="M3267" s="434"/>
      <c r="N3267" s="418"/>
    </row>
    <row r="3268" spans="1:14" ht="28.5">
      <c r="A3268" s="563"/>
      <c r="B3268" s="484">
        <f t="shared" si="99"/>
        <v>156</v>
      </c>
      <c r="C3268" s="470" t="s">
        <v>34586</v>
      </c>
      <c r="D3268" s="547" t="s">
        <v>34587</v>
      </c>
      <c r="E3268" s="565" t="s">
        <v>643</v>
      </c>
      <c r="F3268" s="566" t="s">
        <v>600</v>
      </c>
      <c r="G3268" s="430"/>
      <c r="H3268" s="432"/>
      <c r="I3268" s="531"/>
      <c r="J3268" s="816"/>
      <c r="K3268" s="501"/>
      <c r="L3268" s="434">
        <v>44228</v>
      </c>
      <c r="M3268" s="434"/>
      <c r="N3268" s="418"/>
    </row>
    <row r="3269" spans="1:14" ht="42.75">
      <c r="A3269" s="563"/>
      <c r="B3269" s="484">
        <f t="shared" si="99"/>
        <v>156</v>
      </c>
      <c r="C3269" s="470" t="s">
        <v>34588</v>
      </c>
      <c r="D3269" s="547" t="s">
        <v>34589</v>
      </c>
      <c r="E3269" s="565" t="s">
        <v>643</v>
      </c>
      <c r="F3269" s="566" t="s">
        <v>600</v>
      </c>
      <c r="G3269" s="430"/>
      <c r="H3269" s="432"/>
      <c r="I3269" s="531"/>
      <c r="J3269" s="816"/>
      <c r="K3269" s="501"/>
      <c r="L3269" s="434">
        <v>44228</v>
      </c>
      <c r="M3269" s="434"/>
      <c r="N3269" s="418"/>
    </row>
    <row r="3270" spans="1:14" ht="28.5">
      <c r="A3270" s="563"/>
      <c r="B3270" s="484">
        <f t="shared" si="99"/>
        <v>156</v>
      </c>
      <c r="C3270" s="470" t="s">
        <v>34590</v>
      </c>
      <c r="D3270" s="547" t="s">
        <v>34591</v>
      </c>
      <c r="E3270" s="565" t="s">
        <v>643</v>
      </c>
      <c r="F3270" s="566" t="s">
        <v>600</v>
      </c>
      <c r="G3270" s="430"/>
      <c r="H3270" s="432"/>
      <c r="I3270" s="531"/>
      <c r="J3270" s="816"/>
      <c r="K3270" s="501"/>
      <c r="L3270" s="434">
        <v>44228</v>
      </c>
      <c r="M3270" s="434"/>
      <c r="N3270" s="418"/>
    </row>
    <row r="3271" spans="1:14" ht="28.5">
      <c r="A3271" s="563"/>
      <c r="B3271" s="484">
        <f t="shared" si="99"/>
        <v>156</v>
      </c>
      <c r="C3271" s="470" t="s">
        <v>34592</v>
      </c>
      <c r="D3271" s="547" t="s">
        <v>34593</v>
      </c>
      <c r="E3271" s="565" t="s">
        <v>643</v>
      </c>
      <c r="F3271" s="566" t="s">
        <v>600</v>
      </c>
      <c r="G3271" s="430"/>
      <c r="H3271" s="432"/>
      <c r="I3271" s="531"/>
      <c r="J3271" s="816"/>
      <c r="K3271" s="501"/>
      <c r="L3271" s="434">
        <v>44228</v>
      </c>
      <c r="M3271" s="434"/>
      <c r="N3271" s="418"/>
    </row>
    <row r="3272" spans="1:14" ht="42.75">
      <c r="A3272" s="563"/>
      <c r="B3272" s="484">
        <f t="shared" si="99"/>
        <v>156</v>
      </c>
      <c r="C3272" s="470" t="s">
        <v>34594</v>
      </c>
      <c r="D3272" s="547" t="s">
        <v>34595</v>
      </c>
      <c r="E3272" s="565" t="s">
        <v>643</v>
      </c>
      <c r="F3272" s="566" t="s">
        <v>600</v>
      </c>
      <c r="G3272" s="430"/>
      <c r="H3272" s="432"/>
      <c r="I3272" s="531"/>
      <c r="J3272" s="816"/>
      <c r="K3272" s="501"/>
      <c r="L3272" s="434">
        <v>44228</v>
      </c>
      <c r="M3272" s="434"/>
      <c r="N3272" s="418"/>
    </row>
    <row r="3273" spans="1:14" ht="42.75">
      <c r="A3273" s="563"/>
      <c r="B3273" s="484">
        <f t="shared" si="99"/>
        <v>156</v>
      </c>
      <c r="C3273" s="470" t="s">
        <v>34596</v>
      </c>
      <c r="D3273" s="547" t="s">
        <v>34597</v>
      </c>
      <c r="E3273" s="565" t="s">
        <v>643</v>
      </c>
      <c r="F3273" s="566" t="s">
        <v>600</v>
      </c>
      <c r="G3273" s="430"/>
      <c r="H3273" s="432"/>
      <c r="I3273" s="531"/>
      <c r="J3273" s="816"/>
      <c r="K3273" s="501"/>
      <c r="L3273" s="434">
        <v>44228</v>
      </c>
      <c r="M3273" s="434"/>
      <c r="N3273" s="418"/>
    </row>
    <row r="3274" spans="1:14" ht="28.5">
      <c r="A3274" s="563"/>
      <c r="B3274" s="484">
        <f t="shared" si="99"/>
        <v>156</v>
      </c>
      <c r="C3274" s="470" t="s">
        <v>34598</v>
      </c>
      <c r="D3274" s="547" t="s">
        <v>34599</v>
      </c>
      <c r="E3274" s="565" t="s">
        <v>643</v>
      </c>
      <c r="F3274" s="566" t="s">
        <v>600</v>
      </c>
      <c r="G3274" s="430"/>
      <c r="H3274" s="432"/>
      <c r="I3274" s="531"/>
      <c r="J3274" s="816"/>
      <c r="K3274" s="501"/>
      <c r="L3274" s="434">
        <v>44228</v>
      </c>
      <c r="M3274" s="434"/>
      <c r="N3274" s="418"/>
    </row>
    <row r="3275" spans="1:14" ht="42.75">
      <c r="A3275" s="563"/>
      <c r="B3275" s="484">
        <f t="shared" si="99"/>
        <v>156</v>
      </c>
      <c r="C3275" s="470" t="s">
        <v>34600</v>
      </c>
      <c r="D3275" s="547" t="s">
        <v>34601</v>
      </c>
      <c r="E3275" s="565" t="s">
        <v>643</v>
      </c>
      <c r="F3275" s="566" t="s">
        <v>600</v>
      </c>
      <c r="G3275" s="430"/>
      <c r="H3275" s="432"/>
      <c r="I3275" s="531"/>
      <c r="J3275" s="816"/>
      <c r="K3275" s="501"/>
      <c r="L3275" s="434">
        <v>44228</v>
      </c>
      <c r="M3275" s="434"/>
      <c r="N3275" s="418"/>
    </row>
    <row r="3276" spans="1:14" ht="42.75">
      <c r="A3276" s="563"/>
      <c r="B3276" s="484">
        <f t="shared" si="99"/>
        <v>156</v>
      </c>
      <c r="C3276" s="470" t="s">
        <v>34602</v>
      </c>
      <c r="D3276" s="547" t="s">
        <v>34603</v>
      </c>
      <c r="E3276" s="565" t="s">
        <v>643</v>
      </c>
      <c r="F3276" s="566" t="s">
        <v>600</v>
      </c>
      <c r="G3276" s="430"/>
      <c r="H3276" s="432"/>
      <c r="I3276" s="531"/>
      <c r="J3276" s="816"/>
      <c r="K3276" s="501"/>
      <c r="L3276" s="434">
        <v>44228</v>
      </c>
      <c r="M3276" s="434"/>
      <c r="N3276" s="418"/>
    </row>
    <row r="3277" spans="1:14" ht="42.75">
      <c r="A3277" s="563"/>
      <c r="B3277" s="484">
        <f t="shared" si="99"/>
        <v>156</v>
      </c>
      <c r="C3277" s="470" t="s">
        <v>34604</v>
      </c>
      <c r="D3277" s="547" t="s">
        <v>34605</v>
      </c>
      <c r="E3277" s="565" t="s">
        <v>643</v>
      </c>
      <c r="F3277" s="566" t="s">
        <v>600</v>
      </c>
      <c r="G3277" s="430"/>
      <c r="H3277" s="432"/>
      <c r="I3277" s="531"/>
      <c r="J3277" s="816"/>
      <c r="K3277" s="501"/>
      <c r="L3277" s="434">
        <v>44228</v>
      </c>
      <c r="M3277" s="434"/>
      <c r="N3277" s="418"/>
    </row>
    <row r="3278" spans="1:14" ht="28.5">
      <c r="A3278" s="563"/>
      <c r="B3278" s="484">
        <f t="shared" si="99"/>
        <v>156</v>
      </c>
      <c r="C3278" s="470" t="s">
        <v>34606</v>
      </c>
      <c r="D3278" s="547" t="s">
        <v>34607</v>
      </c>
      <c r="E3278" s="565" t="s">
        <v>643</v>
      </c>
      <c r="F3278" s="566" t="s">
        <v>600</v>
      </c>
      <c r="G3278" s="430"/>
      <c r="H3278" s="432"/>
      <c r="I3278" s="531"/>
      <c r="J3278" s="816"/>
      <c r="K3278" s="501"/>
      <c r="L3278" s="434">
        <v>44228</v>
      </c>
      <c r="M3278" s="434"/>
      <c r="N3278" s="418"/>
    </row>
    <row r="3279" spans="1:14" ht="28.5">
      <c r="A3279" s="563"/>
      <c r="B3279" s="484">
        <f t="shared" si="99"/>
        <v>156</v>
      </c>
      <c r="C3279" s="470" t="s">
        <v>34608</v>
      </c>
      <c r="D3279" s="547" t="s">
        <v>34609</v>
      </c>
      <c r="E3279" s="565" t="s">
        <v>643</v>
      </c>
      <c r="F3279" s="566" t="s">
        <v>600</v>
      </c>
      <c r="G3279" s="430"/>
      <c r="H3279" s="432"/>
      <c r="I3279" s="531"/>
      <c r="J3279" s="816"/>
      <c r="K3279" s="501"/>
      <c r="L3279" s="434">
        <v>44228</v>
      </c>
      <c r="M3279" s="434"/>
      <c r="N3279" s="418"/>
    </row>
    <row r="3280" spans="1:14" ht="42.75">
      <c r="A3280" s="563"/>
      <c r="B3280" s="484">
        <f t="shared" si="99"/>
        <v>156</v>
      </c>
      <c r="C3280" s="470" t="s">
        <v>34610</v>
      </c>
      <c r="D3280" s="547" t="s">
        <v>34611</v>
      </c>
      <c r="E3280" s="565" t="s">
        <v>643</v>
      </c>
      <c r="F3280" s="566" t="s">
        <v>600</v>
      </c>
      <c r="G3280" s="430"/>
      <c r="H3280" s="432"/>
      <c r="I3280" s="531"/>
      <c r="J3280" s="816"/>
      <c r="K3280" s="501"/>
      <c r="L3280" s="434">
        <v>44228</v>
      </c>
      <c r="M3280" s="434"/>
      <c r="N3280" s="418"/>
    </row>
    <row r="3281" spans="1:14" ht="28.5">
      <c r="A3281" s="563"/>
      <c r="B3281" s="484">
        <f t="shared" si="99"/>
        <v>156</v>
      </c>
      <c r="C3281" s="470" t="s">
        <v>34612</v>
      </c>
      <c r="D3281" s="547" t="s">
        <v>34613</v>
      </c>
      <c r="E3281" s="565" t="s">
        <v>643</v>
      </c>
      <c r="F3281" s="566" t="s">
        <v>600</v>
      </c>
      <c r="G3281" s="430"/>
      <c r="H3281" s="432"/>
      <c r="I3281" s="531"/>
      <c r="J3281" s="816"/>
      <c r="K3281" s="501"/>
      <c r="L3281" s="434">
        <v>44228</v>
      </c>
      <c r="M3281" s="434"/>
      <c r="N3281" s="418"/>
    </row>
    <row r="3282" spans="1:14" ht="42.75">
      <c r="A3282" s="563"/>
      <c r="B3282" s="484">
        <f t="shared" si="99"/>
        <v>156</v>
      </c>
      <c r="C3282" s="470" t="s">
        <v>34614</v>
      </c>
      <c r="D3282" s="547" t="s">
        <v>34615</v>
      </c>
      <c r="E3282" s="565" t="s">
        <v>643</v>
      </c>
      <c r="F3282" s="566" t="s">
        <v>600</v>
      </c>
      <c r="G3282" s="430"/>
      <c r="H3282" s="432"/>
      <c r="I3282" s="531"/>
      <c r="J3282" s="816"/>
      <c r="K3282" s="501"/>
      <c r="L3282" s="434">
        <v>44228</v>
      </c>
      <c r="M3282" s="434"/>
      <c r="N3282" s="418"/>
    </row>
    <row r="3283" spans="1:14" ht="28.5">
      <c r="A3283" s="563"/>
      <c r="B3283" s="484">
        <f t="shared" si="99"/>
        <v>156</v>
      </c>
      <c r="C3283" s="470" t="s">
        <v>34616</v>
      </c>
      <c r="D3283" s="547" t="s">
        <v>34617</v>
      </c>
      <c r="E3283" s="565" t="s">
        <v>643</v>
      </c>
      <c r="F3283" s="566" t="s">
        <v>600</v>
      </c>
      <c r="G3283" s="430"/>
      <c r="H3283" s="432"/>
      <c r="I3283" s="531"/>
      <c r="J3283" s="816"/>
      <c r="K3283" s="501"/>
      <c r="L3283" s="434">
        <v>44228</v>
      </c>
      <c r="M3283" s="434"/>
      <c r="N3283" s="418"/>
    </row>
    <row r="3284" spans="1:14" ht="42.75">
      <c r="A3284" s="563"/>
      <c r="B3284" s="484">
        <f t="shared" si="99"/>
        <v>156</v>
      </c>
      <c r="C3284" s="470" t="s">
        <v>34618</v>
      </c>
      <c r="D3284" s="547" t="s">
        <v>34619</v>
      </c>
      <c r="E3284" s="565" t="s">
        <v>643</v>
      </c>
      <c r="F3284" s="566" t="s">
        <v>600</v>
      </c>
      <c r="G3284" s="430"/>
      <c r="H3284" s="432"/>
      <c r="I3284" s="531"/>
      <c r="J3284" s="816"/>
      <c r="K3284" s="501"/>
      <c r="L3284" s="434">
        <v>44228</v>
      </c>
      <c r="M3284" s="434"/>
      <c r="N3284" s="418"/>
    </row>
    <row r="3285" spans="1:14" ht="28.5">
      <c r="A3285" s="563"/>
      <c r="B3285" s="484">
        <f t="shared" si="99"/>
        <v>156</v>
      </c>
      <c r="C3285" s="470" t="s">
        <v>34620</v>
      </c>
      <c r="D3285" s="547" t="s">
        <v>34621</v>
      </c>
      <c r="E3285" s="565" t="s">
        <v>643</v>
      </c>
      <c r="F3285" s="566" t="s">
        <v>600</v>
      </c>
      <c r="G3285" s="430"/>
      <c r="H3285" s="432"/>
      <c r="I3285" s="531"/>
      <c r="J3285" s="816"/>
      <c r="K3285" s="501"/>
      <c r="L3285" s="434">
        <v>44228</v>
      </c>
      <c r="M3285" s="434"/>
      <c r="N3285" s="418"/>
    </row>
    <row r="3286" spans="1:14" ht="28.5">
      <c r="A3286" s="563"/>
      <c r="B3286" s="484">
        <f t="shared" si="99"/>
        <v>156</v>
      </c>
      <c r="C3286" s="470" t="s">
        <v>34622</v>
      </c>
      <c r="D3286" s="547" t="s">
        <v>34623</v>
      </c>
      <c r="E3286" s="565" t="s">
        <v>643</v>
      </c>
      <c r="F3286" s="566" t="s">
        <v>600</v>
      </c>
      <c r="G3286" s="430"/>
      <c r="H3286" s="432"/>
      <c r="I3286" s="531"/>
      <c r="J3286" s="816"/>
      <c r="K3286" s="501"/>
      <c r="L3286" s="434">
        <v>44228</v>
      </c>
      <c r="M3286" s="434"/>
      <c r="N3286" s="418"/>
    </row>
    <row r="3287" spans="1:14" ht="42.75">
      <c r="A3287" s="563"/>
      <c r="B3287" s="484">
        <f t="shared" si="99"/>
        <v>156</v>
      </c>
      <c r="C3287" s="470" t="s">
        <v>34624</v>
      </c>
      <c r="D3287" s="547" t="s">
        <v>34625</v>
      </c>
      <c r="E3287" s="565" t="s">
        <v>643</v>
      </c>
      <c r="F3287" s="566" t="s">
        <v>600</v>
      </c>
      <c r="G3287" s="430"/>
      <c r="H3287" s="432"/>
      <c r="I3287" s="531"/>
      <c r="J3287" s="816"/>
      <c r="K3287" s="501"/>
      <c r="L3287" s="434">
        <v>44228</v>
      </c>
      <c r="M3287" s="434"/>
      <c r="N3287" s="418"/>
    </row>
    <row r="3288" spans="1:14" ht="42.75">
      <c r="A3288" s="563"/>
      <c r="B3288" s="484">
        <f t="shared" si="99"/>
        <v>156</v>
      </c>
      <c r="C3288" s="470" t="s">
        <v>34626</v>
      </c>
      <c r="D3288" s="547" t="s">
        <v>34627</v>
      </c>
      <c r="E3288" s="565" t="s">
        <v>643</v>
      </c>
      <c r="F3288" s="566" t="s">
        <v>600</v>
      </c>
      <c r="G3288" s="430"/>
      <c r="H3288" s="432"/>
      <c r="I3288" s="531"/>
      <c r="J3288" s="816"/>
      <c r="K3288" s="501"/>
      <c r="L3288" s="434">
        <v>44228</v>
      </c>
      <c r="M3288" s="434"/>
      <c r="N3288" s="418"/>
    </row>
    <row r="3289" spans="1:14" ht="42.75">
      <c r="A3289" s="563"/>
      <c r="B3289" s="484">
        <f t="shared" si="99"/>
        <v>156</v>
      </c>
      <c r="C3289" s="470" t="s">
        <v>34628</v>
      </c>
      <c r="D3289" s="547" t="s">
        <v>34629</v>
      </c>
      <c r="E3289" s="565" t="s">
        <v>643</v>
      </c>
      <c r="F3289" s="566" t="s">
        <v>600</v>
      </c>
      <c r="G3289" s="430"/>
      <c r="H3289" s="432"/>
      <c r="I3289" s="531"/>
      <c r="J3289" s="816"/>
      <c r="K3289" s="501"/>
      <c r="L3289" s="434">
        <v>44228</v>
      </c>
      <c r="M3289" s="434"/>
      <c r="N3289" s="418"/>
    </row>
    <row r="3290" spans="1:14" ht="42.75">
      <c r="A3290" s="563"/>
      <c r="B3290" s="484">
        <f t="shared" si="99"/>
        <v>156</v>
      </c>
      <c r="C3290" s="470" t="s">
        <v>34630</v>
      </c>
      <c r="D3290" s="547" t="s">
        <v>34631</v>
      </c>
      <c r="E3290" s="565" t="s">
        <v>643</v>
      </c>
      <c r="F3290" s="566" t="s">
        <v>600</v>
      </c>
      <c r="G3290" s="430"/>
      <c r="H3290" s="432"/>
      <c r="I3290" s="531"/>
      <c r="J3290" s="816"/>
      <c r="K3290" s="501"/>
      <c r="L3290" s="434">
        <v>44228</v>
      </c>
      <c r="M3290" s="434"/>
      <c r="N3290" s="418"/>
    </row>
    <row r="3291" spans="1:14" ht="28.5">
      <c r="A3291" s="563"/>
      <c r="B3291" s="484">
        <f t="shared" si="99"/>
        <v>156</v>
      </c>
      <c r="C3291" s="470" t="s">
        <v>34632</v>
      </c>
      <c r="D3291" s="547" t="s">
        <v>34633</v>
      </c>
      <c r="E3291" s="565" t="s">
        <v>643</v>
      </c>
      <c r="F3291" s="566" t="s">
        <v>600</v>
      </c>
      <c r="G3291" s="430"/>
      <c r="H3291" s="432"/>
      <c r="I3291" s="531"/>
      <c r="J3291" s="816"/>
      <c r="K3291" s="501"/>
      <c r="L3291" s="434">
        <v>44228</v>
      </c>
      <c r="M3291" s="434"/>
      <c r="N3291" s="418"/>
    </row>
    <row r="3292" spans="1:14" ht="42.75">
      <c r="A3292" s="563"/>
      <c r="B3292" s="484">
        <f t="shared" si="99"/>
        <v>156</v>
      </c>
      <c r="C3292" s="470" t="s">
        <v>34634</v>
      </c>
      <c r="D3292" s="547" t="s">
        <v>34635</v>
      </c>
      <c r="E3292" s="565" t="s">
        <v>643</v>
      </c>
      <c r="F3292" s="566" t="s">
        <v>600</v>
      </c>
      <c r="G3292" s="430"/>
      <c r="H3292" s="432"/>
      <c r="I3292" s="531"/>
      <c r="J3292" s="816"/>
      <c r="K3292" s="501"/>
      <c r="L3292" s="434">
        <v>44228</v>
      </c>
      <c r="M3292" s="434"/>
      <c r="N3292" s="418"/>
    </row>
    <row r="3293" spans="1:14" ht="42.75">
      <c r="A3293" s="563"/>
      <c r="B3293" s="484">
        <f t="shared" si="99"/>
        <v>156</v>
      </c>
      <c r="C3293" s="470" t="s">
        <v>34636</v>
      </c>
      <c r="D3293" s="547" t="s">
        <v>34637</v>
      </c>
      <c r="E3293" s="565" t="s">
        <v>643</v>
      </c>
      <c r="F3293" s="566" t="s">
        <v>600</v>
      </c>
      <c r="G3293" s="430"/>
      <c r="H3293" s="432"/>
      <c r="I3293" s="531"/>
      <c r="J3293" s="816"/>
      <c r="K3293" s="501"/>
      <c r="L3293" s="434">
        <v>44228</v>
      </c>
      <c r="M3293" s="434"/>
      <c r="N3293" s="418"/>
    </row>
    <row r="3294" spans="1:14" ht="42.75">
      <c r="A3294" s="563"/>
      <c r="B3294" s="484">
        <f t="shared" si="99"/>
        <v>156</v>
      </c>
      <c r="C3294" s="470" t="s">
        <v>34638</v>
      </c>
      <c r="D3294" s="547" t="s">
        <v>34639</v>
      </c>
      <c r="E3294" s="565" t="s">
        <v>643</v>
      </c>
      <c r="F3294" s="566" t="s">
        <v>600</v>
      </c>
      <c r="G3294" s="430"/>
      <c r="H3294" s="432"/>
      <c r="I3294" s="531"/>
      <c r="J3294" s="816"/>
      <c r="K3294" s="501"/>
      <c r="L3294" s="434">
        <v>44228</v>
      </c>
      <c r="M3294" s="434"/>
      <c r="N3294" s="418"/>
    </row>
    <row r="3295" spans="1:14" ht="42.75">
      <c r="A3295" s="563"/>
      <c r="B3295" s="484">
        <f t="shared" si="99"/>
        <v>156</v>
      </c>
      <c r="C3295" s="470" t="s">
        <v>34640</v>
      </c>
      <c r="D3295" s="547" t="s">
        <v>34641</v>
      </c>
      <c r="E3295" s="565" t="s">
        <v>643</v>
      </c>
      <c r="F3295" s="566" t="s">
        <v>600</v>
      </c>
      <c r="G3295" s="430"/>
      <c r="H3295" s="432"/>
      <c r="I3295" s="531"/>
      <c r="J3295" s="816"/>
      <c r="K3295" s="501"/>
      <c r="L3295" s="434">
        <v>44228</v>
      </c>
      <c r="M3295" s="434"/>
      <c r="N3295" s="418"/>
    </row>
    <row r="3296" spans="1:14" ht="28.5">
      <c r="A3296" s="563"/>
      <c r="B3296" s="484">
        <f t="shared" si="99"/>
        <v>156</v>
      </c>
      <c r="C3296" s="470" t="s">
        <v>34642</v>
      </c>
      <c r="D3296" s="547" t="s">
        <v>34643</v>
      </c>
      <c r="E3296" s="565" t="s">
        <v>643</v>
      </c>
      <c r="F3296" s="566" t="s">
        <v>600</v>
      </c>
      <c r="G3296" s="430"/>
      <c r="H3296" s="432"/>
      <c r="I3296" s="531"/>
      <c r="J3296" s="816"/>
      <c r="K3296" s="501"/>
      <c r="L3296" s="434">
        <v>44228</v>
      </c>
      <c r="M3296" s="434"/>
      <c r="N3296" s="418"/>
    </row>
    <row r="3297" spans="1:14" ht="42.75">
      <c r="A3297" s="563"/>
      <c r="B3297" s="484">
        <f t="shared" si="99"/>
        <v>156</v>
      </c>
      <c r="C3297" s="470" t="s">
        <v>34644</v>
      </c>
      <c r="D3297" s="547" t="s">
        <v>34645</v>
      </c>
      <c r="E3297" s="565" t="s">
        <v>643</v>
      </c>
      <c r="F3297" s="566" t="s">
        <v>600</v>
      </c>
      <c r="G3297" s="430"/>
      <c r="H3297" s="432"/>
      <c r="I3297" s="531"/>
      <c r="J3297" s="816"/>
      <c r="K3297" s="501"/>
      <c r="L3297" s="434">
        <v>44228</v>
      </c>
      <c r="M3297" s="434"/>
      <c r="N3297" s="418"/>
    </row>
    <row r="3298" spans="1:14" ht="42.75">
      <c r="A3298" s="563"/>
      <c r="B3298" s="484">
        <f t="shared" si="99"/>
        <v>156</v>
      </c>
      <c r="C3298" s="470" t="s">
        <v>34646</v>
      </c>
      <c r="D3298" s="547" t="s">
        <v>34647</v>
      </c>
      <c r="E3298" s="565" t="s">
        <v>643</v>
      </c>
      <c r="F3298" s="566" t="s">
        <v>600</v>
      </c>
      <c r="G3298" s="430"/>
      <c r="H3298" s="432"/>
      <c r="I3298" s="531"/>
      <c r="J3298" s="816"/>
      <c r="K3298" s="501"/>
      <c r="L3298" s="434">
        <v>44228</v>
      </c>
      <c r="M3298" s="434"/>
      <c r="N3298" s="418"/>
    </row>
    <row r="3299" spans="1:14" ht="42.75">
      <c r="A3299" s="563"/>
      <c r="B3299" s="484">
        <f t="shared" si="99"/>
        <v>156</v>
      </c>
      <c r="C3299" s="470" t="s">
        <v>34648</v>
      </c>
      <c r="D3299" s="547" t="s">
        <v>34649</v>
      </c>
      <c r="E3299" s="565" t="s">
        <v>643</v>
      </c>
      <c r="F3299" s="566" t="s">
        <v>600</v>
      </c>
      <c r="G3299" s="430"/>
      <c r="H3299" s="432"/>
      <c r="I3299" s="531"/>
      <c r="J3299" s="816"/>
      <c r="K3299" s="501"/>
      <c r="L3299" s="434">
        <v>44228</v>
      </c>
      <c r="M3299" s="434"/>
      <c r="N3299" s="418"/>
    </row>
    <row r="3300" spans="1:14" ht="42.75">
      <c r="A3300" s="563"/>
      <c r="B3300" s="484">
        <f t="shared" si="99"/>
        <v>156</v>
      </c>
      <c r="C3300" s="470" t="s">
        <v>34650</v>
      </c>
      <c r="D3300" s="547" t="s">
        <v>34651</v>
      </c>
      <c r="E3300" s="565" t="s">
        <v>643</v>
      </c>
      <c r="F3300" s="566" t="s">
        <v>600</v>
      </c>
      <c r="G3300" s="430"/>
      <c r="H3300" s="432"/>
      <c r="I3300" s="531"/>
      <c r="J3300" s="816"/>
      <c r="K3300" s="501"/>
      <c r="L3300" s="434">
        <v>44228</v>
      </c>
      <c r="M3300" s="434"/>
      <c r="N3300" s="418"/>
    </row>
    <row r="3301" spans="1:14" ht="57">
      <c r="A3301" s="563"/>
      <c r="B3301" s="484">
        <f t="shared" si="99"/>
        <v>156</v>
      </c>
      <c r="C3301" s="470" t="s">
        <v>34652</v>
      </c>
      <c r="D3301" s="547" t="s">
        <v>34653</v>
      </c>
      <c r="E3301" s="565" t="s">
        <v>643</v>
      </c>
      <c r="F3301" s="566" t="s">
        <v>600</v>
      </c>
      <c r="G3301" s="430"/>
      <c r="H3301" s="432"/>
      <c r="I3301" s="531"/>
      <c r="J3301" s="816"/>
      <c r="K3301" s="501"/>
      <c r="L3301" s="434">
        <v>44228</v>
      </c>
      <c r="M3301" s="434"/>
      <c r="N3301" s="418"/>
    </row>
    <row r="3302" spans="1:14" ht="71.25">
      <c r="A3302" s="563"/>
      <c r="B3302" s="484">
        <f t="shared" si="99"/>
        <v>156</v>
      </c>
      <c r="C3302" s="470" t="s">
        <v>34654</v>
      </c>
      <c r="D3302" s="547" t="s">
        <v>34655</v>
      </c>
      <c r="E3302" s="565" t="s">
        <v>643</v>
      </c>
      <c r="F3302" s="566" t="s">
        <v>600</v>
      </c>
      <c r="G3302" s="430"/>
      <c r="H3302" s="432"/>
      <c r="I3302" s="531"/>
      <c r="J3302" s="816"/>
      <c r="K3302" s="501"/>
      <c r="L3302" s="434">
        <v>44228</v>
      </c>
      <c r="M3302" s="434"/>
      <c r="N3302" s="418"/>
    </row>
    <row r="3303" spans="1:14" ht="71.25">
      <c r="A3303" s="563"/>
      <c r="B3303" s="484">
        <f t="shared" si="99"/>
        <v>156</v>
      </c>
      <c r="C3303" s="470" t="s">
        <v>34656</v>
      </c>
      <c r="D3303" s="547" t="s">
        <v>34657</v>
      </c>
      <c r="E3303" s="565" t="s">
        <v>643</v>
      </c>
      <c r="F3303" s="566" t="s">
        <v>600</v>
      </c>
      <c r="G3303" s="430"/>
      <c r="H3303" s="432"/>
      <c r="I3303" s="531"/>
      <c r="J3303" s="816"/>
      <c r="K3303" s="501"/>
      <c r="L3303" s="434">
        <v>44228</v>
      </c>
      <c r="M3303" s="434"/>
      <c r="N3303" s="418"/>
    </row>
    <row r="3304" spans="1:14" ht="28.5">
      <c r="A3304" s="563"/>
      <c r="B3304" s="484">
        <f t="shared" si="99"/>
        <v>156</v>
      </c>
      <c r="C3304" s="470" t="s">
        <v>34658</v>
      </c>
      <c r="D3304" s="547" t="s">
        <v>34659</v>
      </c>
      <c r="E3304" s="565" t="s">
        <v>643</v>
      </c>
      <c r="F3304" s="566" t="s">
        <v>600</v>
      </c>
      <c r="G3304" s="430"/>
      <c r="H3304" s="432"/>
      <c r="I3304" s="531"/>
      <c r="J3304" s="816"/>
      <c r="K3304" s="501"/>
      <c r="L3304" s="434">
        <v>44228</v>
      </c>
      <c r="M3304" s="434"/>
      <c r="N3304" s="418"/>
    </row>
    <row r="3305" spans="1:14" ht="28.5">
      <c r="A3305" s="563"/>
      <c r="B3305" s="484">
        <f t="shared" si="99"/>
        <v>156</v>
      </c>
      <c r="C3305" s="470" t="s">
        <v>34660</v>
      </c>
      <c r="D3305" s="547" t="s">
        <v>34661</v>
      </c>
      <c r="E3305" s="565" t="s">
        <v>643</v>
      </c>
      <c r="F3305" s="566" t="s">
        <v>600</v>
      </c>
      <c r="G3305" s="430"/>
      <c r="H3305" s="432"/>
      <c r="I3305" s="531"/>
      <c r="J3305" s="816"/>
      <c r="K3305" s="501"/>
      <c r="L3305" s="434">
        <v>44228</v>
      </c>
      <c r="M3305" s="434"/>
      <c r="N3305" s="418"/>
    </row>
    <row r="3306" spans="1:14" ht="28.5">
      <c r="A3306" s="563"/>
      <c r="B3306" s="484">
        <f t="shared" si="99"/>
        <v>156</v>
      </c>
      <c r="C3306" s="470" t="s">
        <v>34662</v>
      </c>
      <c r="D3306" s="547" t="s">
        <v>34663</v>
      </c>
      <c r="E3306" s="565" t="s">
        <v>643</v>
      </c>
      <c r="F3306" s="566" t="s">
        <v>600</v>
      </c>
      <c r="G3306" s="430"/>
      <c r="H3306" s="432"/>
      <c r="I3306" s="531"/>
      <c r="J3306" s="816"/>
      <c r="K3306" s="501"/>
      <c r="L3306" s="434">
        <v>44228</v>
      </c>
      <c r="M3306" s="434"/>
      <c r="N3306" s="418"/>
    </row>
    <row r="3307" spans="1:14" ht="28.5">
      <c r="A3307" s="563"/>
      <c r="B3307" s="484">
        <f t="shared" si="99"/>
        <v>156</v>
      </c>
      <c r="C3307" s="470" t="s">
        <v>34664</v>
      </c>
      <c r="D3307" s="547" t="s">
        <v>34665</v>
      </c>
      <c r="E3307" s="565" t="s">
        <v>643</v>
      </c>
      <c r="F3307" s="566" t="s">
        <v>600</v>
      </c>
      <c r="G3307" s="430"/>
      <c r="H3307" s="432"/>
      <c r="I3307" s="531"/>
      <c r="J3307" s="816"/>
      <c r="K3307" s="501"/>
      <c r="L3307" s="434">
        <v>44228</v>
      </c>
      <c r="M3307" s="434"/>
      <c r="N3307" s="418"/>
    </row>
    <row r="3308" spans="1:14" ht="28.5">
      <c r="A3308" s="563"/>
      <c r="B3308" s="484">
        <f t="shared" si="99"/>
        <v>156</v>
      </c>
      <c r="C3308" s="470" t="s">
        <v>34666</v>
      </c>
      <c r="D3308" s="547" t="s">
        <v>34667</v>
      </c>
      <c r="E3308" s="565" t="s">
        <v>643</v>
      </c>
      <c r="F3308" s="566" t="s">
        <v>600</v>
      </c>
      <c r="G3308" s="430"/>
      <c r="H3308" s="432"/>
      <c r="I3308" s="531"/>
      <c r="J3308" s="816"/>
      <c r="K3308" s="501"/>
      <c r="L3308" s="434">
        <v>44228</v>
      </c>
      <c r="M3308" s="434"/>
      <c r="N3308" s="418"/>
    </row>
    <row r="3309" spans="1:14" ht="28.5">
      <c r="A3309" s="563"/>
      <c r="B3309" s="484">
        <f t="shared" si="99"/>
        <v>156</v>
      </c>
      <c r="C3309" s="470" t="s">
        <v>34668</v>
      </c>
      <c r="D3309" s="547" t="s">
        <v>34669</v>
      </c>
      <c r="E3309" s="565" t="s">
        <v>643</v>
      </c>
      <c r="F3309" s="566" t="s">
        <v>600</v>
      </c>
      <c r="G3309" s="430"/>
      <c r="H3309" s="432"/>
      <c r="I3309" s="531"/>
      <c r="J3309" s="816"/>
      <c r="K3309" s="501"/>
      <c r="L3309" s="434">
        <v>44228</v>
      </c>
      <c r="M3309" s="434"/>
      <c r="N3309" s="418"/>
    </row>
    <row r="3310" spans="1:14" ht="28.5">
      <c r="A3310" s="563"/>
      <c r="B3310" s="484">
        <f t="shared" si="99"/>
        <v>156</v>
      </c>
      <c r="C3310" s="470" t="s">
        <v>34670</v>
      </c>
      <c r="D3310" s="547" t="s">
        <v>34671</v>
      </c>
      <c r="E3310" s="565" t="s">
        <v>643</v>
      </c>
      <c r="F3310" s="566" t="s">
        <v>600</v>
      </c>
      <c r="G3310" s="430"/>
      <c r="H3310" s="432"/>
      <c r="I3310" s="531"/>
      <c r="J3310" s="816"/>
      <c r="K3310" s="501"/>
      <c r="L3310" s="434">
        <v>44228</v>
      </c>
      <c r="M3310" s="434"/>
      <c r="N3310" s="418"/>
    </row>
    <row r="3311" spans="1:14" ht="28.5">
      <c r="A3311" s="563"/>
      <c r="B3311" s="484">
        <f t="shared" si="99"/>
        <v>156</v>
      </c>
      <c r="C3311" s="470" t="s">
        <v>34672</v>
      </c>
      <c r="D3311" s="547" t="s">
        <v>34673</v>
      </c>
      <c r="E3311" s="565" t="s">
        <v>643</v>
      </c>
      <c r="F3311" s="566" t="s">
        <v>600</v>
      </c>
      <c r="G3311" s="430"/>
      <c r="H3311" s="432"/>
      <c r="I3311" s="531"/>
      <c r="J3311" s="816"/>
      <c r="K3311" s="501"/>
      <c r="L3311" s="434">
        <v>44228</v>
      </c>
      <c r="M3311" s="434"/>
      <c r="N3311" s="418"/>
    </row>
    <row r="3312" spans="1:14" ht="57">
      <c r="A3312" s="563"/>
      <c r="B3312" s="484">
        <f t="shared" si="99"/>
        <v>156</v>
      </c>
      <c r="C3312" s="470" t="s">
        <v>34674</v>
      </c>
      <c r="D3312" s="547" t="s">
        <v>34675</v>
      </c>
      <c r="E3312" s="565" t="s">
        <v>643</v>
      </c>
      <c r="F3312" s="566" t="s">
        <v>600</v>
      </c>
      <c r="G3312" s="430"/>
      <c r="H3312" s="432"/>
      <c r="I3312" s="531"/>
      <c r="J3312" s="816"/>
      <c r="K3312" s="501"/>
      <c r="L3312" s="434">
        <v>44228</v>
      </c>
      <c r="M3312" s="434"/>
      <c r="N3312" s="418"/>
    </row>
    <row r="3313" spans="1:14" ht="28.5">
      <c r="A3313" s="563"/>
      <c r="B3313" s="484">
        <f t="shared" si="99"/>
        <v>156</v>
      </c>
      <c r="C3313" s="470" t="s">
        <v>34676</v>
      </c>
      <c r="D3313" s="547" t="s">
        <v>34677</v>
      </c>
      <c r="E3313" s="565" t="s">
        <v>643</v>
      </c>
      <c r="F3313" s="566" t="s">
        <v>600</v>
      </c>
      <c r="G3313" s="430"/>
      <c r="H3313" s="432"/>
      <c r="I3313" s="531"/>
      <c r="J3313" s="816"/>
      <c r="K3313" s="501"/>
      <c r="L3313" s="434">
        <v>44228</v>
      </c>
      <c r="M3313" s="434"/>
      <c r="N3313" s="418"/>
    </row>
    <row r="3314" spans="1:14" ht="28.5">
      <c r="A3314" s="563"/>
      <c r="B3314" s="484">
        <f t="shared" si="99"/>
        <v>156</v>
      </c>
      <c r="C3314" s="470" t="s">
        <v>34678</v>
      </c>
      <c r="D3314" s="547" t="s">
        <v>34679</v>
      </c>
      <c r="E3314" s="565" t="s">
        <v>643</v>
      </c>
      <c r="F3314" s="566" t="s">
        <v>600</v>
      </c>
      <c r="G3314" s="430"/>
      <c r="H3314" s="432"/>
      <c r="I3314" s="531"/>
      <c r="J3314" s="816"/>
      <c r="K3314" s="501"/>
      <c r="L3314" s="434">
        <v>44228</v>
      </c>
      <c r="M3314" s="434"/>
      <c r="N3314" s="418"/>
    </row>
    <row r="3315" spans="1:14" ht="28.5">
      <c r="A3315" s="563"/>
      <c r="B3315" s="484">
        <f t="shared" si="99"/>
        <v>156</v>
      </c>
      <c r="C3315" s="470" t="s">
        <v>34680</v>
      </c>
      <c r="D3315" s="547" t="s">
        <v>34681</v>
      </c>
      <c r="E3315" s="565" t="s">
        <v>643</v>
      </c>
      <c r="F3315" s="566" t="s">
        <v>600</v>
      </c>
      <c r="G3315" s="430"/>
      <c r="H3315" s="432"/>
      <c r="I3315" s="531"/>
      <c r="J3315" s="816"/>
      <c r="K3315" s="501"/>
      <c r="L3315" s="434">
        <v>44228</v>
      </c>
      <c r="M3315" s="434"/>
      <c r="N3315" s="418"/>
    </row>
    <row r="3316" spans="1:14" ht="42.75">
      <c r="A3316" s="563"/>
      <c r="B3316" s="484">
        <f t="shared" ref="B3316:B3379" si="100">IF(A3316&gt;0,A3316,B3315)</f>
        <v>156</v>
      </c>
      <c r="C3316" s="470" t="s">
        <v>34682</v>
      </c>
      <c r="D3316" s="547" t="s">
        <v>34683</v>
      </c>
      <c r="E3316" s="565" t="s">
        <v>643</v>
      </c>
      <c r="F3316" s="566" t="s">
        <v>600</v>
      </c>
      <c r="G3316" s="430"/>
      <c r="H3316" s="432"/>
      <c r="I3316" s="531"/>
      <c r="J3316" s="816"/>
      <c r="K3316" s="501"/>
      <c r="L3316" s="434">
        <v>44228</v>
      </c>
      <c r="M3316" s="434"/>
      <c r="N3316" s="418"/>
    </row>
    <row r="3317" spans="1:14" ht="15.75">
      <c r="A3317" s="563"/>
      <c r="B3317" s="484">
        <f t="shared" si="100"/>
        <v>156</v>
      </c>
      <c r="C3317" s="470" t="s">
        <v>34684</v>
      </c>
      <c r="D3317" s="547" t="s">
        <v>34685</v>
      </c>
      <c r="E3317" s="565" t="s">
        <v>643</v>
      </c>
      <c r="F3317" s="566" t="s">
        <v>600</v>
      </c>
      <c r="G3317" s="430"/>
      <c r="H3317" s="432"/>
      <c r="I3317" s="531"/>
      <c r="J3317" s="816"/>
      <c r="K3317" s="501"/>
      <c r="L3317" s="434">
        <v>44228</v>
      </c>
      <c r="M3317" s="434"/>
      <c r="N3317" s="418"/>
    </row>
    <row r="3318" spans="1:14" ht="15.75">
      <c r="A3318" s="563"/>
      <c r="B3318" s="484">
        <f t="shared" si="100"/>
        <v>156</v>
      </c>
      <c r="C3318" s="470" t="s">
        <v>34686</v>
      </c>
      <c r="D3318" s="547" t="s">
        <v>34687</v>
      </c>
      <c r="E3318" s="565" t="s">
        <v>643</v>
      </c>
      <c r="F3318" s="566" t="s">
        <v>600</v>
      </c>
      <c r="G3318" s="430"/>
      <c r="H3318" s="432"/>
      <c r="I3318" s="531"/>
      <c r="J3318" s="816"/>
      <c r="K3318" s="501"/>
      <c r="L3318" s="434">
        <v>44228</v>
      </c>
      <c r="M3318" s="434"/>
      <c r="N3318" s="418"/>
    </row>
    <row r="3319" spans="1:14" ht="15.75">
      <c r="A3319" s="563"/>
      <c r="B3319" s="484">
        <f t="shared" si="100"/>
        <v>156</v>
      </c>
      <c r="C3319" s="470" t="s">
        <v>34688</v>
      </c>
      <c r="D3319" s="547" t="s">
        <v>34689</v>
      </c>
      <c r="E3319" s="565" t="s">
        <v>643</v>
      </c>
      <c r="F3319" s="566" t="s">
        <v>600</v>
      </c>
      <c r="G3319" s="430"/>
      <c r="H3319" s="432"/>
      <c r="I3319" s="531"/>
      <c r="J3319" s="816"/>
      <c r="K3319" s="501"/>
      <c r="L3319" s="434">
        <v>44228</v>
      </c>
      <c r="M3319" s="434"/>
      <c r="N3319" s="418"/>
    </row>
    <row r="3320" spans="1:14" ht="42.75">
      <c r="A3320" s="563"/>
      <c r="B3320" s="484">
        <f t="shared" si="100"/>
        <v>156</v>
      </c>
      <c r="C3320" s="470" t="s">
        <v>34690</v>
      </c>
      <c r="D3320" s="547" t="s">
        <v>34691</v>
      </c>
      <c r="E3320" s="565" t="s">
        <v>643</v>
      </c>
      <c r="F3320" s="566" t="s">
        <v>600</v>
      </c>
      <c r="G3320" s="430"/>
      <c r="H3320" s="432"/>
      <c r="I3320" s="531"/>
      <c r="J3320" s="816"/>
      <c r="K3320" s="501"/>
      <c r="L3320" s="434">
        <v>44228</v>
      </c>
      <c r="M3320" s="434"/>
      <c r="N3320" s="418"/>
    </row>
    <row r="3321" spans="1:14" ht="42.75">
      <c r="A3321" s="563"/>
      <c r="B3321" s="484">
        <f t="shared" si="100"/>
        <v>156</v>
      </c>
      <c r="C3321" s="470" t="s">
        <v>34692</v>
      </c>
      <c r="D3321" s="547" t="s">
        <v>34693</v>
      </c>
      <c r="E3321" s="565" t="s">
        <v>643</v>
      </c>
      <c r="F3321" s="566" t="s">
        <v>600</v>
      </c>
      <c r="G3321" s="430"/>
      <c r="H3321" s="432"/>
      <c r="I3321" s="531"/>
      <c r="J3321" s="816"/>
      <c r="K3321" s="501"/>
      <c r="L3321" s="434">
        <v>44228</v>
      </c>
      <c r="M3321" s="434"/>
      <c r="N3321" s="418"/>
    </row>
    <row r="3322" spans="1:14" ht="15.75">
      <c r="A3322" s="563"/>
      <c r="B3322" s="484">
        <f t="shared" si="100"/>
        <v>156</v>
      </c>
      <c r="C3322" s="470" t="s">
        <v>34694</v>
      </c>
      <c r="D3322" s="547" t="s">
        <v>34695</v>
      </c>
      <c r="E3322" s="565" t="s">
        <v>643</v>
      </c>
      <c r="F3322" s="566" t="s">
        <v>600</v>
      </c>
      <c r="G3322" s="430"/>
      <c r="H3322" s="432"/>
      <c r="I3322" s="531"/>
      <c r="J3322" s="816"/>
      <c r="K3322" s="501"/>
      <c r="L3322" s="434">
        <v>44228</v>
      </c>
      <c r="M3322" s="434"/>
      <c r="N3322" s="418"/>
    </row>
    <row r="3323" spans="1:14" ht="42.75">
      <c r="A3323" s="563"/>
      <c r="B3323" s="484">
        <f t="shared" si="100"/>
        <v>156</v>
      </c>
      <c r="C3323" s="470" t="s">
        <v>34696</v>
      </c>
      <c r="D3323" s="547" t="s">
        <v>34697</v>
      </c>
      <c r="E3323" s="565" t="s">
        <v>643</v>
      </c>
      <c r="F3323" s="566" t="s">
        <v>600</v>
      </c>
      <c r="G3323" s="430"/>
      <c r="H3323" s="432"/>
      <c r="I3323" s="531"/>
      <c r="J3323" s="816"/>
      <c r="K3323" s="501"/>
      <c r="L3323" s="434">
        <v>44228</v>
      </c>
      <c r="M3323" s="434"/>
      <c r="N3323" s="418"/>
    </row>
    <row r="3324" spans="1:14" ht="42.75">
      <c r="A3324" s="563"/>
      <c r="B3324" s="484">
        <f t="shared" si="100"/>
        <v>156</v>
      </c>
      <c r="C3324" s="470" t="s">
        <v>34698</v>
      </c>
      <c r="D3324" s="547" t="s">
        <v>34699</v>
      </c>
      <c r="E3324" s="565" t="s">
        <v>643</v>
      </c>
      <c r="F3324" s="566" t="s">
        <v>600</v>
      </c>
      <c r="G3324" s="430"/>
      <c r="H3324" s="432"/>
      <c r="I3324" s="531"/>
      <c r="J3324" s="816"/>
      <c r="K3324" s="501"/>
      <c r="L3324" s="434">
        <v>44228</v>
      </c>
      <c r="M3324" s="434"/>
      <c r="N3324" s="418"/>
    </row>
    <row r="3325" spans="1:14" ht="15.75">
      <c r="A3325" s="563"/>
      <c r="B3325" s="484">
        <f t="shared" si="100"/>
        <v>156</v>
      </c>
      <c r="C3325" s="470" t="s">
        <v>34700</v>
      </c>
      <c r="D3325" s="547" t="s">
        <v>34701</v>
      </c>
      <c r="E3325" s="565" t="s">
        <v>643</v>
      </c>
      <c r="F3325" s="566" t="s">
        <v>600</v>
      </c>
      <c r="G3325" s="430"/>
      <c r="H3325" s="432"/>
      <c r="I3325" s="531"/>
      <c r="J3325" s="816"/>
      <c r="K3325" s="501"/>
      <c r="L3325" s="434">
        <v>44228</v>
      </c>
      <c r="M3325" s="434"/>
      <c r="N3325" s="418"/>
    </row>
    <row r="3326" spans="1:14" ht="15.75">
      <c r="A3326" s="563"/>
      <c r="B3326" s="484">
        <f t="shared" si="100"/>
        <v>156</v>
      </c>
      <c r="C3326" s="470" t="s">
        <v>34702</v>
      </c>
      <c r="D3326" s="547" t="s">
        <v>34703</v>
      </c>
      <c r="E3326" s="565" t="s">
        <v>643</v>
      </c>
      <c r="F3326" s="566" t="s">
        <v>600</v>
      </c>
      <c r="G3326" s="430"/>
      <c r="H3326" s="432"/>
      <c r="I3326" s="531"/>
      <c r="J3326" s="816"/>
      <c r="K3326" s="501"/>
      <c r="L3326" s="434">
        <v>44228</v>
      </c>
      <c r="M3326" s="434"/>
      <c r="N3326" s="418"/>
    </row>
    <row r="3327" spans="1:14" ht="42.75">
      <c r="A3327" s="563"/>
      <c r="B3327" s="484">
        <f t="shared" si="100"/>
        <v>156</v>
      </c>
      <c r="C3327" s="470" t="s">
        <v>34704</v>
      </c>
      <c r="D3327" s="547" t="s">
        <v>34705</v>
      </c>
      <c r="E3327" s="565" t="s">
        <v>643</v>
      </c>
      <c r="F3327" s="566" t="s">
        <v>600</v>
      </c>
      <c r="G3327" s="430"/>
      <c r="H3327" s="432"/>
      <c r="I3327" s="531"/>
      <c r="J3327" s="816"/>
      <c r="K3327" s="501"/>
      <c r="L3327" s="434">
        <v>44228</v>
      </c>
      <c r="M3327" s="434"/>
      <c r="N3327" s="418"/>
    </row>
    <row r="3328" spans="1:14" ht="42.75">
      <c r="A3328" s="563"/>
      <c r="B3328" s="484">
        <f t="shared" si="100"/>
        <v>156</v>
      </c>
      <c r="C3328" s="470" t="s">
        <v>34706</v>
      </c>
      <c r="D3328" s="547" t="s">
        <v>34707</v>
      </c>
      <c r="E3328" s="565" t="s">
        <v>643</v>
      </c>
      <c r="F3328" s="566" t="s">
        <v>600</v>
      </c>
      <c r="G3328" s="430"/>
      <c r="H3328" s="432"/>
      <c r="I3328" s="531"/>
      <c r="J3328" s="816"/>
      <c r="K3328" s="501"/>
      <c r="L3328" s="434">
        <v>44228</v>
      </c>
      <c r="M3328" s="434"/>
      <c r="N3328" s="418"/>
    </row>
    <row r="3329" spans="1:14" ht="42.75">
      <c r="A3329" s="563"/>
      <c r="B3329" s="484">
        <f t="shared" si="100"/>
        <v>156</v>
      </c>
      <c r="C3329" s="470" t="s">
        <v>34708</v>
      </c>
      <c r="D3329" s="547" t="s">
        <v>34709</v>
      </c>
      <c r="E3329" s="565" t="s">
        <v>643</v>
      </c>
      <c r="F3329" s="566" t="s">
        <v>600</v>
      </c>
      <c r="G3329" s="430"/>
      <c r="H3329" s="432"/>
      <c r="I3329" s="531"/>
      <c r="J3329" s="816"/>
      <c r="K3329" s="501"/>
      <c r="L3329" s="434">
        <v>44228</v>
      </c>
      <c r="M3329" s="434"/>
      <c r="N3329" s="418"/>
    </row>
    <row r="3330" spans="1:14" ht="42.75">
      <c r="A3330" s="563"/>
      <c r="B3330" s="484">
        <f t="shared" si="100"/>
        <v>156</v>
      </c>
      <c r="C3330" s="470" t="s">
        <v>34710</v>
      </c>
      <c r="D3330" s="547" t="s">
        <v>34711</v>
      </c>
      <c r="E3330" s="565" t="s">
        <v>643</v>
      </c>
      <c r="F3330" s="566" t="s">
        <v>600</v>
      </c>
      <c r="G3330" s="430"/>
      <c r="H3330" s="432"/>
      <c r="I3330" s="531"/>
      <c r="J3330" s="816"/>
      <c r="K3330" s="501"/>
      <c r="L3330" s="434">
        <v>44228</v>
      </c>
      <c r="M3330" s="434"/>
      <c r="N3330" s="418"/>
    </row>
    <row r="3331" spans="1:14" ht="42.75">
      <c r="A3331" s="563"/>
      <c r="B3331" s="484">
        <f t="shared" si="100"/>
        <v>156</v>
      </c>
      <c r="C3331" s="470" t="s">
        <v>34712</v>
      </c>
      <c r="D3331" s="547" t="s">
        <v>34713</v>
      </c>
      <c r="E3331" s="565" t="s">
        <v>643</v>
      </c>
      <c r="F3331" s="566" t="s">
        <v>600</v>
      </c>
      <c r="G3331" s="430"/>
      <c r="H3331" s="432"/>
      <c r="I3331" s="531"/>
      <c r="J3331" s="816"/>
      <c r="K3331" s="501"/>
      <c r="L3331" s="434">
        <v>44228</v>
      </c>
      <c r="M3331" s="434"/>
      <c r="N3331" s="418"/>
    </row>
    <row r="3332" spans="1:14" ht="15.75">
      <c r="A3332" s="563"/>
      <c r="B3332" s="484">
        <f t="shared" si="100"/>
        <v>156</v>
      </c>
      <c r="C3332" s="470" t="s">
        <v>34714</v>
      </c>
      <c r="D3332" s="547" t="s">
        <v>34715</v>
      </c>
      <c r="E3332" s="565" t="s">
        <v>643</v>
      </c>
      <c r="F3332" s="566" t="s">
        <v>600</v>
      </c>
      <c r="G3332" s="430"/>
      <c r="H3332" s="432"/>
      <c r="I3332" s="531"/>
      <c r="J3332" s="816"/>
      <c r="K3332" s="501"/>
      <c r="L3332" s="434">
        <v>44228</v>
      </c>
      <c r="M3332" s="434"/>
      <c r="N3332" s="418"/>
    </row>
    <row r="3333" spans="1:14" ht="28.5">
      <c r="A3333" s="563"/>
      <c r="B3333" s="484">
        <f t="shared" si="100"/>
        <v>156</v>
      </c>
      <c r="C3333" s="470" t="s">
        <v>34716</v>
      </c>
      <c r="D3333" s="547" t="s">
        <v>34717</v>
      </c>
      <c r="E3333" s="565" t="s">
        <v>643</v>
      </c>
      <c r="F3333" s="566" t="s">
        <v>600</v>
      </c>
      <c r="G3333" s="430"/>
      <c r="H3333" s="432"/>
      <c r="I3333" s="531"/>
      <c r="J3333" s="816"/>
      <c r="K3333" s="501"/>
      <c r="L3333" s="434">
        <v>44228</v>
      </c>
      <c r="M3333" s="434"/>
      <c r="N3333" s="418"/>
    </row>
    <row r="3334" spans="1:14" ht="15.75">
      <c r="A3334" s="563"/>
      <c r="B3334" s="484">
        <f t="shared" si="100"/>
        <v>156</v>
      </c>
      <c r="C3334" s="470" t="s">
        <v>34718</v>
      </c>
      <c r="D3334" s="547" t="s">
        <v>34719</v>
      </c>
      <c r="E3334" s="565" t="s">
        <v>643</v>
      </c>
      <c r="F3334" s="566" t="s">
        <v>600</v>
      </c>
      <c r="G3334" s="430"/>
      <c r="H3334" s="432"/>
      <c r="I3334" s="531"/>
      <c r="J3334" s="816"/>
      <c r="K3334" s="501"/>
      <c r="L3334" s="434">
        <v>44228</v>
      </c>
      <c r="M3334" s="434"/>
      <c r="N3334" s="418"/>
    </row>
    <row r="3335" spans="1:14" ht="15.75">
      <c r="A3335" s="563"/>
      <c r="B3335" s="484">
        <f t="shared" si="100"/>
        <v>156</v>
      </c>
      <c r="C3335" s="470" t="s">
        <v>34720</v>
      </c>
      <c r="D3335" s="547" t="s">
        <v>34721</v>
      </c>
      <c r="E3335" s="565" t="s">
        <v>643</v>
      </c>
      <c r="F3335" s="566" t="s">
        <v>600</v>
      </c>
      <c r="G3335" s="430"/>
      <c r="H3335" s="432"/>
      <c r="I3335" s="531"/>
      <c r="J3335" s="816"/>
      <c r="K3335" s="501"/>
      <c r="L3335" s="434">
        <v>44228</v>
      </c>
      <c r="M3335" s="434"/>
      <c r="N3335" s="418"/>
    </row>
    <row r="3336" spans="1:14" ht="42.75">
      <c r="A3336" s="563"/>
      <c r="B3336" s="484">
        <f t="shared" si="100"/>
        <v>156</v>
      </c>
      <c r="C3336" s="470" t="s">
        <v>34722</v>
      </c>
      <c r="D3336" s="547" t="s">
        <v>34723</v>
      </c>
      <c r="E3336" s="565" t="s">
        <v>643</v>
      </c>
      <c r="F3336" s="566" t="s">
        <v>600</v>
      </c>
      <c r="G3336" s="430"/>
      <c r="H3336" s="432"/>
      <c r="I3336" s="531"/>
      <c r="J3336" s="816"/>
      <c r="K3336" s="501"/>
      <c r="L3336" s="434">
        <v>44228</v>
      </c>
      <c r="M3336" s="434"/>
      <c r="N3336" s="418"/>
    </row>
    <row r="3337" spans="1:14" ht="42.75">
      <c r="A3337" s="563"/>
      <c r="B3337" s="484">
        <f t="shared" si="100"/>
        <v>156</v>
      </c>
      <c r="C3337" s="470" t="s">
        <v>34724</v>
      </c>
      <c r="D3337" s="547" t="s">
        <v>34725</v>
      </c>
      <c r="E3337" s="565" t="s">
        <v>643</v>
      </c>
      <c r="F3337" s="566" t="s">
        <v>600</v>
      </c>
      <c r="G3337" s="430"/>
      <c r="H3337" s="432"/>
      <c r="I3337" s="531"/>
      <c r="J3337" s="816"/>
      <c r="K3337" s="501"/>
      <c r="L3337" s="434">
        <v>44228</v>
      </c>
      <c r="M3337" s="434"/>
      <c r="N3337" s="418"/>
    </row>
    <row r="3338" spans="1:14" ht="42.75">
      <c r="A3338" s="563"/>
      <c r="B3338" s="484">
        <f t="shared" si="100"/>
        <v>156</v>
      </c>
      <c r="C3338" s="470" t="s">
        <v>34726</v>
      </c>
      <c r="D3338" s="547" t="s">
        <v>34727</v>
      </c>
      <c r="E3338" s="565" t="s">
        <v>643</v>
      </c>
      <c r="F3338" s="566" t="s">
        <v>600</v>
      </c>
      <c r="G3338" s="430"/>
      <c r="H3338" s="432"/>
      <c r="I3338" s="531"/>
      <c r="J3338" s="816"/>
      <c r="K3338" s="501"/>
      <c r="L3338" s="434">
        <v>44228</v>
      </c>
      <c r="M3338" s="434"/>
      <c r="N3338" s="418"/>
    </row>
    <row r="3339" spans="1:14" ht="57">
      <c r="A3339" s="563"/>
      <c r="B3339" s="484">
        <f t="shared" si="100"/>
        <v>156</v>
      </c>
      <c r="C3339" s="470" t="s">
        <v>34728</v>
      </c>
      <c r="D3339" s="547" t="s">
        <v>34729</v>
      </c>
      <c r="E3339" s="565" t="s">
        <v>643</v>
      </c>
      <c r="F3339" s="566" t="s">
        <v>600</v>
      </c>
      <c r="G3339" s="430"/>
      <c r="H3339" s="432"/>
      <c r="I3339" s="531"/>
      <c r="J3339" s="816"/>
      <c r="K3339" s="501"/>
      <c r="L3339" s="434">
        <v>44228</v>
      </c>
      <c r="M3339" s="434"/>
      <c r="N3339" s="418"/>
    </row>
    <row r="3340" spans="1:14" ht="57">
      <c r="A3340" s="563"/>
      <c r="B3340" s="484">
        <f t="shared" si="100"/>
        <v>156</v>
      </c>
      <c r="C3340" s="470" t="s">
        <v>34730</v>
      </c>
      <c r="D3340" s="547" t="s">
        <v>34731</v>
      </c>
      <c r="E3340" s="565" t="s">
        <v>643</v>
      </c>
      <c r="F3340" s="566" t="s">
        <v>600</v>
      </c>
      <c r="G3340" s="430"/>
      <c r="H3340" s="432"/>
      <c r="I3340" s="531"/>
      <c r="J3340" s="816"/>
      <c r="K3340" s="501"/>
      <c r="L3340" s="434">
        <v>44228</v>
      </c>
      <c r="M3340" s="434"/>
      <c r="N3340" s="418"/>
    </row>
    <row r="3341" spans="1:14" ht="57">
      <c r="A3341" s="563"/>
      <c r="B3341" s="484">
        <f t="shared" si="100"/>
        <v>156</v>
      </c>
      <c r="C3341" s="470" t="s">
        <v>34732</v>
      </c>
      <c r="D3341" s="547" t="s">
        <v>34733</v>
      </c>
      <c r="E3341" s="565" t="s">
        <v>643</v>
      </c>
      <c r="F3341" s="566" t="s">
        <v>600</v>
      </c>
      <c r="G3341" s="430"/>
      <c r="H3341" s="432"/>
      <c r="I3341" s="531"/>
      <c r="J3341" s="816"/>
      <c r="K3341" s="501"/>
      <c r="L3341" s="434">
        <v>44228</v>
      </c>
      <c r="M3341" s="434"/>
      <c r="N3341" s="418"/>
    </row>
    <row r="3342" spans="1:14" ht="57">
      <c r="A3342" s="563"/>
      <c r="B3342" s="484">
        <f t="shared" si="100"/>
        <v>156</v>
      </c>
      <c r="C3342" s="470" t="s">
        <v>34734</v>
      </c>
      <c r="D3342" s="547" t="s">
        <v>34735</v>
      </c>
      <c r="E3342" s="565" t="s">
        <v>643</v>
      </c>
      <c r="F3342" s="566" t="s">
        <v>600</v>
      </c>
      <c r="G3342" s="430"/>
      <c r="H3342" s="432"/>
      <c r="I3342" s="531"/>
      <c r="J3342" s="816"/>
      <c r="K3342" s="501"/>
      <c r="L3342" s="434">
        <v>44228</v>
      </c>
      <c r="M3342" s="434"/>
      <c r="N3342" s="418"/>
    </row>
    <row r="3343" spans="1:14" ht="15.75">
      <c r="A3343" s="563"/>
      <c r="B3343" s="484">
        <f t="shared" si="100"/>
        <v>156</v>
      </c>
      <c r="C3343" s="470" t="s">
        <v>34736</v>
      </c>
      <c r="D3343" s="547" t="s">
        <v>34737</v>
      </c>
      <c r="E3343" s="565" t="s">
        <v>643</v>
      </c>
      <c r="F3343" s="566" t="s">
        <v>600</v>
      </c>
      <c r="G3343" s="430"/>
      <c r="H3343" s="432"/>
      <c r="I3343" s="531"/>
      <c r="J3343" s="816"/>
      <c r="K3343" s="501"/>
      <c r="L3343" s="434">
        <v>44228</v>
      </c>
      <c r="M3343" s="434"/>
      <c r="N3343" s="418"/>
    </row>
    <row r="3344" spans="1:14" ht="28.5">
      <c r="A3344" s="563"/>
      <c r="B3344" s="484">
        <f t="shared" si="100"/>
        <v>156</v>
      </c>
      <c r="C3344" s="470" t="s">
        <v>34738</v>
      </c>
      <c r="D3344" s="547" t="s">
        <v>34739</v>
      </c>
      <c r="E3344" s="565" t="s">
        <v>643</v>
      </c>
      <c r="F3344" s="566" t="s">
        <v>600</v>
      </c>
      <c r="G3344" s="430"/>
      <c r="H3344" s="432"/>
      <c r="I3344" s="531"/>
      <c r="J3344" s="816"/>
      <c r="K3344" s="501"/>
      <c r="L3344" s="434">
        <v>44228</v>
      </c>
      <c r="M3344" s="434"/>
      <c r="N3344" s="418"/>
    </row>
    <row r="3345" spans="1:14" ht="42.75">
      <c r="A3345" s="563"/>
      <c r="B3345" s="484">
        <f t="shared" si="100"/>
        <v>156</v>
      </c>
      <c r="C3345" s="470" t="s">
        <v>34740</v>
      </c>
      <c r="D3345" s="547" t="s">
        <v>34741</v>
      </c>
      <c r="E3345" s="565" t="s">
        <v>643</v>
      </c>
      <c r="F3345" s="566" t="s">
        <v>600</v>
      </c>
      <c r="G3345" s="430"/>
      <c r="H3345" s="432"/>
      <c r="I3345" s="531"/>
      <c r="J3345" s="816"/>
      <c r="K3345" s="501"/>
      <c r="L3345" s="434">
        <v>44228</v>
      </c>
      <c r="M3345" s="434"/>
      <c r="N3345" s="418"/>
    </row>
    <row r="3346" spans="1:14" ht="42.75">
      <c r="A3346" s="563"/>
      <c r="B3346" s="484">
        <f t="shared" si="100"/>
        <v>156</v>
      </c>
      <c r="C3346" s="470" t="s">
        <v>34742</v>
      </c>
      <c r="D3346" s="547" t="s">
        <v>34743</v>
      </c>
      <c r="E3346" s="565" t="s">
        <v>643</v>
      </c>
      <c r="F3346" s="566" t="s">
        <v>600</v>
      </c>
      <c r="G3346" s="430"/>
      <c r="H3346" s="432"/>
      <c r="I3346" s="531"/>
      <c r="J3346" s="816"/>
      <c r="K3346" s="501"/>
      <c r="L3346" s="434">
        <v>44228</v>
      </c>
      <c r="M3346" s="434"/>
      <c r="N3346" s="418"/>
    </row>
    <row r="3347" spans="1:14" ht="42.75">
      <c r="A3347" s="563"/>
      <c r="B3347" s="484">
        <f t="shared" si="100"/>
        <v>156</v>
      </c>
      <c r="C3347" s="470" t="s">
        <v>34744</v>
      </c>
      <c r="D3347" s="547" t="s">
        <v>34745</v>
      </c>
      <c r="E3347" s="565" t="s">
        <v>643</v>
      </c>
      <c r="F3347" s="566" t="s">
        <v>600</v>
      </c>
      <c r="G3347" s="430"/>
      <c r="H3347" s="432"/>
      <c r="I3347" s="531"/>
      <c r="J3347" s="816"/>
      <c r="K3347" s="501"/>
      <c r="L3347" s="434">
        <v>44228</v>
      </c>
      <c r="M3347" s="434"/>
      <c r="N3347" s="418"/>
    </row>
    <row r="3348" spans="1:14" ht="42.75">
      <c r="A3348" s="563"/>
      <c r="B3348" s="484">
        <f t="shared" si="100"/>
        <v>156</v>
      </c>
      <c r="C3348" s="470" t="s">
        <v>34746</v>
      </c>
      <c r="D3348" s="547" t="s">
        <v>34747</v>
      </c>
      <c r="E3348" s="565" t="s">
        <v>643</v>
      </c>
      <c r="F3348" s="566" t="s">
        <v>600</v>
      </c>
      <c r="G3348" s="430"/>
      <c r="H3348" s="432"/>
      <c r="I3348" s="531"/>
      <c r="J3348" s="816"/>
      <c r="K3348" s="501"/>
      <c r="L3348" s="434">
        <v>44228</v>
      </c>
      <c r="M3348" s="434"/>
      <c r="N3348" s="418"/>
    </row>
    <row r="3349" spans="1:14" ht="42.75">
      <c r="A3349" s="563"/>
      <c r="B3349" s="484">
        <f t="shared" si="100"/>
        <v>156</v>
      </c>
      <c r="C3349" s="470" t="s">
        <v>34748</v>
      </c>
      <c r="D3349" s="547" t="s">
        <v>34749</v>
      </c>
      <c r="E3349" s="565" t="s">
        <v>643</v>
      </c>
      <c r="F3349" s="566" t="s">
        <v>600</v>
      </c>
      <c r="G3349" s="430"/>
      <c r="H3349" s="432"/>
      <c r="I3349" s="531"/>
      <c r="J3349" s="816"/>
      <c r="K3349" s="501"/>
      <c r="L3349" s="434">
        <v>44228</v>
      </c>
      <c r="M3349" s="434"/>
      <c r="N3349" s="418"/>
    </row>
    <row r="3350" spans="1:14" ht="42.75">
      <c r="A3350" s="563"/>
      <c r="B3350" s="484">
        <f t="shared" si="100"/>
        <v>156</v>
      </c>
      <c r="C3350" s="470" t="s">
        <v>34750</v>
      </c>
      <c r="D3350" s="547" t="s">
        <v>34751</v>
      </c>
      <c r="E3350" s="565" t="s">
        <v>643</v>
      </c>
      <c r="F3350" s="566" t="s">
        <v>600</v>
      </c>
      <c r="G3350" s="430"/>
      <c r="H3350" s="432"/>
      <c r="I3350" s="531"/>
      <c r="J3350" s="816"/>
      <c r="K3350" s="501"/>
      <c r="L3350" s="434">
        <v>44228</v>
      </c>
      <c r="M3350" s="434"/>
      <c r="N3350" s="418"/>
    </row>
    <row r="3351" spans="1:14" ht="28.5">
      <c r="A3351" s="563"/>
      <c r="B3351" s="484">
        <f t="shared" si="100"/>
        <v>156</v>
      </c>
      <c r="C3351" s="470" t="s">
        <v>34752</v>
      </c>
      <c r="D3351" s="547" t="s">
        <v>34753</v>
      </c>
      <c r="E3351" s="565" t="s">
        <v>643</v>
      </c>
      <c r="F3351" s="566" t="s">
        <v>600</v>
      </c>
      <c r="G3351" s="430"/>
      <c r="H3351" s="432"/>
      <c r="I3351" s="531"/>
      <c r="J3351" s="816"/>
      <c r="K3351" s="501"/>
      <c r="L3351" s="434">
        <v>44228</v>
      </c>
      <c r="M3351" s="434"/>
      <c r="N3351" s="418"/>
    </row>
    <row r="3352" spans="1:14" ht="28.5">
      <c r="A3352" s="563"/>
      <c r="B3352" s="484">
        <f t="shared" si="100"/>
        <v>156</v>
      </c>
      <c r="C3352" s="470" t="s">
        <v>34754</v>
      </c>
      <c r="D3352" s="547" t="s">
        <v>34755</v>
      </c>
      <c r="E3352" s="565" t="s">
        <v>643</v>
      </c>
      <c r="F3352" s="566" t="s">
        <v>600</v>
      </c>
      <c r="G3352" s="430"/>
      <c r="H3352" s="432"/>
      <c r="I3352" s="531"/>
      <c r="J3352" s="816"/>
      <c r="K3352" s="501"/>
      <c r="L3352" s="434">
        <v>44228</v>
      </c>
      <c r="M3352" s="434"/>
      <c r="N3352" s="418"/>
    </row>
    <row r="3353" spans="1:14" ht="28.5">
      <c r="A3353" s="563"/>
      <c r="B3353" s="484">
        <f t="shared" si="100"/>
        <v>156</v>
      </c>
      <c r="C3353" s="470" t="s">
        <v>34756</v>
      </c>
      <c r="D3353" s="547" t="s">
        <v>34757</v>
      </c>
      <c r="E3353" s="565" t="s">
        <v>643</v>
      </c>
      <c r="F3353" s="566" t="s">
        <v>600</v>
      </c>
      <c r="G3353" s="430"/>
      <c r="H3353" s="432"/>
      <c r="I3353" s="531"/>
      <c r="J3353" s="816"/>
      <c r="K3353" s="501"/>
      <c r="L3353" s="434">
        <v>44228</v>
      </c>
      <c r="M3353" s="434"/>
      <c r="N3353" s="418"/>
    </row>
    <row r="3354" spans="1:14" ht="28.5">
      <c r="A3354" s="563"/>
      <c r="B3354" s="484">
        <f t="shared" si="100"/>
        <v>156</v>
      </c>
      <c r="C3354" s="470" t="s">
        <v>34758</v>
      </c>
      <c r="D3354" s="547" t="s">
        <v>34759</v>
      </c>
      <c r="E3354" s="565" t="s">
        <v>643</v>
      </c>
      <c r="F3354" s="566" t="s">
        <v>600</v>
      </c>
      <c r="G3354" s="430"/>
      <c r="H3354" s="432"/>
      <c r="I3354" s="531"/>
      <c r="J3354" s="816"/>
      <c r="K3354" s="501"/>
      <c r="L3354" s="434">
        <v>44228</v>
      </c>
      <c r="M3354" s="434"/>
      <c r="N3354" s="418"/>
    </row>
    <row r="3355" spans="1:14" ht="28.5">
      <c r="A3355" s="563"/>
      <c r="B3355" s="484">
        <f t="shared" si="100"/>
        <v>156</v>
      </c>
      <c r="C3355" s="470" t="s">
        <v>34760</v>
      </c>
      <c r="D3355" s="547" t="s">
        <v>34761</v>
      </c>
      <c r="E3355" s="565" t="s">
        <v>643</v>
      </c>
      <c r="F3355" s="566" t="s">
        <v>600</v>
      </c>
      <c r="G3355" s="430"/>
      <c r="H3355" s="432"/>
      <c r="I3355" s="531"/>
      <c r="J3355" s="816"/>
      <c r="K3355" s="501"/>
      <c r="L3355" s="434">
        <v>44228</v>
      </c>
      <c r="M3355" s="434"/>
      <c r="N3355" s="418"/>
    </row>
    <row r="3356" spans="1:14" ht="28.5">
      <c r="A3356" s="563"/>
      <c r="B3356" s="484">
        <f t="shared" si="100"/>
        <v>156</v>
      </c>
      <c r="C3356" s="470" t="s">
        <v>34762</v>
      </c>
      <c r="D3356" s="547" t="s">
        <v>34763</v>
      </c>
      <c r="E3356" s="565" t="s">
        <v>643</v>
      </c>
      <c r="F3356" s="566" t="s">
        <v>600</v>
      </c>
      <c r="G3356" s="430"/>
      <c r="H3356" s="432"/>
      <c r="I3356" s="531"/>
      <c r="J3356" s="816"/>
      <c r="K3356" s="501"/>
      <c r="L3356" s="434">
        <v>44228</v>
      </c>
      <c r="M3356" s="434"/>
      <c r="N3356" s="418"/>
    </row>
    <row r="3357" spans="1:14" ht="28.5">
      <c r="A3357" s="563"/>
      <c r="B3357" s="484">
        <f t="shared" si="100"/>
        <v>156</v>
      </c>
      <c r="C3357" s="470" t="s">
        <v>34764</v>
      </c>
      <c r="D3357" s="547" t="s">
        <v>34765</v>
      </c>
      <c r="E3357" s="565" t="s">
        <v>643</v>
      </c>
      <c r="F3357" s="566" t="s">
        <v>600</v>
      </c>
      <c r="G3357" s="430"/>
      <c r="H3357" s="432"/>
      <c r="I3357" s="531"/>
      <c r="J3357" s="816"/>
      <c r="K3357" s="501"/>
      <c r="L3357" s="434">
        <v>44228</v>
      </c>
      <c r="M3357" s="434"/>
      <c r="N3357" s="418"/>
    </row>
    <row r="3358" spans="1:14" ht="128.25">
      <c r="A3358" s="563"/>
      <c r="B3358" s="484">
        <f t="shared" si="100"/>
        <v>156</v>
      </c>
      <c r="C3358" s="470" t="s">
        <v>34766</v>
      </c>
      <c r="D3358" s="547" t="s">
        <v>34767</v>
      </c>
      <c r="E3358" s="565" t="s">
        <v>643</v>
      </c>
      <c r="F3358" s="566" t="s">
        <v>600</v>
      </c>
      <c r="G3358" s="430"/>
      <c r="H3358" s="432"/>
      <c r="I3358" s="531"/>
      <c r="J3358" s="816"/>
      <c r="K3358" s="501"/>
      <c r="L3358" s="434">
        <v>44228</v>
      </c>
      <c r="M3358" s="434"/>
      <c r="N3358" s="418"/>
    </row>
    <row r="3359" spans="1:14" ht="28.5">
      <c r="A3359" s="563"/>
      <c r="B3359" s="484">
        <f t="shared" si="100"/>
        <v>156</v>
      </c>
      <c r="C3359" s="470" t="s">
        <v>34768</v>
      </c>
      <c r="D3359" s="547" t="s">
        <v>34769</v>
      </c>
      <c r="E3359" s="565" t="s">
        <v>643</v>
      </c>
      <c r="F3359" s="566" t="s">
        <v>600</v>
      </c>
      <c r="G3359" s="430"/>
      <c r="H3359" s="432"/>
      <c r="I3359" s="531"/>
      <c r="J3359" s="816"/>
      <c r="K3359" s="501"/>
      <c r="L3359" s="434">
        <v>44228</v>
      </c>
      <c r="M3359" s="434"/>
      <c r="N3359" s="418"/>
    </row>
    <row r="3360" spans="1:14" ht="28.5">
      <c r="A3360" s="563"/>
      <c r="B3360" s="484">
        <f t="shared" si="100"/>
        <v>156</v>
      </c>
      <c r="C3360" s="470" t="s">
        <v>34770</v>
      </c>
      <c r="D3360" s="547" t="s">
        <v>34771</v>
      </c>
      <c r="E3360" s="565" t="s">
        <v>643</v>
      </c>
      <c r="F3360" s="566" t="s">
        <v>600</v>
      </c>
      <c r="G3360" s="430"/>
      <c r="H3360" s="432"/>
      <c r="I3360" s="531"/>
      <c r="J3360" s="816"/>
      <c r="K3360" s="501"/>
      <c r="L3360" s="434">
        <v>44228</v>
      </c>
      <c r="M3360" s="434"/>
      <c r="N3360" s="418"/>
    </row>
    <row r="3361" spans="1:14" ht="57">
      <c r="A3361" s="563"/>
      <c r="B3361" s="484">
        <f t="shared" si="100"/>
        <v>156</v>
      </c>
      <c r="C3361" s="470" t="s">
        <v>34772</v>
      </c>
      <c r="D3361" s="547" t="s">
        <v>34773</v>
      </c>
      <c r="E3361" s="565" t="s">
        <v>643</v>
      </c>
      <c r="F3361" s="566" t="s">
        <v>600</v>
      </c>
      <c r="G3361" s="430"/>
      <c r="H3361" s="432"/>
      <c r="I3361" s="531"/>
      <c r="J3361" s="816"/>
      <c r="K3361" s="501"/>
      <c r="L3361" s="434">
        <v>44228</v>
      </c>
      <c r="M3361" s="434"/>
      <c r="N3361" s="418"/>
    </row>
    <row r="3362" spans="1:14" ht="156.75">
      <c r="A3362" s="563"/>
      <c r="B3362" s="484">
        <f t="shared" si="100"/>
        <v>156</v>
      </c>
      <c r="C3362" s="470" t="s">
        <v>34774</v>
      </c>
      <c r="D3362" s="547" t="s">
        <v>34775</v>
      </c>
      <c r="E3362" s="565" t="s">
        <v>643</v>
      </c>
      <c r="F3362" s="566" t="s">
        <v>600</v>
      </c>
      <c r="G3362" s="430"/>
      <c r="H3362" s="432"/>
      <c r="I3362" s="531"/>
      <c r="J3362" s="816"/>
      <c r="K3362" s="501"/>
      <c r="L3362" s="434">
        <v>44228</v>
      </c>
      <c r="M3362" s="434"/>
      <c r="N3362" s="418"/>
    </row>
    <row r="3363" spans="1:14" ht="42.75">
      <c r="A3363" s="563"/>
      <c r="B3363" s="484">
        <f t="shared" si="100"/>
        <v>156</v>
      </c>
      <c r="C3363" s="470" t="s">
        <v>34776</v>
      </c>
      <c r="D3363" s="547" t="s">
        <v>34777</v>
      </c>
      <c r="E3363" s="565" t="s">
        <v>643</v>
      </c>
      <c r="F3363" s="566" t="s">
        <v>600</v>
      </c>
      <c r="G3363" s="430"/>
      <c r="H3363" s="432"/>
      <c r="I3363" s="531"/>
      <c r="J3363" s="816"/>
      <c r="K3363" s="501"/>
      <c r="L3363" s="434">
        <v>44228</v>
      </c>
      <c r="M3363" s="434"/>
      <c r="N3363" s="418"/>
    </row>
    <row r="3364" spans="1:14" ht="28.5">
      <c r="A3364" s="563"/>
      <c r="B3364" s="484">
        <f t="shared" si="100"/>
        <v>156</v>
      </c>
      <c r="C3364" s="470" t="s">
        <v>34778</v>
      </c>
      <c r="D3364" s="547" t="s">
        <v>34779</v>
      </c>
      <c r="E3364" s="565" t="s">
        <v>643</v>
      </c>
      <c r="F3364" s="566" t="s">
        <v>600</v>
      </c>
      <c r="G3364" s="430"/>
      <c r="H3364" s="432"/>
      <c r="I3364" s="531"/>
      <c r="J3364" s="816"/>
      <c r="K3364" s="501"/>
      <c r="L3364" s="434">
        <v>44228</v>
      </c>
      <c r="M3364" s="434"/>
      <c r="N3364" s="418"/>
    </row>
    <row r="3365" spans="1:14" ht="42.75">
      <c r="A3365" s="563"/>
      <c r="B3365" s="484">
        <f t="shared" si="100"/>
        <v>156</v>
      </c>
      <c r="C3365" s="470" t="s">
        <v>34780</v>
      </c>
      <c r="D3365" s="547" t="s">
        <v>34781</v>
      </c>
      <c r="E3365" s="565" t="s">
        <v>643</v>
      </c>
      <c r="F3365" s="566" t="s">
        <v>600</v>
      </c>
      <c r="G3365" s="430"/>
      <c r="H3365" s="432"/>
      <c r="I3365" s="531"/>
      <c r="J3365" s="816"/>
      <c r="K3365" s="501"/>
      <c r="L3365" s="434">
        <v>44228</v>
      </c>
      <c r="M3365" s="434"/>
      <c r="N3365" s="418"/>
    </row>
    <row r="3366" spans="1:14" ht="28.5">
      <c r="A3366" s="563"/>
      <c r="B3366" s="484">
        <f t="shared" si="100"/>
        <v>156</v>
      </c>
      <c r="C3366" s="470" t="s">
        <v>34782</v>
      </c>
      <c r="D3366" s="547" t="s">
        <v>34783</v>
      </c>
      <c r="E3366" s="565" t="s">
        <v>643</v>
      </c>
      <c r="F3366" s="566" t="s">
        <v>600</v>
      </c>
      <c r="G3366" s="430"/>
      <c r="H3366" s="432"/>
      <c r="I3366" s="531"/>
      <c r="J3366" s="816"/>
      <c r="K3366" s="501"/>
      <c r="L3366" s="434">
        <v>44228</v>
      </c>
      <c r="M3366" s="434"/>
      <c r="N3366" s="418"/>
    </row>
    <row r="3367" spans="1:14" ht="199.5">
      <c r="A3367" s="563"/>
      <c r="B3367" s="484">
        <f t="shared" si="100"/>
        <v>156</v>
      </c>
      <c r="C3367" s="470" t="s">
        <v>34784</v>
      </c>
      <c r="D3367" s="547" t="s">
        <v>34785</v>
      </c>
      <c r="E3367" s="565" t="s">
        <v>643</v>
      </c>
      <c r="F3367" s="566" t="s">
        <v>600</v>
      </c>
      <c r="G3367" s="430"/>
      <c r="H3367" s="432"/>
      <c r="I3367" s="531"/>
      <c r="J3367" s="816"/>
      <c r="K3367" s="501"/>
      <c r="L3367" s="434">
        <v>44228</v>
      </c>
      <c r="M3367" s="434"/>
      <c r="N3367" s="418"/>
    </row>
    <row r="3368" spans="1:14" ht="85.5">
      <c r="A3368" s="563"/>
      <c r="B3368" s="484">
        <f t="shared" si="100"/>
        <v>156</v>
      </c>
      <c r="C3368" s="470" t="s">
        <v>34786</v>
      </c>
      <c r="D3368" s="547" t="s">
        <v>34787</v>
      </c>
      <c r="E3368" s="565" t="s">
        <v>643</v>
      </c>
      <c r="F3368" s="566" t="s">
        <v>600</v>
      </c>
      <c r="G3368" s="430"/>
      <c r="H3368" s="432"/>
      <c r="I3368" s="531"/>
      <c r="J3368" s="816"/>
      <c r="K3368" s="501"/>
      <c r="L3368" s="434">
        <v>44228</v>
      </c>
      <c r="M3368" s="434"/>
      <c r="N3368" s="418"/>
    </row>
    <row r="3369" spans="1:14" ht="42.75">
      <c r="A3369" s="563"/>
      <c r="B3369" s="484">
        <f t="shared" si="100"/>
        <v>156</v>
      </c>
      <c r="C3369" s="470" t="s">
        <v>34788</v>
      </c>
      <c r="D3369" s="547" t="s">
        <v>34789</v>
      </c>
      <c r="E3369" s="565" t="s">
        <v>643</v>
      </c>
      <c r="F3369" s="566" t="s">
        <v>600</v>
      </c>
      <c r="G3369" s="430"/>
      <c r="H3369" s="432"/>
      <c r="I3369" s="531"/>
      <c r="J3369" s="816"/>
      <c r="K3369" s="501"/>
      <c r="L3369" s="434">
        <v>44228</v>
      </c>
      <c r="M3369" s="434"/>
      <c r="N3369" s="418"/>
    </row>
    <row r="3370" spans="1:14" ht="99.75">
      <c r="A3370" s="563"/>
      <c r="B3370" s="484">
        <f t="shared" si="100"/>
        <v>156</v>
      </c>
      <c r="C3370" s="470" t="s">
        <v>34790</v>
      </c>
      <c r="D3370" s="547" t="s">
        <v>34791</v>
      </c>
      <c r="E3370" s="565" t="s">
        <v>643</v>
      </c>
      <c r="F3370" s="566" t="s">
        <v>600</v>
      </c>
      <c r="G3370" s="430"/>
      <c r="H3370" s="432"/>
      <c r="I3370" s="531"/>
      <c r="J3370" s="816"/>
      <c r="K3370" s="501"/>
      <c r="L3370" s="434">
        <v>44228</v>
      </c>
      <c r="M3370" s="434"/>
      <c r="N3370" s="418"/>
    </row>
    <row r="3371" spans="1:14" ht="128.25">
      <c r="A3371" s="563"/>
      <c r="B3371" s="484">
        <f t="shared" si="100"/>
        <v>156</v>
      </c>
      <c r="C3371" s="470" t="s">
        <v>34792</v>
      </c>
      <c r="D3371" s="547" t="s">
        <v>34793</v>
      </c>
      <c r="E3371" s="565" t="s">
        <v>643</v>
      </c>
      <c r="F3371" s="566" t="s">
        <v>600</v>
      </c>
      <c r="G3371" s="430"/>
      <c r="H3371" s="432"/>
      <c r="I3371" s="531"/>
      <c r="J3371" s="816"/>
      <c r="K3371" s="501"/>
      <c r="L3371" s="434">
        <v>44228</v>
      </c>
      <c r="M3371" s="434"/>
      <c r="N3371" s="418"/>
    </row>
    <row r="3372" spans="1:14" ht="114">
      <c r="A3372" s="563"/>
      <c r="B3372" s="484">
        <f t="shared" si="100"/>
        <v>156</v>
      </c>
      <c r="C3372" s="470" t="s">
        <v>34794</v>
      </c>
      <c r="D3372" s="547" t="s">
        <v>34795</v>
      </c>
      <c r="E3372" s="565" t="s">
        <v>643</v>
      </c>
      <c r="F3372" s="566" t="s">
        <v>600</v>
      </c>
      <c r="G3372" s="430"/>
      <c r="H3372" s="432"/>
      <c r="I3372" s="531"/>
      <c r="J3372" s="816"/>
      <c r="K3372" s="501"/>
      <c r="L3372" s="434">
        <v>44228</v>
      </c>
      <c r="M3372" s="434"/>
      <c r="N3372" s="418"/>
    </row>
    <row r="3373" spans="1:14" ht="28.5">
      <c r="A3373" s="563"/>
      <c r="B3373" s="484">
        <f t="shared" si="100"/>
        <v>156</v>
      </c>
      <c r="C3373" s="470" t="s">
        <v>34796</v>
      </c>
      <c r="D3373" s="547" t="s">
        <v>34797</v>
      </c>
      <c r="E3373" s="565" t="s">
        <v>643</v>
      </c>
      <c r="F3373" s="566" t="s">
        <v>600</v>
      </c>
      <c r="G3373" s="430"/>
      <c r="H3373" s="432"/>
      <c r="I3373" s="531"/>
      <c r="J3373" s="816"/>
      <c r="K3373" s="501"/>
      <c r="L3373" s="434">
        <v>44228</v>
      </c>
      <c r="M3373" s="434"/>
      <c r="N3373" s="418"/>
    </row>
    <row r="3374" spans="1:14" ht="57">
      <c r="A3374" s="563"/>
      <c r="B3374" s="484">
        <f t="shared" si="100"/>
        <v>156</v>
      </c>
      <c r="C3374" s="470" t="s">
        <v>34798</v>
      </c>
      <c r="D3374" s="547" t="s">
        <v>34799</v>
      </c>
      <c r="E3374" s="565" t="s">
        <v>643</v>
      </c>
      <c r="F3374" s="566" t="s">
        <v>600</v>
      </c>
      <c r="G3374" s="430"/>
      <c r="H3374" s="432"/>
      <c r="I3374" s="531"/>
      <c r="J3374" s="816"/>
      <c r="K3374" s="501"/>
      <c r="L3374" s="434">
        <v>44228</v>
      </c>
      <c r="M3374" s="434"/>
      <c r="N3374" s="418"/>
    </row>
    <row r="3375" spans="1:14" ht="57">
      <c r="A3375" s="563"/>
      <c r="B3375" s="484">
        <f t="shared" si="100"/>
        <v>156</v>
      </c>
      <c r="C3375" s="470" t="s">
        <v>34800</v>
      </c>
      <c r="D3375" s="547" t="s">
        <v>34801</v>
      </c>
      <c r="E3375" s="565" t="s">
        <v>643</v>
      </c>
      <c r="F3375" s="566" t="s">
        <v>600</v>
      </c>
      <c r="G3375" s="430"/>
      <c r="H3375" s="432"/>
      <c r="I3375" s="531"/>
      <c r="J3375" s="816"/>
      <c r="K3375" s="501"/>
      <c r="L3375" s="434">
        <v>44228</v>
      </c>
      <c r="M3375" s="434"/>
      <c r="N3375" s="418"/>
    </row>
    <row r="3376" spans="1:14" ht="42.75">
      <c r="A3376" s="563"/>
      <c r="B3376" s="484">
        <f t="shared" si="100"/>
        <v>156</v>
      </c>
      <c r="C3376" s="470" t="s">
        <v>34802</v>
      </c>
      <c r="D3376" s="547" t="s">
        <v>34803</v>
      </c>
      <c r="E3376" s="565" t="s">
        <v>643</v>
      </c>
      <c r="F3376" s="566" t="s">
        <v>600</v>
      </c>
      <c r="G3376" s="430"/>
      <c r="H3376" s="432"/>
      <c r="I3376" s="531"/>
      <c r="J3376" s="816"/>
      <c r="K3376" s="501"/>
      <c r="L3376" s="434">
        <v>44228</v>
      </c>
      <c r="M3376" s="434"/>
      <c r="N3376" s="418"/>
    </row>
    <row r="3377" spans="1:14" ht="42.75">
      <c r="A3377" s="563"/>
      <c r="B3377" s="484">
        <f t="shared" si="100"/>
        <v>156</v>
      </c>
      <c r="C3377" s="470" t="s">
        <v>34804</v>
      </c>
      <c r="D3377" s="547" t="s">
        <v>34805</v>
      </c>
      <c r="E3377" s="565" t="s">
        <v>643</v>
      </c>
      <c r="F3377" s="566" t="s">
        <v>600</v>
      </c>
      <c r="G3377" s="430"/>
      <c r="H3377" s="432"/>
      <c r="I3377" s="531"/>
      <c r="J3377" s="816"/>
      <c r="K3377" s="501"/>
      <c r="L3377" s="434">
        <v>44228</v>
      </c>
      <c r="M3377" s="434"/>
      <c r="N3377" s="418"/>
    </row>
    <row r="3378" spans="1:14" ht="15.75">
      <c r="A3378" s="563"/>
      <c r="B3378" s="484">
        <f t="shared" si="100"/>
        <v>156</v>
      </c>
      <c r="C3378" s="470" t="s">
        <v>34806</v>
      </c>
      <c r="D3378" s="547" t="s">
        <v>34807</v>
      </c>
      <c r="E3378" s="565" t="s">
        <v>643</v>
      </c>
      <c r="F3378" s="566" t="s">
        <v>600</v>
      </c>
      <c r="G3378" s="430"/>
      <c r="H3378" s="432"/>
      <c r="I3378" s="531"/>
      <c r="J3378" s="816"/>
      <c r="K3378" s="501"/>
      <c r="L3378" s="434">
        <v>44228</v>
      </c>
      <c r="M3378" s="434"/>
      <c r="N3378" s="418"/>
    </row>
    <row r="3379" spans="1:14" ht="42.75">
      <c r="A3379" s="563"/>
      <c r="B3379" s="484">
        <f t="shared" si="100"/>
        <v>156</v>
      </c>
      <c r="C3379" s="470" t="s">
        <v>34808</v>
      </c>
      <c r="D3379" s="547" t="s">
        <v>34809</v>
      </c>
      <c r="E3379" s="565" t="s">
        <v>643</v>
      </c>
      <c r="F3379" s="566" t="s">
        <v>600</v>
      </c>
      <c r="G3379" s="430"/>
      <c r="H3379" s="432"/>
      <c r="I3379" s="531"/>
      <c r="J3379" s="816"/>
      <c r="K3379" s="501"/>
      <c r="L3379" s="434">
        <v>44228</v>
      </c>
      <c r="M3379" s="434"/>
      <c r="N3379" s="418"/>
    </row>
    <row r="3380" spans="1:14" ht="57">
      <c r="A3380" s="563"/>
      <c r="B3380" s="484">
        <f t="shared" ref="B3380:B3443" si="101">IF(A3380&gt;0,A3380,B3379)</f>
        <v>156</v>
      </c>
      <c r="C3380" s="470" t="s">
        <v>34810</v>
      </c>
      <c r="D3380" s="547" t="s">
        <v>34811</v>
      </c>
      <c r="E3380" s="565" t="s">
        <v>643</v>
      </c>
      <c r="F3380" s="566" t="s">
        <v>600</v>
      </c>
      <c r="G3380" s="430"/>
      <c r="H3380" s="432"/>
      <c r="I3380" s="531"/>
      <c r="J3380" s="816"/>
      <c r="K3380" s="501"/>
      <c r="L3380" s="434">
        <v>44228</v>
      </c>
      <c r="M3380" s="434"/>
      <c r="N3380" s="418"/>
    </row>
    <row r="3381" spans="1:14" ht="42.75">
      <c r="A3381" s="563"/>
      <c r="B3381" s="484">
        <f t="shared" si="101"/>
        <v>156</v>
      </c>
      <c r="C3381" s="470" t="s">
        <v>34812</v>
      </c>
      <c r="D3381" s="547" t="s">
        <v>34813</v>
      </c>
      <c r="E3381" s="565" t="s">
        <v>643</v>
      </c>
      <c r="F3381" s="566" t="s">
        <v>600</v>
      </c>
      <c r="G3381" s="430"/>
      <c r="H3381" s="432"/>
      <c r="I3381" s="531"/>
      <c r="J3381" s="816"/>
      <c r="K3381" s="501"/>
      <c r="L3381" s="434">
        <v>44228</v>
      </c>
      <c r="M3381" s="434"/>
      <c r="N3381" s="418"/>
    </row>
    <row r="3382" spans="1:14" ht="42.75">
      <c r="A3382" s="563"/>
      <c r="B3382" s="484">
        <f t="shared" si="101"/>
        <v>156</v>
      </c>
      <c r="C3382" s="470" t="s">
        <v>34814</v>
      </c>
      <c r="D3382" s="547" t="s">
        <v>34815</v>
      </c>
      <c r="E3382" s="565" t="s">
        <v>643</v>
      </c>
      <c r="F3382" s="566" t="s">
        <v>600</v>
      </c>
      <c r="G3382" s="430"/>
      <c r="H3382" s="432"/>
      <c r="I3382" s="531"/>
      <c r="J3382" s="816"/>
      <c r="K3382" s="501"/>
      <c r="L3382" s="434">
        <v>44228</v>
      </c>
      <c r="M3382" s="434"/>
      <c r="N3382" s="418"/>
    </row>
    <row r="3383" spans="1:14" ht="42.75">
      <c r="A3383" s="563"/>
      <c r="B3383" s="484">
        <f t="shared" si="101"/>
        <v>156</v>
      </c>
      <c r="C3383" s="470" t="s">
        <v>34816</v>
      </c>
      <c r="D3383" s="547" t="s">
        <v>34817</v>
      </c>
      <c r="E3383" s="565" t="s">
        <v>643</v>
      </c>
      <c r="F3383" s="566" t="s">
        <v>600</v>
      </c>
      <c r="G3383" s="430"/>
      <c r="H3383" s="432"/>
      <c r="I3383" s="531"/>
      <c r="J3383" s="816"/>
      <c r="K3383" s="501"/>
      <c r="L3383" s="434">
        <v>44228</v>
      </c>
      <c r="M3383" s="434"/>
      <c r="N3383" s="418"/>
    </row>
    <row r="3384" spans="1:14" ht="71.25">
      <c r="A3384" s="563"/>
      <c r="B3384" s="484">
        <f t="shared" si="101"/>
        <v>156</v>
      </c>
      <c r="C3384" s="470" t="s">
        <v>34818</v>
      </c>
      <c r="D3384" s="547" t="s">
        <v>34819</v>
      </c>
      <c r="E3384" s="565" t="s">
        <v>643</v>
      </c>
      <c r="F3384" s="566" t="s">
        <v>600</v>
      </c>
      <c r="G3384" s="430"/>
      <c r="H3384" s="432"/>
      <c r="I3384" s="531"/>
      <c r="J3384" s="816"/>
      <c r="K3384" s="501"/>
      <c r="L3384" s="434">
        <v>44228</v>
      </c>
      <c r="M3384" s="434"/>
      <c r="N3384" s="418"/>
    </row>
    <row r="3385" spans="1:14" ht="71.25">
      <c r="A3385" s="563"/>
      <c r="B3385" s="484">
        <f t="shared" si="101"/>
        <v>156</v>
      </c>
      <c r="C3385" s="470" t="s">
        <v>34820</v>
      </c>
      <c r="D3385" s="547" t="s">
        <v>34821</v>
      </c>
      <c r="E3385" s="565" t="s">
        <v>643</v>
      </c>
      <c r="F3385" s="566" t="s">
        <v>600</v>
      </c>
      <c r="G3385" s="430"/>
      <c r="H3385" s="432"/>
      <c r="I3385" s="531"/>
      <c r="J3385" s="816"/>
      <c r="K3385" s="501"/>
      <c r="L3385" s="434">
        <v>44228</v>
      </c>
      <c r="M3385" s="434"/>
      <c r="N3385" s="418"/>
    </row>
    <row r="3386" spans="1:14" ht="42.75">
      <c r="A3386" s="563"/>
      <c r="B3386" s="484">
        <f t="shared" si="101"/>
        <v>156</v>
      </c>
      <c r="C3386" s="470" t="s">
        <v>34822</v>
      </c>
      <c r="D3386" s="547" t="s">
        <v>34823</v>
      </c>
      <c r="E3386" s="565" t="s">
        <v>643</v>
      </c>
      <c r="F3386" s="566" t="s">
        <v>600</v>
      </c>
      <c r="G3386" s="430"/>
      <c r="H3386" s="432"/>
      <c r="I3386" s="531"/>
      <c r="J3386" s="816"/>
      <c r="K3386" s="501"/>
      <c r="L3386" s="434">
        <v>44228</v>
      </c>
      <c r="M3386" s="434"/>
      <c r="N3386" s="418"/>
    </row>
    <row r="3387" spans="1:14" ht="28.5">
      <c r="A3387" s="563"/>
      <c r="B3387" s="484">
        <f t="shared" si="101"/>
        <v>156</v>
      </c>
      <c r="C3387" s="470" t="s">
        <v>34824</v>
      </c>
      <c r="D3387" s="547" t="s">
        <v>34825</v>
      </c>
      <c r="E3387" s="565" t="s">
        <v>643</v>
      </c>
      <c r="F3387" s="566" t="s">
        <v>600</v>
      </c>
      <c r="G3387" s="430"/>
      <c r="H3387" s="432"/>
      <c r="I3387" s="531"/>
      <c r="J3387" s="816"/>
      <c r="K3387" s="501"/>
      <c r="L3387" s="434">
        <v>44228</v>
      </c>
      <c r="M3387" s="434"/>
      <c r="N3387" s="418"/>
    </row>
    <row r="3388" spans="1:14" ht="42.75">
      <c r="A3388" s="563"/>
      <c r="B3388" s="484">
        <f t="shared" si="101"/>
        <v>156</v>
      </c>
      <c r="C3388" s="470" t="s">
        <v>34826</v>
      </c>
      <c r="D3388" s="547" t="s">
        <v>34827</v>
      </c>
      <c r="E3388" s="565" t="s">
        <v>643</v>
      </c>
      <c r="F3388" s="566" t="s">
        <v>600</v>
      </c>
      <c r="G3388" s="430"/>
      <c r="H3388" s="432"/>
      <c r="I3388" s="531"/>
      <c r="J3388" s="816"/>
      <c r="K3388" s="501"/>
      <c r="L3388" s="434">
        <v>44228</v>
      </c>
      <c r="M3388" s="434"/>
      <c r="N3388" s="418"/>
    </row>
    <row r="3389" spans="1:14" ht="28.5">
      <c r="A3389" s="563"/>
      <c r="B3389" s="484">
        <f t="shared" si="101"/>
        <v>156</v>
      </c>
      <c r="C3389" s="470" t="s">
        <v>34828</v>
      </c>
      <c r="D3389" s="430" t="s">
        <v>34829</v>
      </c>
      <c r="E3389" s="565" t="s">
        <v>643</v>
      </c>
      <c r="F3389" s="566" t="s">
        <v>600</v>
      </c>
      <c r="G3389" s="430"/>
      <c r="H3389" s="432"/>
      <c r="I3389" s="531"/>
      <c r="J3389" s="816"/>
      <c r="K3389" s="501"/>
      <c r="L3389" s="434">
        <v>44228</v>
      </c>
      <c r="M3389" s="434"/>
      <c r="N3389" s="418"/>
    </row>
    <row r="3390" spans="1:14" ht="57">
      <c r="A3390" s="563"/>
      <c r="B3390" s="484">
        <f t="shared" si="101"/>
        <v>156</v>
      </c>
      <c r="C3390" s="470" t="s">
        <v>34830</v>
      </c>
      <c r="D3390" s="547" t="s">
        <v>34831</v>
      </c>
      <c r="E3390" s="565" t="s">
        <v>643</v>
      </c>
      <c r="F3390" s="566" t="s">
        <v>600</v>
      </c>
      <c r="G3390" s="430"/>
      <c r="H3390" s="432"/>
      <c r="I3390" s="531"/>
      <c r="J3390" s="816"/>
      <c r="K3390" s="501"/>
      <c r="L3390" s="434">
        <v>44228</v>
      </c>
      <c r="M3390" s="434"/>
      <c r="N3390" s="418"/>
    </row>
    <row r="3391" spans="1:14" ht="28.5">
      <c r="A3391" s="563"/>
      <c r="B3391" s="484">
        <f t="shared" si="101"/>
        <v>156</v>
      </c>
      <c r="C3391" s="470" t="s">
        <v>34832</v>
      </c>
      <c r="D3391" s="547" t="s">
        <v>34833</v>
      </c>
      <c r="E3391" s="565" t="s">
        <v>643</v>
      </c>
      <c r="F3391" s="566" t="s">
        <v>600</v>
      </c>
      <c r="G3391" s="430"/>
      <c r="H3391" s="432"/>
      <c r="I3391" s="531"/>
      <c r="J3391" s="816"/>
      <c r="K3391" s="501"/>
      <c r="L3391" s="434">
        <v>44228</v>
      </c>
      <c r="M3391" s="434"/>
      <c r="N3391" s="418"/>
    </row>
    <row r="3392" spans="1:14" ht="28.5">
      <c r="A3392" s="563"/>
      <c r="B3392" s="484">
        <f t="shared" si="101"/>
        <v>156</v>
      </c>
      <c r="C3392" s="470" t="s">
        <v>34834</v>
      </c>
      <c r="D3392" s="547" t="s">
        <v>34835</v>
      </c>
      <c r="E3392" s="565" t="s">
        <v>643</v>
      </c>
      <c r="F3392" s="566" t="s">
        <v>600</v>
      </c>
      <c r="G3392" s="430"/>
      <c r="H3392" s="432"/>
      <c r="I3392" s="531"/>
      <c r="J3392" s="816"/>
      <c r="K3392" s="501"/>
      <c r="L3392" s="434">
        <v>44228</v>
      </c>
      <c r="M3392" s="434"/>
      <c r="N3392" s="418"/>
    </row>
    <row r="3393" spans="1:14" ht="85.5">
      <c r="A3393" s="563"/>
      <c r="B3393" s="484">
        <f t="shared" si="101"/>
        <v>156</v>
      </c>
      <c r="C3393" s="470" t="s">
        <v>34836</v>
      </c>
      <c r="D3393" s="547" t="s">
        <v>34837</v>
      </c>
      <c r="E3393" s="565" t="s">
        <v>643</v>
      </c>
      <c r="F3393" s="566" t="s">
        <v>600</v>
      </c>
      <c r="G3393" s="430"/>
      <c r="H3393" s="432"/>
      <c r="I3393" s="531"/>
      <c r="J3393" s="816"/>
      <c r="K3393" s="501"/>
      <c r="L3393" s="434">
        <v>44228</v>
      </c>
      <c r="M3393" s="434"/>
      <c r="N3393" s="418"/>
    </row>
    <row r="3394" spans="1:14" ht="71.25">
      <c r="A3394" s="563"/>
      <c r="B3394" s="484">
        <f t="shared" si="101"/>
        <v>156</v>
      </c>
      <c r="C3394" s="470" t="s">
        <v>34838</v>
      </c>
      <c r="D3394" s="547" t="s">
        <v>34839</v>
      </c>
      <c r="E3394" s="565" t="s">
        <v>643</v>
      </c>
      <c r="F3394" s="566" t="s">
        <v>600</v>
      </c>
      <c r="G3394" s="430"/>
      <c r="H3394" s="432"/>
      <c r="I3394" s="531"/>
      <c r="J3394" s="816"/>
      <c r="K3394" s="501"/>
      <c r="L3394" s="434">
        <v>44228</v>
      </c>
      <c r="M3394" s="434"/>
      <c r="N3394" s="418"/>
    </row>
    <row r="3395" spans="1:14" ht="28.5">
      <c r="A3395" s="563"/>
      <c r="B3395" s="484">
        <f t="shared" si="101"/>
        <v>156</v>
      </c>
      <c r="C3395" s="470" t="s">
        <v>34840</v>
      </c>
      <c r="D3395" s="547" t="s">
        <v>34841</v>
      </c>
      <c r="E3395" s="565" t="s">
        <v>643</v>
      </c>
      <c r="F3395" s="566" t="s">
        <v>600</v>
      </c>
      <c r="G3395" s="430"/>
      <c r="H3395" s="432"/>
      <c r="I3395" s="531"/>
      <c r="J3395" s="816"/>
      <c r="K3395" s="501"/>
      <c r="L3395" s="434">
        <v>44228</v>
      </c>
      <c r="M3395" s="434"/>
      <c r="N3395" s="418"/>
    </row>
    <row r="3396" spans="1:14" ht="42.75">
      <c r="A3396" s="563"/>
      <c r="B3396" s="484">
        <f t="shared" si="101"/>
        <v>156</v>
      </c>
      <c r="C3396" s="470" t="s">
        <v>34842</v>
      </c>
      <c r="D3396" s="547" t="s">
        <v>34843</v>
      </c>
      <c r="E3396" s="565" t="s">
        <v>643</v>
      </c>
      <c r="F3396" s="566" t="s">
        <v>600</v>
      </c>
      <c r="G3396" s="430"/>
      <c r="H3396" s="432"/>
      <c r="I3396" s="531"/>
      <c r="J3396" s="816"/>
      <c r="K3396" s="501"/>
      <c r="L3396" s="434">
        <v>44228</v>
      </c>
      <c r="M3396" s="434"/>
      <c r="N3396" s="418"/>
    </row>
    <row r="3397" spans="1:14" ht="28.5">
      <c r="A3397" s="563"/>
      <c r="B3397" s="484">
        <f t="shared" si="101"/>
        <v>156</v>
      </c>
      <c r="C3397" s="470" t="s">
        <v>34844</v>
      </c>
      <c r="D3397" s="547" t="s">
        <v>34845</v>
      </c>
      <c r="E3397" s="565" t="s">
        <v>643</v>
      </c>
      <c r="F3397" s="566" t="s">
        <v>600</v>
      </c>
      <c r="G3397" s="430"/>
      <c r="H3397" s="432"/>
      <c r="I3397" s="531"/>
      <c r="J3397" s="816"/>
      <c r="K3397" s="501"/>
      <c r="L3397" s="434">
        <v>44228</v>
      </c>
      <c r="M3397" s="434"/>
      <c r="N3397" s="418"/>
    </row>
    <row r="3398" spans="1:14" ht="42.75">
      <c r="A3398" s="563"/>
      <c r="B3398" s="484">
        <f t="shared" si="101"/>
        <v>156</v>
      </c>
      <c r="C3398" s="470" t="s">
        <v>34846</v>
      </c>
      <c r="D3398" s="547" t="s">
        <v>34847</v>
      </c>
      <c r="E3398" s="565" t="s">
        <v>643</v>
      </c>
      <c r="F3398" s="566" t="s">
        <v>600</v>
      </c>
      <c r="G3398" s="430"/>
      <c r="H3398" s="432"/>
      <c r="I3398" s="531"/>
      <c r="J3398" s="816"/>
      <c r="K3398" s="501"/>
      <c r="L3398" s="434">
        <v>44228</v>
      </c>
      <c r="M3398" s="434"/>
      <c r="N3398" s="418"/>
    </row>
    <row r="3399" spans="1:14" ht="42.75">
      <c r="A3399" s="563"/>
      <c r="B3399" s="484">
        <f t="shared" si="101"/>
        <v>156</v>
      </c>
      <c r="C3399" s="470" t="s">
        <v>34848</v>
      </c>
      <c r="D3399" s="547" t="s">
        <v>34849</v>
      </c>
      <c r="E3399" s="565" t="s">
        <v>643</v>
      </c>
      <c r="F3399" s="566" t="s">
        <v>600</v>
      </c>
      <c r="G3399" s="430"/>
      <c r="H3399" s="432"/>
      <c r="I3399" s="531"/>
      <c r="J3399" s="816"/>
      <c r="K3399" s="501"/>
      <c r="L3399" s="434">
        <v>44228</v>
      </c>
      <c r="M3399" s="434"/>
      <c r="N3399" s="418"/>
    </row>
    <row r="3400" spans="1:14" ht="28.5">
      <c r="A3400" s="563"/>
      <c r="B3400" s="484">
        <f t="shared" si="101"/>
        <v>156</v>
      </c>
      <c r="C3400" s="470" t="s">
        <v>34850</v>
      </c>
      <c r="D3400" s="547" t="s">
        <v>34851</v>
      </c>
      <c r="E3400" s="565" t="s">
        <v>643</v>
      </c>
      <c r="F3400" s="566" t="s">
        <v>600</v>
      </c>
      <c r="G3400" s="430"/>
      <c r="H3400" s="432"/>
      <c r="I3400" s="531"/>
      <c r="J3400" s="816"/>
      <c r="K3400" s="501"/>
      <c r="L3400" s="434">
        <v>44228</v>
      </c>
      <c r="M3400" s="434"/>
      <c r="N3400" s="418"/>
    </row>
    <row r="3401" spans="1:14" ht="28.5">
      <c r="A3401" s="563"/>
      <c r="B3401" s="484">
        <f t="shared" si="101"/>
        <v>156</v>
      </c>
      <c r="C3401" s="470" t="s">
        <v>34852</v>
      </c>
      <c r="D3401" s="547" t="s">
        <v>34853</v>
      </c>
      <c r="E3401" s="565" t="s">
        <v>643</v>
      </c>
      <c r="F3401" s="566" t="s">
        <v>600</v>
      </c>
      <c r="G3401" s="430"/>
      <c r="H3401" s="432"/>
      <c r="I3401" s="531"/>
      <c r="J3401" s="816"/>
      <c r="K3401" s="501"/>
      <c r="L3401" s="434">
        <v>44228</v>
      </c>
      <c r="M3401" s="434"/>
      <c r="N3401" s="418"/>
    </row>
    <row r="3402" spans="1:14" ht="57">
      <c r="A3402" s="563"/>
      <c r="B3402" s="484">
        <f t="shared" si="101"/>
        <v>156</v>
      </c>
      <c r="C3402" s="470" t="s">
        <v>34854</v>
      </c>
      <c r="D3402" s="547" t="s">
        <v>34855</v>
      </c>
      <c r="E3402" s="565" t="s">
        <v>643</v>
      </c>
      <c r="F3402" s="566" t="s">
        <v>600</v>
      </c>
      <c r="G3402" s="430"/>
      <c r="H3402" s="432"/>
      <c r="I3402" s="531"/>
      <c r="J3402" s="816"/>
      <c r="K3402" s="501"/>
      <c r="L3402" s="434">
        <v>44228</v>
      </c>
      <c r="M3402" s="434"/>
      <c r="N3402" s="418"/>
    </row>
    <row r="3403" spans="1:14" ht="42.75">
      <c r="A3403" s="563"/>
      <c r="B3403" s="484">
        <f t="shared" si="101"/>
        <v>156</v>
      </c>
      <c r="C3403" s="470" t="s">
        <v>34856</v>
      </c>
      <c r="D3403" s="547" t="s">
        <v>34857</v>
      </c>
      <c r="E3403" s="565" t="s">
        <v>643</v>
      </c>
      <c r="F3403" s="566" t="s">
        <v>600</v>
      </c>
      <c r="G3403" s="430"/>
      <c r="H3403" s="432"/>
      <c r="I3403" s="531"/>
      <c r="J3403" s="816"/>
      <c r="K3403" s="501"/>
      <c r="L3403" s="434">
        <v>44228</v>
      </c>
      <c r="M3403" s="434"/>
      <c r="N3403" s="418"/>
    </row>
    <row r="3404" spans="1:14" ht="57">
      <c r="A3404" s="563"/>
      <c r="B3404" s="484">
        <f t="shared" si="101"/>
        <v>156</v>
      </c>
      <c r="C3404" s="470" t="s">
        <v>34858</v>
      </c>
      <c r="D3404" s="547" t="s">
        <v>34859</v>
      </c>
      <c r="E3404" s="565" t="s">
        <v>643</v>
      </c>
      <c r="F3404" s="566" t="s">
        <v>600</v>
      </c>
      <c r="G3404" s="430"/>
      <c r="H3404" s="432"/>
      <c r="I3404" s="531"/>
      <c r="J3404" s="816"/>
      <c r="K3404" s="501"/>
      <c r="L3404" s="434">
        <v>44228</v>
      </c>
      <c r="M3404" s="434"/>
      <c r="N3404" s="418"/>
    </row>
    <row r="3405" spans="1:14" ht="57">
      <c r="A3405" s="563"/>
      <c r="B3405" s="484">
        <f t="shared" si="101"/>
        <v>156</v>
      </c>
      <c r="C3405" s="470" t="s">
        <v>34860</v>
      </c>
      <c r="D3405" s="547" t="s">
        <v>34861</v>
      </c>
      <c r="E3405" s="565" t="s">
        <v>643</v>
      </c>
      <c r="F3405" s="566" t="s">
        <v>600</v>
      </c>
      <c r="G3405" s="430"/>
      <c r="H3405" s="432"/>
      <c r="I3405" s="531"/>
      <c r="J3405" s="816"/>
      <c r="K3405" s="501"/>
      <c r="L3405" s="434">
        <v>44228</v>
      </c>
      <c r="M3405" s="434"/>
      <c r="N3405" s="418"/>
    </row>
    <row r="3406" spans="1:14" ht="57">
      <c r="A3406" s="563"/>
      <c r="B3406" s="484">
        <f t="shared" si="101"/>
        <v>156</v>
      </c>
      <c r="C3406" s="470" t="s">
        <v>34862</v>
      </c>
      <c r="D3406" s="547" t="s">
        <v>34863</v>
      </c>
      <c r="E3406" s="565" t="s">
        <v>643</v>
      </c>
      <c r="F3406" s="566" t="s">
        <v>600</v>
      </c>
      <c r="G3406" s="430"/>
      <c r="H3406" s="432"/>
      <c r="I3406" s="531"/>
      <c r="J3406" s="816"/>
      <c r="K3406" s="501"/>
      <c r="L3406" s="434">
        <v>44228</v>
      </c>
      <c r="M3406" s="434"/>
      <c r="N3406" s="418"/>
    </row>
    <row r="3407" spans="1:14" ht="15.75">
      <c r="A3407" s="563"/>
      <c r="B3407" s="484">
        <f t="shared" si="101"/>
        <v>156</v>
      </c>
      <c r="C3407" s="470" t="s">
        <v>34864</v>
      </c>
      <c r="D3407" s="547" t="s">
        <v>34865</v>
      </c>
      <c r="E3407" s="565" t="s">
        <v>643</v>
      </c>
      <c r="F3407" s="566" t="s">
        <v>600</v>
      </c>
      <c r="G3407" s="430"/>
      <c r="H3407" s="432"/>
      <c r="I3407" s="531"/>
      <c r="J3407" s="816"/>
      <c r="K3407" s="501"/>
      <c r="L3407" s="434">
        <v>44228</v>
      </c>
      <c r="M3407" s="434"/>
      <c r="N3407" s="418"/>
    </row>
    <row r="3408" spans="1:14" ht="42.75">
      <c r="A3408" s="563"/>
      <c r="B3408" s="484">
        <f t="shared" si="101"/>
        <v>156</v>
      </c>
      <c r="C3408" s="470" t="s">
        <v>34866</v>
      </c>
      <c r="D3408" s="547" t="s">
        <v>34867</v>
      </c>
      <c r="E3408" s="565" t="s">
        <v>643</v>
      </c>
      <c r="F3408" s="566" t="s">
        <v>600</v>
      </c>
      <c r="G3408" s="430"/>
      <c r="H3408" s="432"/>
      <c r="I3408" s="531"/>
      <c r="J3408" s="816"/>
      <c r="K3408" s="501"/>
      <c r="L3408" s="434">
        <v>44228</v>
      </c>
      <c r="M3408" s="434"/>
      <c r="N3408" s="418"/>
    </row>
    <row r="3409" spans="1:14" ht="42.75">
      <c r="A3409" s="563"/>
      <c r="B3409" s="484">
        <f t="shared" si="101"/>
        <v>156</v>
      </c>
      <c r="C3409" s="470" t="s">
        <v>34868</v>
      </c>
      <c r="D3409" s="547" t="s">
        <v>34869</v>
      </c>
      <c r="E3409" s="565" t="s">
        <v>643</v>
      </c>
      <c r="F3409" s="566" t="s">
        <v>600</v>
      </c>
      <c r="G3409" s="430"/>
      <c r="H3409" s="432"/>
      <c r="I3409" s="531"/>
      <c r="J3409" s="816"/>
      <c r="K3409" s="501"/>
      <c r="L3409" s="434">
        <v>44228</v>
      </c>
      <c r="M3409" s="434"/>
      <c r="N3409" s="418"/>
    </row>
    <row r="3410" spans="1:14" ht="57">
      <c r="A3410" s="563"/>
      <c r="B3410" s="484">
        <f t="shared" si="101"/>
        <v>156</v>
      </c>
      <c r="C3410" s="470" t="s">
        <v>34870</v>
      </c>
      <c r="D3410" s="547" t="s">
        <v>34871</v>
      </c>
      <c r="E3410" s="565" t="s">
        <v>643</v>
      </c>
      <c r="F3410" s="566" t="s">
        <v>600</v>
      </c>
      <c r="G3410" s="430"/>
      <c r="H3410" s="432"/>
      <c r="I3410" s="531"/>
      <c r="J3410" s="816"/>
      <c r="K3410" s="501"/>
      <c r="L3410" s="434">
        <v>44228</v>
      </c>
      <c r="M3410" s="434"/>
      <c r="N3410" s="418"/>
    </row>
    <row r="3411" spans="1:14" ht="57">
      <c r="A3411" s="563"/>
      <c r="B3411" s="484">
        <f t="shared" si="101"/>
        <v>156</v>
      </c>
      <c r="C3411" s="470" t="s">
        <v>34872</v>
      </c>
      <c r="D3411" s="547" t="s">
        <v>34873</v>
      </c>
      <c r="E3411" s="565" t="s">
        <v>643</v>
      </c>
      <c r="F3411" s="566" t="s">
        <v>600</v>
      </c>
      <c r="G3411" s="430"/>
      <c r="H3411" s="432"/>
      <c r="I3411" s="531"/>
      <c r="J3411" s="816"/>
      <c r="K3411" s="501"/>
      <c r="L3411" s="434">
        <v>44228</v>
      </c>
      <c r="M3411" s="434"/>
      <c r="N3411" s="418"/>
    </row>
    <row r="3412" spans="1:14" ht="57">
      <c r="A3412" s="563"/>
      <c r="B3412" s="484">
        <f t="shared" si="101"/>
        <v>156</v>
      </c>
      <c r="C3412" s="470" t="s">
        <v>34874</v>
      </c>
      <c r="D3412" s="547" t="s">
        <v>34875</v>
      </c>
      <c r="E3412" s="565" t="s">
        <v>643</v>
      </c>
      <c r="F3412" s="566" t="s">
        <v>600</v>
      </c>
      <c r="G3412" s="430"/>
      <c r="H3412" s="432"/>
      <c r="I3412" s="531"/>
      <c r="J3412" s="816"/>
      <c r="K3412" s="501"/>
      <c r="L3412" s="434">
        <v>44228</v>
      </c>
      <c r="M3412" s="434"/>
      <c r="N3412" s="418"/>
    </row>
    <row r="3413" spans="1:14" ht="57">
      <c r="A3413" s="563"/>
      <c r="B3413" s="484">
        <f t="shared" si="101"/>
        <v>156</v>
      </c>
      <c r="C3413" s="470" t="s">
        <v>34876</v>
      </c>
      <c r="D3413" s="547" t="s">
        <v>34877</v>
      </c>
      <c r="E3413" s="565" t="s">
        <v>643</v>
      </c>
      <c r="F3413" s="566" t="s">
        <v>600</v>
      </c>
      <c r="G3413" s="430"/>
      <c r="H3413" s="432"/>
      <c r="I3413" s="531"/>
      <c r="J3413" s="816"/>
      <c r="K3413" s="501"/>
      <c r="L3413" s="434">
        <v>44228</v>
      </c>
      <c r="M3413" s="434"/>
      <c r="N3413" s="418"/>
    </row>
    <row r="3414" spans="1:14" ht="57">
      <c r="A3414" s="563"/>
      <c r="B3414" s="484">
        <f t="shared" si="101"/>
        <v>156</v>
      </c>
      <c r="C3414" s="470" t="s">
        <v>34878</v>
      </c>
      <c r="D3414" s="547" t="s">
        <v>34879</v>
      </c>
      <c r="E3414" s="565" t="s">
        <v>643</v>
      </c>
      <c r="F3414" s="566" t="s">
        <v>600</v>
      </c>
      <c r="G3414" s="430"/>
      <c r="H3414" s="432"/>
      <c r="I3414" s="531"/>
      <c r="J3414" s="816"/>
      <c r="K3414" s="501"/>
      <c r="L3414" s="434">
        <v>44228</v>
      </c>
      <c r="M3414" s="434"/>
      <c r="N3414" s="418"/>
    </row>
    <row r="3415" spans="1:14" ht="71.25">
      <c r="A3415" s="563"/>
      <c r="B3415" s="484">
        <f t="shared" si="101"/>
        <v>156</v>
      </c>
      <c r="C3415" s="470" t="s">
        <v>34880</v>
      </c>
      <c r="D3415" s="547" t="s">
        <v>34881</v>
      </c>
      <c r="E3415" s="565" t="s">
        <v>643</v>
      </c>
      <c r="F3415" s="566" t="s">
        <v>600</v>
      </c>
      <c r="G3415" s="430"/>
      <c r="H3415" s="432"/>
      <c r="I3415" s="531"/>
      <c r="J3415" s="816"/>
      <c r="K3415" s="501"/>
      <c r="L3415" s="434">
        <v>44228</v>
      </c>
      <c r="M3415" s="434"/>
      <c r="N3415" s="418"/>
    </row>
    <row r="3416" spans="1:14" ht="28.5">
      <c r="A3416" s="563"/>
      <c r="B3416" s="484">
        <f t="shared" si="101"/>
        <v>156</v>
      </c>
      <c r="C3416" s="470" t="s">
        <v>34882</v>
      </c>
      <c r="D3416" s="547" t="s">
        <v>34883</v>
      </c>
      <c r="E3416" s="565" t="s">
        <v>643</v>
      </c>
      <c r="F3416" s="566" t="s">
        <v>600</v>
      </c>
      <c r="G3416" s="430"/>
      <c r="H3416" s="432"/>
      <c r="I3416" s="531"/>
      <c r="J3416" s="816"/>
      <c r="K3416" s="501"/>
      <c r="L3416" s="434">
        <v>44228</v>
      </c>
      <c r="M3416" s="434"/>
      <c r="N3416" s="418"/>
    </row>
    <row r="3417" spans="1:14" ht="42.75">
      <c r="A3417" s="563"/>
      <c r="B3417" s="484">
        <f t="shared" si="101"/>
        <v>156</v>
      </c>
      <c r="C3417" s="470" t="s">
        <v>34884</v>
      </c>
      <c r="D3417" s="547" t="s">
        <v>34885</v>
      </c>
      <c r="E3417" s="565" t="s">
        <v>643</v>
      </c>
      <c r="F3417" s="566" t="s">
        <v>600</v>
      </c>
      <c r="G3417" s="430"/>
      <c r="H3417" s="432"/>
      <c r="I3417" s="531"/>
      <c r="J3417" s="816"/>
      <c r="K3417" s="501"/>
      <c r="L3417" s="434">
        <v>44228</v>
      </c>
      <c r="M3417" s="434"/>
      <c r="N3417" s="418"/>
    </row>
    <row r="3418" spans="1:14" ht="42.75">
      <c r="A3418" s="563"/>
      <c r="B3418" s="484">
        <f t="shared" si="101"/>
        <v>156</v>
      </c>
      <c r="C3418" s="470" t="s">
        <v>34886</v>
      </c>
      <c r="D3418" s="547" t="s">
        <v>34887</v>
      </c>
      <c r="E3418" s="565" t="s">
        <v>643</v>
      </c>
      <c r="F3418" s="566" t="s">
        <v>600</v>
      </c>
      <c r="G3418" s="430"/>
      <c r="H3418" s="432"/>
      <c r="I3418" s="531"/>
      <c r="J3418" s="816"/>
      <c r="K3418" s="501"/>
      <c r="L3418" s="434">
        <v>44228</v>
      </c>
      <c r="M3418" s="434"/>
      <c r="N3418" s="418"/>
    </row>
    <row r="3419" spans="1:14" ht="42.75">
      <c r="A3419" s="563"/>
      <c r="B3419" s="484">
        <f t="shared" si="101"/>
        <v>156</v>
      </c>
      <c r="C3419" s="470" t="s">
        <v>34888</v>
      </c>
      <c r="D3419" s="547" t="s">
        <v>34889</v>
      </c>
      <c r="E3419" s="565" t="s">
        <v>643</v>
      </c>
      <c r="F3419" s="566" t="s">
        <v>600</v>
      </c>
      <c r="G3419" s="430"/>
      <c r="H3419" s="432"/>
      <c r="I3419" s="531"/>
      <c r="J3419" s="816"/>
      <c r="K3419" s="501"/>
      <c r="L3419" s="434">
        <v>44228</v>
      </c>
      <c r="M3419" s="434"/>
      <c r="N3419" s="418"/>
    </row>
    <row r="3420" spans="1:14" ht="42.75">
      <c r="A3420" s="563"/>
      <c r="B3420" s="484">
        <f t="shared" si="101"/>
        <v>156</v>
      </c>
      <c r="C3420" s="470" t="s">
        <v>34890</v>
      </c>
      <c r="D3420" s="547" t="s">
        <v>34891</v>
      </c>
      <c r="E3420" s="565" t="s">
        <v>643</v>
      </c>
      <c r="F3420" s="566" t="s">
        <v>600</v>
      </c>
      <c r="G3420" s="430"/>
      <c r="H3420" s="432"/>
      <c r="I3420" s="531"/>
      <c r="J3420" s="816"/>
      <c r="K3420" s="501"/>
      <c r="L3420" s="434">
        <v>44228</v>
      </c>
      <c r="M3420" s="434"/>
      <c r="N3420" s="418"/>
    </row>
    <row r="3421" spans="1:14" ht="42.75">
      <c r="A3421" s="563"/>
      <c r="B3421" s="484">
        <f t="shared" si="101"/>
        <v>156</v>
      </c>
      <c r="C3421" s="470" t="s">
        <v>34892</v>
      </c>
      <c r="D3421" s="547" t="s">
        <v>34893</v>
      </c>
      <c r="E3421" s="565" t="s">
        <v>643</v>
      </c>
      <c r="F3421" s="566" t="s">
        <v>600</v>
      </c>
      <c r="G3421" s="430"/>
      <c r="H3421" s="432"/>
      <c r="I3421" s="531"/>
      <c r="J3421" s="816"/>
      <c r="K3421" s="501"/>
      <c r="L3421" s="434">
        <v>44228</v>
      </c>
      <c r="M3421" s="434"/>
      <c r="N3421" s="418"/>
    </row>
    <row r="3422" spans="1:14" ht="28.5">
      <c r="A3422" s="563"/>
      <c r="B3422" s="484">
        <f t="shared" si="101"/>
        <v>156</v>
      </c>
      <c r="C3422" s="470" t="s">
        <v>34894</v>
      </c>
      <c r="D3422" s="547" t="s">
        <v>34895</v>
      </c>
      <c r="E3422" s="565" t="s">
        <v>643</v>
      </c>
      <c r="F3422" s="566" t="s">
        <v>600</v>
      </c>
      <c r="G3422" s="430"/>
      <c r="H3422" s="432"/>
      <c r="I3422" s="531"/>
      <c r="J3422" s="816"/>
      <c r="K3422" s="501"/>
      <c r="L3422" s="434">
        <v>44228</v>
      </c>
      <c r="M3422" s="434"/>
      <c r="N3422" s="418"/>
    </row>
    <row r="3423" spans="1:14" ht="15.75">
      <c r="A3423" s="563"/>
      <c r="B3423" s="484">
        <f t="shared" si="101"/>
        <v>156</v>
      </c>
      <c r="C3423" s="470" t="s">
        <v>34896</v>
      </c>
      <c r="D3423" s="547" t="s">
        <v>34897</v>
      </c>
      <c r="E3423" s="565" t="s">
        <v>643</v>
      </c>
      <c r="F3423" s="566" t="s">
        <v>600</v>
      </c>
      <c r="G3423" s="430"/>
      <c r="H3423" s="432"/>
      <c r="I3423" s="531"/>
      <c r="J3423" s="816"/>
      <c r="K3423" s="501"/>
      <c r="L3423" s="434">
        <v>44228</v>
      </c>
      <c r="M3423" s="434"/>
      <c r="N3423" s="418"/>
    </row>
    <row r="3424" spans="1:14" ht="28.5">
      <c r="A3424" s="563"/>
      <c r="B3424" s="484">
        <f t="shared" si="101"/>
        <v>156</v>
      </c>
      <c r="C3424" s="470" t="s">
        <v>34898</v>
      </c>
      <c r="D3424" s="547" t="s">
        <v>34899</v>
      </c>
      <c r="E3424" s="565" t="s">
        <v>643</v>
      </c>
      <c r="F3424" s="566" t="s">
        <v>600</v>
      </c>
      <c r="G3424" s="430"/>
      <c r="H3424" s="432"/>
      <c r="I3424" s="531"/>
      <c r="J3424" s="816"/>
      <c r="K3424" s="501"/>
      <c r="L3424" s="434">
        <v>44228</v>
      </c>
      <c r="M3424" s="434"/>
      <c r="N3424" s="418"/>
    </row>
    <row r="3425" spans="1:14" ht="42.75">
      <c r="A3425" s="563"/>
      <c r="B3425" s="484">
        <f t="shared" si="101"/>
        <v>156</v>
      </c>
      <c r="C3425" s="470" t="s">
        <v>34900</v>
      </c>
      <c r="D3425" s="547" t="s">
        <v>34901</v>
      </c>
      <c r="E3425" s="565" t="s">
        <v>643</v>
      </c>
      <c r="F3425" s="566" t="s">
        <v>600</v>
      </c>
      <c r="G3425" s="430"/>
      <c r="H3425" s="432"/>
      <c r="I3425" s="531"/>
      <c r="J3425" s="816"/>
      <c r="K3425" s="501"/>
      <c r="L3425" s="434">
        <v>44228</v>
      </c>
      <c r="M3425" s="434"/>
      <c r="N3425" s="418"/>
    </row>
    <row r="3426" spans="1:14" ht="28.5">
      <c r="A3426" s="563"/>
      <c r="B3426" s="484">
        <f t="shared" si="101"/>
        <v>156</v>
      </c>
      <c r="C3426" s="470" t="s">
        <v>34902</v>
      </c>
      <c r="D3426" s="547" t="s">
        <v>34903</v>
      </c>
      <c r="E3426" s="565" t="s">
        <v>643</v>
      </c>
      <c r="F3426" s="566" t="s">
        <v>600</v>
      </c>
      <c r="G3426" s="430"/>
      <c r="H3426" s="432"/>
      <c r="I3426" s="531"/>
      <c r="J3426" s="816"/>
      <c r="K3426" s="501"/>
      <c r="L3426" s="434">
        <v>44228</v>
      </c>
      <c r="M3426" s="434"/>
      <c r="N3426" s="418"/>
    </row>
    <row r="3427" spans="1:14" ht="28.5">
      <c r="A3427" s="563"/>
      <c r="B3427" s="484">
        <f t="shared" si="101"/>
        <v>156</v>
      </c>
      <c r="C3427" s="470" t="s">
        <v>34904</v>
      </c>
      <c r="D3427" s="547" t="s">
        <v>34905</v>
      </c>
      <c r="E3427" s="565" t="s">
        <v>643</v>
      </c>
      <c r="F3427" s="566" t="s">
        <v>600</v>
      </c>
      <c r="G3427" s="430"/>
      <c r="H3427" s="432"/>
      <c r="I3427" s="531"/>
      <c r="J3427" s="816"/>
      <c r="K3427" s="501"/>
      <c r="L3427" s="434">
        <v>44228</v>
      </c>
      <c r="M3427" s="434"/>
      <c r="N3427" s="418"/>
    </row>
    <row r="3428" spans="1:14" ht="42.75">
      <c r="A3428" s="563"/>
      <c r="B3428" s="484">
        <f t="shared" si="101"/>
        <v>156</v>
      </c>
      <c r="C3428" s="470" t="s">
        <v>34906</v>
      </c>
      <c r="D3428" s="547" t="s">
        <v>34907</v>
      </c>
      <c r="E3428" s="565" t="s">
        <v>643</v>
      </c>
      <c r="F3428" s="566" t="s">
        <v>600</v>
      </c>
      <c r="G3428" s="430"/>
      <c r="H3428" s="432"/>
      <c r="I3428" s="531"/>
      <c r="J3428" s="816"/>
      <c r="K3428" s="501"/>
      <c r="L3428" s="434">
        <v>44228</v>
      </c>
      <c r="M3428" s="434"/>
      <c r="N3428" s="418"/>
    </row>
    <row r="3429" spans="1:14" ht="15.75">
      <c r="A3429" s="563"/>
      <c r="B3429" s="484">
        <f t="shared" si="101"/>
        <v>156</v>
      </c>
      <c r="C3429" s="470" t="s">
        <v>34908</v>
      </c>
      <c r="D3429" s="547" t="s">
        <v>34909</v>
      </c>
      <c r="E3429" s="565" t="s">
        <v>643</v>
      </c>
      <c r="F3429" s="566" t="s">
        <v>600</v>
      </c>
      <c r="G3429" s="430"/>
      <c r="H3429" s="432"/>
      <c r="I3429" s="531"/>
      <c r="J3429" s="816"/>
      <c r="K3429" s="501"/>
      <c r="L3429" s="434">
        <v>44228</v>
      </c>
      <c r="M3429" s="434"/>
      <c r="N3429" s="418"/>
    </row>
    <row r="3430" spans="1:14" ht="15.75">
      <c r="A3430" s="563"/>
      <c r="B3430" s="484">
        <f t="shared" si="101"/>
        <v>156</v>
      </c>
      <c r="C3430" s="470" t="s">
        <v>34910</v>
      </c>
      <c r="D3430" s="547" t="s">
        <v>34911</v>
      </c>
      <c r="E3430" s="565" t="s">
        <v>643</v>
      </c>
      <c r="F3430" s="566" t="s">
        <v>600</v>
      </c>
      <c r="G3430" s="430"/>
      <c r="H3430" s="432"/>
      <c r="I3430" s="531"/>
      <c r="J3430" s="816"/>
      <c r="K3430" s="501"/>
      <c r="L3430" s="434">
        <v>44228</v>
      </c>
      <c r="M3430" s="434"/>
      <c r="N3430" s="418"/>
    </row>
    <row r="3431" spans="1:14" ht="28.5">
      <c r="A3431" s="563"/>
      <c r="B3431" s="484">
        <f t="shared" si="101"/>
        <v>156</v>
      </c>
      <c r="C3431" s="470" t="s">
        <v>34912</v>
      </c>
      <c r="D3431" s="547" t="s">
        <v>34913</v>
      </c>
      <c r="E3431" s="565" t="s">
        <v>643</v>
      </c>
      <c r="F3431" s="566" t="s">
        <v>600</v>
      </c>
      <c r="G3431" s="430"/>
      <c r="H3431" s="432"/>
      <c r="I3431" s="531"/>
      <c r="J3431" s="816"/>
      <c r="K3431" s="501"/>
      <c r="L3431" s="434">
        <v>44228</v>
      </c>
      <c r="M3431" s="434"/>
      <c r="N3431" s="418"/>
    </row>
    <row r="3432" spans="1:14" ht="28.5">
      <c r="A3432" s="563"/>
      <c r="B3432" s="484">
        <f t="shared" si="101"/>
        <v>156</v>
      </c>
      <c r="C3432" s="470" t="s">
        <v>34914</v>
      </c>
      <c r="D3432" s="547" t="s">
        <v>34915</v>
      </c>
      <c r="E3432" s="565" t="s">
        <v>643</v>
      </c>
      <c r="F3432" s="566" t="s">
        <v>600</v>
      </c>
      <c r="G3432" s="430"/>
      <c r="H3432" s="432"/>
      <c r="I3432" s="531"/>
      <c r="J3432" s="816"/>
      <c r="K3432" s="501"/>
      <c r="L3432" s="434">
        <v>44228</v>
      </c>
      <c r="M3432" s="434"/>
      <c r="N3432" s="418"/>
    </row>
    <row r="3433" spans="1:14" ht="15.75">
      <c r="A3433" s="563"/>
      <c r="B3433" s="484">
        <f t="shared" si="101"/>
        <v>156</v>
      </c>
      <c r="C3433" s="470" t="s">
        <v>34916</v>
      </c>
      <c r="D3433" s="547" t="s">
        <v>34917</v>
      </c>
      <c r="E3433" s="565" t="s">
        <v>643</v>
      </c>
      <c r="F3433" s="566" t="s">
        <v>600</v>
      </c>
      <c r="G3433" s="430"/>
      <c r="H3433" s="432"/>
      <c r="I3433" s="531"/>
      <c r="J3433" s="816"/>
      <c r="K3433" s="501"/>
      <c r="L3433" s="434">
        <v>44228</v>
      </c>
      <c r="M3433" s="434"/>
      <c r="N3433" s="418"/>
    </row>
    <row r="3434" spans="1:14" ht="57">
      <c r="A3434" s="563"/>
      <c r="B3434" s="484">
        <f t="shared" si="101"/>
        <v>156</v>
      </c>
      <c r="C3434" s="470" t="s">
        <v>34918</v>
      </c>
      <c r="D3434" s="547" t="s">
        <v>34919</v>
      </c>
      <c r="E3434" s="565" t="s">
        <v>643</v>
      </c>
      <c r="F3434" s="566" t="s">
        <v>600</v>
      </c>
      <c r="G3434" s="430"/>
      <c r="H3434" s="432"/>
      <c r="I3434" s="531"/>
      <c r="J3434" s="816"/>
      <c r="K3434" s="501"/>
      <c r="L3434" s="434">
        <v>44228</v>
      </c>
      <c r="M3434" s="434"/>
      <c r="N3434" s="418"/>
    </row>
    <row r="3435" spans="1:14" ht="15.75">
      <c r="A3435" s="563"/>
      <c r="B3435" s="484">
        <f t="shared" si="101"/>
        <v>156</v>
      </c>
      <c r="C3435" s="470" t="s">
        <v>34920</v>
      </c>
      <c r="D3435" s="547" t="s">
        <v>34921</v>
      </c>
      <c r="E3435" s="565" t="s">
        <v>643</v>
      </c>
      <c r="F3435" s="566" t="s">
        <v>600</v>
      </c>
      <c r="G3435" s="430"/>
      <c r="H3435" s="432"/>
      <c r="I3435" s="531"/>
      <c r="J3435" s="816"/>
      <c r="K3435" s="501"/>
      <c r="L3435" s="434">
        <v>44228</v>
      </c>
      <c r="M3435" s="434"/>
      <c r="N3435" s="418"/>
    </row>
    <row r="3436" spans="1:14" ht="15.75">
      <c r="A3436" s="563"/>
      <c r="B3436" s="484">
        <f t="shared" si="101"/>
        <v>156</v>
      </c>
      <c r="C3436" s="470" t="s">
        <v>34922</v>
      </c>
      <c r="D3436" s="547" t="s">
        <v>34923</v>
      </c>
      <c r="E3436" s="565" t="s">
        <v>643</v>
      </c>
      <c r="F3436" s="566" t="s">
        <v>600</v>
      </c>
      <c r="G3436" s="430"/>
      <c r="H3436" s="432"/>
      <c r="I3436" s="531"/>
      <c r="J3436" s="816"/>
      <c r="K3436" s="501"/>
      <c r="L3436" s="434">
        <v>44228</v>
      </c>
      <c r="M3436" s="434"/>
      <c r="N3436" s="418"/>
    </row>
    <row r="3437" spans="1:14" ht="28.5">
      <c r="A3437" s="563"/>
      <c r="B3437" s="484">
        <f t="shared" si="101"/>
        <v>156</v>
      </c>
      <c r="C3437" s="470" t="s">
        <v>34924</v>
      </c>
      <c r="D3437" s="547" t="s">
        <v>34925</v>
      </c>
      <c r="E3437" s="565" t="s">
        <v>643</v>
      </c>
      <c r="F3437" s="566" t="s">
        <v>600</v>
      </c>
      <c r="G3437" s="430"/>
      <c r="H3437" s="432"/>
      <c r="I3437" s="531"/>
      <c r="J3437" s="816"/>
      <c r="K3437" s="501"/>
      <c r="L3437" s="434">
        <v>44228</v>
      </c>
      <c r="M3437" s="434"/>
      <c r="N3437" s="418"/>
    </row>
    <row r="3438" spans="1:14" ht="28.5">
      <c r="A3438" s="563"/>
      <c r="B3438" s="484">
        <f t="shared" si="101"/>
        <v>156</v>
      </c>
      <c r="C3438" s="470" t="s">
        <v>34926</v>
      </c>
      <c r="D3438" s="547" t="s">
        <v>34927</v>
      </c>
      <c r="E3438" s="565" t="s">
        <v>643</v>
      </c>
      <c r="F3438" s="566" t="s">
        <v>600</v>
      </c>
      <c r="G3438" s="430"/>
      <c r="H3438" s="432"/>
      <c r="I3438" s="531"/>
      <c r="J3438" s="816"/>
      <c r="K3438" s="501"/>
      <c r="L3438" s="434">
        <v>44228</v>
      </c>
      <c r="M3438" s="434"/>
      <c r="N3438" s="418"/>
    </row>
    <row r="3439" spans="1:14" ht="28.5">
      <c r="A3439" s="563"/>
      <c r="B3439" s="484">
        <f t="shared" si="101"/>
        <v>156</v>
      </c>
      <c r="C3439" s="470" t="s">
        <v>34928</v>
      </c>
      <c r="D3439" s="547" t="s">
        <v>34929</v>
      </c>
      <c r="E3439" s="565" t="s">
        <v>643</v>
      </c>
      <c r="F3439" s="566" t="s">
        <v>600</v>
      </c>
      <c r="G3439" s="430"/>
      <c r="H3439" s="432"/>
      <c r="I3439" s="531"/>
      <c r="J3439" s="816"/>
      <c r="K3439" s="501"/>
      <c r="L3439" s="434">
        <v>44228</v>
      </c>
      <c r="M3439" s="434"/>
      <c r="N3439" s="418"/>
    </row>
    <row r="3440" spans="1:14" ht="15.75">
      <c r="A3440" s="563"/>
      <c r="B3440" s="484">
        <f t="shared" si="101"/>
        <v>156</v>
      </c>
      <c r="C3440" s="470" t="s">
        <v>34930</v>
      </c>
      <c r="D3440" s="547" t="s">
        <v>34931</v>
      </c>
      <c r="E3440" s="565" t="s">
        <v>643</v>
      </c>
      <c r="F3440" s="566" t="s">
        <v>600</v>
      </c>
      <c r="G3440" s="430"/>
      <c r="H3440" s="432"/>
      <c r="I3440" s="531"/>
      <c r="J3440" s="816"/>
      <c r="K3440" s="501"/>
      <c r="L3440" s="434">
        <v>44228</v>
      </c>
      <c r="M3440" s="434"/>
      <c r="N3440" s="418"/>
    </row>
    <row r="3441" spans="1:14" ht="42.75">
      <c r="A3441" s="563"/>
      <c r="B3441" s="484">
        <f t="shared" si="101"/>
        <v>156</v>
      </c>
      <c r="C3441" s="470" t="s">
        <v>34932</v>
      </c>
      <c r="D3441" s="547" t="s">
        <v>34933</v>
      </c>
      <c r="E3441" s="565" t="s">
        <v>643</v>
      </c>
      <c r="F3441" s="566" t="s">
        <v>600</v>
      </c>
      <c r="G3441" s="430"/>
      <c r="H3441" s="432"/>
      <c r="I3441" s="531"/>
      <c r="J3441" s="816"/>
      <c r="K3441" s="501"/>
      <c r="L3441" s="434">
        <v>44228</v>
      </c>
      <c r="M3441" s="434"/>
      <c r="N3441" s="418"/>
    </row>
    <row r="3442" spans="1:14" ht="15.75">
      <c r="A3442" s="563"/>
      <c r="B3442" s="484">
        <f t="shared" si="101"/>
        <v>156</v>
      </c>
      <c r="C3442" s="470" t="s">
        <v>34934</v>
      </c>
      <c r="D3442" s="547" t="s">
        <v>34935</v>
      </c>
      <c r="E3442" s="565" t="s">
        <v>643</v>
      </c>
      <c r="F3442" s="566" t="s">
        <v>600</v>
      </c>
      <c r="G3442" s="430"/>
      <c r="H3442" s="432"/>
      <c r="I3442" s="531"/>
      <c r="J3442" s="816"/>
      <c r="K3442" s="501"/>
      <c r="L3442" s="434">
        <v>44228</v>
      </c>
      <c r="M3442" s="434"/>
      <c r="N3442" s="418"/>
    </row>
    <row r="3443" spans="1:14" ht="28.5">
      <c r="A3443" s="563"/>
      <c r="B3443" s="484">
        <f t="shared" si="101"/>
        <v>156</v>
      </c>
      <c r="C3443" s="470" t="s">
        <v>34936</v>
      </c>
      <c r="D3443" s="547" t="s">
        <v>34937</v>
      </c>
      <c r="E3443" s="565" t="s">
        <v>643</v>
      </c>
      <c r="F3443" s="566" t="s">
        <v>600</v>
      </c>
      <c r="G3443" s="430"/>
      <c r="H3443" s="432"/>
      <c r="I3443" s="531"/>
      <c r="J3443" s="816"/>
      <c r="K3443" s="501"/>
      <c r="L3443" s="434">
        <v>44228</v>
      </c>
      <c r="M3443" s="434"/>
      <c r="N3443" s="418"/>
    </row>
    <row r="3444" spans="1:14" ht="28.5">
      <c r="A3444" s="563"/>
      <c r="B3444" s="484">
        <f t="shared" ref="B3444:B3507" si="102">IF(A3444&gt;0,A3444,B3443)</f>
        <v>156</v>
      </c>
      <c r="C3444" s="470" t="s">
        <v>34938</v>
      </c>
      <c r="D3444" s="547" t="s">
        <v>34939</v>
      </c>
      <c r="E3444" s="565" t="s">
        <v>643</v>
      </c>
      <c r="F3444" s="566" t="s">
        <v>600</v>
      </c>
      <c r="G3444" s="430"/>
      <c r="H3444" s="432"/>
      <c r="I3444" s="531"/>
      <c r="J3444" s="816"/>
      <c r="K3444" s="501"/>
      <c r="L3444" s="434">
        <v>44228</v>
      </c>
      <c r="M3444" s="434"/>
      <c r="N3444" s="418"/>
    </row>
    <row r="3445" spans="1:14" ht="28.5">
      <c r="A3445" s="563"/>
      <c r="B3445" s="484">
        <f t="shared" si="102"/>
        <v>156</v>
      </c>
      <c r="C3445" s="470" t="s">
        <v>34940</v>
      </c>
      <c r="D3445" s="547" t="s">
        <v>34941</v>
      </c>
      <c r="E3445" s="565" t="s">
        <v>643</v>
      </c>
      <c r="F3445" s="566" t="s">
        <v>600</v>
      </c>
      <c r="G3445" s="430"/>
      <c r="H3445" s="432"/>
      <c r="I3445" s="531"/>
      <c r="J3445" s="816"/>
      <c r="K3445" s="501"/>
      <c r="L3445" s="434">
        <v>44228</v>
      </c>
      <c r="M3445" s="434"/>
      <c r="N3445" s="418"/>
    </row>
    <row r="3446" spans="1:14" ht="28.5">
      <c r="A3446" s="563"/>
      <c r="B3446" s="484">
        <f t="shared" si="102"/>
        <v>156</v>
      </c>
      <c r="C3446" s="470" t="s">
        <v>34942</v>
      </c>
      <c r="D3446" s="547" t="s">
        <v>34943</v>
      </c>
      <c r="E3446" s="565" t="s">
        <v>643</v>
      </c>
      <c r="F3446" s="566" t="s">
        <v>600</v>
      </c>
      <c r="G3446" s="430"/>
      <c r="H3446" s="432"/>
      <c r="I3446" s="531"/>
      <c r="J3446" s="816"/>
      <c r="K3446" s="501"/>
      <c r="L3446" s="434">
        <v>44228</v>
      </c>
      <c r="M3446" s="434"/>
      <c r="N3446" s="418"/>
    </row>
    <row r="3447" spans="1:14" ht="28.5">
      <c r="A3447" s="563"/>
      <c r="B3447" s="484">
        <f t="shared" si="102"/>
        <v>156</v>
      </c>
      <c r="C3447" s="470" t="s">
        <v>34944</v>
      </c>
      <c r="D3447" s="547" t="s">
        <v>34945</v>
      </c>
      <c r="E3447" s="565" t="s">
        <v>643</v>
      </c>
      <c r="F3447" s="566" t="s">
        <v>600</v>
      </c>
      <c r="G3447" s="430"/>
      <c r="H3447" s="432"/>
      <c r="I3447" s="531"/>
      <c r="J3447" s="816"/>
      <c r="K3447" s="501"/>
      <c r="L3447" s="434">
        <v>44228</v>
      </c>
      <c r="M3447" s="434"/>
      <c r="N3447" s="418"/>
    </row>
    <row r="3448" spans="1:14" ht="42.75">
      <c r="A3448" s="563"/>
      <c r="B3448" s="484">
        <f t="shared" si="102"/>
        <v>156</v>
      </c>
      <c r="C3448" s="470" t="s">
        <v>34946</v>
      </c>
      <c r="D3448" s="547" t="s">
        <v>34947</v>
      </c>
      <c r="E3448" s="565" t="s">
        <v>643</v>
      </c>
      <c r="F3448" s="566" t="s">
        <v>600</v>
      </c>
      <c r="G3448" s="430"/>
      <c r="H3448" s="432"/>
      <c r="I3448" s="531"/>
      <c r="J3448" s="816"/>
      <c r="K3448" s="501"/>
      <c r="L3448" s="434">
        <v>44228</v>
      </c>
      <c r="M3448" s="434"/>
      <c r="N3448" s="418"/>
    </row>
    <row r="3449" spans="1:14" ht="28.5">
      <c r="A3449" s="563"/>
      <c r="B3449" s="484">
        <f t="shared" si="102"/>
        <v>156</v>
      </c>
      <c r="C3449" s="470" t="s">
        <v>34948</v>
      </c>
      <c r="D3449" s="547" t="s">
        <v>34949</v>
      </c>
      <c r="E3449" s="565" t="s">
        <v>643</v>
      </c>
      <c r="F3449" s="566" t="s">
        <v>600</v>
      </c>
      <c r="G3449" s="430"/>
      <c r="H3449" s="432"/>
      <c r="I3449" s="531"/>
      <c r="J3449" s="816"/>
      <c r="K3449" s="501"/>
      <c r="L3449" s="434">
        <v>44228</v>
      </c>
      <c r="M3449" s="434"/>
      <c r="N3449" s="418"/>
    </row>
    <row r="3450" spans="1:14" ht="28.5">
      <c r="A3450" s="563"/>
      <c r="B3450" s="484">
        <f t="shared" si="102"/>
        <v>156</v>
      </c>
      <c r="C3450" s="470" t="s">
        <v>34950</v>
      </c>
      <c r="D3450" s="547" t="s">
        <v>34951</v>
      </c>
      <c r="E3450" s="565" t="s">
        <v>643</v>
      </c>
      <c r="F3450" s="566" t="s">
        <v>600</v>
      </c>
      <c r="G3450" s="430"/>
      <c r="H3450" s="432"/>
      <c r="I3450" s="531"/>
      <c r="J3450" s="816"/>
      <c r="K3450" s="501"/>
      <c r="L3450" s="434">
        <v>44228</v>
      </c>
      <c r="M3450" s="434"/>
      <c r="N3450" s="418"/>
    </row>
    <row r="3451" spans="1:14" ht="28.5">
      <c r="A3451" s="563"/>
      <c r="B3451" s="484">
        <f t="shared" si="102"/>
        <v>156</v>
      </c>
      <c r="C3451" s="470" t="s">
        <v>34952</v>
      </c>
      <c r="D3451" s="547" t="s">
        <v>34953</v>
      </c>
      <c r="E3451" s="565" t="s">
        <v>643</v>
      </c>
      <c r="F3451" s="566" t="s">
        <v>600</v>
      </c>
      <c r="G3451" s="430"/>
      <c r="H3451" s="432"/>
      <c r="I3451" s="531"/>
      <c r="J3451" s="816"/>
      <c r="K3451" s="501"/>
      <c r="L3451" s="434">
        <v>44228</v>
      </c>
      <c r="M3451" s="434"/>
      <c r="N3451" s="418"/>
    </row>
    <row r="3452" spans="1:14" ht="28.5">
      <c r="A3452" s="563"/>
      <c r="B3452" s="484">
        <f t="shared" si="102"/>
        <v>156</v>
      </c>
      <c r="C3452" s="470" t="s">
        <v>34954</v>
      </c>
      <c r="D3452" s="547" t="s">
        <v>34955</v>
      </c>
      <c r="E3452" s="565" t="s">
        <v>643</v>
      </c>
      <c r="F3452" s="566" t="s">
        <v>600</v>
      </c>
      <c r="G3452" s="430"/>
      <c r="H3452" s="432"/>
      <c r="I3452" s="531"/>
      <c r="J3452" s="816"/>
      <c r="K3452" s="501"/>
      <c r="L3452" s="434">
        <v>44228</v>
      </c>
      <c r="M3452" s="434"/>
      <c r="N3452" s="418"/>
    </row>
    <row r="3453" spans="1:14" ht="85.5">
      <c r="A3453" s="563"/>
      <c r="B3453" s="484">
        <f t="shared" si="102"/>
        <v>156</v>
      </c>
      <c r="C3453" s="470" t="s">
        <v>34956</v>
      </c>
      <c r="D3453" s="547" t="s">
        <v>34957</v>
      </c>
      <c r="E3453" s="565" t="s">
        <v>643</v>
      </c>
      <c r="F3453" s="566" t="s">
        <v>600</v>
      </c>
      <c r="G3453" s="430"/>
      <c r="H3453" s="432"/>
      <c r="I3453" s="531"/>
      <c r="J3453" s="816"/>
      <c r="K3453" s="501"/>
      <c r="L3453" s="434">
        <v>44228</v>
      </c>
      <c r="M3453" s="434"/>
      <c r="N3453" s="418"/>
    </row>
    <row r="3454" spans="1:14" ht="15.75">
      <c r="A3454" s="563"/>
      <c r="B3454" s="484">
        <f t="shared" si="102"/>
        <v>156</v>
      </c>
      <c r="C3454" s="470" t="s">
        <v>34958</v>
      </c>
      <c r="D3454" s="547" t="s">
        <v>34959</v>
      </c>
      <c r="E3454" s="565" t="s">
        <v>643</v>
      </c>
      <c r="F3454" s="566" t="s">
        <v>600</v>
      </c>
      <c r="G3454" s="430"/>
      <c r="H3454" s="432"/>
      <c r="I3454" s="531"/>
      <c r="J3454" s="816"/>
      <c r="K3454" s="501"/>
      <c r="L3454" s="434">
        <v>44228</v>
      </c>
      <c r="M3454" s="434"/>
      <c r="N3454" s="418"/>
    </row>
    <row r="3455" spans="1:14" ht="28.5">
      <c r="A3455" s="563"/>
      <c r="B3455" s="484">
        <f t="shared" si="102"/>
        <v>156</v>
      </c>
      <c r="C3455" s="470" t="s">
        <v>34960</v>
      </c>
      <c r="D3455" s="547" t="s">
        <v>34961</v>
      </c>
      <c r="E3455" s="565" t="s">
        <v>643</v>
      </c>
      <c r="F3455" s="566" t="s">
        <v>600</v>
      </c>
      <c r="G3455" s="430"/>
      <c r="H3455" s="432"/>
      <c r="I3455" s="531"/>
      <c r="J3455" s="816"/>
      <c r="K3455" s="501"/>
      <c r="L3455" s="434">
        <v>44228</v>
      </c>
      <c r="M3455" s="434"/>
      <c r="N3455" s="418"/>
    </row>
    <row r="3456" spans="1:14" ht="57">
      <c r="A3456" s="563"/>
      <c r="B3456" s="484">
        <f t="shared" si="102"/>
        <v>156</v>
      </c>
      <c r="C3456" s="470" t="s">
        <v>34962</v>
      </c>
      <c r="D3456" s="547" t="s">
        <v>34963</v>
      </c>
      <c r="E3456" s="565" t="s">
        <v>643</v>
      </c>
      <c r="F3456" s="566" t="s">
        <v>600</v>
      </c>
      <c r="G3456" s="430"/>
      <c r="H3456" s="432"/>
      <c r="I3456" s="531"/>
      <c r="J3456" s="816"/>
      <c r="K3456" s="501"/>
      <c r="L3456" s="434">
        <v>44228</v>
      </c>
      <c r="M3456" s="434"/>
      <c r="N3456" s="418"/>
    </row>
    <row r="3457" spans="1:14" ht="28.5">
      <c r="A3457" s="563"/>
      <c r="B3457" s="484">
        <f t="shared" si="102"/>
        <v>156</v>
      </c>
      <c r="C3457" s="470" t="s">
        <v>34964</v>
      </c>
      <c r="D3457" s="547" t="s">
        <v>34965</v>
      </c>
      <c r="E3457" s="565" t="s">
        <v>643</v>
      </c>
      <c r="F3457" s="566" t="s">
        <v>600</v>
      </c>
      <c r="G3457" s="430"/>
      <c r="H3457" s="432"/>
      <c r="I3457" s="531"/>
      <c r="J3457" s="816"/>
      <c r="K3457" s="501"/>
      <c r="L3457" s="434">
        <v>44228</v>
      </c>
      <c r="M3457" s="434"/>
      <c r="N3457" s="418"/>
    </row>
    <row r="3458" spans="1:14" ht="42.75">
      <c r="A3458" s="563"/>
      <c r="B3458" s="484">
        <f t="shared" si="102"/>
        <v>156</v>
      </c>
      <c r="C3458" s="470" t="s">
        <v>34966</v>
      </c>
      <c r="D3458" s="547" t="s">
        <v>34967</v>
      </c>
      <c r="E3458" s="565" t="s">
        <v>643</v>
      </c>
      <c r="F3458" s="566" t="s">
        <v>600</v>
      </c>
      <c r="G3458" s="430"/>
      <c r="H3458" s="432"/>
      <c r="I3458" s="531"/>
      <c r="J3458" s="816"/>
      <c r="K3458" s="501"/>
      <c r="L3458" s="434">
        <v>44228</v>
      </c>
      <c r="M3458" s="434"/>
      <c r="N3458" s="418"/>
    </row>
    <row r="3459" spans="1:14" ht="42.75">
      <c r="A3459" s="563"/>
      <c r="B3459" s="484">
        <f t="shared" si="102"/>
        <v>156</v>
      </c>
      <c r="C3459" s="470" t="s">
        <v>34968</v>
      </c>
      <c r="D3459" s="547" t="s">
        <v>34969</v>
      </c>
      <c r="E3459" s="565" t="s">
        <v>643</v>
      </c>
      <c r="F3459" s="566" t="s">
        <v>600</v>
      </c>
      <c r="G3459" s="430"/>
      <c r="H3459" s="432"/>
      <c r="I3459" s="531"/>
      <c r="J3459" s="816"/>
      <c r="K3459" s="501"/>
      <c r="L3459" s="434">
        <v>44228</v>
      </c>
      <c r="M3459" s="434"/>
      <c r="N3459" s="418"/>
    </row>
    <row r="3460" spans="1:14" ht="42.75">
      <c r="A3460" s="563"/>
      <c r="B3460" s="484">
        <f t="shared" si="102"/>
        <v>156</v>
      </c>
      <c r="C3460" s="470" t="s">
        <v>34970</v>
      </c>
      <c r="D3460" s="547" t="s">
        <v>34971</v>
      </c>
      <c r="E3460" s="565" t="s">
        <v>643</v>
      </c>
      <c r="F3460" s="566" t="s">
        <v>600</v>
      </c>
      <c r="G3460" s="430"/>
      <c r="H3460" s="432"/>
      <c r="I3460" s="531"/>
      <c r="J3460" s="816"/>
      <c r="K3460" s="501"/>
      <c r="L3460" s="434">
        <v>44228</v>
      </c>
      <c r="M3460" s="434"/>
      <c r="N3460" s="418"/>
    </row>
    <row r="3461" spans="1:14" ht="28.5">
      <c r="A3461" s="563"/>
      <c r="B3461" s="484">
        <f t="shared" si="102"/>
        <v>156</v>
      </c>
      <c r="C3461" s="470" t="s">
        <v>34972</v>
      </c>
      <c r="D3461" s="547" t="s">
        <v>34973</v>
      </c>
      <c r="E3461" s="565" t="s">
        <v>643</v>
      </c>
      <c r="F3461" s="566" t="s">
        <v>600</v>
      </c>
      <c r="G3461" s="430"/>
      <c r="H3461" s="432"/>
      <c r="I3461" s="531"/>
      <c r="J3461" s="816"/>
      <c r="K3461" s="501"/>
      <c r="L3461" s="434">
        <v>44228</v>
      </c>
      <c r="M3461" s="434"/>
      <c r="N3461" s="418"/>
    </row>
    <row r="3462" spans="1:14" ht="71.25">
      <c r="A3462" s="563"/>
      <c r="B3462" s="484">
        <f t="shared" si="102"/>
        <v>156</v>
      </c>
      <c r="C3462" s="470" t="s">
        <v>34974</v>
      </c>
      <c r="D3462" s="547" t="s">
        <v>34975</v>
      </c>
      <c r="E3462" s="565" t="s">
        <v>643</v>
      </c>
      <c r="F3462" s="566" t="s">
        <v>600</v>
      </c>
      <c r="G3462" s="430"/>
      <c r="H3462" s="432"/>
      <c r="I3462" s="531"/>
      <c r="J3462" s="816"/>
      <c r="K3462" s="501"/>
      <c r="L3462" s="434">
        <v>44228</v>
      </c>
      <c r="M3462" s="434"/>
      <c r="N3462" s="418"/>
    </row>
    <row r="3463" spans="1:14" ht="28.5">
      <c r="A3463" s="563"/>
      <c r="B3463" s="484">
        <f t="shared" si="102"/>
        <v>156</v>
      </c>
      <c r="C3463" s="470" t="s">
        <v>34976</v>
      </c>
      <c r="D3463" s="547" t="s">
        <v>34977</v>
      </c>
      <c r="E3463" s="565" t="s">
        <v>643</v>
      </c>
      <c r="F3463" s="566" t="s">
        <v>600</v>
      </c>
      <c r="G3463" s="430"/>
      <c r="H3463" s="432"/>
      <c r="I3463" s="531"/>
      <c r="J3463" s="816"/>
      <c r="K3463" s="501"/>
      <c r="L3463" s="434">
        <v>44228</v>
      </c>
      <c r="M3463" s="434"/>
      <c r="N3463" s="418"/>
    </row>
    <row r="3464" spans="1:14" ht="28.5">
      <c r="A3464" s="563"/>
      <c r="B3464" s="484">
        <f t="shared" si="102"/>
        <v>156</v>
      </c>
      <c r="C3464" s="470" t="s">
        <v>34978</v>
      </c>
      <c r="D3464" s="547" t="s">
        <v>34979</v>
      </c>
      <c r="E3464" s="565" t="s">
        <v>643</v>
      </c>
      <c r="F3464" s="566" t="s">
        <v>600</v>
      </c>
      <c r="G3464" s="430"/>
      <c r="H3464" s="432"/>
      <c r="I3464" s="531"/>
      <c r="J3464" s="816"/>
      <c r="K3464" s="501"/>
      <c r="L3464" s="434">
        <v>44228</v>
      </c>
      <c r="M3464" s="434"/>
      <c r="N3464" s="418"/>
    </row>
    <row r="3465" spans="1:14" ht="28.5">
      <c r="A3465" s="563"/>
      <c r="B3465" s="484">
        <f t="shared" si="102"/>
        <v>156</v>
      </c>
      <c r="C3465" s="470" t="s">
        <v>34980</v>
      </c>
      <c r="D3465" s="547" t="s">
        <v>34981</v>
      </c>
      <c r="E3465" s="565" t="s">
        <v>643</v>
      </c>
      <c r="F3465" s="566" t="s">
        <v>600</v>
      </c>
      <c r="G3465" s="430"/>
      <c r="H3465" s="432"/>
      <c r="I3465" s="531"/>
      <c r="J3465" s="816"/>
      <c r="K3465" s="501"/>
      <c r="L3465" s="434">
        <v>44228</v>
      </c>
      <c r="M3465" s="434"/>
      <c r="N3465" s="418"/>
    </row>
    <row r="3466" spans="1:14" ht="28.5">
      <c r="A3466" s="563"/>
      <c r="B3466" s="484">
        <f t="shared" si="102"/>
        <v>156</v>
      </c>
      <c r="C3466" s="470" t="s">
        <v>34982</v>
      </c>
      <c r="D3466" s="547" t="s">
        <v>34983</v>
      </c>
      <c r="E3466" s="565" t="s">
        <v>643</v>
      </c>
      <c r="F3466" s="566" t="s">
        <v>600</v>
      </c>
      <c r="G3466" s="430"/>
      <c r="H3466" s="432"/>
      <c r="I3466" s="531"/>
      <c r="J3466" s="816"/>
      <c r="K3466" s="501"/>
      <c r="L3466" s="434">
        <v>44228</v>
      </c>
      <c r="M3466" s="434"/>
      <c r="N3466" s="418"/>
    </row>
    <row r="3467" spans="1:14" ht="28.5">
      <c r="A3467" s="563"/>
      <c r="B3467" s="484">
        <f t="shared" si="102"/>
        <v>156</v>
      </c>
      <c r="C3467" s="470" t="s">
        <v>34984</v>
      </c>
      <c r="D3467" s="547" t="s">
        <v>34985</v>
      </c>
      <c r="E3467" s="565" t="s">
        <v>643</v>
      </c>
      <c r="F3467" s="566" t="s">
        <v>600</v>
      </c>
      <c r="G3467" s="430"/>
      <c r="H3467" s="432"/>
      <c r="I3467" s="531"/>
      <c r="J3467" s="816"/>
      <c r="K3467" s="501"/>
      <c r="L3467" s="434">
        <v>44228</v>
      </c>
      <c r="M3467" s="434"/>
      <c r="N3467" s="418"/>
    </row>
    <row r="3468" spans="1:14" ht="28.5">
      <c r="A3468" s="563"/>
      <c r="B3468" s="484">
        <f t="shared" si="102"/>
        <v>156</v>
      </c>
      <c r="C3468" s="470" t="s">
        <v>34986</v>
      </c>
      <c r="D3468" s="547" t="s">
        <v>34987</v>
      </c>
      <c r="E3468" s="565" t="s">
        <v>643</v>
      </c>
      <c r="F3468" s="566" t="s">
        <v>600</v>
      </c>
      <c r="G3468" s="430"/>
      <c r="H3468" s="432"/>
      <c r="I3468" s="531"/>
      <c r="J3468" s="816"/>
      <c r="K3468" s="501"/>
      <c r="L3468" s="434">
        <v>44228</v>
      </c>
      <c r="M3468" s="434"/>
      <c r="N3468" s="418"/>
    </row>
    <row r="3469" spans="1:14" ht="28.5">
      <c r="A3469" s="563"/>
      <c r="B3469" s="484">
        <f t="shared" si="102"/>
        <v>156</v>
      </c>
      <c r="C3469" s="470" t="s">
        <v>34988</v>
      </c>
      <c r="D3469" s="547" t="s">
        <v>34989</v>
      </c>
      <c r="E3469" s="565" t="s">
        <v>643</v>
      </c>
      <c r="F3469" s="566" t="s">
        <v>600</v>
      </c>
      <c r="G3469" s="430"/>
      <c r="H3469" s="432"/>
      <c r="I3469" s="531"/>
      <c r="J3469" s="816"/>
      <c r="K3469" s="501"/>
      <c r="L3469" s="434">
        <v>44228</v>
      </c>
      <c r="M3469" s="434"/>
      <c r="N3469" s="418"/>
    </row>
    <row r="3470" spans="1:14" ht="28.5">
      <c r="A3470" s="563"/>
      <c r="B3470" s="484">
        <f t="shared" si="102"/>
        <v>156</v>
      </c>
      <c r="C3470" s="470" t="s">
        <v>34990</v>
      </c>
      <c r="D3470" s="547" t="s">
        <v>34991</v>
      </c>
      <c r="E3470" s="565" t="s">
        <v>643</v>
      </c>
      <c r="F3470" s="566" t="s">
        <v>600</v>
      </c>
      <c r="G3470" s="430"/>
      <c r="H3470" s="432"/>
      <c r="I3470" s="531"/>
      <c r="J3470" s="816"/>
      <c r="K3470" s="501"/>
      <c r="L3470" s="434">
        <v>44228</v>
      </c>
      <c r="M3470" s="434"/>
      <c r="N3470" s="418"/>
    </row>
    <row r="3471" spans="1:14" ht="57">
      <c r="A3471" s="563"/>
      <c r="B3471" s="484">
        <f t="shared" si="102"/>
        <v>156</v>
      </c>
      <c r="C3471" s="470" t="s">
        <v>34992</v>
      </c>
      <c r="D3471" s="547" t="s">
        <v>21689</v>
      </c>
      <c r="E3471" s="565" t="s">
        <v>643</v>
      </c>
      <c r="F3471" s="566" t="s">
        <v>600</v>
      </c>
      <c r="G3471" s="430"/>
      <c r="H3471" s="432"/>
      <c r="I3471" s="531"/>
      <c r="J3471" s="816"/>
      <c r="K3471" s="501"/>
      <c r="L3471" s="434">
        <v>44228</v>
      </c>
      <c r="M3471" s="434"/>
      <c r="N3471" s="418"/>
    </row>
    <row r="3472" spans="1:14" ht="28.5">
      <c r="A3472" s="563"/>
      <c r="B3472" s="484">
        <f t="shared" si="102"/>
        <v>156</v>
      </c>
      <c r="C3472" s="470" t="s">
        <v>34993</v>
      </c>
      <c r="D3472" s="547" t="s">
        <v>34994</v>
      </c>
      <c r="E3472" s="565" t="s">
        <v>643</v>
      </c>
      <c r="F3472" s="566" t="s">
        <v>600</v>
      </c>
      <c r="G3472" s="430"/>
      <c r="H3472" s="432"/>
      <c r="I3472" s="531"/>
      <c r="J3472" s="816"/>
      <c r="K3472" s="501"/>
      <c r="L3472" s="434">
        <v>44228</v>
      </c>
      <c r="M3472" s="434"/>
      <c r="N3472" s="418"/>
    </row>
    <row r="3473" spans="1:14" ht="42.75">
      <c r="A3473" s="563"/>
      <c r="B3473" s="484">
        <f t="shared" si="102"/>
        <v>156</v>
      </c>
      <c r="C3473" s="470" t="s">
        <v>34995</v>
      </c>
      <c r="D3473" s="547" t="s">
        <v>34996</v>
      </c>
      <c r="E3473" s="565" t="s">
        <v>643</v>
      </c>
      <c r="F3473" s="566" t="s">
        <v>600</v>
      </c>
      <c r="G3473" s="430"/>
      <c r="H3473" s="432"/>
      <c r="I3473" s="531"/>
      <c r="J3473" s="816"/>
      <c r="K3473" s="501"/>
      <c r="L3473" s="434">
        <v>44228</v>
      </c>
      <c r="M3473" s="434"/>
      <c r="N3473" s="418"/>
    </row>
    <row r="3474" spans="1:14" ht="28.5">
      <c r="A3474" s="563"/>
      <c r="B3474" s="484">
        <f t="shared" si="102"/>
        <v>156</v>
      </c>
      <c r="C3474" s="470" t="s">
        <v>34997</v>
      </c>
      <c r="D3474" s="547" t="s">
        <v>34998</v>
      </c>
      <c r="E3474" s="565" t="s">
        <v>643</v>
      </c>
      <c r="F3474" s="566" t="s">
        <v>600</v>
      </c>
      <c r="G3474" s="430"/>
      <c r="H3474" s="432"/>
      <c r="I3474" s="531"/>
      <c r="J3474" s="816"/>
      <c r="K3474" s="501"/>
      <c r="L3474" s="434">
        <v>44228</v>
      </c>
      <c r="M3474" s="434"/>
      <c r="N3474" s="418"/>
    </row>
    <row r="3475" spans="1:14" ht="42.75">
      <c r="A3475" s="563"/>
      <c r="B3475" s="484">
        <f t="shared" si="102"/>
        <v>156</v>
      </c>
      <c r="C3475" s="470" t="s">
        <v>34999</v>
      </c>
      <c r="D3475" s="547" t="s">
        <v>35000</v>
      </c>
      <c r="E3475" s="565" t="s">
        <v>643</v>
      </c>
      <c r="F3475" s="566" t="s">
        <v>600</v>
      </c>
      <c r="G3475" s="430"/>
      <c r="H3475" s="432"/>
      <c r="I3475" s="531"/>
      <c r="J3475" s="816"/>
      <c r="K3475" s="501"/>
      <c r="L3475" s="434">
        <v>44228</v>
      </c>
      <c r="M3475" s="434"/>
      <c r="N3475" s="418"/>
    </row>
    <row r="3476" spans="1:14" ht="57">
      <c r="A3476" s="563"/>
      <c r="B3476" s="484">
        <f t="shared" si="102"/>
        <v>156</v>
      </c>
      <c r="C3476" s="470" t="s">
        <v>35001</v>
      </c>
      <c r="D3476" s="547" t="s">
        <v>35002</v>
      </c>
      <c r="E3476" s="565" t="s">
        <v>643</v>
      </c>
      <c r="F3476" s="566" t="s">
        <v>600</v>
      </c>
      <c r="G3476" s="430"/>
      <c r="H3476" s="432"/>
      <c r="I3476" s="531"/>
      <c r="J3476" s="816"/>
      <c r="K3476" s="501"/>
      <c r="L3476" s="434">
        <v>44228</v>
      </c>
      <c r="M3476" s="434"/>
      <c r="N3476" s="418"/>
    </row>
    <row r="3477" spans="1:14" ht="57">
      <c r="A3477" s="563"/>
      <c r="B3477" s="484">
        <f t="shared" si="102"/>
        <v>156</v>
      </c>
      <c r="C3477" s="470" t="s">
        <v>35003</v>
      </c>
      <c r="D3477" s="547" t="s">
        <v>35004</v>
      </c>
      <c r="E3477" s="565" t="s">
        <v>643</v>
      </c>
      <c r="F3477" s="566" t="s">
        <v>600</v>
      </c>
      <c r="G3477" s="430"/>
      <c r="H3477" s="432"/>
      <c r="I3477" s="531"/>
      <c r="J3477" s="816"/>
      <c r="K3477" s="501"/>
      <c r="L3477" s="434">
        <v>44228</v>
      </c>
      <c r="M3477" s="434"/>
      <c r="N3477" s="418"/>
    </row>
    <row r="3478" spans="1:14" ht="28.5">
      <c r="A3478" s="563"/>
      <c r="B3478" s="484">
        <f t="shared" si="102"/>
        <v>156</v>
      </c>
      <c r="C3478" s="470" t="s">
        <v>35005</v>
      </c>
      <c r="D3478" s="547" t="s">
        <v>35006</v>
      </c>
      <c r="E3478" s="565" t="s">
        <v>643</v>
      </c>
      <c r="F3478" s="566" t="s">
        <v>600</v>
      </c>
      <c r="G3478" s="430"/>
      <c r="H3478" s="432"/>
      <c r="I3478" s="531"/>
      <c r="J3478" s="816"/>
      <c r="K3478" s="501"/>
      <c r="L3478" s="434">
        <v>44228</v>
      </c>
      <c r="M3478" s="434"/>
      <c r="N3478" s="418"/>
    </row>
    <row r="3479" spans="1:14" ht="15.75">
      <c r="A3479" s="563"/>
      <c r="B3479" s="484">
        <f t="shared" si="102"/>
        <v>156</v>
      </c>
      <c r="C3479" s="470" t="s">
        <v>35007</v>
      </c>
      <c r="D3479" s="547" t="s">
        <v>35008</v>
      </c>
      <c r="E3479" s="565" t="s">
        <v>643</v>
      </c>
      <c r="F3479" s="566" t="s">
        <v>600</v>
      </c>
      <c r="G3479" s="430"/>
      <c r="H3479" s="432"/>
      <c r="I3479" s="531"/>
      <c r="J3479" s="816"/>
      <c r="K3479" s="501"/>
      <c r="L3479" s="434">
        <v>44228</v>
      </c>
      <c r="M3479" s="434"/>
      <c r="N3479" s="418"/>
    </row>
    <row r="3480" spans="1:14" ht="42.75">
      <c r="A3480" s="563"/>
      <c r="B3480" s="484">
        <f t="shared" si="102"/>
        <v>156</v>
      </c>
      <c r="C3480" s="470" t="s">
        <v>35009</v>
      </c>
      <c r="D3480" s="547" t="s">
        <v>35010</v>
      </c>
      <c r="E3480" s="565" t="s">
        <v>643</v>
      </c>
      <c r="F3480" s="566" t="s">
        <v>600</v>
      </c>
      <c r="G3480" s="430"/>
      <c r="H3480" s="432"/>
      <c r="I3480" s="531"/>
      <c r="J3480" s="816"/>
      <c r="K3480" s="501"/>
      <c r="L3480" s="434">
        <v>44228</v>
      </c>
      <c r="M3480" s="434"/>
      <c r="N3480" s="418"/>
    </row>
    <row r="3481" spans="1:14" ht="28.5">
      <c r="A3481" s="563"/>
      <c r="B3481" s="484">
        <f t="shared" si="102"/>
        <v>156</v>
      </c>
      <c r="C3481" s="470" t="s">
        <v>35011</v>
      </c>
      <c r="D3481" s="547" t="s">
        <v>35012</v>
      </c>
      <c r="E3481" s="565" t="s">
        <v>643</v>
      </c>
      <c r="F3481" s="566" t="s">
        <v>600</v>
      </c>
      <c r="G3481" s="430"/>
      <c r="H3481" s="432"/>
      <c r="I3481" s="531"/>
      <c r="J3481" s="816"/>
      <c r="K3481" s="501"/>
      <c r="L3481" s="434">
        <v>44228</v>
      </c>
      <c r="M3481" s="434"/>
      <c r="N3481" s="418"/>
    </row>
    <row r="3482" spans="1:14" ht="15.75">
      <c r="A3482" s="563"/>
      <c r="B3482" s="484">
        <f t="shared" si="102"/>
        <v>156</v>
      </c>
      <c r="C3482" s="470" t="s">
        <v>35013</v>
      </c>
      <c r="D3482" s="547" t="s">
        <v>35014</v>
      </c>
      <c r="E3482" s="565" t="s">
        <v>643</v>
      </c>
      <c r="F3482" s="566" t="s">
        <v>600</v>
      </c>
      <c r="G3482" s="430"/>
      <c r="H3482" s="432"/>
      <c r="I3482" s="531"/>
      <c r="J3482" s="816"/>
      <c r="K3482" s="501"/>
      <c r="L3482" s="434">
        <v>44228</v>
      </c>
      <c r="M3482" s="434"/>
      <c r="N3482" s="418"/>
    </row>
    <row r="3483" spans="1:14" ht="28.5">
      <c r="A3483" s="563"/>
      <c r="B3483" s="484">
        <f t="shared" si="102"/>
        <v>156</v>
      </c>
      <c r="C3483" s="470" t="s">
        <v>35015</v>
      </c>
      <c r="D3483" s="547" t="s">
        <v>35016</v>
      </c>
      <c r="E3483" s="565" t="s">
        <v>643</v>
      </c>
      <c r="F3483" s="566" t="s">
        <v>600</v>
      </c>
      <c r="G3483" s="430"/>
      <c r="H3483" s="432"/>
      <c r="I3483" s="531"/>
      <c r="J3483" s="816"/>
      <c r="K3483" s="501"/>
      <c r="L3483" s="434">
        <v>44228</v>
      </c>
      <c r="M3483" s="434"/>
      <c r="N3483" s="418"/>
    </row>
    <row r="3484" spans="1:14" ht="42.75">
      <c r="A3484" s="563"/>
      <c r="B3484" s="484">
        <f t="shared" si="102"/>
        <v>156</v>
      </c>
      <c r="C3484" s="470" t="s">
        <v>35017</v>
      </c>
      <c r="D3484" s="547" t="s">
        <v>35018</v>
      </c>
      <c r="E3484" s="565" t="s">
        <v>643</v>
      </c>
      <c r="F3484" s="566" t="s">
        <v>600</v>
      </c>
      <c r="G3484" s="430"/>
      <c r="H3484" s="432"/>
      <c r="I3484" s="531"/>
      <c r="J3484" s="816"/>
      <c r="K3484" s="501"/>
      <c r="L3484" s="434">
        <v>44228</v>
      </c>
      <c r="M3484" s="434"/>
      <c r="N3484" s="418"/>
    </row>
    <row r="3485" spans="1:14" ht="42.75">
      <c r="A3485" s="563"/>
      <c r="B3485" s="484">
        <f t="shared" si="102"/>
        <v>156</v>
      </c>
      <c r="C3485" s="470" t="s">
        <v>35019</v>
      </c>
      <c r="D3485" s="547" t="s">
        <v>35020</v>
      </c>
      <c r="E3485" s="565" t="s">
        <v>643</v>
      </c>
      <c r="F3485" s="566" t="s">
        <v>600</v>
      </c>
      <c r="G3485" s="430"/>
      <c r="H3485" s="432"/>
      <c r="I3485" s="531"/>
      <c r="J3485" s="816"/>
      <c r="K3485" s="501"/>
      <c r="L3485" s="434">
        <v>44228</v>
      </c>
      <c r="M3485" s="434"/>
      <c r="N3485" s="418"/>
    </row>
    <row r="3486" spans="1:14" ht="42.75">
      <c r="A3486" s="563"/>
      <c r="B3486" s="484">
        <f t="shared" si="102"/>
        <v>156</v>
      </c>
      <c r="C3486" s="470" t="s">
        <v>35021</v>
      </c>
      <c r="D3486" s="547" t="s">
        <v>35022</v>
      </c>
      <c r="E3486" s="565" t="s">
        <v>643</v>
      </c>
      <c r="F3486" s="566" t="s">
        <v>600</v>
      </c>
      <c r="G3486" s="430"/>
      <c r="H3486" s="432"/>
      <c r="I3486" s="531"/>
      <c r="J3486" s="816"/>
      <c r="K3486" s="501"/>
      <c r="L3486" s="434">
        <v>44228</v>
      </c>
      <c r="M3486" s="434"/>
      <c r="N3486" s="418"/>
    </row>
    <row r="3487" spans="1:14" ht="42.75">
      <c r="A3487" s="563"/>
      <c r="B3487" s="484">
        <f t="shared" si="102"/>
        <v>156</v>
      </c>
      <c r="C3487" s="470" t="s">
        <v>35023</v>
      </c>
      <c r="D3487" s="547" t="s">
        <v>35024</v>
      </c>
      <c r="E3487" s="565" t="s">
        <v>643</v>
      </c>
      <c r="F3487" s="566" t="s">
        <v>600</v>
      </c>
      <c r="G3487" s="430"/>
      <c r="H3487" s="432"/>
      <c r="I3487" s="531"/>
      <c r="J3487" s="816"/>
      <c r="K3487" s="501"/>
      <c r="L3487" s="434">
        <v>44228</v>
      </c>
      <c r="M3487" s="434"/>
      <c r="N3487" s="418"/>
    </row>
    <row r="3488" spans="1:14" ht="42.75">
      <c r="A3488" s="563"/>
      <c r="B3488" s="484">
        <f t="shared" si="102"/>
        <v>156</v>
      </c>
      <c r="C3488" s="470" t="s">
        <v>35025</v>
      </c>
      <c r="D3488" s="547" t="s">
        <v>35026</v>
      </c>
      <c r="E3488" s="565" t="s">
        <v>643</v>
      </c>
      <c r="F3488" s="566" t="s">
        <v>600</v>
      </c>
      <c r="G3488" s="430"/>
      <c r="H3488" s="432"/>
      <c r="I3488" s="531"/>
      <c r="J3488" s="816"/>
      <c r="K3488" s="501"/>
      <c r="L3488" s="434">
        <v>44228</v>
      </c>
      <c r="M3488" s="434"/>
      <c r="N3488" s="418"/>
    </row>
    <row r="3489" spans="1:14" ht="42.75">
      <c r="A3489" s="563"/>
      <c r="B3489" s="484">
        <f t="shared" si="102"/>
        <v>156</v>
      </c>
      <c r="C3489" s="470" t="s">
        <v>35027</v>
      </c>
      <c r="D3489" s="547" t="s">
        <v>35028</v>
      </c>
      <c r="E3489" s="565" t="s">
        <v>643</v>
      </c>
      <c r="F3489" s="566" t="s">
        <v>600</v>
      </c>
      <c r="G3489" s="430"/>
      <c r="H3489" s="432"/>
      <c r="I3489" s="531"/>
      <c r="J3489" s="816"/>
      <c r="K3489" s="501"/>
      <c r="L3489" s="434">
        <v>44228</v>
      </c>
      <c r="M3489" s="434"/>
      <c r="N3489" s="418"/>
    </row>
    <row r="3490" spans="1:14" ht="42.75">
      <c r="A3490" s="563"/>
      <c r="B3490" s="484">
        <f t="shared" si="102"/>
        <v>156</v>
      </c>
      <c r="C3490" s="470" t="s">
        <v>35029</v>
      </c>
      <c r="D3490" s="547" t="s">
        <v>35030</v>
      </c>
      <c r="E3490" s="565" t="s">
        <v>643</v>
      </c>
      <c r="F3490" s="566" t="s">
        <v>600</v>
      </c>
      <c r="G3490" s="430"/>
      <c r="H3490" s="432"/>
      <c r="I3490" s="531"/>
      <c r="J3490" s="816"/>
      <c r="K3490" s="501"/>
      <c r="L3490" s="434">
        <v>44228</v>
      </c>
      <c r="M3490" s="434"/>
      <c r="N3490" s="418"/>
    </row>
    <row r="3491" spans="1:14" ht="28.5">
      <c r="A3491" s="563"/>
      <c r="B3491" s="484">
        <f t="shared" si="102"/>
        <v>156</v>
      </c>
      <c r="C3491" s="470" t="s">
        <v>35031</v>
      </c>
      <c r="D3491" s="547" t="s">
        <v>35032</v>
      </c>
      <c r="E3491" s="565" t="s">
        <v>643</v>
      </c>
      <c r="F3491" s="566" t="s">
        <v>600</v>
      </c>
      <c r="G3491" s="430"/>
      <c r="H3491" s="432"/>
      <c r="I3491" s="531"/>
      <c r="J3491" s="816"/>
      <c r="K3491" s="501"/>
      <c r="L3491" s="434">
        <v>44228</v>
      </c>
      <c r="M3491" s="434"/>
      <c r="N3491" s="418"/>
    </row>
    <row r="3492" spans="1:14" ht="28.5">
      <c r="A3492" s="563"/>
      <c r="B3492" s="484">
        <f t="shared" si="102"/>
        <v>156</v>
      </c>
      <c r="C3492" s="470" t="s">
        <v>35033</v>
      </c>
      <c r="D3492" s="547" t="s">
        <v>35034</v>
      </c>
      <c r="E3492" s="565" t="s">
        <v>643</v>
      </c>
      <c r="F3492" s="566" t="s">
        <v>600</v>
      </c>
      <c r="G3492" s="430"/>
      <c r="H3492" s="432"/>
      <c r="I3492" s="531"/>
      <c r="J3492" s="816"/>
      <c r="K3492" s="501"/>
      <c r="L3492" s="434">
        <v>44228</v>
      </c>
      <c r="M3492" s="434"/>
      <c r="N3492" s="418"/>
    </row>
    <row r="3493" spans="1:14" ht="28.5">
      <c r="A3493" s="563"/>
      <c r="B3493" s="484">
        <f t="shared" si="102"/>
        <v>156</v>
      </c>
      <c r="C3493" s="470" t="s">
        <v>35035</v>
      </c>
      <c r="D3493" s="547" t="s">
        <v>35036</v>
      </c>
      <c r="E3493" s="565" t="s">
        <v>643</v>
      </c>
      <c r="F3493" s="566" t="s">
        <v>600</v>
      </c>
      <c r="G3493" s="430"/>
      <c r="H3493" s="432"/>
      <c r="I3493" s="531"/>
      <c r="J3493" s="816"/>
      <c r="K3493" s="501"/>
      <c r="L3493" s="434">
        <v>44228</v>
      </c>
      <c r="M3493" s="434"/>
      <c r="N3493" s="418"/>
    </row>
    <row r="3494" spans="1:14" ht="42.75">
      <c r="A3494" s="563"/>
      <c r="B3494" s="484">
        <f t="shared" si="102"/>
        <v>156</v>
      </c>
      <c r="C3494" s="470" t="s">
        <v>35037</v>
      </c>
      <c r="D3494" s="547" t="s">
        <v>35038</v>
      </c>
      <c r="E3494" s="565" t="s">
        <v>643</v>
      </c>
      <c r="F3494" s="566" t="s">
        <v>600</v>
      </c>
      <c r="G3494" s="430"/>
      <c r="H3494" s="432"/>
      <c r="I3494" s="531"/>
      <c r="J3494" s="816"/>
      <c r="K3494" s="501"/>
      <c r="L3494" s="434">
        <v>44228</v>
      </c>
      <c r="M3494" s="434"/>
      <c r="N3494" s="418"/>
    </row>
    <row r="3495" spans="1:14" ht="28.5">
      <c r="A3495" s="563"/>
      <c r="B3495" s="484">
        <f t="shared" si="102"/>
        <v>156</v>
      </c>
      <c r="C3495" s="470" t="s">
        <v>35039</v>
      </c>
      <c r="D3495" s="547" t="s">
        <v>35040</v>
      </c>
      <c r="E3495" s="565" t="s">
        <v>643</v>
      </c>
      <c r="F3495" s="566" t="s">
        <v>600</v>
      </c>
      <c r="G3495" s="430"/>
      <c r="H3495" s="432"/>
      <c r="I3495" s="531"/>
      <c r="J3495" s="816"/>
      <c r="K3495" s="501"/>
      <c r="L3495" s="434">
        <v>44228</v>
      </c>
      <c r="M3495" s="434"/>
      <c r="N3495" s="418"/>
    </row>
    <row r="3496" spans="1:14" ht="42.75">
      <c r="A3496" s="563"/>
      <c r="B3496" s="484">
        <f t="shared" si="102"/>
        <v>156</v>
      </c>
      <c r="C3496" s="470" t="s">
        <v>35041</v>
      </c>
      <c r="D3496" s="547" t="s">
        <v>35042</v>
      </c>
      <c r="E3496" s="565" t="s">
        <v>643</v>
      </c>
      <c r="F3496" s="566" t="s">
        <v>600</v>
      </c>
      <c r="G3496" s="430"/>
      <c r="H3496" s="432"/>
      <c r="I3496" s="531"/>
      <c r="J3496" s="816"/>
      <c r="K3496" s="501"/>
      <c r="L3496" s="434">
        <v>44228</v>
      </c>
      <c r="M3496" s="434"/>
      <c r="N3496" s="418"/>
    </row>
    <row r="3497" spans="1:14" ht="42.75">
      <c r="A3497" s="563"/>
      <c r="B3497" s="484">
        <f t="shared" si="102"/>
        <v>156</v>
      </c>
      <c r="C3497" s="470" t="s">
        <v>35043</v>
      </c>
      <c r="D3497" s="547" t="s">
        <v>35044</v>
      </c>
      <c r="E3497" s="565" t="s">
        <v>643</v>
      </c>
      <c r="F3497" s="566" t="s">
        <v>600</v>
      </c>
      <c r="G3497" s="430"/>
      <c r="H3497" s="432"/>
      <c r="I3497" s="531"/>
      <c r="J3497" s="816"/>
      <c r="K3497" s="501"/>
      <c r="L3497" s="434">
        <v>44228</v>
      </c>
      <c r="M3497" s="434"/>
      <c r="N3497" s="418"/>
    </row>
    <row r="3498" spans="1:14" ht="28.5">
      <c r="A3498" s="563"/>
      <c r="B3498" s="484">
        <f t="shared" si="102"/>
        <v>156</v>
      </c>
      <c r="C3498" s="470" t="s">
        <v>35045</v>
      </c>
      <c r="D3498" s="547" t="s">
        <v>35046</v>
      </c>
      <c r="E3498" s="565" t="s">
        <v>643</v>
      </c>
      <c r="F3498" s="566" t="s">
        <v>600</v>
      </c>
      <c r="G3498" s="430"/>
      <c r="H3498" s="432"/>
      <c r="I3498" s="531"/>
      <c r="J3498" s="816"/>
      <c r="K3498" s="501"/>
      <c r="L3498" s="434">
        <v>44228</v>
      </c>
      <c r="M3498" s="434"/>
      <c r="N3498" s="418"/>
    </row>
    <row r="3499" spans="1:14" ht="199.5">
      <c r="A3499" s="563"/>
      <c r="B3499" s="484">
        <f t="shared" si="102"/>
        <v>156</v>
      </c>
      <c r="C3499" s="470" t="s">
        <v>35047</v>
      </c>
      <c r="D3499" s="547" t="s">
        <v>35048</v>
      </c>
      <c r="E3499" s="565" t="s">
        <v>643</v>
      </c>
      <c r="F3499" s="566" t="s">
        <v>600</v>
      </c>
      <c r="G3499" s="430"/>
      <c r="H3499" s="432"/>
      <c r="I3499" s="531"/>
      <c r="J3499" s="816"/>
      <c r="K3499" s="501"/>
      <c r="L3499" s="434">
        <v>44228</v>
      </c>
      <c r="M3499" s="434"/>
      <c r="N3499" s="418"/>
    </row>
    <row r="3500" spans="1:14" ht="213.75">
      <c r="A3500" s="563"/>
      <c r="B3500" s="484">
        <f t="shared" si="102"/>
        <v>156</v>
      </c>
      <c r="C3500" s="470" t="s">
        <v>35049</v>
      </c>
      <c r="D3500" s="547" t="s">
        <v>35050</v>
      </c>
      <c r="E3500" s="565" t="s">
        <v>643</v>
      </c>
      <c r="F3500" s="566" t="s">
        <v>600</v>
      </c>
      <c r="G3500" s="430"/>
      <c r="H3500" s="432"/>
      <c r="I3500" s="531"/>
      <c r="J3500" s="816"/>
      <c r="K3500" s="501"/>
      <c r="L3500" s="434">
        <v>44228</v>
      </c>
      <c r="M3500" s="434"/>
      <c r="N3500" s="418"/>
    </row>
    <row r="3501" spans="1:14" ht="42.75">
      <c r="A3501" s="563"/>
      <c r="B3501" s="484">
        <f t="shared" si="102"/>
        <v>156</v>
      </c>
      <c r="C3501" s="470" t="s">
        <v>35051</v>
      </c>
      <c r="D3501" s="547" t="s">
        <v>35052</v>
      </c>
      <c r="E3501" s="565" t="s">
        <v>643</v>
      </c>
      <c r="F3501" s="566" t="s">
        <v>600</v>
      </c>
      <c r="G3501" s="430"/>
      <c r="H3501" s="432"/>
      <c r="I3501" s="531"/>
      <c r="J3501" s="816"/>
      <c r="K3501" s="501"/>
      <c r="L3501" s="434">
        <v>44228</v>
      </c>
      <c r="M3501" s="434"/>
      <c r="N3501" s="418"/>
    </row>
    <row r="3502" spans="1:14" ht="42.75">
      <c r="A3502" s="563"/>
      <c r="B3502" s="484">
        <f t="shared" si="102"/>
        <v>156</v>
      </c>
      <c r="C3502" s="470" t="s">
        <v>35053</v>
      </c>
      <c r="D3502" s="547" t="s">
        <v>35054</v>
      </c>
      <c r="E3502" s="565" t="s">
        <v>643</v>
      </c>
      <c r="F3502" s="566" t="s">
        <v>600</v>
      </c>
      <c r="G3502" s="430"/>
      <c r="H3502" s="432"/>
      <c r="I3502" s="531"/>
      <c r="J3502" s="816"/>
      <c r="K3502" s="501"/>
      <c r="L3502" s="434">
        <v>44228</v>
      </c>
      <c r="M3502" s="434"/>
      <c r="N3502" s="418"/>
    </row>
    <row r="3503" spans="1:14" ht="15.75">
      <c r="A3503" s="563"/>
      <c r="B3503" s="484">
        <f t="shared" si="102"/>
        <v>156</v>
      </c>
      <c r="C3503" s="470" t="s">
        <v>35055</v>
      </c>
      <c r="D3503" s="547" t="s">
        <v>35056</v>
      </c>
      <c r="E3503" s="565" t="s">
        <v>643</v>
      </c>
      <c r="F3503" s="566" t="s">
        <v>600</v>
      </c>
      <c r="G3503" s="430"/>
      <c r="H3503" s="432"/>
      <c r="I3503" s="531"/>
      <c r="J3503" s="816"/>
      <c r="K3503" s="501"/>
      <c r="L3503" s="434">
        <v>44228</v>
      </c>
      <c r="M3503" s="434"/>
      <c r="N3503" s="418"/>
    </row>
    <row r="3504" spans="1:14" ht="128.25">
      <c r="A3504" s="563"/>
      <c r="B3504" s="484">
        <f t="shared" si="102"/>
        <v>156</v>
      </c>
      <c r="C3504" s="470" t="s">
        <v>35057</v>
      </c>
      <c r="D3504" s="547" t="s">
        <v>35058</v>
      </c>
      <c r="E3504" s="565" t="s">
        <v>643</v>
      </c>
      <c r="F3504" s="566" t="s">
        <v>600</v>
      </c>
      <c r="G3504" s="430"/>
      <c r="H3504" s="432"/>
      <c r="I3504" s="531"/>
      <c r="J3504" s="816"/>
      <c r="K3504" s="501"/>
      <c r="L3504" s="434">
        <v>44228</v>
      </c>
      <c r="M3504" s="434"/>
      <c r="N3504" s="418"/>
    </row>
    <row r="3505" spans="1:14" ht="156.75">
      <c r="A3505" s="563"/>
      <c r="B3505" s="484">
        <f t="shared" si="102"/>
        <v>156</v>
      </c>
      <c r="C3505" s="470" t="s">
        <v>35059</v>
      </c>
      <c r="D3505" s="547" t="s">
        <v>35060</v>
      </c>
      <c r="E3505" s="565" t="s">
        <v>643</v>
      </c>
      <c r="F3505" s="566" t="s">
        <v>600</v>
      </c>
      <c r="G3505" s="430"/>
      <c r="H3505" s="432"/>
      <c r="I3505" s="531"/>
      <c r="J3505" s="816"/>
      <c r="K3505" s="501"/>
      <c r="L3505" s="434">
        <v>44228</v>
      </c>
      <c r="M3505" s="434"/>
      <c r="N3505" s="418"/>
    </row>
    <row r="3506" spans="1:14" ht="199.5">
      <c r="A3506" s="563"/>
      <c r="B3506" s="484">
        <f t="shared" si="102"/>
        <v>156</v>
      </c>
      <c r="C3506" s="470" t="s">
        <v>35061</v>
      </c>
      <c r="D3506" s="547" t="s">
        <v>35062</v>
      </c>
      <c r="E3506" s="565" t="s">
        <v>643</v>
      </c>
      <c r="F3506" s="566" t="s">
        <v>600</v>
      </c>
      <c r="G3506" s="430"/>
      <c r="H3506" s="432"/>
      <c r="I3506" s="531"/>
      <c r="J3506" s="816"/>
      <c r="K3506" s="501"/>
      <c r="L3506" s="434">
        <v>44228</v>
      </c>
      <c r="M3506" s="434"/>
      <c r="N3506" s="418"/>
    </row>
    <row r="3507" spans="1:14" ht="171">
      <c r="A3507" s="563"/>
      <c r="B3507" s="484">
        <f t="shared" si="102"/>
        <v>156</v>
      </c>
      <c r="C3507" s="470" t="s">
        <v>35063</v>
      </c>
      <c r="D3507" s="547" t="s">
        <v>35064</v>
      </c>
      <c r="E3507" s="565" t="s">
        <v>643</v>
      </c>
      <c r="F3507" s="566" t="s">
        <v>600</v>
      </c>
      <c r="G3507" s="430"/>
      <c r="H3507" s="432"/>
      <c r="I3507" s="531"/>
      <c r="J3507" s="816"/>
      <c r="K3507" s="501"/>
      <c r="L3507" s="434">
        <v>44228</v>
      </c>
      <c r="M3507" s="434"/>
      <c r="N3507" s="418"/>
    </row>
    <row r="3508" spans="1:14" ht="57">
      <c r="A3508" s="563"/>
      <c r="B3508" s="484">
        <f t="shared" ref="B3508:B3571" si="103">IF(A3508&gt;0,A3508,B3507)</f>
        <v>156</v>
      </c>
      <c r="C3508" s="470" t="s">
        <v>35065</v>
      </c>
      <c r="D3508" s="547" t="s">
        <v>35066</v>
      </c>
      <c r="E3508" s="565" t="s">
        <v>643</v>
      </c>
      <c r="F3508" s="566" t="s">
        <v>600</v>
      </c>
      <c r="G3508" s="430"/>
      <c r="H3508" s="432"/>
      <c r="I3508" s="531"/>
      <c r="J3508" s="816"/>
      <c r="K3508" s="501"/>
      <c r="L3508" s="434">
        <v>44228</v>
      </c>
      <c r="M3508" s="434"/>
      <c r="N3508" s="418"/>
    </row>
    <row r="3509" spans="1:14" ht="42.75">
      <c r="A3509" s="563"/>
      <c r="B3509" s="484">
        <f t="shared" si="103"/>
        <v>156</v>
      </c>
      <c r="C3509" s="470" t="s">
        <v>35067</v>
      </c>
      <c r="D3509" s="547" t="s">
        <v>35068</v>
      </c>
      <c r="E3509" s="565" t="s">
        <v>643</v>
      </c>
      <c r="F3509" s="566" t="s">
        <v>600</v>
      </c>
      <c r="G3509" s="430"/>
      <c r="H3509" s="432"/>
      <c r="I3509" s="531"/>
      <c r="J3509" s="816"/>
      <c r="K3509" s="501"/>
      <c r="L3509" s="434">
        <v>44228</v>
      </c>
      <c r="M3509" s="434"/>
      <c r="N3509" s="418"/>
    </row>
    <row r="3510" spans="1:14" ht="156.75">
      <c r="A3510" s="563"/>
      <c r="B3510" s="484">
        <f t="shared" si="103"/>
        <v>156</v>
      </c>
      <c r="C3510" s="470" t="s">
        <v>35069</v>
      </c>
      <c r="D3510" s="547" t="s">
        <v>35070</v>
      </c>
      <c r="E3510" s="565" t="s">
        <v>643</v>
      </c>
      <c r="F3510" s="566" t="s">
        <v>600</v>
      </c>
      <c r="G3510" s="430"/>
      <c r="H3510" s="432"/>
      <c r="I3510" s="531"/>
      <c r="J3510" s="816"/>
      <c r="K3510" s="501"/>
      <c r="L3510" s="434">
        <v>44228</v>
      </c>
      <c r="M3510" s="434"/>
      <c r="N3510" s="418"/>
    </row>
    <row r="3511" spans="1:14" ht="42.75">
      <c r="A3511" s="563"/>
      <c r="B3511" s="484">
        <f t="shared" si="103"/>
        <v>156</v>
      </c>
      <c r="C3511" s="470" t="s">
        <v>35071</v>
      </c>
      <c r="D3511" s="547" t="s">
        <v>35072</v>
      </c>
      <c r="E3511" s="565" t="s">
        <v>643</v>
      </c>
      <c r="F3511" s="566" t="s">
        <v>600</v>
      </c>
      <c r="G3511" s="430"/>
      <c r="H3511" s="432"/>
      <c r="I3511" s="531"/>
      <c r="J3511" s="816"/>
      <c r="K3511" s="501"/>
      <c r="L3511" s="434">
        <v>44228</v>
      </c>
      <c r="M3511" s="434"/>
      <c r="N3511" s="418"/>
    </row>
    <row r="3512" spans="1:14" ht="57">
      <c r="A3512" s="563"/>
      <c r="B3512" s="484">
        <f t="shared" si="103"/>
        <v>156</v>
      </c>
      <c r="C3512" s="470" t="s">
        <v>35073</v>
      </c>
      <c r="D3512" s="547" t="s">
        <v>35074</v>
      </c>
      <c r="E3512" s="565" t="s">
        <v>643</v>
      </c>
      <c r="F3512" s="566" t="s">
        <v>600</v>
      </c>
      <c r="G3512" s="430"/>
      <c r="H3512" s="432"/>
      <c r="I3512" s="531"/>
      <c r="J3512" s="816"/>
      <c r="K3512" s="501"/>
      <c r="L3512" s="434">
        <v>44228</v>
      </c>
      <c r="M3512" s="434"/>
      <c r="N3512" s="418"/>
    </row>
    <row r="3513" spans="1:14" ht="15.75">
      <c r="A3513" s="563"/>
      <c r="B3513" s="484">
        <f t="shared" si="103"/>
        <v>156</v>
      </c>
      <c r="C3513" s="470" t="s">
        <v>35075</v>
      </c>
      <c r="D3513" s="547" t="s">
        <v>35076</v>
      </c>
      <c r="E3513" s="565" t="s">
        <v>643</v>
      </c>
      <c r="F3513" s="566" t="s">
        <v>600</v>
      </c>
      <c r="G3513" s="430"/>
      <c r="H3513" s="432"/>
      <c r="I3513" s="531"/>
      <c r="J3513" s="816"/>
      <c r="K3513" s="501"/>
      <c r="L3513" s="434">
        <v>44228</v>
      </c>
      <c r="M3513" s="434"/>
      <c r="N3513" s="418"/>
    </row>
    <row r="3514" spans="1:14" ht="42.75">
      <c r="A3514" s="563"/>
      <c r="B3514" s="484">
        <f t="shared" si="103"/>
        <v>156</v>
      </c>
      <c r="C3514" s="470" t="s">
        <v>35077</v>
      </c>
      <c r="D3514" s="547" t="s">
        <v>35078</v>
      </c>
      <c r="E3514" s="565" t="s">
        <v>643</v>
      </c>
      <c r="F3514" s="566" t="s">
        <v>600</v>
      </c>
      <c r="G3514" s="430"/>
      <c r="H3514" s="432"/>
      <c r="I3514" s="531"/>
      <c r="J3514" s="816"/>
      <c r="K3514" s="501"/>
      <c r="L3514" s="434">
        <v>44228</v>
      </c>
      <c r="M3514" s="434"/>
      <c r="N3514" s="418"/>
    </row>
    <row r="3515" spans="1:14" ht="42.75">
      <c r="A3515" s="563"/>
      <c r="B3515" s="484">
        <f t="shared" si="103"/>
        <v>156</v>
      </c>
      <c r="C3515" s="470" t="s">
        <v>35079</v>
      </c>
      <c r="D3515" s="547" t="s">
        <v>35080</v>
      </c>
      <c r="E3515" s="565" t="s">
        <v>643</v>
      </c>
      <c r="F3515" s="566" t="s">
        <v>600</v>
      </c>
      <c r="G3515" s="430"/>
      <c r="H3515" s="432"/>
      <c r="I3515" s="531"/>
      <c r="J3515" s="816"/>
      <c r="K3515" s="501"/>
      <c r="L3515" s="434">
        <v>44228</v>
      </c>
      <c r="M3515" s="434"/>
      <c r="N3515" s="418"/>
    </row>
    <row r="3516" spans="1:14" ht="42.75">
      <c r="A3516" s="563"/>
      <c r="B3516" s="484">
        <f t="shared" si="103"/>
        <v>156</v>
      </c>
      <c r="C3516" s="470" t="s">
        <v>35081</v>
      </c>
      <c r="D3516" s="547" t="s">
        <v>35082</v>
      </c>
      <c r="E3516" s="565" t="s">
        <v>643</v>
      </c>
      <c r="F3516" s="566" t="s">
        <v>600</v>
      </c>
      <c r="G3516" s="430"/>
      <c r="H3516" s="432"/>
      <c r="I3516" s="531"/>
      <c r="J3516" s="816"/>
      <c r="K3516" s="501"/>
      <c r="L3516" s="434">
        <v>44228</v>
      </c>
      <c r="M3516" s="434"/>
      <c r="N3516" s="418"/>
    </row>
    <row r="3517" spans="1:14" ht="57">
      <c r="A3517" s="563"/>
      <c r="B3517" s="484">
        <f t="shared" si="103"/>
        <v>156</v>
      </c>
      <c r="C3517" s="470" t="s">
        <v>35083</v>
      </c>
      <c r="D3517" s="547" t="s">
        <v>35084</v>
      </c>
      <c r="E3517" s="565" t="s">
        <v>643</v>
      </c>
      <c r="F3517" s="566" t="s">
        <v>600</v>
      </c>
      <c r="G3517" s="430"/>
      <c r="H3517" s="432"/>
      <c r="I3517" s="531"/>
      <c r="J3517" s="816"/>
      <c r="K3517" s="501"/>
      <c r="L3517" s="434">
        <v>44228</v>
      </c>
      <c r="M3517" s="434"/>
      <c r="N3517" s="418"/>
    </row>
    <row r="3518" spans="1:14" ht="42.75">
      <c r="A3518" s="563"/>
      <c r="B3518" s="484">
        <f t="shared" si="103"/>
        <v>156</v>
      </c>
      <c r="C3518" s="470" t="s">
        <v>35085</v>
      </c>
      <c r="D3518" s="547" t="s">
        <v>35086</v>
      </c>
      <c r="E3518" s="565" t="s">
        <v>643</v>
      </c>
      <c r="F3518" s="566" t="s">
        <v>600</v>
      </c>
      <c r="G3518" s="430"/>
      <c r="H3518" s="432"/>
      <c r="I3518" s="531"/>
      <c r="J3518" s="816"/>
      <c r="K3518" s="501"/>
      <c r="L3518" s="434">
        <v>44228</v>
      </c>
      <c r="M3518" s="434"/>
      <c r="N3518" s="418"/>
    </row>
    <row r="3519" spans="1:14" ht="28.5">
      <c r="A3519" s="563"/>
      <c r="B3519" s="484">
        <f t="shared" si="103"/>
        <v>156</v>
      </c>
      <c r="C3519" s="470" t="s">
        <v>35087</v>
      </c>
      <c r="D3519" s="547" t="s">
        <v>35088</v>
      </c>
      <c r="E3519" s="565" t="s">
        <v>643</v>
      </c>
      <c r="F3519" s="566" t="s">
        <v>600</v>
      </c>
      <c r="G3519" s="430"/>
      <c r="H3519" s="432"/>
      <c r="I3519" s="531"/>
      <c r="J3519" s="816"/>
      <c r="K3519" s="501"/>
      <c r="L3519" s="434">
        <v>44228</v>
      </c>
      <c r="M3519" s="434"/>
      <c r="N3519" s="418"/>
    </row>
    <row r="3520" spans="1:14" ht="71.25">
      <c r="A3520" s="563"/>
      <c r="B3520" s="484">
        <f t="shared" si="103"/>
        <v>156</v>
      </c>
      <c r="C3520" s="470" t="s">
        <v>35089</v>
      </c>
      <c r="D3520" s="547" t="s">
        <v>35090</v>
      </c>
      <c r="E3520" s="565" t="s">
        <v>643</v>
      </c>
      <c r="F3520" s="566" t="s">
        <v>600</v>
      </c>
      <c r="G3520" s="430"/>
      <c r="H3520" s="432"/>
      <c r="I3520" s="531"/>
      <c r="J3520" s="816"/>
      <c r="K3520" s="501"/>
      <c r="L3520" s="434">
        <v>44228</v>
      </c>
      <c r="M3520" s="434"/>
      <c r="N3520" s="418"/>
    </row>
    <row r="3521" spans="1:14" ht="28.5">
      <c r="A3521" s="563"/>
      <c r="B3521" s="484">
        <f t="shared" si="103"/>
        <v>156</v>
      </c>
      <c r="C3521" s="470" t="s">
        <v>35091</v>
      </c>
      <c r="D3521" s="547" t="s">
        <v>35092</v>
      </c>
      <c r="E3521" s="565" t="s">
        <v>643</v>
      </c>
      <c r="F3521" s="566" t="s">
        <v>600</v>
      </c>
      <c r="G3521" s="430"/>
      <c r="H3521" s="432"/>
      <c r="I3521" s="531"/>
      <c r="J3521" s="816"/>
      <c r="K3521" s="501"/>
      <c r="L3521" s="434">
        <v>44228</v>
      </c>
      <c r="M3521" s="434"/>
      <c r="N3521" s="418"/>
    </row>
    <row r="3522" spans="1:14" ht="15.75">
      <c r="A3522" s="563"/>
      <c r="B3522" s="484">
        <f t="shared" si="103"/>
        <v>156</v>
      </c>
      <c r="C3522" s="470" t="s">
        <v>35093</v>
      </c>
      <c r="D3522" s="547" t="s">
        <v>35094</v>
      </c>
      <c r="E3522" s="565" t="s">
        <v>643</v>
      </c>
      <c r="F3522" s="566" t="s">
        <v>600</v>
      </c>
      <c r="G3522" s="430"/>
      <c r="H3522" s="432"/>
      <c r="I3522" s="531"/>
      <c r="J3522" s="816"/>
      <c r="K3522" s="501"/>
      <c r="L3522" s="434">
        <v>44228</v>
      </c>
      <c r="M3522" s="434"/>
      <c r="N3522" s="418"/>
    </row>
    <row r="3523" spans="1:14" ht="42.75">
      <c r="A3523" s="563"/>
      <c r="B3523" s="484">
        <f t="shared" si="103"/>
        <v>156</v>
      </c>
      <c r="C3523" s="470" t="s">
        <v>35095</v>
      </c>
      <c r="D3523" s="547" t="s">
        <v>35096</v>
      </c>
      <c r="E3523" s="565" t="s">
        <v>643</v>
      </c>
      <c r="F3523" s="566" t="s">
        <v>600</v>
      </c>
      <c r="G3523" s="430"/>
      <c r="H3523" s="432"/>
      <c r="I3523" s="531"/>
      <c r="J3523" s="816"/>
      <c r="K3523" s="501"/>
      <c r="L3523" s="434">
        <v>44228</v>
      </c>
      <c r="M3523" s="434"/>
      <c r="N3523" s="418"/>
    </row>
    <row r="3524" spans="1:14" ht="28.5">
      <c r="A3524" s="563"/>
      <c r="B3524" s="484">
        <f t="shared" si="103"/>
        <v>156</v>
      </c>
      <c r="C3524" s="470" t="s">
        <v>35097</v>
      </c>
      <c r="D3524" s="547" t="s">
        <v>35098</v>
      </c>
      <c r="E3524" s="565" t="s">
        <v>643</v>
      </c>
      <c r="F3524" s="566" t="s">
        <v>600</v>
      </c>
      <c r="G3524" s="430"/>
      <c r="H3524" s="432"/>
      <c r="I3524" s="531"/>
      <c r="J3524" s="816"/>
      <c r="K3524" s="501"/>
      <c r="L3524" s="434">
        <v>44228</v>
      </c>
      <c r="M3524" s="434"/>
      <c r="N3524" s="418"/>
    </row>
    <row r="3525" spans="1:14" ht="28.5">
      <c r="A3525" s="563"/>
      <c r="B3525" s="484">
        <f t="shared" si="103"/>
        <v>156</v>
      </c>
      <c r="C3525" s="470" t="s">
        <v>35099</v>
      </c>
      <c r="D3525" s="547" t="s">
        <v>35100</v>
      </c>
      <c r="E3525" s="565" t="s">
        <v>643</v>
      </c>
      <c r="F3525" s="566" t="s">
        <v>600</v>
      </c>
      <c r="G3525" s="430"/>
      <c r="H3525" s="432"/>
      <c r="I3525" s="531"/>
      <c r="J3525" s="816"/>
      <c r="K3525" s="501"/>
      <c r="L3525" s="434">
        <v>44228</v>
      </c>
      <c r="M3525" s="434"/>
      <c r="N3525" s="418"/>
    </row>
    <row r="3526" spans="1:14" ht="28.5">
      <c r="A3526" s="563"/>
      <c r="B3526" s="484">
        <f t="shared" si="103"/>
        <v>156</v>
      </c>
      <c r="C3526" s="470" t="s">
        <v>35101</v>
      </c>
      <c r="D3526" s="547" t="s">
        <v>35102</v>
      </c>
      <c r="E3526" s="565" t="s">
        <v>643</v>
      </c>
      <c r="F3526" s="566" t="s">
        <v>600</v>
      </c>
      <c r="G3526" s="430"/>
      <c r="H3526" s="432"/>
      <c r="I3526" s="531"/>
      <c r="J3526" s="816"/>
      <c r="K3526" s="501"/>
      <c r="L3526" s="434">
        <v>44228</v>
      </c>
      <c r="M3526" s="434"/>
      <c r="N3526" s="418"/>
    </row>
    <row r="3527" spans="1:14" ht="57">
      <c r="A3527" s="563"/>
      <c r="B3527" s="484">
        <f t="shared" si="103"/>
        <v>156</v>
      </c>
      <c r="C3527" s="470" t="s">
        <v>35103</v>
      </c>
      <c r="D3527" s="547" t="s">
        <v>35104</v>
      </c>
      <c r="E3527" s="565" t="s">
        <v>643</v>
      </c>
      <c r="F3527" s="566" t="s">
        <v>600</v>
      </c>
      <c r="G3527" s="430"/>
      <c r="H3527" s="432"/>
      <c r="I3527" s="531"/>
      <c r="J3527" s="816"/>
      <c r="K3527" s="501"/>
      <c r="L3527" s="434">
        <v>44228</v>
      </c>
      <c r="M3527" s="434"/>
      <c r="N3527" s="418"/>
    </row>
    <row r="3528" spans="1:14" ht="28.5">
      <c r="A3528" s="563"/>
      <c r="B3528" s="484">
        <f t="shared" si="103"/>
        <v>156</v>
      </c>
      <c r="C3528" s="470" t="s">
        <v>35105</v>
      </c>
      <c r="D3528" s="547" t="s">
        <v>35106</v>
      </c>
      <c r="E3528" s="565" t="s">
        <v>643</v>
      </c>
      <c r="F3528" s="566" t="s">
        <v>600</v>
      </c>
      <c r="G3528" s="430"/>
      <c r="H3528" s="432"/>
      <c r="I3528" s="531"/>
      <c r="J3528" s="816"/>
      <c r="K3528" s="501"/>
      <c r="L3528" s="434">
        <v>44228</v>
      </c>
      <c r="M3528" s="434"/>
      <c r="N3528" s="418"/>
    </row>
    <row r="3529" spans="1:14" ht="57">
      <c r="A3529" s="563"/>
      <c r="B3529" s="484">
        <f t="shared" si="103"/>
        <v>156</v>
      </c>
      <c r="C3529" s="470" t="s">
        <v>35107</v>
      </c>
      <c r="D3529" s="547" t="s">
        <v>35108</v>
      </c>
      <c r="E3529" s="565" t="s">
        <v>643</v>
      </c>
      <c r="F3529" s="566" t="s">
        <v>600</v>
      </c>
      <c r="G3529" s="430"/>
      <c r="H3529" s="432"/>
      <c r="I3529" s="531"/>
      <c r="J3529" s="816"/>
      <c r="K3529" s="501"/>
      <c r="L3529" s="434">
        <v>44228</v>
      </c>
      <c r="M3529" s="434"/>
      <c r="N3529" s="418"/>
    </row>
    <row r="3530" spans="1:14" ht="42.75">
      <c r="A3530" s="563"/>
      <c r="B3530" s="484">
        <f t="shared" si="103"/>
        <v>156</v>
      </c>
      <c r="C3530" s="470" t="s">
        <v>35109</v>
      </c>
      <c r="D3530" s="547" t="s">
        <v>35110</v>
      </c>
      <c r="E3530" s="565" t="s">
        <v>643</v>
      </c>
      <c r="F3530" s="566" t="s">
        <v>600</v>
      </c>
      <c r="G3530" s="430"/>
      <c r="H3530" s="432"/>
      <c r="I3530" s="531"/>
      <c r="J3530" s="816"/>
      <c r="K3530" s="501"/>
      <c r="L3530" s="434">
        <v>44228</v>
      </c>
      <c r="M3530" s="434"/>
      <c r="N3530" s="418"/>
    </row>
    <row r="3531" spans="1:14" ht="28.5">
      <c r="A3531" s="563"/>
      <c r="B3531" s="484">
        <f t="shared" si="103"/>
        <v>156</v>
      </c>
      <c r="C3531" s="470" t="s">
        <v>35111</v>
      </c>
      <c r="D3531" s="547" t="s">
        <v>35112</v>
      </c>
      <c r="E3531" s="565" t="s">
        <v>643</v>
      </c>
      <c r="F3531" s="566" t="s">
        <v>600</v>
      </c>
      <c r="G3531" s="430"/>
      <c r="H3531" s="432"/>
      <c r="I3531" s="531"/>
      <c r="J3531" s="816"/>
      <c r="K3531" s="501"/>
      <c r="L3531" s="434">
        <v>44228</v>
      </c>
      <c r="M3531" s="434"/>
      <c r="N3531" s="418"/>
    </row>
    <row r="3532" spans="1:14" ht="15.75">
      <c r="A3532" s="563"/>
      <c r="B3532" s="484">
        <f t="shared" si="103"/>
        <v>156</v>
      </c>
      <c r="C3532" s="470" t="s">
        <v>35113</v>
      </c>
      <c r="D3532" s="547" t="s">
        <v>35114</v>
      </c>
      <c r="E3532" s="565" t="s">
        <v>643</v>
      </c>
      <c r="F3532" s="566" t="s">
        <v>600</v>
      </c>
      <c r="G3532" s="430"/>
      <c r="H3532" s="432"/>
      <c r="I3532" s="531"/>
      <c r="J3532" s="816"/>
      <c r="K3532" s="501"/>
      <c r="L3532" s="434">
        <v>44228</v>
      </c>
      <c r="M3532" s="434"/>
      <c r="N3532" s="418"/>
    </row>
    <row r="3533" spans="1:14" ht="128.25">
      <c r="A3533" s="563"/>
      <c r="B3533" s="484">
        <f t="shared" si="103"/>
        <v>156</v>
      </c>
      <c r="C3533" s="470" t="s">
        <v>35115</v>
      </c>
      <c r="D3533" s="547" t="s">
        <v>35116</v>
      </c>
      <c r="E3533" s="565" t="s">
        <v>643</v>
      </c>
      <c r="F3533" s="566" t="s">
        <v>600</v>
      </c>
      <c r="G3533" s="430"/>
      <c r="H3533" s="432"/>
      <c r="I3533" s="531"/>
      <c r="J3533" s="816"/>
      <c r="K3533" s="501"/>
      <c r="L3533" s="434">
        <v>44228</v>
      </c>
      <c r="M3533" s="434"/>
      <c r="N3533" s="418"/>
    </row>
    <row r="3534" spans="1:14" ht="114">
      <c r="A3534" s="563"/>
      <c r="B3534" s="484">
        <f t="shared" si="103"/>
        <v>156</v>
      </c>
      <c r="C3534" s="470" t="s">
        <v>35117</v>
      </c>
      <c r="D3534" s="547" t="s">
        <v>35118</v>
      </c>
      <c r="E3534" s="565" t="s">
        <v>643</v>
      </c>
      <c r="F3534" s="566" t="s">
        <v>600</v>
      </c>
      <c r="G3534" s="430"/>
      <c r="H3534" s="432"/>
      <c r="I3534" s="531"/>
      <c r="J3534" s="816"/>
      <c r="K3534" s="501"/>
      <c r="L3534" s="434">
        <v>44228</v>
      </c>
      <c r="M3534" s="434"/>
      <c r="N3534" s="418"/>
    </row>
    <row r="3535" spans="1:14" ht="42.75">
      <c r="A3535" s="563"/>
      <c r="B3535" s="484">
        <f t="shared" si="103"/>
        <v>156</v>
      </c>
      <c r="C3535" s="470" t="s">
        <v>35119</v>
      </c>
      <c r="D3535" s="547" t="s">
        <v>35120</v>
      </c>
      <c r="E3535" s="565" t="s">
        <v>643</v>
      </c>
      <c r="F3535" s="566" t="s">
        <v>600</v>
      </c>
      <c r="G3535" s="430"/>
      <c r="H3535" s="432"/>
      <c r="I3535" s="531"/>
      <c r="J3535" s="816"/>
      <c r="K3535" s="501"/>
      <c r="L3535" s="434">
        <v>44228</v>
      </c>
      <c r="M3535" s="434"/>
      <c r="N3535" s="418"/>
    </row>
    <row r="3536" spans="1:14" ht="42.75">
      <c r="A3536" s="563"/>
      <c r="B3536" s="484">
        <f t="shared" si="103"/>
        <v>156</v>
      </c>
      <c r="C3536" s="470" t="s">
        <v>35121</v>
      </c>
      <c r="D3536" s="547" t="s">
        <v>35122</v>
      </c>
      <c r="E3536" s="565" t="s">
        <v>643</v>
      </c>
      <c r="F3536" s="566" t="s">
        <v>600</v>
      </c>
      <c r="G3536" s="430"/>
      <c r="H3536" s="432"/>
      <c r="I3536" s="531"/>
      <c r="J3536" s="816"/>
      <c r="K3536" s="501"/>
      <c r="L3536" s="434">
        <v>44228</v>
      </c>
      <c r="M3536" s="434"/>
      <c r="N3536" s="418"/>
    </row>
    <row r="3537" spans="1:14" ht="42.75">
      <c r="A3537" s="563"/>
      <c r="B3537" s="484">
        <f t="shared" si="103"/>
        <v>156</v>
      </c>
      <c r="C3537" s="470" t="s">
        <v>35123</v>
      </c>
      <c r="D3537" s="547" t="s">
        <v>35124</v>
      </c>
      <c r="E3537" s="565" t="s">
        <v>643</v>
      </c>
      <c r="F3537" s="566" t="s">
        <v>600</v>
      </c>
      <c r="G3537" s="430"/>
      <c r="H3537" s="432"/>
      <c r="I3537" s="531"/>
      <c r="J3537" s="816"/>
      <c r="K3537" s="501"/>
      <c r="L3537" s="434">
        <v>44228</v>
      </c>
      <c r="M3537" s="434"/>
      <c r="N3537" s="418"/>
    </row>
    <row r="3538" spans="1:14" ht="57">
      <c r="A3538" s="563"/>
      <c r="B3538" s="484">
        <f t="shared" si="103"/>
        <v>156</v>
      </c>
      <c r="C3538" s="470" t="s">
        <v>35125</v>
      </c>
      <c r="D3538" s="547" t="s">
        <v>35126</v>
      </c>
      <c r="E3538" s="565" t="s">
        <v>643</v>
      </c>
      <c r="F3538" s="566" t="s">
        <v>600</v>
      </c>
      <c r="G3538" s="430"/>
      <c r="H3538" s="432"/>
      <c r="I3538" s="531"/>
      <c r="J3538" s="816"/>
      <c r="K3538" s="501"/>
      <c r="L3538" s="434">
        <v>44228</v>
      </c>
      <c r="M3538" s="434"/>
      <c r="N3538" s="418"/>
    </row>
    <row r="3539" spans="1:14" ht="57">
      <c r="A3539" s="563"/>
      <c r="B3539" s="484">
        <f t="shared" si="103"/>
        <v>156</v>
      </c>
      <c r="C3539" s="470" t="s">
        <v>35127</v>
      </c>
      <c r="D3539" s="547" t="s">
        <v>35128</v>
      </c>
      <c r="E3539" s="565" t="s">
        <v>643</v>
      </c>
      <c r="F3539" s="566" t="s">
        <v>600</v>
      </c>
      <c r="G3539" s="430"/>
      <c r="H3539" s="432"/>
      <c r="I3539" s="531"/>
      <c r="J3539" s="816"/>
      <c r="K3539" s="501"/>
      <c r="L3539" s="434">
        <v>44228</v>
      </c>
      <c r="M3539" s="434"/>
      <c r="N3539" s="418"/>
    </row>
    <row r="3540" spans="1:14" ht="15.75">
      <c r="A3540" s="563"/>
      <c r="B3540" s="484">
        <f t="shared" si="103"/>
        <v>156</v>
      </c>
      <c r="C3540" s="470" t="s">
        <v>35129</v>
      </c>
      <c r="D3540" s="547" t="s">
        <v>35130</v>
      </c>
      <c r="E3540" s="565" t="s">
        <v>643</v>
      </c>
      <c r="F3540" s="566" t="s">
        <v>600</v>
      </c>
      <c r="G3540" s="430"/>
      <c r="H3540" s="432"/>
      <c r="I3540" s="531"/>
      <c r="J3540" s="816"/>
      <c r="K3540" s="501"/>
      <c r="L3540" s="434">
        <v>44228</v>
      </c>
      <c r="M3540" s="434"/>
      <c r="N3540" s="418"/>
    </row>
    <row r="3541" spans="1:14" ht="15.75">
      <c r="A3541" s="563"/>
      <c r="B3541" s="484">
        <f t="shared" si="103"/>
        <v>156</v>
      </c>
      <c r="C3541" s="470" t="s">
        <v>35131</v>
      </c>
      <c r="D3541" s="547" t="s">
        <v>35132</v>
      </c>
      <c r="E3541" s="565" t="s">
        <v>643</v>
      </c>
      <c r="F3541" s="566" t="s">
        <v>600</v>
      </c>
      <c r="G3541" s="430"/>
      <c r="H3541" s="432"/>
      <c r="I3541" s="531"/>
      <c r="J3541" s="816"/>
      <c r="K3541" s="501"/>
      <c r="L3541" s="434">
        <v>44228</v>
      </c>
      <c r="M3541" s="434"/>
      <c r="N3541" s="418"/>
    </row>
    <row r="3542" spans="1:14" ht="71.25">
      <c r="A3542" s="563"/>
      <c r="B3542" s="484">
        <f t="shared" si="103"/>
        <v>156</v>
      </c>
      <c r="C3542" s="470" t="s">
        <v>35133</v>
      </c>
      <c r="D3542" s="547" t="s">
        <v>35134</v>
      </c>
      <c r="E3542" s="565" t="s">
        <v>643</v>
      </c>
      <c r="F3542" s="566" t="s">
        <v>600</v>
      </c>
      <c r="G3542" s="430"/>
      <c r="H3542" s="432"/>
      <c r="I3542" s="531"/>
      <c r="J3542" s="816"/>
      <c r="K3542" s="501"/>
      <c r="L3542" s="434">
        <v>44228</v>
      </c>
      <c r="M3542" s="434"/>
      <c r="N3542" s="418"/>
    </row>
    <row r="3543" spans="1:14" ht="85.5">
      <c r="A3543" s="563"/>
      <c r="B3543" s="484">
        <f t="shared" si="103"/>
        <v>156</v>
      </c>
      <c r="C3543" s="470" t="s">
        <v>35135</v>
      </c>
      <c r="D3543" s="547" t="s">
        <v>35136</v>
      </c>
      <c r="E3543" s="565" t="s">
        <v>643</v>
      </c>
      <c r="F3543" s="566" t="s">
        <v>600</v>
      </c>
      <c r="G3543" s="430"/>
      <c r="H3543" s="432"/>
      <c r="I3543" s="531"/>
      <c r="J3543" s="816"/>
      <c r="K3543" s="501"/>
      <c r="L3543" s="434">
        <v>44228</v>
      </c>
      <c r="M3543" s="434"/>
      <c r="N3543" s="418"/>
    </row>
    <row r="3544" spans="1:14" ht="57">
      <c r="A3544" s="563"/>
      <c r="B3544" s="484">
        <f t="shared" si="103"/>
        <v>156</v>
      </c>
      <c r="C3544" s="470" t="s">
        <v>35137</v>
      </c>
      <c r="D3544" s="547" t="s">
        <v>35138</v>
      </c>
      <c r="E3544" s="565" t="s">
        <v>643</v>
      </c>
      <c r="F3544" s="566" t="s">
        <v>600</v>
      </c>
      <c r="G3544" s="430"/>
      <c r="H3544" s="432"/>
      <c r="I3544" s="531"/>
      <c r="J3544" s="816"/>
      <c r="K3544" s="501"/>
      <c r="L3544" s="434">
        <v>44228</v>
      </c>
      <c r="M3544" s="434"/>
      <c r="N3544" s="418"/>
    </row>
    <row r="3545" spans="1:14" ht="57">
      <c r="A3545" s="563"/>
      <c r="B3545" s="484">
        <f t="shared" si="103"/>
        <v>156</v>
      </c>
      <c r="C3545" s="470" t="s">
        <v>35139</v>
      </c>
      <c r="D3545" s="547" t="s">
        <v>35140</v>
      </c>
      <c r="E3545" s="565" t="s">
        <v>643</v>
      </c>
      <c r="F3545" s="566" t="s">
        <v>600</v>
      </c>
      <c r="G3545" s="430"/>
      <c r="H3545" s="432"/>
      <c r="I3545" s="531"/>
      <c r="J3545" s="816"/>
      <c r="K3545" s="501"/>
      <c r="L3545" s="434">
        <v>44228</v>
      </c>
      <c r="M3545" s="434"/>
      <c r="N3545" s="418"/>
    </row>
    <row r="3546" spans="1:14" ht="42.75">
      <c r="A3546" s="563"/>
      <c r="B3546" s="484">
        <f t="shared" si="103"/>
        <v>156</v>
      </c>
      <c r="C3546" s="470" t="s">
        <v>35141</v>
      </c>
      <c r="D3546" s="547" t="s">
        <v>35142</v>
      </c>
      <c r="E3546" s="565" t="s">
        <v>643</v>
      </c>
      <c r="F3546" s="566" t="s">
        <v>600</v>
      </c>
      <c r="G3546" s="430"/>
      <c r="H3546" s="432"/>
      <c r="I3546" s="531"/>
      <c r="J3546" s="816"/>
      <c r="K3546" s="501"/>
      <c r="L3546" s="434">
        <v>44228</v>
      </c>
      <c r="M3546" s="434"/>
      <c r="N3546" s="418"/>
    </row>
    <row r="3547" spans="1:14" ht="42.75">
      <c r="A3547" s="563"/>
      <c r="B3547" s="484">
        <f t="shared" si="103"/>
        <v>156</v>
      </c>
      <c r="C3547" s="470" t="s">
        <v>35143</v>
      </c>
      <c r="D3547" s="547" t="s">
        <v>35144</v>
      </c>
      <c r="E3547" s="565" t="s">
        <v>643</v>
      </c>
      <c r="F3547" s="566" t="s">
        <v>600</v>
      </c>
      <c r="G3547" s="430"/>
      <c r="H3547" s="432"/>
      <c r="I3547" s="531"/>
      <c r="J3547" s="816"/>
      <c r="K3547" s="501"/>
      <c r="L3547" s="434">
        <v>44228</v>
      </c>
      <c r="M3547" s="434"/>
      <c r="N3547" s="418"/>
    </row>
    <row r="3548" spans="1:14" ht="28.5">
      <c r="A3548" s="563"/>
      <c r="B3548" s="484">
        <f t="shared" si="103"/>
        <v>156</v>
      </c>
      <c r="C3548" s="470" t="s">
        <v>35145</v>
      </c>
      <c r="D3548" s="547" t="s">
        <v>35146</v>
      </c>
      <c r="E3548" s="565" t="s">
        <v>643</v>
      </c>
      <c r="F3548" s="566" t="s">
        <v>600</v>
      </c>
      <c r="G3548" s="430"/>
      <c r="H3548" s="432"/>
      <c r="I3548" s="531"/>
      <c r="J3548" s="816"/>
      <c r="K3548" s="501"/>
      <c r="L3548" s="434">
        <v>44228</v>
      </c>
      <c r="M3548" s="434"/>
      <c r="N3548" s="418"/>
    </row>
    <row r="3549" spans="1:14" ht="71.25">
      <c r="A3549" s="563"/>
      <c r="B3549" s="484">
        <f t="shared" si="103"/>
        <v>156</v>
      </c>
      <c r="C3549" s="470" t="s">
        <v>35147</v>
      </c>
      <c r="D3549" s="547" t="s">
        <v>35148</v>
      </c>
      <c r="E3549" s="565" t="s">
        <v>643</v>
      </c>
      <c r="F3549" s="566" t="s">
        <v>600</v>
      </c>
      <c r="G3549" s="430"/>
      <c r="H3549" s="432"/>
      <c r="I3549" s="531"/>
      <c r="J3549" s="816"/>
      <c r="K3549" s="501"/>
      <c r="L3549" s="434">
        <v>44228</v>
      </c>
      <c r="M3549" s="434"/>
      <c r="N3549" s="418"/>
    </row>
    <row r="3550" spans="1:14" ht="42.75">
      <c r="A3550" s="563"/>
      <c r="B3550" s="484">
        <f t="shared" si="103"/>
        <v>156</v>
      </c>
      <c r="C3550" s="470" t="s">
        <v>35149</v>
      </c>
      <c r="D3550" s="547" t="s">
        <v>35150</v>
      </c>
      <c r="E3550" s="565" t="s">
        <v>643</v>
      </c>
      <c r="F3550" s="566" t="s">
        <v>600</v>
      </c>
      <c r="G3550" s="430"/>
      <c r="H3550" s="432"/>
      <c r="I3550" s="531"/>
      <c r="J3550" s="816"/>
      <c r="K3550" s="501"/>
      <c r="L3550" s="434">
        <v>44228</v>
      </c>
      <c r="M3550" s="434"/>
      <c r="N3550" s="418"/>
    </row>
    <row r="3551" spans="1:14" ht="42.75">
      <c r="A3551" s="563"/>
      <c r="B3551" s="484">
        <f t="shared" si="103"/>
        <v>156</v>
      </c>
      <c r="C3551" s="470" t="s">
        <v>35151</v>
      </c>
      <c r="D3551" s="547" t="s">
        <v>35152</v>
      </c>
      <c r="E3551" s="565" t="s">
        <v>643</v>
      </c>
      <c r="F3551" s="566" t="s">
        <v>600</v>
      </c>
      <c r="G3551" s="430"/>
      <c r="H3551" s="432"/>
      <c r="I3551" s="531"/>
      <c r="J3551" s="816"/>
      <c r="K3551" s="501"/>
      <c r="L3551" s="434">
        <v>44228</v>
      </c>
      <c r="M3551" s="434"/>
      <c r="N3551" s="418"/>
    </row>
    <row r="3552" spans="1:14" ht="28.5">
      <c r="A3552" s="563"/>
      <c r="B3552" s="484">
        <f t="shared" si="103"/>
        <v>156</v>
      </c>
      <c r="C3552" s="470" t="s">
        <v>35153</v>
      </c>
      <c r="D3552" s="547" t="s">
        <v>35154</v>
      </c>
      <c r="E3552" s="565" t="s">
        <v>643</v>
      </c>
      <c r="F3552" s="566" t="s">
        <v>600</v>
      </c>
      <c r="G3552" s="430"/>
      <c r="H3552" s="432"/>
      <c r="I3552" s="531"/>
      <c r="J3552" s="816"/>
      <c r="K3552" s="501"/>
      <c r="L3552" s="434">
        <v>44228</v>
      </c>
      <c r="M3552" s="434"/>
      <c r="N3552" s="418"/>
    </row>
    <row r="3553" spans="1:14" ht="71.25">
      <c r="A3553" s="563"/>
      <c r="B3553" s="484">
        <f t="shared" si="103"/>
        <v>156</v>
      </c>
      <c r="C3553" s="470" t="s">
        <v>35155</v>
      </c>
      <c r="D3553" s="547" t="s">
        <v>35156</v>
      </c>
      <c r="E3553" s="565" t="s">
        <v>643</v>
      </c>
      <c r="F3553" s="566" t="s">
        <v>600</v>
      </c>
      <c r="G3553" s="430"/>
      <c r="H3553" s="432"/>
      <c r="I3553" s="531"/>
      <c r="J3553" s="816"/>
      <c r="K3553" s="501"/>
      <c r="L3553" s="434">
        <v>44228</v>
      </c>
      <c r="M3553" s="434"/>
      <c r="N3553" s="418"/>
    </row>
    <row r="3554" spans="1:14" ht="42.75">
      <c r="A3554" s="563"/>
      <c r="B3554" s="484">
        <f t="shared" si="103"/>
        <v>156</v>
      </c>
      <c r="C3554" s="470" t="s">
        <v>35157</v>
      </c>
      <c r="D3554" s="547" t="s">
        <v>35158</v>
      </c>
      <c r="E3554" s="565" t="s">
        <v>643</v>
      </c>
      <c r="F3554" s="566" t="s">
        <v>600</v>
      </c>
      <c r="G3554" s="430"/>
      <c r="H3554" s="432"/>
      <c r="I3554" s="531"/>
      <c r="J3554" s="816"/>
      <c r="K3554" s="501"/>
      <c r="L3554" s="434">
        <v>44228</v>
      </c>
      <c r="M3554" s="434"/>
      <c r="N3554" s="418"/>
    </row>
    <row r="3555" spans="1:14" ht="42.75">
      <c r="A3555" s="563"/>
      <c r="B3555" s="484">
        <f t="shared" si="103"/>
        <v>156</v>
      </c>
      <c r="C3555" s="470" t="s">
        <v>35159</v>
      </c>
      <c r="D3555" s="547" t="s">
        <v>35160</v>
      </c>
      <c r="E3555" s="565" t="s">
        <v>643</v>
      </c>
      <c r="F3555" s="566" t="s">
        <v>600</v>
      </c>
      <c r="G3555" s="430"/>
      <c r="H3555" s="432"/>
      <c r="I3555" s="531"/>
      <c r="J3555" s="816"/>
      <c r="K3555" s="501"/>
      <c r="L3555" s="434">
        <v>44228</v>
      </c>
      <c r="M3555" s="434"/>
      <c r="N3555" s="418"/>
    </row>
    <row r="3556" spans="1:14" ht="42.75">
      <c r="A3556" s="563"/>
      <c r="B3556" s="484">
        <f t="shared" si="103"/>
        <v>156</v>
      </c>
      <c r="C3556" s="470" t="s">
        <v>35161</v>
      </c>
      <c r="D3556" s="547" t="s">
        <v>35162</v>
      </c>
      <c r="E3556" s="565" t="s">
        <v>643</v>
      </c>
      <c r="F3556" s="566" t="s">
        <v>600</v>
      </c>
      <c r="G3556" s="430"/>
      <c r="H3556" s="432"/>
      <c r="I3556" s="531"/>
      <c r="J3556" s="816"/>
      <c r="K3556" s="501"/>
      <c r="L3556" s="434">
        <v>44228</v>
      </c>
      <c r="M3556" s="434"/>
      <c r="N3556" s="418"/>
    </row>
    <row r="3557" spans="1:14" ht="42.75">
      <c r="A3557" s="563"/>
      <c r="B3557" s="484">
        <f t="shared" si="103"/>
        <v>156</v>
      </c>
      <c r="C3557" s="470" t="s">
        <v>35163</v>
      </c>
      <c r="D3557" s="547" t="s">
        <v>35164</v>
      </c>
      <c r="E3557" s="565" t="s">
        <v>643</v>
      </c>
      <c r="F3557" s="566" t="s">
        <v>600</v>
      </c>
      <c r="G3557" s="430"/>
      <c r="H3557" s="432"/>
      <c r="I3557" s="531"/>
      <c r="J3557" s="816"/>
      <c r="K3557" s="501"/>
      <c r="L3557" s="434">
        <v>44228</v>
      </c>
      <c r="M3557" s="434"/>
      <c r="N3557" s="418"/>
    </row>
    <row r="3558" spans="1:14" ht="156.75">
      <c r="A3558" s="563"/>
      <c r="B3558" s="484">
        <f t="shared" si="103"/>
        <v>156</v>
      </c>
      <c r="C3558" s="470" t="s">
        <v>35165</v>
      </c>
      <c r="D3558" s="547" t="s">
        <v>35166</v>
      </c>
      <c r="E3558" s="565" t="s">
        <v>643</v>
      </c>
      <c r="F3558" s="566" t="s">
        <v>600</v>
      </c>
      <c r="G3558" s="430"/>
      <c r="H3558" s="432"/>
      <c r="I3558" s="531"/>
      <c r="J3558" s="816"/>
      <c r="K3558" s="501"/>
      <c r="L3558" s="434">
        <v>44228</v>
      </c>
      <c r="M3558" s="434"/>
      <c r="N3558" s="418"/>
    </row>
    <row r="3559" spans="1:14" ht="114">
      <c r="A3559" s="563"/>
      <c r="B3559" s="484">
        <f t="shared" si="103"/>
        <v>156</v>
      </c>
      <c r="C3559" s="470" t="s">
        <v>35167</v>
      </c>
      <c r="D3559" s="547" t="s">
        <v>35168</v>
      </c>
      <c r="E3559" s="565" t="s">
        <v>643</v>
      </c>
      <c r="F3559" s="566" t="s">
        <v>600</v>
      </c>
      <c r="G3559" s="430"/>
      <c r="H3559" s="432"/>
      <c r="I3559" s="531"/>
      <c r="J3559" s="816"/>
      <c r="K3559" s="501"/>
      <c r="L3559" s="434">
        <v>44228</v>
      </c>
      <c r="M3559" s="434"/>
      <c r="N3559" s="418"/>
    </row>
    <row r="3560" spans="1:14" ht="42.75">
      <c r="A3560" s="563"/>
      <c r="B3560" s="484">
        <f t="shared" si="103"/>
        <v>156</v>
      </c>
      <c r="C3560" s="470" t="s">
        <v>35169</v>
      </c>
      <c r="D3560" s="547" t="s">
        <v>35170</v>
      </c>
      <c r="E3560" s="565" t="s">
        <v>643</v>
      </c>
      <c r="F3560" s="566" t="s">
        <v>600</v>
      </c>
      <c r="G3560" s="430"/>
      <c r="H3560" s="432"/>
      <c r="I3560" s="531"/>
      <c r="J3560" s="816"/>
      <c r="K3560" s="501"/>
      <c r="L3560" s="434">
        <v>44228</v>
      </c>
      <c r="M3560" s="434"/>
      <c r="N3560" s="418"/>
    </row>
    <row r="3561" spans="1:14" ht="57">
      <c r="A3561" s="563"/>
      <c r="B3561" s="484">
        <f t="shared" si="103"/>
        <v>156</v>
      </c>
      <c r="C3561" s="470" t="s">
        <v>35171</v>
      </c>
      <c r="D3561" s="547" t="s">
        <v>35172</v>
      </c>
      <c r="E3561" s="565" t="s">
        <v>643</v>
      </c>
      <c r="F3561" s="566" t="s">
        <v>600</v>
      </c>
      <c r="G3561" s="430"/>
      <c r="H3561" s="432"/>
      <c r="I3561" s="531"/>
      <c r="J3561" s="816"/>
      <c r="K3561" s="501"/>
      <c r="L3561" s="434">
        <v>44228</v>
      </c>
      <c r="M3561" s="434"/>
      <c r="N3561" s="418"/>
    </row>
    <row r="3562" spans="1:14" ht="85.5">
      <c r="A3562" s="563"/>
      <c r="B3562" s="484">
        <f t="shared" si="103"/>
        <v>156</v>
      </c>
      <c r="C3562" s="470" t="s">
        <v>35173</v>
      </c>
      <c r="D3562" s="547" t="s">
        <v>35174</v>
      </c>
      <c r="E3562" s="565" t="s">
        <v>643</v>
      </c>
      <c r="F3562" s="566" t="s">
        <v>600</v>
      </c>
      <c r="G3562" s="430"/>
      <c r="H3562" s="432"/>
      <c r="I3562" s="531"/>
      <c r="J3562" s="816"/>
      <c r="K3562" s="501"/>
      <c r="L3562" s="434">
        <v>44228</v>
      </c>
      <c r="M3562" s="434"/>
      <c r="N3562" s="418"/>
    </row>
    <row r="3563" spans="1:14" ht="42.75">
      <c r="A3563" s="563"/>
      <c r="B3563" s="484">
        <f t="shared" si="103"/>
        <v>156</v>
      </c>
      <c r="C3563" s="470" t="s">
        <v>35175</v>
      </c>
      <c r="D3563" s="547" t="s">
        <v>35176</v>
      </c>
      <c r="E3563" s="565" t="s">
        <v>643</v>
      </c>
      <c r="F3563" s="566" t="s">
        <v>600</v>
      </c>
      <c r="G3563" s="430"/>
      <c r="H3563" s="432"/>
      <c r="I3563" s="531"/>
      <c r="J3563" s="816"/>
      <c r="K3563" s="501"/>
      <c r="L3563" s="434">
        <v>44228</v>
      </c>
      <c r="M3563" s="434"/>
      <c r="N3563" s="418"/>
    </row>
    <row r="3564" spans="1:14" ht="42.75">
      <c r="A3564" s="563"/>
      <c r="B3564" s="484">
        <f t="shared" si="103"/>
        <v>156</v>
      </c>
      <c r="C3564" s="470" t="s">
        <v>35177</v>
      </c>
      <c r="D3564" s="547" t="s">
        <v>35178</v>
      </c>
      <c r="E3564" s="565" t="s">
        <v>643</v>
      </c>
      <c r="F3564" s="566" t="s">
        <v>600</v>
      </c>
      <c r="G3564" s="430"/>
      <c r="H3564" s="432"/>
      <c r="I3564" s="531"/>
      <c r="J3564" s="816"/>
      <c r="K3564" s="501"/>
      <c r="L3564" s="434">
        <v>44228</v>
      </c>
      <c r="M3564" s="434"/>
      <c r="N3564" s="418"/>
    </row>
    <row r="3565" spans="1:14" ht="28.5">
      <c r="A3565" s="563"/>
      <c r="B3565" s="484">
        <f t="shared" si="103"/>
        <v>156</v>
      </c>
      <c r="C3565" s="470" t="s">
        <v>35179</v>
      </c>
      <c r="D3565" s="547" t="s">
        <v>35180</v>
      </c>
      <c r="E3565" s="565" t="s">
        <v>643</v>
      </c>
      <c r="F3565" s="566" t="s">
        <v>600</v>
      </c>
      <c r="G3565" s="430"/>
      <c r="H3565" s="432"/>
      <c r="I3565" s="531"/>
      <c r="J3565" s="816"/>
      <c r="K3565" s="501"/>
      <c r="L3565" s="434">
        <v>44228</v>
      </c>
      <c r="M3565" s="434"/>
      <c r="N3565" s="418"/>
    </row>
    <row r="3566" spans="1:14" ht="57">
      <c r="A3566" s="563"/>
      <c r="B3566" s="484">
        <f t="shared" si="103"/>
        <v>156</v>
      </c>
      <c r="C3566" s="470" t="s">
        <v>35181</v>
      </c>
      <c r="D3566" s="547" t="s">
        <v>35182</v>
      </c>
      <c r="E3566" s="565" t="s">
        <v>643</v>
      </c>
      <c r="F3566" s="566" t="s">
        <v>600</v>
      </c>
      <c r="G3566" s="430"/>
      <c r="H3566" s="432"/>
      <c r="I3566" s="531"/>
      <c r="J3566" s="816"/>
      <c r="K3566" s="501"/>
      <c r="L3566" s="434">
        <v>44228</v>
      </c>
      <c r="M3566" s="434"/>
      <c r="N3566" s="418"/>
    </row>
    <row r="3567" spans="1:14" ht="57">
      <c r="A3567" s="563"/>
      <c r="B3567" s="484">
        <f t="shared" si="103"/>
        <v>156</v>
      </c>
      <c r="C3567" s="470" t="s">
        <v>35183</v>
      </c>
      <c r="D3567" s="547" t="s">
        <v>35184</v>
      </c>
      <c r="E3567" s="565" t="s">
        <v>643</v>
      </c>
      <c r="F3567" s="566" t="s">
        <v>600</v>
      </c>
      <c r="G3567" s="430"/>
      <c r="H3567" s="432"/>
      <c r="I3567" s="531"/>
      <c r="J3567" s="816"/>
      <c r="K3567" s="501"/>
      <c r="L3567" s="434">
        <v>44228</v>
      </c>
      <c r="M3567" s="434"/>
      <c r="N3567" s="418"/>
    </row>
    <row r="3568" spans="1:14" ht="42.75">
      <c r="A3568" s="563"/>
      <c r="B3568" s="484">
        <f t="shared" si="103"/>
        <v>156</v>
      </c>
      <c r="C3568" s="470" t="s">
        <v>35185</v>
      </c>
      <c r="D3568" s="547" t="s">
        <v>35186</v>
      </c>
      <c r="E3568" s="565" t="s">
        <v>643</v>
      </c>
      <c r="F3568" s="566" t="s">
        <v>600</v>
      </c>
      <c r="G3568" s="430"/>
      <c r="H3568" s="432"/>
      <c r="I3568" s="531"/>
      <c r="J3568" s="816"/>
      <c r="K3568" s="501"/>
      <c r="L3568" s="434">
        <v>44228</v>
      </c>
      <c r="M3568" s="434"/>
      <c r="N3568" s="418"/>
    </row>
    <row r="3569" spans="1:14" ht="85.5">
      <c r="A3569" s="563"/>
      <c r="B3569" s="484">
        <f t="shared" si="103"/>
        <v>156</v>
      </c>
      <c r="C3569" s="470" t="s">
        <v>35187</v>
      </c>
      <c r="D3569" s="547" t="s">
        <v>35188</v>
      </c>
      <c r="E3569" s="565" t="s">
        <v>643</v>
      </c>
      <c r="F3569" s="566" t="s">
        <v>600</v>
      </c>
      <c r="G3569" s="430"/>
      <c r="H3569" s="432"/>
      <c r="I3569" s="531"/>
      <c r="J3569" s="816"/>
      <c r="K3569" s="501"/>
      <c r="L3569" s="434">
        <v>44228</v>
      </c>
      <c r="M3569" s="434"/>
      <c r="N3569" s="418"/>
    </row>
    <row r="3570" spans="1:14" ht="42.75">
      <c r="A3570" s="563"/>
      <c r="B3570" s="484">
        <f t="shared" si="103"/>
        <v>156</v>
      </c>
      <c r="C3570" s="470" t="s">
        <v>35189</v>
      </c>
      <c r="D3570" s="547" t="s">
        <v>35190</v>
      </c>
      <c r="E3570" s="565" t="s">
        <v>643</v>
      </c>
      <c r="F3570" s="566" t="s">
        <v>600</v>
      </c>
      <c r="G3570" s="430"/>
      <c r="H3570" s="432"/>
      <c r="I3570" s="531"/>
      <c r="J3570" s="816"/>
      <c r="K3570" s="501"/>
      <c r="L3570" s="434">
        <v>44228</v>
      </c>
      <c r="M3570" s="434"/>
      <c r="N3570" s="418"/>
    </row>
    <row r="3571" spans="1:14" ht="71.25">
      <c r="A3571" s="563"/>
      <c r="B3571" s="484">
        <f t="shared" si="103"/>
        <v>156</v>
      </c>
      <c r="C3571" s="470" t="s">
        <v>35191</v>
      </c>
      <c r="D3571" s="547" t="s">
        <v>35192</v>
      </c>
      <c r="E3571" s="565" t="s">
        <v>643</v>
      </c>
      <c r="F3571" s="566" t="s">
        <v>600</v>
      </c>
      <c r="G3571" s="430"/>
      <c r="H3571" s="432"/>
      <c r="I3571" s="531"/>
      <c r="J3571" s="816"/>
      <c r="K3571" s="501"/>
      <c r="L3571" s="434">
        <v>44228</v>
      </c>
      <c r="M3571" s="434"/>
      <c r="N3571" s="418"/>
    </row>
    <row r="3572" spans="1:14" ht="42.75">
      <c r="A3572" s="563"/>
      <c r="B3572" s="484">
        <f t="shared" ref="B3572:B3635" si="104">IF(A3572&gt;0,A3572,B3571)</f>
        <v>156</v>
      </c>
      <c r="C3572" s="470" t="s">
        <v>35193</v>
      </c>
      <c r="D3572" s="547" t="s">
        <v>35194</v>
      </c>
      <c r="E3572" s="565" t="s">
        <v>643</v>
      </c>
      <c r="F3572" s="566" t="s">
        <v>600</v>
      </c>
      <c r="G3572" s="430"/>
      <c r="H3572" s="432"/>
      <c r="I3572" s="531"/>
      <c r="J3572" s="816"/>
      <c r="K3572" s="501"/>
      <c r="L3572" s="434">
        <v>44228</v>
      </c>
      <c r="M3572" s="434"/>
      <c r="N3572" s="418"/>
    </row>
    <row r="3573" spans="1:14" ht="99.75">
      <c r="A3573" s="563"/>
      <c r="B3573" s="484">
        <f t="shared" si="104"/>
        <v>156</v>
      </c>
      <c r="C3573" s="470" t="s">
        <v>35195</v>
      </c>
      <c r="D3573" s="547" t="s">
        <v>35196</v>
      </c>
      <c r="E3573" s="565" t="s">
        <v>643</v>
      </c>
      <c r="F3573" s="566" t="s">
        <v>600</v>
      </c>
      <c r="G3573" s="430"/>
      <c r="H3573" s="432"/>
      <c r="I3573" s="531"/>
      <c r="J3573" s="816"/>
      <c r="K3573" s="501"/>
      <c r="L3573" s="434">
        <v>44228</v>
      </c>
      <c r="M3573" s="434"/>
      <c r="N3573" s="418"/>
    </row>
    <row r="3574" spans="1:14" ht="57">
      <c r="A3574" s="563"/>
      <c r="B3574" s="484">
        <f t="shared" si="104"/>
        <v>156</v>
      </c>
      <c r="C3574" s="470" t="s">
        <v>35197</v>
      </c>
      <c r="D3574" s="547" t="s">
        <v>35198</v>
      </c>
      <c r="E3574" s="565" t="s">
        <v>643</v>
      </c>
      <c r="F3574" s="566" t="s">
        <v>600</v>
      </c>
      <c r="G3574" s="430"/>
      <c r="H3574" s="432"/>
      <c r="I3574" s="531"/>
      <c r="J3574" s="816"/>
      <c r="K3574" s="501"/>
      <c r="L3574" s="434">
        <v>44228</v>
      </c>
      <c r="M3574" s="434"/>
      <c r="N3574" s="418"/>
    </row>
    <row r="3575" spans="1:14" ht="57">
      <c r="A3575" s="563"/>
      <c r="B3575" s="484">
        <f t="shared" si="104"/>
        <v>156</v>
      </c>
      <c r="C3575" s="470" t="s">
        <v>35199</v>
      </c>
      <c r="D3575" s="547" t="s">
        <v>35200</v>
      </c>
      <c r="E3575" s="565" t="s">
        <v>643</v>
      </c>
      <c r="F3575" s="566" t="s">
        <v>600</v>
      </c>
      <c r="G3575" s="430"/>
      <c r="H3575" s="432"/>
      <c r="I3575" s="531"/>
      <c r="J3575" s="816"/>
      <c r="K3575" s="501"/>
      <c r="L3575" s="434">
        <v>44228</v>
      </c>
      <c r="M3575" s="434"/>
      <c r="N3575" s="418"/>
    </row>
    <row r="3576" spans="1:14" ht="28.5">
      <c r="A3576" s="563"/>
      <c r="B3576" s="484">
        <f t="shared" si="104"/>
        <v>156</v>
      </c>
      <c r="C3576" s="470" t="s">
        <v>35201</v>
      </c>
      <c r="D3576" s="547" t="s">
        <v>35202</v>
      </c>
      <c r="E3576" s="565" t="s">
        <v>643</v>
      </c>
      <c r="F3576" s="566" t="s">
        <v>600</v>
      </c>
      <c r="G3576" s="430"/>
      <c r="H3576" s="432"/>
      <c r="I3576" s="531"/>
      <c r="J3576" s="816"/>
      <c r="K3576" s="501"/>
      <c r="L3576" s="434">
        <v>44228</v>
      </c>
      <c r="M3576" s="434"/>
      <c r="N3576" s="418"/>
    </row>
    <row r="3577" spans="1:14" ht="28.5">
      <c r="A3577" s="563"/>
      <c r="B3577" s="484">
        <f t="shared" si="104"/>
        <v>156</v>
      </c>
      <c r="C3577" s="470" t="s">
        <v>35203</v>
      </c>
      <c r="D3577" s="547" t="s">
        <v>35204</v>
      </c>
      <c r="E3577" s="565" t="s">
        <v>643</v>
      </c>
      <c r="F3577" s="566" t="s">
        <v>600</v>
      </c>
      <c r="G3577" s="430"/>
      <c r="H3577" s="432"/>
      <c r="I3577" s="531"/>
      <c r="J3577" s="816"/>
      <c r="K3577" s="501"/>
      <c r="L3577" s="434">
        <v>44228</v>
      </c>
      <c r="M3577" s="434"/>
      <c r="N3577" s="418"/>
    </row>
    <row r="3578" spans="1:14" ht="57">
      <c r="A3578" s="563"/>
      <c r="B3578" s="484">
        <f t="shared" si="104"/>
        <v>156</v>
      </c>
      <c r="C3578" s="470" t="s">
        <v>35205</v>
      </c>
      <c r="D3578" s="547" t="s">
        <v>35206</v>
      </c>
      <c r="E3578" s="565" t="s">
        <v>643</v>
      </c>
      <c r="F3578" s="566" t="s">
        <v>600</v>
      </c>
      <c r="G3578" s="430"/>
      <c r="H3578" s="432"/>
      <c r="I3578" s="531"/>
      <c r="J3578" s="816"/>
      <c r="K3578" s="501"/>
      <c r="L3578" s="434">
        <v>44228</v>
      </c>
      <c r="M3578" s="434"/>
      <c r="N3578" s="418"/>
    </row>
    <row r="3579" spans="1:14" ht="42.75">
      <c r="A3579" s="563"/>
      <c r="B3579" s="484">
        <f t="shared" si="104"/>
        <v>156</v>
      </c>
      <c r="C3579" s="470" t="s">
        <v>35207</v>
      </c>
      <c r="D3579" s="547" t="s">
        <v>35208</v>
      </c>
      <c r="E3579" s="565" t="s">
        <v>643</v>
      </c>
      <c r="F3579" s="566" t="s">
        <v>600</v>
      </c>
      <c r="G3579" s="430"/>
      <c r="H3579" s="432"/>
      <c r="I3579" s="531"/>
      <c r="J3579" s="816"/>
      <c r="K3579" s="501"/>
      <c r="L3579" s="434">
        <v>44228</v>
      </c>
      <c r="M3579" s="434"/>
      <c r="N3579" s="418"/>
    </row>
    <row r="3580" spans="1:14" ht="57">
      <c r="A3580" s="563"/>
      <c r="B3580" s="484">
        <f t="shared" si="104"/>
        <v>156</v>
      </c>
      <c r="C3580" s="470" t="s">
        <v>35209</v>
      </c>
      <c r="D3580" s="547" t="s">
        <v>35210</v>
      </c>
      <c r="E3580" s="565" t="s">
        <v>643</v>
      </c>
      <c r="F3580" s="566" t="s">
        <v>600</v>
      </c>
      <c r="G3580" s="430"/>
      <c r="H3580" s="432"/>
      <c r="I3580" s="531"/>
      <c r="J3580" s="816"/>
      <c r="K3580" s="501"/>
      <c r="L3580" s="434">
        <v>44228</v>
      </c>
      <c r="M3580" s="434"/>
      <c r="N3580" s="418"/>
    </row>
    <row r="3581" spans="1:14" ht="28.5">
      <c r="A3581" s="563"/>
      <c r="B3581" s="484">
        <f t="shared" si="104"/>
        <v>156</v>
      </c>
      <c r="C3581" s="470" t="s">
        <v>35211</v>
      </c>
      <c r="D3581" s="547" t="s">
        <v>35212</v>
      </c>
      <c r="E3581" s="565" t="s">
        <v>643</v>
      </c>
      <c r="F3581" s="566" t="s">
        <v>600</v>
      </c>
      <c r="G3581" s="430"/>
      <c r="H3581" s="432"/>
      <c r="I3581" s="531"/>
      <c r="J3581" s="816"/>
      <c r="K3581" s="501"/>
      <c r="L3581" s="434">
        <v>44228</v>
      </c>
      <c r="M3581" s="434"/>
      <c r="N3581" s="418"/>
    </row>
    <row r="3582" spans="1:14" ht="85.5">
      <c r="A3582" s="563"/>
      <c r="B3582" s="484">
        <f t="shared" si="104"/>
        <v>156</v>
      </c>
      <c r="C3582" s="470" t="s">
        <v>35213</v>
      </c>
      <c r="D3582" s="547" t="s">
        <v>35214</v>
      </c>
      <c r="E3582" s="565" t="s">
        <v>643</v>
      </c>
      <c r="F3582" s="566" t="s">
        <v>600</v>
      </c>
      <c r="G3582" s="430"/>
      <c r="H3582" s="432"/>
      <c r="I3582" s="531"/>
      <c r="J3582" s="816"/>
      <c r="K3582" s="501"/>
      <c r="L3582" s="434">
        <v>44228</v>
      </c>
      <c r="M3582" s="434"/>
      <c r="N3582" s="418"/>
    </row>
    <row r="3583" spans="1:14" ht="28.5">
      <c r="A3583" s="563"/>
      <c r="B3583" s="484">
        <f t="shared" si="104"/>
        <v>156</v>
      </c>
      <c r="C3583" s="470" t="s">
        <v>35215</v>
      </c>
      <c r="D3583" s="547" t="s">
        <v>35216</v>
      </c>
      <c r="E3583" s="565" t="s">
        <v>643</v>
      </c>
      <c r="F3583" s="566" t="s">
        <v>600</v>
      </c>
      <c r="G3583" s="430"/>
      <c r="H3583" s="432"/>
      <c r="I3583" s="531"/>
      <c r="J3583" s="816"/>
      <c r="K3583" s="501"/>
      <c r="L3583" s="434">
        <v>44228</v>
      </c>
      <c r="M3583" s="434"/>
      <c r="N3583" s="418"/>
    </row>
    <row r="3584" spans="1:14" ht="99.75">
      <c r="A3584" s="563"/>
      <c r="B3584" s="484">
        <f t="shared" si="104"/>
        <v>156</v>
      </c>
      <c r="C3584" s="470" t="s">
        <v>35217</v>
      </c>
      <c r="D3584" s="547" t="s">
        <v>35218</v>
      </c>
      <c r="E3584" s="565" t="s">
        <v>643</v>
      </c>
      <c r="F3584" s="566" t="s">
        <v>600</v>
      </c>
      <c r="G3584" s="430"/>
      <c r="H3584" s="432"/>
      <c r="I3584" s="531"/>
      <c r="J3584" s="816"/>
      <c r="K3584" s="501"/>
      <c r="L3584" s="434">
        <v>44228</v>
      </c>
      <c r="M3584" s="434"/>
      <c r="N3584" s="418"/>
    </row>
    <row r="3585" spans="1:14" ht="57">
      <c r="A3585" s="563"/>
      <c r="B3585" s="484">
        <f t="shared" si="104"/>
        <v>156</v>
      </c>
      <c r="C3585" s="470" t="s">
        <v>35219</v>
      </c>
      <c r="D3585" s="547" t="s">
        <v>35220</v>
      </c>
      <c r="E3585" s="565" t="s">
        <v>643</v>
      </c>
      <c r="F3585" s="566" t="s">
        <v>600</v>
      </c>
      <c r="G3585" s="430"/>
      <c r="H3585" s="432"/>
      <c r="I3585" s="531"/>
      <c r="J3585" s="816"/>
      <c r="K3585" s="501"/>
      <c r="L3585" s="434">
        <v>44228</v>
      </c>
      <c r="M3585" s="434"/>
      <c r="N3585" s="418"/>
    </row>
    <row r="3586" spans="1:14" ht="57">
      <c r="A3586" s="563"/>
      <c r="B3586" s="484">
        <f t="shared" si="104"/>
        <v>156</v>
      </c>
      <c r="C3586" s="470" t="s">
        <v>35221</v>
      </c>
      <c r="D3586" s="547" t="s">
        <v>35222</v>
      </c>
      <c r="E3586" s="565" t="s">
        <v>643</v>
      </c>
      <c r="F3586" s="566" t="s">
        <v>600</v>
      </c>
      <c r="G3586" s="430"/>
      <c r="H3586" s="432"/>
      <c r="I3586" s="531"/>
      <c r="J3586" s="816"/>
      <c r="K3586" s="501"/>
      <c r="L3586" s="434">
        <v>44228</v>
      </c>
      <c r="M3586" s="434"/>
      <c r="N3586" s="418"/>
    </row>
    <row r="3587" spans="1:14" ht="57">
      <c r="A3587" s="563"/>
      <c r="B3587" s="484">
        <f t="shared" si="104"/>
        <v>156</v>
      </c>
      <c r="C3587" s="470" t="s">
        <v>35223</v>
      </c>
      <c r="D3587" s="547" t="s">
        <v>35224</v>
      </c>
      <c r="E3587" s="565" t="s">
        <v>643</v>
      </c>
      <c r="F3587" s="566" t="s">
        <v>600</v>
      </c>
      <c r="G3587" s="430"/>
      <c r="H3587" s="432"/>
      <c r="I3587" s="531"/>
      <c r="J3587" s="816"/>
      <c r="K3587" s="501"/>
      <c r="L3587" s="434">
        <v>44228</v>
      </c>
      <c r="M3587" s="434"/>
      <c r="N3587" s="418"/>
    </row>
    <row r="3588" spans="1:14" ht="57">
      <c r="A3588" s="563"/>
      <c r="B3588" s="484">
        <f t="shared" si="104"/>
        <v>156</v>
      </c>
      <c r="C3588" s="470" t="s">
        <v>35225</v>
      </c>
      <c r="D3588" s="547" t="s">
        <v>35226</v>
      </c>
      <c r="E3588" s="565" t="s">
        <v>643</v>
      </c>
      <c r="F3588" s="566" t="s">
        <v>600</v>
      </c>
      <c r="G3588" s="430"/>
      <c r="H3588" s="432"/>
      <c r="I3588" s="531"/>
      <c r="J3588" s="816"/>
      <c r="K3588" s="501"/>
      <c r="L3588" s="434">
        <v>44228</v>
      </c>
      <c r="M3588" s="434"/>
      <c r="N3588" s="418"/>
    </row>
    <row r="3589" spans="1:14" ht="42.75">
      <c r="A3589" s="563"/>
      <c r="B3589" s="484">
        <f t="shared" si="104"/>
        <v>156</v>
      </c>
      <c r="C3589" s="470" t="s">
        <v>35227</v>
      </c>
      <c r="D3589" s="547" t="s">
        <v>35228</v>
      </c>
      <c r="E3589" s="565" t="s">
        <v>643</v>
      </c>
      <c r="F3589" s="566" t="s">
        <v>600</v>
      </c>
      <c r="G3589" s="430"/>
      <c r="H3589" s="432"/>
      <c r="I3589" s="531"/>
      <c r="J3589" s="816"/>
      <c r="K3589" s="501"/>
      <c r="L3589" s="434">
        <v>44228</v>
      </c>
      <c r="M3589" s="434"/>
      <c r="N3589" s="418"/>
    </row>
    <row r="3590" spans="1:14" ht="42.75">
      <c r="A3590" s="563"/>
      <c r="B3590" s="484">
        <f t="shared" si="104"/>
        <v>156</v>
      </c>
      <c r="C3590" s="470" t="s">
        <v>35229</v>
      </c>
      <c r="D3590" s="547" t="s">
        <v>35230</v>
      </c>
      <c r="E3590" s="565" t="s">
        <v>643</v>
      </c>
      <c r="F3590" s="566" t="s">
        <v>600</v>
      </c>
      <c r="G3590" s="430"/>
      <c r="H3590" s="432"/>
      <c r="I3590" s="531"/>
      <c r="J3590" s="816"/>
      <c r="K3590" s="501"/>
      <c r="L3590" s="434">
        <v>44228</v>
      </c>
      <c r="M3590" s="434"/>
      <c r="N3590" s="418"/>
    </row>
    <row r="3591" spans="1:14" ht="42.75">
      <c r="A3591" s="563"/>
      <c r="B3591" s="484">
        <f t="shared" si="104"/>
        <v>156</v>
      </c>
      <c r="C3591" s="470" t="s">
        <v>35231</v>
      </c>
      <c r="D3591" s="547" t="s">
        <v>35232</v>
      </c>
      <c r="E3591" s="565" t="s">
        <v>643</v>
      </c>
      <c r="F3591" s="566" t="s">
        <v>600</v>
      </c>
      <c r="G3591" s="430"/>
      <c r="H3591" s="432"/>
      <c r="I3591" s="531"/>
      <c r="J3591" s="816"/>
      <c r="K3591" s="501"/>
      <c r="L3591" s="434">
        <v>44228</v>
      </c>
      <c r="M3591" s="434"/>
      <c r="N3591" s="418"/>
    </row>
    <row r="3592" spans="1:14" ht="57">
      <c r="A3592" s="563"/>
      <c r="B3592" s="484">
        <f t="shared" si="104"/>
        <v>156</v>
      </c>
      <c r="C3592" s="470" t="s">
        <v>35233</v>
      </c>
      <c r="D3592" s="547" t="s">
        <v>35234</v>
      </c>
      <c r="E3592" s="565" t="s">
        <v>643</v>
      </c>
      <c r="F3592" s="566" t="s">
        <v>600</v>
      </c>
      <c r="G3592" s="430"/>
      <c r="H3592" s="432"/>
      <c r="I3592" s="531"/>
      <c r="J3592" s="816"/>
      <c r="K3592" s="501"/>
      <c r="L3592" s="434">
        <v>44228</v>
      </c>
      <c r="M3592" s="434"/>
      <c r="N3592" s="418"/>
    </row>
    <row r="3593" spans="1:14" ht="15.75">
      <c r="A3593" s="563"/>
      <c r="B3593" s="484">
        <f t="shared" si="104"/>
        <v>156</v>
      </c>
      <c r="C3593" s="470" t="s">
        <v>35235</v>
      </c>
      <c r="D3593" s="547" t="s">
        <v>35236</v>
      </c>
      <c r="E3593" s="565" t="s">
        <v>643</v>
      </c>
      <c r="F3593" s="566" t="s">
        <v>600</v>
      </c>
      <c r="G3593" s="430"/>
      <c r="H3593" s="432"/>
      <c r="I3593" s="531"/>
      <c r="J3593" s="816"/>
      <c r="K3593" s="501"/>
      <c r="L3593" s="434">
        <v>44228</v>
      </c>
      <c r="M3593" s="434"/>
      <c r="N3593" s="418"/>
    </row>
    <row r="3594" spans="1:14" ht="28.5">
      <c r="A3594" s="563"/>
      <c r="B3594" s="484">
        <f t="shared" si="104"/>
        <v>156</v>
      </c>
      <c r="C3594" s="470" t="s">
        <v>35237</v>
      </c>
      <c r="D3594" s="547" t="s">
        <v>35238</v>
      </c>
      <c r="E3594" s="565" t="s">
        <v>643</v>
      </c>
      <c r="F3594" s="566" t="s">
        <v>600</v>
      </c>
      <c r="G3594" s="430"/>
      <c r="H3594" s="432"/>
      <c r="I3594" s="531"/>
      <c r="J3594" s="816"/>
      <c r="K3594" s="501"/>
      <c r="L3594" s="434">
        <v>44228</v>
      </c>
      <c r="M3594" s="434"/>
      <c r="N3594" s="418"/>
    </row>
    <row r="3595" spans="1:14" ht="42.75">
      <c r="A3595" s="563"/>
      <c r="B3595" s="484">
        <f t="shared" si="104"/>
        <v>156</v>
      </c>
      <c r="C3595" s="470" t="s">
        <v>35239</v>
      </c>
      <c r="D3595" s="547" t="s">
        <v>35240</v>
      </c>
      <c r="E3595" s="565" t="s">
        <v>643</v>
      </c>
      <c r="F3595" s="566" t="s">
        <v>600</v>
      </c>
      <c r="G3595" s="430"/>
      <c r="H3595" s="432"/>
      <c r="I3595" s="531"/>
      <c r="J3595" s="816"/>
      <c r="K3595" s="501"/>
      <c r="L3595" s="434">
        <v>44228</v>
      </c>
      <c r="M3595" s="434"/>
      <c r="N3595" s="418"/>
    </row>
    <row r="3596" spans="1:14" ht="71.25">
      <c r="A3596" s="563"/>
      <c r="B3596" s="484">
        <f t="shared" si="104"/>
        <v>156</v>
      </c>
      <c r="C3596" s="470" t="s">
        <v>35241</v>
      </c>
      <c r="D3596" s="547" t="s">
        <v>35242</v>
      </c>
      <c r="E3596" s="565" t="s">
        <v>643</v>
      </c>
      <c r="F3596" s="566" t="s">
        <v>600</v>
      </c>
      <c r="G3596" s="430"/>
      <c r="H3596" s="432"/>
      <c r="I3596" s="531"/>
      <c r="J3596" s="816"/>
      <c r="K3596" s="501"/>
      <c r="L3596" s="434">
        <v>44228</v>
      </c>
      <c r="M3596" s="434"/>
      <c r="N3596" s="418"/>
    </row>
    <row r="3597" spans="1:14" ht="42.75">
      <c r="A3597" s="563"/>
      <c r="B3597" s="484">
        <f t="shared" si="104"/>
        <v>156</v>
      </c>
      <c r="C3597" s="470" t="s">
        <v>35243</v>
      </c>
      <c r="D3597" s="547" t="s">
        <v>35244</v>
      </c>
      <c r="E3597" s="565" t="s">
        <v>643</v>
      </c>
      <c r="F3597" s="566" t="s">
        <v>600</v>
      </c>
      <c r="G3597" s="430"/>
      <c r="H3597" s="432"/>
      <c r="I3597" s="531"/>
      <c r="J3597" s="816"/>
      <c r="K3597" s="501"/>
      <c r="L3597" s="434">
        <v>44228</v>
      </c>
      <c r="M3597" s="434"/>
      <c r="N3597" s="418"/>
    </row>
    <row r="3598" spans="1:14" ht="71.25">
      <c r="A3598" s="563"/>
      <c r="B3598" s="484">
        <f t="shared" si="104"/>
        <v>156</v>
      </c>
      <c r="C3598" s="470" t="s">
        <v>35245</v>
      </c>
      <c r="D3598" s="547" t="s">
        <v>35246</v>
      </c>
      <c r="E3598" s="565" t="s">
        <v>643</v>
      </c>
      <c r="F3598" s="566" t="s">
        <v>600</v>
      </c>
      <c r="G3598" s="430"/>
      <c r="H3598" s="432"/>
      <c r="I3598" s="531"/>
      <c r="J3598" s="816"/>
      <c r="K3598" s="501"/>
      <c r="L3598" s="434">
        <v>44228</v>
      </c>
      <c r="M3598" s="434"/>
      <c r="N3598" s="418"/>
    </row>
    <row r="3599" spans="1:14" ht="85.5">
      <c r="A3599" s="563"/>
      <c r="B3599" s="484">
        <f t="shared" si="104"/>
        <v>156</v>
      </c>
      <c r="C3599" s="470" t="s">
        <v>35247</v>
      </c>
      <c r="D3599" s="547" t="s">
        <v>35248</v>
      </c>
      <c r="E3599" s="565" t="s">
        <v>643</v>
      </c>
      <c r="F3599" s="566" t="s">
        <v>600</v>
      </c>
      <c r="G3599" s="430"/>
      <c r="H3599" s="432"/>
      <c r="I3599" s="531"/>
      <c r="J3599" s="816"/>
      <c r="K3599" s="501"/>
      <c r="L3599" s="434">
        <v>44228</v>
      </c>
      <c r="M3599" s="434"/>
      <c r="N3599" s="418"/>
    </row>
    <row r="3600" spans="1:14" ht="28.5">
      <c r="A3600" s="563"/>
      <c r="B3600" s="484">
        <f t="shared" si="104"/>
        <v>156</v>
      </c>
      <c r="C3600" s="470" t="s">
        <v>35249</v>
      </c>
      <c r="D3600" s="547" t="s">
        <v>35250</v>
      </c>
      <c r="E3600" s="565" t="s">
        <v>643</v>
      </c>
      <c r="F3600" s="566" t="s">
        <v>600</v>
      </c>
      <c r="G3600" s="430"/>
      <c r="H3600" s="432"/>
      <c r="I3600" s="531"/>
      <c r="J3600" s="816"/>
      <c r="K3600" s="501"/>
      <c r="L3600" s="434">
        <v>44228</v>
      </c>
      <c r="M3600" s="434"/>
      <c r="N3600" s="418"/>
    </row>
    <row r="3601" spans="1:14" ht="185.25">
      <c r="A3601" s="563"/>
      <c r="B3601" s="484">
        <f t="shared" si="104"/>
        <v>156</v>
      </c>
      <c r="C3601" s="470" t="s">
        <v>35251</v>
      </c>
      <c r="D3601" s="547" t="s">
        <v>35252</v>
      </c>
      <c r="E3601" s="565" t="s">
        <v>643</v>
      </c>
      <c r="F3601" s="566" t="s">
        <v>600</v>
      </c>
      <c r="G3601" s="430"/>
      <c r="H3601" s="432"/>
      <c r="I3601" s="531"/>
      <c r="J3601" s="816"/>
      <c r="K3601" s="501"/>
      <c r="L3601" s="434">
        <v>44228</v>
      </c>
      <c r="M3601" s="434"/>
      <c r="N3601" s="418"/>
    </row>
    <row r="3602" spans="1:14" ht="71.25">
      <c r="A3602" s="563"/>
      <c r="B3602" s="484">
        <f t="shared" si="104"/>
        <v>156</v>
      </c>
      <c r="C3602" s="470" t="s">
        <v>35253</v>
      </c>
      <c r="D3602" s="547" t="s">
        <v>35254</v>
      </c>
      <c r="E3602" s="565" t="s">
        <v>643</v>
      </c>
      <c r="F3602" s="566" t="s">
        <v>600</v>
      </c>
      <c r="G3602" s="430"/>
      <c r="H3602" s="432"/>
      <c r="I3602" s="531"/>
      <c r="J3602" s="816"/>
      <c r="K3602" s="501"/>
      <c r="L3602" s="434">
        <v>44228</v>
      </c>
      <c r="M3602" s="434"/>
      <c r="N3602" s="418"/>
    </row>
    <row r="3603" spans="1:14" ht="57">
      <c r="A3603" s="563"/>
      <c r="B3603" s="484">
        <f t="shared" si="104"/>
        <v>156</v>
      </c>
      <c r="C3603" s="470" t="s">
        <v>35255</v>
      </c>
      <c r="D3603" s="547" t="s">
        <v>35256</v>
      </c>
      <c r="E3603" s="565" t="s">
        <v>643</v>
      </c>
      <c r="F3603" s="566" t="s">
        <v>600</v>
      </c>
      <c r="G3603" s="430"/>
      <c r="H3603" s="432"/>
      <c r="I3603" s="531"/>
      <c r="J3603" s="816"/>
      <c r="K3603" s="501"/>
      <c r="L3603" s="434">
        <v>44228</v>
      </c>
      <c r="M3603" s="434"/>
      <c r="N3603" s="418"/>
    </row>
    <row r="3604" spans="1:14" ht="142.5">
      <c r="A3604" s="563"/>
      <c r="B3604" s="484">
        <f t="shared" si="104"/>
        <v>156</v>
      </c>
      <c r="C3604" s="470" t="s">
        <v>35257</v>
      </c>
      <c r="D3604" s="547" t="s">
        <v>35258</v>
      </c>
      <c r="E3604" s="565" t="s">
        <v>643</v>
      </c>
      <c r="F3604" s="566" t="s">
        <v>600</v>
      </c>
      <c r="G3604" s="430"/>
      <c r="H3604" s="432"/>
      <c r="I3604" s="531"/>
      <c r="J3604" s="816"/>
      <c r="K3604" s="501"/>
      <c r="L3604" s="434">
        <v>44228</v>
      </c>
      <c r="M3604" s="434"/>
      <c r="N3604" s="418"/>
    </row>
    <row r="3605" spans="1:14" ht="142.5">
      <c r="A3605" s="563"/>
      <c r="B3605" s="484">
        <f t="shared" si="104"/>
        <v>156</v>
      </c>
      <c r="C3605" s="470" t="s">
        <v>35259</v>
      </c>
      <c r="D3605" s="547" t="s">
        <v>35260</v>
      </c>
      <c r="E3605" s="565" t="s">
        <v>643</v>
      </c>
      <c r="F3605" s="566" t="s">
        <v>600</v>
      </c>
      <c r="G3605" s="430"/>
      <c r="H3605" s="432"/>
      <c r="I3605" s="531"/>
      <c r="J3605" s="816"/>
      <c r="K3605" s="501"/>
      <c r="L3605" s="434">
        <v>44228</v>
      </c>
      <c r="M3605" s="434"/>
      <c r="N3605" s="418"/>
    </row>
    <row r="3606" spans="1:14" ht="42.75">
      <c r="A3606" s="563"/>
      <c r="B3606" s="484">
        <f t="shared" si="104"/>
        <v>156</v>
      </c>
      <c r="C3606" s="470" t="s">
        <v>35261</v>
      </c>
      <c r="D3606" s="547" t="s">
        <v>35262</v>
      </c>
      <c r="E3606" s="565" t="s">
        <v>643</v>
      </c>
      <c r="F3606" s="566" t="s">
        <v>600</v>
      </c>
      <c r="G3606" s="430"/>
      <c r="H3606" s="432"/>
      <c r="I3606" s="531"/>
      <c r="J3606" s="816"/>
      <c r="K3606" s="501"/>
      <c r="L3606" s="434">
        <v>44228</v>
      </c>
      <c r="M3606" s="434"/>
      <c r="N3606" s="418"/>
    </row>
    <row r="3607" spans="1:14" ht="42.75">
      <c r="A3607" s="563"/>
      <c r="B3607" s="484">
        <f t="shared" si="104"/>
        <v>156</v>
      </c>
      <c r="C3607" s="470" t="s">
        <v>35263</v>
      </c>
      <c r="D3607" s="547" t="s">
        <v>35264</v>
      </c>
      <c r="E3607" s="565" t="s">
        <v>643</v>
      </c>
      <c r="F3607" s="566" t="s">
        <v>600</v>
      </c>
      <c r="G3607" s="430"/>
      <c r="H3607" s="432"/>
      <c r="I3607" s="531"/>
      <c r="J3607" s="816"/>
      <c r="K3607" s="501"/>
      <c r="L3607" s="434">
        <v>44228</v>
      </c>
      <c r="M3607" s="434"/>
      <c r="N3607" s="418"/>
    </row>
    <row r="3608" spans="1:14" ht="42.75">
      <c r="A3608" s="563"/>
      <c r="B3608" s="484">
        <f t="shared" si="104"/>
        <v>156</v>
      </c>
      <c r="C3608" s="470" t="s">
        <v>35265</v>
      </c>
      <c r="D3608" s="547" t="s">
        <v>35266</v>
      </c>
      <c r="E3608" s="565" t="s">
        <v>643</v>
      </c>
      <c r="F3608" s="566" t="s">
        <v>600</v>
      </c>
      <c r="G3608" s="430"/>
      <c r="H3608" s="432"/>
      <c r="I3608" s="531"/>
      <c r="J3608" s="816"/>
      <c r="K3608" s="501"/>
      <c r="L3608" s="434">
        <v>44228</v>
      </c>
      <c r="M3608" s="434"/>
      <c r="N3608" s="418"/>
    </row>
    <row r="3609" spans="1:14" ht="42.75">
      <c r="A3609" s="563"/>
      <c r="B3609" s="484">
        <f t="shared" si="104"/>
        <v>156</v>
      </c>
      <c r="C3609" s="470" t="s">
        <v>35267</v>
      </c>
      <c r="D3609" s="547" t="s">
        <v>35268</v>
      </c>
      <c r="E3609" s="565" t="s">
        <v>643</v>
      </c>
      <c r="F3609" s="566" t="s">
        <v>600</v>
      </c>
      <c r="G3609" s="430"/>
      <c r="H3609" s="432"/>
      <c r="I3609" s="531"/>
      <c r="J3609" s="816"/>
      <c r="K3609" s="501"/>
      <c r="L3609" s="434">
        <v>44228</v>
      </c>
      <c r="M3609" s="434"/>
      <c r="N3609" s="418"/>
    </row>
    <row r="3610" spans="1:14" ht="42.75">
      <c r="A3610" s="563"/>
      <c r="B3610" s="484">
        <f t="shared" si="104"/>
        <v>156</v>
      </c>
      <c r="C3610" s="470" t="s">
        <v>35269</v>
      </c>
      <c r="D3610" s="547" t="s">
        <v>35270</v>
      </c>
      <c r="E3610" s="565" t="s">
        <v>643</v>
      </c>
      <c r="F3610" s="566" t="s">
        <v>600</v>
      </c>
      <c r="G3610" s="430"/>
      <c r="H3610" s="432"/>
      <c r="I3610" s="531"/>
      <c r="J3610" s="816"/>
      <c r="K3610" s="501"/>
      <c r="L3610" s="434">
        <v>44228</v>
      </c>
      <c r="M3610" s="434"/>
      <c r="N3610" s="418"/>
    </row>
    <row r="3611" spans="1:14" ht="71.25">
      <c r="A3611" s="563"/>
      <c r="B3611" s="484">
        <f t="shared" si="104"/>
        <v>156</v>
      </c>
      <c r="C3611" s="470" t="s">
        <v>35271</v>
      </c>
      <c r="D3611" s="547" t="s">
        <v>35272</v>
      </c>
      <c r="E3611" s="565" t="s">
        <v>643</v>
      </c>
      <c r="F3611" s="566" t="s">
        <v>600</v>
      </c>
      <c r="G3611" s="430"/>
      <c r="H3611" s="432"/>
      <c r="I3611" s="531"/>
      <c r="J3611" s="816"/>
      <c r="K3611" s="501"/>
      <c r="L3611" s="434">
        <v>44228</v>
      </c>
      <c r="M3611" s="434"/>
      <c r="N3611" s="418"/>
    </row>
    <row r="3612" spans="1:14" ht="28.5">
      <c r="A3612" s="563"/>
      <c r="B3612" s="484">
        <f t="shared" si="104"/>
        <v>156</v>
      </c>
      <c r="C3612" s="470" t="s">
        <v>35273</v>
      </c>
      <c r="D3612" s="547" t="s">
        <v>35274</v>
      </c>
      <c r="E3612" s="565" t="s">
        <v>643</v>
      </c>
      <c r="F3612" s="566" t="s">
        <v>600</v>
      </c>
      <c r="G3612" s="430"/>
      <c r="H3612" s="432"/>
      <c r="I3612" s="531"/>
      <c r="J3612" s="816"/>
      <c r="K3612" s="501"/>
      <c r="L3612" s="434">
        <v>44228</v>
      </c>
      <c r="M3612" s="434"/>
      <c r="N3612" s="418"/>
    </row>
    <row r="3613" spans="1:14" ht="42.75">
      <c r="A3613" s="563"/>
      <c r="B3613" s="484">
        <f t="shared" si="104"/>
        <v>156</v>
      </c>
      <c r="C3613" s="470" t="s">
        <v>35275</v>
      </c>
      <c r="D3613" s="547" t="s">
        <v>35276</v>
      </c>
      <c r="E3613" s="565" t="s">
        <v>643</v>
      </c>
      <c r="F3613" s="566" t="s">
        <v>600</v>
      </c>
      <c r="G3613" s="430"/>
      <c r="H3613" s="432"/>
      <c r="I3613" s="531"/>
      <c r="J3613" s="816"/>
      <c r="K3613" s="501"/>
      <c r="L3613" s="434">
        <v>44228</v>
      </c>
      <c r="M3613" s="434"/>
      <c r="N3613" s="418"/>
    </row>
    <row r="3614" spans="1:14" ht="42.75">
      <c r="A3614" s="563"/>
      <c r="B3614" s="484">
        <f t="shared" si="104"/>
        <v>156</v>
      </c>
      <c r="C3614" s="470" t="s">
        <v>35277</v>
      </c>
      <c r="D3614" s="547" t="s">
        <v>35278</v>
      </c>
      <c r="E3614" s="565" t="s">
        <v>643</v>
      </c>
      <c r="F3614" s="566" t="s">
        <v>600</v>
      </c>
      <c r="G3614" s="430"/>
      <c r="H3614" s="432"/>
      <c r="I3614" s="531"/>
      <c r="J3614" s="816"/>
      <c r="K3614" s="501"/>
      <c r="L3614" s="434">
        <v>44228</v>
      </c>
      <c r="M3614" s="434"/>
      <c r="N3614" s="418"/>
    </row>
    <row r="3615" spans="1:14" ht="42.75">
      <c r="A3615" s="563"/>
      <c r="B3615" s="484">
        <f t="shared" si="104"/>
        <v>156</v>
      </c>
      <c r="C3615" s="470" t="s">
        <v>35279</v>
      </c>
      <c r="D3615" s="547" t="s">
        <v>35280</v>
      </c>
      <c r="E3615" s="565" t="s">
        <v>643</v>
      </c>
      <c r="F3615" s="566" t="s">
        <v>600</v>
      </c>
      <c r="G3615" s="430"/>
      <c r="H3615" s="432"/>
      <c r="I3615" s="531"/>
      <c r="J3615" s="816"/>
      <c r="K3615" s="501"/>
      <c r="L3615" s="434">
        <v>44228</v>
      </c>
      <c r="M3615" s="434"/>
      <c r="N3615" s="418"/>
    </row>
    <row r="3616" spans="1:14" ht="57">
      <c r="A3616" s="563"/>
      <c r="B3616" s="484">
        <f t="shared" si="104"/>
        <v>156</v>
      </c>
      <c r="C3616" s="470" t="s">
        <v>35281</v>
      </c>
      <c r="D3616" s="547" t="s">
        <v>35282</v>
      </c>
      <c r="E3616" s="565" t="s">
        <v>643</v>
      </c>
      <c r="F3616" s="566" t="s">
        <v>600</v>
      </c>
      <c r="G3616" s="430"/>
      <c r="H3616" s="432"/>
      <c r="I3616" s="531"/>
      <c r="J3616" s="816"/>
      <c r="K3616" s="501"/>
      <c r="L3616" s="434">
        <v>44228</v>
      </c>
      <c r="M3616" s="434"/>
      <c r="N3616" s="418"/>
    </row>
    <row r="3617" spans="1:14" ht="71.25">
      <c r="A3617" s="563"/>
      <c r="B3617" s="484">
        <f t="shared" si="104"/>
        <v>156</v>
      </c>
      <c r="C3617" s="470" t="s">
        <v>35283</v>
      </c>
      <c r="D3617" s="547" t="s">
        <v>35284</v>
      </c>
      <c r="E3617" s="565" t="s">
        <v>643</v>
      </c>
      <c r="F3617" s="566" t="s">
        <v>600</v>
      </c>
      <c r="G3617" s="430"/>
      <c r="H3617" s="432"/>
      <c r="I3617" s="531"/>
      <c r="J3617" s="816"/>
      <c r="K3617" s="501"/>
      <c r="L3617" s="434">
        <v>44228</v>
      </c>
      <c r="M3617" s="434"/>
      <c r="N3617" s="418"/>
    </row>
    <row r="3618" spans="1:14" ht="42.75">
      <c r="A3618" s="563"/>
      <c r="B3618" s="484">
        <f t="shared" si="104"/>
        <v>156</v>
      </c>
      <c r="C3618" s="470" t="s">
        <v>35285</v>
      </c>
      <c r="D3618" s="547" t="s">
        <v>35286</v>
      </c>
      <c r="E3618" s="565" t="s">
        <v>643</v>
      </c>
      <c r="F3618" s="566" t="s">
        <v>600</v>
      </c>
      <c r="G3618" s="430"/>
      <c r="H3618" s="432"/>
      <c r="I3618" s="531"/>
      <c r="J3618" s="816"/>
      <c r="K3618" s="501"/>
      <c r="L3618" s="434">
        <v>44228</v>
      </c>
      <c r="M3618" s="434"/>
      <c r="N3618" s="418"/>
    </row>
    <row r="3619" spans="1:14" ht="28.5">
      <c r="A3619" s="563"/>
      <c r="B3619" s="484">
        <f t="shared" si="104"/>
        <v>156</v>
      </c>
      <c r="C3619" s="470" t="s">
        <v>35287</v>
      </c>
      <c r="D3619" s="547" t="s">
        <v>35288</v>
      </c>
      <c r="E3619" s="565" t="s">
        <v>643</v>
      </c>
      <c r="F3619" s="566" t="s">
        <v>600</v>
      </c>
      <c r="G3619" s="430"/>
      <c r="H3619" s="432"/>
      <c r="I3619" s="531"/>
      <c r="J3619" s="816"/>
      <c r="K3619" s="501"/>
      <c r="L3619" s="434">
        <v>44228</v>
      </c>
      <c r="M3619" s="434"/>
      <c r="N3619" s="418"/>
    </row>
    <row r="3620" spans="1:14" ht="57">
      <c r="A3620" s="563"/>
      <c r="B3620" s="484">
        <f t="shared" si="104"/>
        <v>156</v>
      </c>
      <c r="C3620" s="470" t="s">
        <v>35289</v>
      </c>
      <c r="D3620" s="547" t="s">
        <v>35290</v>
      </c>
      <c r="E3620" s="565" t="s">
        <v>643</v>
      </c>
      <c r="F3620" s="566" t="s">
        <v>600</v>
      </c>
      <c r="G3620" s="430"/>
      <c r="H3620" s="432"/>
      <c r="I3620" s="531"/>
      <c r="J3620" s="816"/>
      <c r="K3620" s="501"/>
      <c r="L3620" s="434">
        <v>44228</v>
      </c>
      <c r="M3620" s="434"/>
      <c r="N3620" s="418"/>
    </row>
    <row r="3621" spans="1:14" ht="28.5">
      <c r="A3621" s="563"/>
      <c r="B3621" s="484">
        <f t="shared" si="104"/>
        <v>156</v>
      </c>
      <c r="C3621" s="470" t="s">
        <v>35291</v>
      </c>
      <c r="D3621" s="547" t="s">
        <v>35292</v>
      </c>
      <c r="E3621" s="565" t="s">
        <v>643</v>
      </c>
      <c r="F3621" s="566" t="s">
        <v>600</v>
      </c>
      <c r="G3621" s="430"/>
      <c r="H3621" s="432"/>
      <c r="I3621" s="531"/>
      <c r="J3621" s="816"/>
      <c r="K3621" s="501"/>
      <c r="L3621" s="434">
        <v>44228</v>
      </c>
      <c r="M3621" s="434"/>
      <c r="N3621" s="418"/>
    </row>
    <row r="3622" spans="1:14" ht="78.75">
      <c r="A3622" s="536">
        <v>157</v>
      </c>
      <c r="B3622" s="411">
        <f t="shared" si="104"/>
        <v>157</v>
      </c>
      <c r="C3622" s="424" t="s">
        <v>6104</v>
      </c>
      <c r="D3622" s="414" t="s">
        <v>6105</v>
      </c>
      <c r="E3622" s="414" t="s">
        <v>595</v>
      </c>
      <c r="F3622" s="414" t="s">
        <v>596</v>
      </c>
      <c r="G3622" s="414" t="s">
        <v>597</v>
      </c>
      <c r="H3622" s="415"/>
      <c r="I3622" s="415"/>
      <c r="J3622" s="416" t="s">
        <v>6106</v>
      </c>
      <c r="K3622" s="414"/>
      <c r="L3622" s="417">
        <v>38362</v>
      </c>
      <c r="M3622" s="417"/>
      <c r="N3622" s="418" t="str">
        <f t="shared" ref="N3622:N3685" si="105">IF(D3622="NA","",IF(COUNTIF($D$2:$D$5552,D3622)&gt;1,"DUPLICATE",""))</f>
        <v/>
      </c>
    </row>
    <row r="3623" spans="1:14" ht="47.25">
      <c r="A3623" s="536">
        <v>158</v>
      </c>
      <c r="B3623" s="411">
        <f t="shared" si="104"/>
        <v>158</v>
      </c>
      <c r="C3623" s="550" t="s">
        <v>6107</v>
      </c>
      <c r="D3623" s="421" t="s">
        <v>6108</v>
      </c>
      <c r="E3623" s="414" t="s">
        <v>595</v>
      </c>
      <c r="F3623" s="414" t="s">
        <v>596</v>
      </c>
      <c r="G3623" s="414" t="s">
        <v>614</v>
      </c>
      <c r="H3623" s="415"/>
      <c r="I3623" s="415"/>
      <c r="J3623" s="437"/>
      <c r="K3623" s="414"/>
      <c r="L3623" s="417">
        <v>42767</v>
      </c>
      <c r="M3623" s="417"/>
      <c r="N3623" s="418" t="str">
        <f t="shared" si="105"/>
        <v/>
      </c>
    </row>
    <row r="3624" spans="1:14" ht="47.25">
      <c r="A3624" s="536">
        <v>159</v>
      </c>
      <c r="B3624" s="411">
        <f t="shared" si="104"/>
        <v>159</v>
      </c>
      <c r="C3624" s="550" t="s">
        <v>6109</v>
      </c>
      <c r="D3624" s="421" t="s">
        <v>6110</v>
      </c>
      <c r="E3624" s="414" t="s">
        <v>595</v>
      </c>
      <c r="F3624" s="414" t="s">
        <v>596</v>
      </c>
      <c r="G3624" s="414" t="s">
        <v>614</v>
      </c>
      <c r="H3624" s="415"/>
      <c r="I3624" s="415"/>
      <c r="J3624" s="437"/>
      <c r="K3624" s="414"/>
      <c r="L3624" s="417">
        <v>42767</v>
      </c>
      <c r="M3624" s="417"/>
      <c r="N3624" s="418" t="str">
        <f t="shared" si="105"/>
        <v/>
      </c>
    </row>
    <row r="3625" spans="1:14" ht="31.5">
      <c r="A3625" s="410">
        <v>160</v>
      </c>
      <c r="B3625" s="411">
        <f t="shared" si="104"/>
        <v>160</v>
      </c>
      <c r="C3625" s="412" t="s">
        <v>6111</v>
      </c>
      <c r="D3625" s="414" t="s">
        <v>112</v>
      </c>
      <c r="E3625" s="458" t="s">
        <v>643</v>
      </c>
      <c r="F3625" s="458" t="s">
        <v>600</v>
      </c>
      <c r="G3625" s="414" t="s">
        <v>811</v>
      </c>
      <c r="H3625" s="415">
        <v>45257</v>
      </c>
      <c r="I3625" s="451" t="s">
        <v>711</v>
      </c>
      <c r="J3625" s="528" t="s">
        <v>6112</v>
      </c>
      <c r="K3625" s="414"/>
      <c r="L3625" s="423">
        <v>39114</v>
      </c>
      <c r="M3625" s="417">
        <v>43862</v>
      </c>
      <c r="N3625" s="418" t="str">
        <f t="shared" si="105"/>
        <v/>
      </c>
    </row>
    <row r="3626" spans="1:14" ht="78.75">
      <c r="A3626" s="678">
        <v>161</v>
      </c>
      <c r="B3626" s="411">
        <f t="shared" si="104"/>
        <v>161</v>
      </c>
      <c r="C3626" s="677" t="s">
        <v>6113</v>
      </c>
      <c r="D3626" s="472" t="s">
        <v>6114</v>
      </c>
      <c r="E3626" s="414" t="s">
        <v>595</v>
      </c>
      <c r="F3626" s="414" t="s">
        <v>596</v>
      </c>
      <c r="G3626" s="414" t="s">
        <v>3492</v>
      </c>
      <c r="H3626" s="415"/>
      <c r="I3626" s="415"/>
      <c r="J3626" s="817" t="s">
        <v>6115</v>
      </c>
      <c r="K3626" s="414"/>
      <c r="L3626" s="417">
        <v>42767</v>
      </c>
      <c r="M3626" s="417"/>
      <c r="N3626" s="418" t="str">
        <f t="shared" si="105"/>
        <v/>
      </c>
    </row>
    <row r="3627" spans="1:14" ht="78.75">
      <c r="A3627" s="410">
        <v>162</v>
      </c>
      <c r="B3627" s="411">
        <f t="shared" si="104"/>
        <v>162</v>
      </c>
      <c r="C3627" s="412" t="s">
        <v>6116</v>
      </c>
      <c r="D3627" s="414" t="s">
        <v>6117</v>
      </c>
      <c r="E3627" s="458" t="s">
        <v>595</v>
      </c>
      <c r="F3627" s="458" t="s">
        <v>596</v>
      </c>
      <c r="G3627" s="414" t="s">
        <v>6118</v>
      </c>
      <c r="H3627" s="415"/>
      <c r="I3627" s="460"/>
      <c r="J3627" s="528" t="s">
        <v>6119</v>
      </c>
      <c r="K3627" s="414"/>
      <c r="L3627" s="417">
        <v>42767</v>
      </c>
      <c r="M3627" s="417"/>
      <c r="N3627" s="418" t="str">
        <f t="shared" si="105"/>
        <v/>
      </c>
    </row>
    <row r="3628" spans="1:14" ht="31.5">
      <c r="A3628" s="410">
        <v>163</v>
      </c>
      <c r="B3628" s="411">
        <f t="shared" si="104"/>
        <v>163</v>
      </c>
      <c r="C3628" s="412" t="s">
        <v>6120</v>
      </c>
      <c r="D3628" s="414" t="s">
        <v>97</v>
      </c>
      <c r="E3628" s="458" t="s">
        <v>595</v>
      </c>
      <c r="F3628" s="458" t="s">
        <v>600</v>
      </c>
      <c r="G3628" s="414" t="s">
        <v>811</v>
      </c>
      <c r="H3628" s="415">
        <v>45257</v>
      </c>
      <c r="I3628" s="415" t="s">
        <v>711</v>
      </c>
      <c r="J3628" s="528" t="s">
        <v>6122</v>
      </c>
      <c r="K3628" s="414"/>
      <c r="L3628" s="423">
        <v>42401</v>
      </c>
      <c r="M3628" s="417">
        <v>43862</v>
      </c>
      <c r="N3628" s="418" t="str">
        <f t="shared" si="105"/>
        <v/>
      </c>
    </row>
    <row r="3629" spans="1:14" ht="31.5">
      <c r="A3629" s="536">
        <v>164</v>
      </c>
      <c r="B3629" s="411">
        <f t="shared" si="104"/>
        <v>164</v>
      </c>
      <c r="C3629" s="424" t="s">
        <v>6123</v>
      </c>
      <c r="D3629" s="421" t="s">
        <v>94</v>
      </c>
      <c r="E3629" s="421" t="s">
        <v>595</v>
      </c>
      <c r="F3629" s="421" t="s">
        <v>600</v>
      </c>
      <c r="G3629" s="414" t="s">
        <v>811</v>
      </c>
      <c r="H3629" s="415">
        <v>45257</v>
      </c>
      <c r="I3629" s="451" t="s">
        <v>711</v>
      </c>
      <c r="J3629" s="416" t="s">
        <v>6124</v>
      </c>
      <c r="K3629" s="474" t="s">
        <v>1479</v>
      </c>
      <c r="L3629" s="439">
        <v>39845</v>
      </c>
      <c r="M3629" s="439">
        <v>43862</v>
      </c>
      <c r="N3629" s="418" t="str">
        <f t="shared" si="105"/>
        <v/>
      </c>
    </row>
    <row r="3630" spans="1:14" ht="31.5">
      <c r="A3630" s="678">
        <v>165</v>
      </c>
      <c r="B3630" s="411">
        <f t="shared" si="104"/>
        <v>165</v>
      </c>
      <c r="C3630" s="677" t="s">
        <v>6125</v>
      </c>
      <c r="D3630" s="472" t="s">
        <v>6126</v>
      </c>
      <c r="E3630" s="414" t="s">
        <v>595</v>
      </c>
      <c r="F3630" s="414" t="s">
        <v>596</v>
      </c>
      <c r="G3630" s="414" t="s">
        <v>1390</v>
      </c>
      <c r="H3630" s="415"/>
      <c r="I3630" s="415"/>
      <c r="J3630" s="437" t="s">
        <v>6127</v>
      </c>
      <c r="K3630" s="414"/>
      <c r="L3630" s="417">
        <v>42767</v>
      </c>
      <c r="M3630" s="417"/>
      <c r="N3630" s="418" t="str">
        <f t="shared" si="105"/>
        <v/>
      </c>
    </row>
    <row r="3631" spans="1:14" ht="47.25">
      <c r="A3631" s="536">
        <v>166</v>
      </c>
      <c r="B3631" s="411">
        <f t="shared" si="104"/>
        <v>166</v>
      </c>
      <c r="C3631" s="550" t="s">
        <v>6128</v>
      </c>
      <c r="D3631" s="421" t="s">
        <v>6129</v>
      </c>
      <c r="E3631" s="414" t="s">
        <v>595</v>
      </c>
      <c r="F3631" s="414" t="s">
        <v>596</v>
      </c>
      <c r="G3631" s="414" t="s">
        <v>614</v>
      </c>
      <c r="H3631" s="415"/>
      <c r="I3631" s="415"/>
      <c r="J3631" s="437"/>
      <c r="K3631" s="414"/>
      <c r="L3631" s="417">
        <v>42767</v>
      </c>
      <c r="M3631" s="417"/>
      <c r="N3631" s="418" t="str">
        <f t="shared" si="105"/>
        <v/>
      </c>
    </row>
    <row r="3632" spans="1:14" ht="47.25">
      <c r="A3632" s="536">
        <v>167</v>
      </c>
      <c r="B3632" s="411">
        <f t="shared" si="104"/>
        <v>167</v>
      </c>
      <c r="C3632" s="818" t="s">
        <v>6130</v>
      </c>
      <c r="D3632" s="421" t="s">
        <v>6131</v>
      </c>
      <c r="E3632" s="414" t="s">
        <v>595</v>
      </c>
      <c r="F3632" s="414" t="s">
        <v>596</v>
      </c>
      <c r="G3632" s="414" t="s">
        <v>614</v>
      </c>
      <c r="H3632" s="415"/>
      <c r="I3632" s="415"/>
      <c r="J3632" s="437"/>
      <c r="K3632" s="414"/>
      <c r="L3632" s="417">
        <v>42767</v>
      </c>
      <c r="M3632" s="417"/>
      <c r="N3632" s="418" t="str">
        <f t="shared" si="105"/>
        <v/>
      </c>
    </row>
    <row r="3633" spans="1:14" ht="31.5">
      <c r="A3633" s="678">
        <v>168</v>
      </c>
      <c r="B3633" s="411">
        <f t="shared" si="104"/>
        <v>168</v>
      </c>
      <c r="C3633" s="677" t="s">
        <v>6132</v>
      </c>
      <c r="D3633" s="576" t="s">
        <v>6133</v>
      </c>
      <c r="E3633" s="414" t="s">
        <v>595</v>
      </c>
      <c r="F3633" s="414" t="s">
        <v>596</v>
      </c>
      <c r="G3633" s="414" t="s">
        <v>1390</v>
      </c>
      <c r="H3633" s="415"/>
      <c r="I3633" s="415"/>
      <c r="J3633" s="437" t="s">
        <v>6134</v>
      </c>
      <c r="K3633" s="414"/>
      <c r="L3633" s="417">
        <v>42767</v>
      </c>
      <c r="M3633" s="417"/>
      <c r="N3633" s="418" t="str">
        <f t="shared" si="105"/>
        <v/>
      </c>
    </row>
    <row r="3634" spans="1:14" ht="78.75">
      <c r="A3634" s="536">
        <v>169</v>
      </c>
      <c r="B3634" s="411">
        <f t="shared" si="104"/>
        <v>169</v>
      </c>
      <c r="C3634" s="818" t="s">
        <v>6135</v>
      </c>
      <c r="D3634" s="421" t="s">
        <v>376</v>
      </c>
      <c r="E3634" s="414" t="s">
        <v>595</v>
      </c>
      <c r="F3634" s="414" t="s">
        <v>600</v>
      </c>
      <c r="G3634" s="414" t="s">
        <v>26855</v>
      </c>
      <c r="H3634" s="415"/>
      <c r="I3634" s="415"/>
      <c r="J3634" s="437"/>
      <c r="K3634" s="414"/>
      <c r="L3634" s="417">
        <v>42767</v>
      </c>
      <c r="M3634" s="417">
        <v>43132</v>
      </c>
      <c r="N3634" s="418" t="str">
        <f t="shared" si="105"/>
        <v/>
      </c>
    </row>
    <row r="3635" spans="1:14" ht="15.75">
      <c r="A3635" s="536">
        <v>170</v>
      </c>
      <c r="B3635" s="411">
        <f t="shared" si="104"/>
        <v>170</v>
      </c>
      <c r="C3635" s="818" t="s">
        <v>28516</v>
      </c>
      <c r="D3635" s="421"/>
      <c r="E3635" s="414" t="s">
        <v>595</v>
      </c>
      <c r="F3635" s="414" t="s">
        <v>600</v>
      </c>
      <c r="G3635" s="414" t="s">
        <v>811</v>
      </c>
      <c r="H3635" s="415"/>
      <c r="I3635" s="415"/>
      <c r="J3635" s="437"/>
      <c r="K3635" s="414"/>
      <c r="L3635" s="417">
        <v>43132</v>
      </c>
      <c r="M3635" s="417"/>
      <c r="N3635" s="418" t="str">
        <f t="shared" si="105"/>
        <v/>
      </c>
    </row>
    <row r="3636" spans="1:14" ht="31.5">
      <c r="A3636" s="536"/>
      <c r="B3636" s="411">
        <f t="shared" ref="B3636:B3699" si="106">IF(A3636&gt;0,A3636,B3635)</f>
        <v>170</v>
      </c>
      <c r="C3636" s="819" t="s">
        <v>14071</v>
      </c>
      <c r="D3636" s="421" t="s">
        <v>14072</v>
      </c>
      <c r="E3636" s="414" t="s">
        <v>595</v>
      </c>
      <c r="F3636" s="414" t="s">
        <v>600</v>
      </c>
      <c r="G3636" s="414" t="s">
        <v>14073</v>
      </c>
      <c r="H3636" s="415">
        <v>44200</v>
      </c>
      <c r="I3636" s="415" t="s">
        <v>711</v>
      </c>
      <c r="J3636" s="437"/>
      <c r="K3636" s="414"/>
      <c r="L3636" s="417">
        <v>43132</v>
      </c>
      <c r="M3636" s="417"/>
      <c r="N3636" s="418" t="str">
        <f t="shared" si="105"/>
        <v/>
      </c>
    </row>
    <row r="3637" spans="1:14" ht="31.5">
      <c r="A3637" s="536"/>
      <c r="B3637" s="411">
        <f t="shared" si="106"/>
        <v>170</v>
      </c>
      <c r="C3637" s="819" t="s">
        <v>14074</v>
      </c>
      <c r="D3637" s="421" t="s">
        <v>14075</v>
      </c>
      <c r="E3637" s="414" t="s">
        <v>595</v>
      </c>
      <c r="F3637" s="414" t="s">
        <v>600</v>
      </c>
      <c r="G3637" s="414" t="s">
        <v>14073</v>
      </c>
      <c r="H3637" s="415">
        <v>44200</v>
      </c>
      <c r="I3637" s="415" t="s">
        <v>711</v>
      </c>
      <c r="J3637" s="437"/>
      <c r="K3637" s="414"/>
      <c r="L3637" s="417">
        <v>43132</v>
      </c>
      <c r="M3637" s="417"/>
      <c r="N3637" s="418" t="str">
        <f t="shared" si="105"/>
        <v/>
      </c>
    </row>
    <row r="3638" spans="1:14" ht="47.25">
      <c r="A3638" s="536">
        <v>171</v>
      </c>
      <c r="B3638" s="411">
        <f t="shared" si="106"/>
        <v>171</v>
      </c>
      <c r="C3638" s="550" t="s">
        <v>6136</v>
      </c>
      <c r="D3638" s="421" t="s">
        <v>232</v>
      </c>
      <c r="E3638" s="414" t="s">
        <v>595</v>
      </c>
      <c r="F3638" s="414" t="s">
        <v>596</v>
      </c>
      <c r="G3638" s="414" t="s">
        <v>614</v>
      </c>
      <c r="H3638" s="415"/>
      <c r="I3638" s="415"/>
      <c r="J3638" s="437"/>
      <c r="K3638" s="414"/>
      <c r="L3638" s="417">
        <v>42767</v>
      </c>
      <c r="M3638" s="417"/>
      <c r="N3638" s="418" t="str">
        <f t="shared" si="105"/>
        <v/>
      </c>
    </row>
    <row r="3639" spans="1:14" ht="31.5">
      <c r="A3639" s="536">
        <v>172</v>
      </c>
      <c r="B3639" s="411">
        <f t="shared" si="106"/>
        <v>172</v>
      </c>
      <c r="C3639" s="424" t="s">
        <v>6137</v>
      </c>
      <c r="D3639" s="420" t="s">
        <v>6138</v>
      </c>
      <c r="E3639" s="421" t="s">
        <v>707</v>
      </c>
      <c r="F3639" s="421" t="s">
        <v>600</v>
      </c>
      <c r="G3639" s="414" t="s">
        <v>5070</v>
      </c>
      <c r="H3639" s="415"/>
      <c r="I3639" s="415"/>
      <c r="J3639" s="438" t="s">
        <v>6139</v>
      </c>
      <c r="K3639" s="474"/>
      <c r="L3639" s="439">
        <v>38362</v>
      </c>
      <c r="M3639" s="417">
        <v>42767</v>
      </c>
      <c r="N3639" s="418" t="str">
        <f t="shared" si="105"/>
        <v/>
      </c>
    </row>
    <row r="3640" spans="1:14" ht="31.5">
      <c r="A3640" s="536">
        <v>173</v>
      </c>
      <c r="B3640" s="411">
        <f t="shared" si="106"/>
        <v>173</v>
      </c>
      <c r="C3640" s="820" t="s">
        <v>6140</v>
      </c>
      <c r="D3640" s="421"/>
      <c r="E3640" s="821" t="s">
        <v>595</v>
      </c>
      <c r="F3640" s="421" t="s">
        <v>596</v>
      </c>
      <c r="G3640" s="414" t="s">
        <v>6141</v>
      </c>
      <c r="H3640" s="415"/>
      <c r="I3640" s="415"/>
      <c r="J3640" s="438" t="s">
        <v>6142</v>
      </c>
      <c r="K3640" s="414"/>
      <c r="L3640" s="417">
        <v>38362</v>
      </c>
      <c r="M3640" s="417">
        <v>40575</v>
      </c>
      <c r="N3640" s="418" t="str">
        <f t="shared" si="105"/>
        <v/>
      </c>
    </row>
    <row r="3641" spans="1:14" ht="15.75">
      <c r="A3641" s="538"/>
      <c r="B3641" s="411">
        <f t="shared" si="106"/>
        <v>173</v>
      </c>
      <c r="C3641" s="498" t="s">
        <v>6143</v>
      </c>
      <c r="D3641" s="449" t="s">
        <v>6144</v>
      </c>
      <c r="E3641" s="140" t="s">
        <v>595</v>
      </c>
      <c r="F3641" s="539" t="s">
        <v>596</v>
      </c>
      <c r="G3641" s="442"/>
      <c r="H3641" s="415"/>
      <c r="I3641" s="444"/>
      <c r="J3641" s="445"/>
      <c r="K3641" s="442"/>
      <c r="L3641" s="534">
        <v>38362</v>
      </c>
      <c r="M3641" s="477">
        <v>40575</v>
      </c>
      <c r="N3641" s="418" t="str">
        <f t="shared" si="105"/>
        <v/>
      </c>
    </row>
    <row r="3642" spans="1:14" ht="15.75">
      <c r="A3642" s="538"/>
      <c r="B3642" s="411">
        <f t="shared" si="106"/>
        <v>173</v>
      </c>
      <c r="C3642" s="498" t="s">
        <v>6145</v>
      </c>
      <c r="D3642" s="449" t="s">
        <v>6146</v>
      </c>
      <c r="E3642" s="140" t="s">
        <v>595</v>
      </c>
      <c r="F3642" s="539" t="s">
        <v>596</v>
      </c>
      <c r="G3642" s="449"/>
      <c r="H3642" s="415"/>
      <c r="I3642" s="451"/>
      <c r="J3642" s="452"/>
      <c r="K3642" s="449"/>
      <c r="L3642" s="534">
        <v>38362</v>
      </c>
      <c r="M3642" s="477">
        <v>40575</v>
      </c>
      <c r="N3642" s="418" t="str">
        <f t="shared" si="105"/>
        <v/>
      </c>
    </row>
    <row r="3643" spans="1:14" ht="15.75">
      <c r="A3643" s="538"/>
      <c r="B3643" s="411">
        <f t="shared" si="106"/>
        <v>173</v>
      </c>
      <c r="C3643" s="498" t="s">
        <v>6147</v>
      </c>
      <c r="D3643" s="449" t="s">
        <v>6148</v>
      </c>
      <c r="E3643" s="140" t="s">
        <v>595</v>
      </c>
      <c r="F3643" s="539" t="s">
        <v>596</v>
      </c>
      <c r="G3643" s="449"/>
      <c r="H3643" s="415"/>
      <c r="I3643" s="451"/>
      <c r="J3643" s="452"/>
      <c r="K3643" s="449"/>
      <c r="L3643" s="534">
        <v>38362</v>
      </c>
      <c r="M3643" s="477">
        <v>40575</v>
      </c>
      <c r="N3643" s="418" t="str">
        <f t="shared" si="105"/>
        <v/>
      </c>
    </row>
    <row r="3644" spans="1:14" ht="15.75">
      <c r="A3644" s="538"/>
      <c r="B3644" s="411">
        <f t="shared" si="106"/>
        <v>173</v>
      </c>
      <c r="C3644" s="498" t="s">
        <v>6149</v>
      </c>
      <c r="D3644" s="449" t="s">
        <v>6150</v>
      </c>
      <c r="E3644" s="140" t="s">
        <v>595</v>
      </c>
      <c r="F3644" s="539" t="s">
        <v>596</v>
      </c>
      <c r="G3644" s="449"/>
      <c r="H3644" s="415"/>
      <c r="I3644" s="451"/>
      <c r="J3644" s="452"/>
      <c r="K3644" s="449"/>
      <c r="L3644" s="534">
        <v>38362</v>
      </c>
      <c r="M3644" s="477">
        <v>40575</v>
      </c>
      <c r="N3644" s="418" t="str">
        <f t="shared" si="105"/>
        <v/>
      </c>
    </row>
    <row r="3645" spans="1:14" ht="15.75">
      <c r="A3645" s="538"/>
      <c r="B3645" s="411">
        <f t="shared" si="106"/>
        <v>173</v>
      </c>
      <c r="C3645" s="498" t="s">
        <v>6151</v>
      </c>
      <c r="D3645" s="449" t="s">
        <v>6152</v>
      </c>
      <c r="E3645" s="140" t="s">
        <v>595</v>
      </c>
      <c r="F3645" s="539" t="s">
        <v>596</v>
      </c>
      <c r="G3645" s="449"/>
      <c r="H3645" s="415"/>
      <c r="I3645" s="451"/>
      <c r="J3645" s="452"/>
      <c r="K3645" s="449"/>
      <c r="L3645" s="534">
        <v>38362</v>
      </c>
      <c r="M3645" s="477">
        <v>40575</v>
      </c>
      <c r="N3645" s="418" t="str">
        <f t="shared" si="105"/>
        <v/>
      </c>
    </row>
    <row r="3646" spans="1:14" ht="15.75">
      <c r="A3646" s="538"/>
      <c r="B3646" s="411">
        <f t="shared" si="106"/>
        <v>173</v>
      </c>
      <c r="C3646" s="498" t="s">
        <v>6153</v>
      </c>
      <c r="D3646" s="449" t="s">
        <v>6154</v>
      </c>
      <c r="E3646" s="140" t="s">
        <v>595</v>
      </c>
      <c r="F3646" s="539" t="s">
        <v>596</v>
      </c>
      <c r="G3646" s="449"/>
      <c r="H3646" s="415"/>
      <c r="I3646" s="451"/>
      <c r="J3646" s="452"/>
      <c r="K3646" s="449"/>
      <c r="L3646" s="534">
        <v>38362</v>
      </c>
      <c r="M3646" s="477">
        <v>40575</v>
      </c>
      <c r="N3646" s="418" t="str">
        <f t="shared" si="105"/>
        <v/>
      </c>
    </row>
    <row r="3647" spans="1:14" ht="15.75">
      <c r="A3647" s="538"/>
      <c r="B3647" s="411">
        <f t="shared" si="106"/>
        <v>173</v>
      </c>
      <c r="C3647" s="498" t="s">
        <v>6155</v>
      </c>
      <c r="D3647" s="449" t="s">
        <v>6156</v>
      </c>
      <c r="E3647" s="140" t="s">
        <v>595</v>
      </c>
      <c r="F3647" s="539" t="s">
        <v>596</v>
      </c>
      <c r="G3647" s="449"/>
      <c r="H3647" s="415"/>
      <c r="I3647" s="451"/>
      <c r="J3647" s="452"/>
      <c r="K3647" s="449"/>
      <c r="L3647" s="534">
        <v>38362</v>
      </c>
      <c r="M3647" s="477">
        <v>40575</v>
      </c>
      <c r="N3647" s="418" t="str">
        <f t="shared" si="105"/>
        <v/>
      </c>
    </row>
    <row r="3648" spans="1:14" ht="15.75">
      <c r="A3648" s="538"/>
      <c r="B3648" s="411">
        <f t="shared" si="106"/>
        <v>173</v>
      </c>
      <c r="C3648" s="498" t="s">
        <v>6157</v>
      </c>
      <c r="D3648" s="449" t="s">
        <v>6158</v>
      </c>
      <c r="E3648" s="140" t="s">
        <v>595</v>
      </c>
      <c r="F3648" s="539" t="s">
        <v>596</v>
      </c>
      <c r="G3648" s="449"/>
      <c r="H3648" s="415"/>
      <c r="I3648" s="451"/>
      <c r="J3648" s="452"/>
      <c r="K3648" s="449"/>
      <c r="L3648" s="534">
        <v>38362</v>
      </c>
      <c r="M3648" s="477">
        <v>40575</v>
      </c>
      <c r="N3648" s="418" t="str">
        <f t="shared" si="105"/>
        <v/>
      </c>
    </row>
    <row r="3649" spans="1:14" ht="15.75">
      <c r="A3649" s="538"/>
      <c r="B3649" s="411">
        <f t="shared" si="106"/>
        <v>173</v>
      </c>
      <c r="C3649" s="498" t="s">
        <v>6159</v>
      </c>
      <c r="D3649" s="449" t="s">
        <v>6160</v>
      </c>
      <c r="E3649" s="140" t="s">
        <v>595</v>
      </c>
      <c r="F3649" s="539" t="s">
        <v>596</v>
      </c>
      <c r="G3649" s="449"/>
      <c r="H3649" s="415"/>
      <c r="I3649" s="451"/>
      <c r="J3649" s="452"/>
      <c r="K3649" s="449"/>
      <c r="L3649" s="534">
        <v>38362</v>
      </c>
      <c r="M3649" s="477">
        <v>40575</v>
      </c>
      <c r="N3649" s="418" t="str">
        <f t="shared" si="105"/>
        <v/>
      </c>
    </row>
    <row r="3650" spans="1:14" ht="15.75">
      <c r="A3650" s="538"/>
      <c r="B3650" s="411">
        <f t="shared" si="106"/>
        <v>173</v>
      </c>
      <c r="C3650" s="498" t="s">
        <v>6161</v>
      </c>
      <c r="D3650" s="449" t="s">
        <v>6162</v>
      </c>
      <c r="E3650" s="140" t="s">
        <v>595</v>
      </c>
      <c r="F3650" s="539" t="s">
        <v>596</v>
      </c>
      <c r="G3650" s="449"/>
      <c r="H3650" s="415"/>
      <c r="I3650" s="451"/>
      <c r="J3650" s="452"/>
      <c r="K3650" s="449"/>
      <c r="L3650" s="534">
        <v>38362</v>
      </c>
      <c r="M3650" s="477">
        <v>40575</v>
      </c>
      <c r="N3650" s="418" t="str">
        <f t="shared" si="105"/>
        <v/>
      </c>
    </row>
    <row r="3651" spans="1:14" ht="15.75">
      <c r="A3651" s="538"/>
      <c r="B3651" s="411">
        <f t="shared" si="106"/>
        <v>173</v>
      </c>
      <c r="C3651" s="498" t="s">
        <v>6163</v>
      </c>
      <c r="D3651" s="449" t="s">
        <v>6164</v>
      </c>
      <c r="E3651" s="140" t="s">
        <v>595</v>
      </c>
      <c r="F3651" s="539" t="s">
        <v>596</v>
      </c>
      <c r="G3651" s="449"/>
      <c r="H3651" s="415"/>
      <c r="I3651" s="451"/>
      <c r="J3651" s="452"/>
      <c r="K3651" s="449"/>
      <c r="L3651" s="534">
        <v>38362</v>
      </c>
      <c r="M3651" s="477">
        <v>40575</v>
      </c>
      <c r="N3651" s="418" t="str">
        <f t="shared" si="105"/>
        <v/>
      </c>
    </row>
    <row r="3652" spans="1:14" ht="15.75">
      <c r="A3652" s="538"/>
      <c r="B3652" s="411">
        <f t="shared" si="106"/>
        <v>173</v>
      </c>
      <c r="C3652" s="498" t="s">
        <v>6165</v>
      </c>
      <c r="D3652" s="449" t="s">
        <v>6166</v>
      </c>
      <c r="E3652" s="140" t="s">
        <v>595</v>
      </c>
      <c r="F3652" s="539" t="s">
        <v>596</v>
      </c>
      <c r="G3652" s="449"/>
      <c r="H3652" s="415"/>
      <c r="I3652" s="451"/>
      <c r="J3652" s="452"/>
      <c r="K3652" s="449"/>
      <c r="L3652" s="534">
        <v>38362</v>
      </c>
      <c r="M3652" s="477">
        <v>40575</v>
      </c>
      <c r="N3652" s="418" t="str">
        <f t="shared" si="105"/>
        <v/>
      </c>
    </row>
    <row r="3653" spans="1:14" ht="15.75">
      <c r="A3653" s="538"/>
      <c r="B3653" s="411">
        <f t="shared" si="106"/>
        <v>173</v>
      </c>
      <c r="C3653" s="498" t="s">
        <v>6167</v>
      </c>
      <c r="D3653" s="449" t="s">
        <v>6168</v>
      </c>
      <c r="E3653" s="140" t="s">
        <v>595</v>
      </c>
      <c r="F3653" s="539" t="s">
        <v>596</v>
      </c>
      <c r="G3653" s="449"/>
      <c r="H3653" s="415"/>
      <c r="I3653" s="451"/>
      <c r="J3653" s="452"/>
      <c r="K3653" s="449"/>
      <c r="L3653" s="534">
        <v>38362</v>
      </c>
      <c r="M3653" s="477">
        <v>40575</v>
      </c>
      <c r="N3653" s="418" t="str">
        <f t="shared" si="105"/>
        <v/>
      </c>
    </row>
    <row r="3654" spans="1:14" ht="15.75">
      <c r="A3654" s="538"/>
      <c r="B3654" s="411">
        <f t="shared" si="106"/>
        <v>173</v>
      </c>
      <c r="C3654" s="498" t="s">
        <v>6169</v>
      </c>
      <c r="D3654" s="449" t="s">
        <v>6170</v>
      </c>
      <c r="E3654" s="140" t="s">
        <v>595</v>
      </c>
      <c r="F3654" s="539" t="s">
        <v>596</v>
      </c>
      <c r="G3654" s="449"/>
      <c r="H3654" s="415"/>
      <c r="I3654" s="451"/>
      <c r="J3654" s="452"/>
      <c r="K3654" s="449"/>
      <c r="L3654" s="534">
        <v>38362</v>
      </c>
      <c r="M3654" s="477">
        <v>40575</v>
      </c>
      <c r="N3654" s="418" t="str">
        <f t="shared" si="105"/>
        <v/>
      </c>
    </row>
    <row r="3655" spans="1:14" ht="15.75">
      <c r="A3655" s="538"/>
      <c r="B3655" s="411">
        <f t="shared" si="106"/>
        <v>173</v>
      </c>
      <c r="C3655" s="498" t="s">
        <v>6171</v>
      </c>
      <c r="D3655" s="449" t="s">
        <v>6172</v>
      </c>
      <c r="E3655" s="140" t="s">
        <v>595</v>
      </c>
      <c r="F3655" s="539" t="s">
        <v>596</v>
      </c>
      <c r="G3655" s="449"/>
      <c r="H3655" s="444"/>
      <c r="I3655" s="451"/>
      <c r="J3655" s="452"/>
      <c r="K3655" s="449"/>
      <c r="L3655" s="534">
        <v>38362</v>
      </c>
      <c r="M3655" s="477">
        <v>40575</v>
      </c>
      <c r="N3655" s="418" t="str">
        <f t="shared" si="105"/>
        <v/>
      </c>
    </row>
    <row r="3656" spans="1:14" ht="47.25">
      <c r="A3656" s="536">
        <v>174</v>
      </c>
      <c r="B3656" s="411">
        <f t="shared" si="106"/>
        <v>174</v>
      </c>
      <c r="C3656" s="424" t="s">
        <v>26856</v>
      </c>
      <c r="D3656" s="414" t="s">
        <v>10358</v>
      </c>
      <c r="E3656" s="421" t="s">
        <v>595</v>
      </c>
      <c r="F3656" s="421" t="s">
        <v>596</v>
      </c>
      <c r="G3656" s="414" t="s">
        <v>26538</v>
      </c>
      <c r="H3656" s="822"/>
      <c r="I3656" s="822"/>
      <c r="J3656" s="823" t="s">
        <v>26857</v>
      </c>
      <c r="K3656" s="823"/>
      <c r="L3656" s="417">
        <v>43497</v>
      </c>
      <c r="M3656" s="417"/>
      <c r="N3656" s="418" t="str">
        <f t="shared" si="105"/>
        <v/>
      </c>
    </row>
    <row r="3657" spans="1:14" ht="47.25">
      <c r="A3657" s="536">
        <v>175</v>
      </c>
      <c r="B3657" s="411">
        <f t="shared" si="106"/>
        <v>175</v>
      </c>
      <c r="C3657" s="550" t="s">
        <v>6173</v>
      </c>
      <c r="D3657" s="421" t="s">
        <v>6174</v>
      </c>
      <c r="E3657" s="414" t="s">
        <v>595</v>
      </c>
      <c r="F3657" s="414" t="s">
        <v>596</v>
      </c>
      <c r="G3657" s="414" t="s">
        <v>614</v>
      </c>
      <c r="H3657" s="415"/>
      <c r="I3657" s="415"/>
      <c r="J3657" s="437" t="s">
        <v>3928</v>
      </c>
      <c r="K3657" s="414"/>
      <c r="L3657" s="417">
        <v>42767</v>
      </c>
      <c r="M3657" s="417"/>
      <c r="N3657" s="418" t="str">
        <f t="shared" si="105"/>
        <v/>
      </c>
    </row>
    <row r="3658" spans="1:14" ht="47.25">
      <c r="A3658" s="536">
        <v>176</v>
      </c>
      <c r="B3658" s="411">
        <f t="shared" si="106"/>
        <v>176</v>
      </c>
      <c r="C3658" s="550" t="s">
        <v>6175</v>
      </c>
      <c r="D3658" s="421" t="s">
        <v>6176</v>
      </c>
      <c r="E3658" s="414" t="s">
        <v>595</v>
      </c>
      <c r="F3658" s="414" t="s">
        <v>596</v>
      </c>
      <c r="G3658" s="414" t="s">
        <v>614</v>
      </c>
      <c r="H3658" s="415"/>
      <c r="I3658" s="415"/>
      <c r="J3658" s="437" t="s">
        <v>3928</v>
      </c>
      <c r="K3658" s="414"/>
      <c r="L3658" s="417">
        <v>42767</v>
      </c>
      <c r="M3658" s="417"/>
      <c r="N3658" s="418" t="str">
        <f t="shared" si="105"/>
        <v/>
      </c>
    </row>
    <row r="3659" spans="1:14" ht="31.5">
      <c r="A3659" s="536">
        <v>177</v>
      </c>
      <c r="B3659" s="411">
        <f t="shared" si="106"/>
        <v>177</v>
      </c>
      <c r="C3659" s="424" t="s">
        <v>26858</v>
      </c>
      <c r="D3659" s="421" t="s">
        <v>6177</v>
      </c>
      <c r="E3659" s="421" t="s">
        <v>595</v>
      </c>
      <c r="F3659" s="421" t="s">
        <v>596</v>
      </c>
      <c r="G3659" s="474" t="s">
        <v>6178</v>
      </c>
      <c r="H3659" s="415"/>
      <c r="I3659" s="415"/>
      <c r="J3659" s="438" t="s">
        <v>6179</v>
      </c>
      <c r="K3659" s="474"/>
      <c r="L3659" s="417">
        <v>39845</v>
      </c>
      <c r="M3659" s="417"/>
      <c r="N3659" s="418" t="str">
        <f t="shared" si="105"/>
        <v/>
      </c>
    </row>
    <row r="3660" spans="1:14" ht="47.25">
      <c r="A3660" s="536">
        <v>178</v>
      </c>
      <c r="B3660" s="411">
        <f t="shared" si="106"/>
        <v>178</v>
      </c>
      <c r="C3660" s="560" t="s">
        <v>6180</v>
      </c>
      <c r="D3660" s="421" t="s">
        <v>6181</v>
      </c>
      <c r="E3660" s="414" t="s">
        <v>595</v>
      </c>
      <c r="F3660" s="414" t="s">
        <v>596</v>
      </c>
      <c r="G3660" s="414" t="s">
        <v>614</v>
      </c>
      <c r="H3660" s="415"/>
      <c r="I3660" s="415"/>
      <c r="J3660" s="437"/>
      <c r="K3660" s="414"/>
      <c r="L3660" s="417">
        <v>42767</v>
      </c>
      <c r="M3660" s="417"/>
      <c r="N3660" s="418" t="str">
        <f t="shared" si="105"/>
        <v/>
      </c>
    </row>
    <row r="3661" spans="1:14" ht="47.25">
      <c r="A3661" s="536">
        <v>179</v>
      </c>
      <c r="B3661" s="411">
        <f t="shared" si="106"/>
        <v>179</v>
      </c>
      <c r="C3661" s="560" t="s">
        <v>6182</v>
      </c>
      <c r="D3661" s="421" t="s">
        <v>6183</v>
      </c>
      <c r="E3661" s="414" t="s">
        <v>595</v>
      </c>
      <c r="F3661" s="414" t="s">
        <v>596</v>
      </c>
      <c r="G3661" s="414" t="s">
        <v>614</v>
      </c>
      <c r="H3661" s="415"/>
      <c r="I3661" s="415"/>
      <c r="J3661" s="437"/>
      <c r="K3661" s="414"/>
      <c r="L3661" s="417">
        <v>42767</v>
      </c>
      <c r="M3661" s="417"/>
      <c r="N3661" s="418" t="str">
        <f t="shared" si="105"/>
        <v/>
      </c>
    </row>
    <row r="3662" spans="1:14" ht="47.25">
      <c r="A3662" s="536">
        <v>180</v>
      </c>
      <c r="B3662" s="411">
        <f t="shared" si="106"/>
        <v>180</v>
      </c>
      <c r="C3662" s="560" t="s">
        <v>6184</v>
      </c>
      <c r="D3662" s="421" t="s">
        <v>6185</v>
      </c>
      <c r="E3662" s="414" t="s">
        <v>595</v>
      </c>
      <c r="F3662" s="414" t="s">
        <v>596</v>
      </c>
      <c r="G3662" s="414" t="s">
        <v>614</v>
      </c>
      <c r="H3662" s="415"/>
      <c r="I3662" s="415"/>
      <c r="J3662" s="437"/>
      <c r="K3662" s="414"/>
      <c r="L3662" s="417">
        <v>42767</v>
      </c>
      <c r="M3662" s="417"/>
      <c r="N3662" s="418" t="str">
        <f t="shared" si="105"/>
        <v/>
      </c>
    </row>
    <row r="3663" spans="1:14" ht="47.25">
      <c r="A3663" s="536">
        <v>181</v>
      </c>
      <c r="B3663" s="411">
        <f t="shared" si="106"/>
        <v>181</v>
      </c>
      <c r="C3663" s="560" t="s">
        <v>6186</v>
      </c>
      <c r="D3663" s="421" t="s">
        <v>6187</v>
      </c>
      <c r="E3663" s="414" t="s">
        <v>595</v>
      </c>
      <c r="F3663" s="414" t="s">
        <v>596</v>
      </c>
      <c r="G3663" s="414" t="s">
        <v>614</v>
      </c>
      <c r="H3663" s="415"/>
      <c r="I3663" s="415"/>
      <c r="J3663" s="437"/>
      <c r="K3663" s="414"/>
      <c r="L3663" s="417">
        <v>42767</v>
      </c>
      <c r="M3663" s="417"/>
      <c r="N3663" s="418" t="str">
        <f t="shared" si="105"/>
        <v/>
      </c>
    </row>
    <row r="3664" spans="1:14" ht="47.25">
      <c r="A3664" s="536">
        <v>182</v>
      </c>
      <c r="B3664" s="411">
        <f t="shared" si="106"/>
        <v>182</v>
      </c>
      <c r="C3664" s="560" t="s">
        <v>6188</v>
      </c>
      <c r="D3664" s="421" t="s">
        <v>6189</v>
      </c>
      <c r="E3664" s="414" t="s">
        <v>595</v>
      </c>
      <c r="F3664" s="414" t="s">
        <v>596</v>
      </c>
      <c r="G3664" s="414" t="s">
        <v>614</v>
      </c>
      <c r="H3664" s="415"/>
      <c r="I3664" s="415"/>
      <c r="J3664" s="437"/>
      <c r="K3664" s="414"/>
      <c r="L3664" s="417">
        <v>42767</v>
      </c>
      <c r="M3664" s="417"/>
      <c r="N3664" s="418" t="str">
        <f t="shared" si="105"/>
        <v/>
      </c>
    </row>
    <row r="3665" spans="1:14" ht="94.5">
      <c r="A3665" s="543">
        <v>183</v>
      </c>
      <c r="B3665" s="484">
        <f t="shared" si="106"/>
        <v>183</v>
      </c>
      <c r="C3665" s="824" t="s">
        <v>6190</v>
      </c>
      <c r="D3665" s="825"/>
      <c r="E3665" s="826" t="s">
        <v>707</v>
      </c>
      <c r="F3665" s="547" t="s">
        <v>2404</v>
      </c>
      <c r="G3665" s="430" t="s">
        <v>35293</v>
      </c>
      <c r="H3665" s="432" t="s">
        <v>6191</v>
      </c>
      <c r="I3665" s="520" t="s">
        <v>6192</v>
      </c>
      <c r="J3665" s="565" t="s">
        <v>6193</v>
      </c>
      <c r="K3665" s="765"/>
      <c r="L3665" s="827">
        <v>38362</v>
      </c>
      <c r="M3665" s="434">
        <v>44228</v>
      </c>
      <c r="N3665" s="418" t="str">
        <f t="shared" si="105"/>
        <v/>
      </c>
    </row>
    <row r="3666" spans="1:14" ht="28.5">
      <c r="A3666" s="538"/>
      <c r="B3666" s="411">
        <f t="shared" si="106"/>
        <v>183</v>
      </c>
      <c r="C3666" s="828" t="s">
        <v>6194</v>
      </c>
      <c r="D3666" s="829" t="s">
        <v>6195</v>
      </c>
      <c r="E3666" s="539" t="s">
        <v>595</v>
      </c>
      <c r="F3666" s="539" t="s">
        <v>652</v>
      </c>
      <c r="G3666" s="442"/>
      <c r="H3666" s="444"/>
      <c r="I3666" s="648"/>
      <c r="J3666" s="445"/>
      <c r="K3666" s="443"/>
      <c r="L3666" s="477">
        <v>39673</v>
      </c>
      <c r="M3666" s="477"/>
      <c r="N3666" s="418" t="str">
        <f t="shared" si="105"/>
        <v/>
      </c>
    </row>
    <row r="3667" spans="1:14" ht="28.5">
      <c r="A3667" s="538"/>
      <c r="B3667" s="411">
        <f t="shared" si="106"/>
        <v>183</v>
      </c>
      <c r="C3667" s="828" t="s">
        <v>6196</v>
      </c>
      <c r="D3667" s="830" t="s">
        <v>6197</v>
      </c>
      <c r="E3667" s="522" t="s">
        <v>595</v>
      </c>
      <c r="F3667" s="522" t="s">
        <v>652</v>
      </c>
      <c r="G3667" s="449"/>
      <c r="H3667" s="451"/>
      <c r="I3667" s="451"/>
      <c r="J3667" s="452"/>
      <c r="K3667" s="450"/>
      <c r="L3667" s="469">
        <v>39673</v>
      </c>
      <c r="M3667" s="469"/>
      <c r="N3667" s="418" t="str">
        <f t="shared" si="105"/>
        <v/>
      </c>
    </row>
    <row r="3668" spans="1:14" ht="31.5">
      <c r="A3668" s="538"/>
      <c r="B3668" s="411">
        <f t="shared" si="106"/>
        <v>183</v>
      </c>
      <c r="C3668" s="828" t="s">
        <v>7052</v>
      </c>
      <c r="D3668" s="830" t="s">
        <v>174</v>
      </c>
      <c r="E3668" s="522" t="s">
        <v>595</v>
      </c>
      <c r="F3668" s="522" t="s">
        <v>600</v>
      </c>
      <c r="G3668" s="449" t="s">
        <v>811</v>
      </c>
      <c r="H3668" s="451">
        <v>44016</v>
      </c>
      <c r="I3668" s="451" t="s">
        <v>711</v>
      </c>
      <c r="J3668" s="452"/>
      <c r="K3668" s="450"/>
      <c r="L3668" s="469">
        <v>43132</v>
      </c>
      <c r="M3668" s="469"/>
      <c r="N3668" s="418" t="str">
        <f t="shared" si="105"/>
        <v/>
      </c>
    </row>
    <row r="3669" spans="1:14" ht="31.5">
      <c r="A3669" s="538"/>
      <c r="B3669" s="411">
        <f t="shared" si="106"/>
        <v>183</v>
      </c>
      <c r="C3669" s="828" t="s">
        <v>6198</v>
      </c>
      <c r="D3669" s="830" t="s">
        <v>6199</v>
      </c>
      <c r="E3669" s="522" t="s">
        <v>595</v>
      </c>
      <c r="F3669" s="522" t="s">
        <v>652</v>
      </c>
      <c r="G3669" s="449" t="s">
        <v>6200</v>
      </c>
      <c r="H3669" s="451"/>
      <c r="I3669" s="481"/>
      <c r="J3669" s="452"/>
      <c r="K3669" s="450"/>
      <c r="L3669" s="469">
        <v>39673</v>
      </c>
      <c r="M3669" s="469"/>
      <c r="N3669" s="418" t="str">
        <f t="shared" si="105"/>
        <v/>
      </c>
    </row>
    <row r="3670" spans="1:14" ht="28.5">
      <c r="A3670" s="831"/>
      <c r="B3670" s="832">
        <f t="shared" si="106"/>
        <v>183</v>
      </c>
      <c r="C3670" s="833" t="s">
        <v>6201</v>
      </c>
      <c r="D3670" s="834" t="s">
        <v>6202</v>
      </c>
      <c r="E3670" s="835" t="s">
        <v>595</v>
      </c>
      <c r="F3670" s="836" t="s">
        <v>652</v>
      </c>
      <c r="G3670" s="837"/>
      <c r="H3670" s="838"/>
      <c r="I3670" s="839"/>
      <c r="J3670" s="840"/>
      <c r="K3670" s="841"/>
      <c r="L3670" s="842">
        <v>39673</v>
      </c>
      <c r="M3670" s="843"/>
      <c r="N3670" s="418" t="str">
        <f t="shared" si="105"/>
        <v/>
      </c>
    </row>
    <row r="3671" spans="1:14" ht="28.5">
      <c r="A3671" s="538"/>
      <c r="B3671" s="411">
        <f t="shared" si="106"/>
        <v>183</v>
      </c>
      <c r="C3671" s="828" t="s">
        <v>6203</v>
      </c>
      <c r="D3671" s="830" t="s">
        <v>6204</v>
      </c>
      <c r="E3671" s="522" t="s">
        <v>595</v>
      </c>
      <c r="F3671" s="441" t="s">
        <v>652</v>
      </c>
      <c r="G3671" s="449"/>
      <c r="H3671" s="451"/>
      <c r="I3671" s="481"/>
      <c r="J3671" s="452"/>
      <c r="K3671" s="450"/>
      <c r="L3671" s="469">
        <v>39673</v>
      </c>
      <c r="M3671" s="469"/>
      <c r="N3671" s="418" t="str">
        <f t="shared" si="105"/>
        <v/>
      </c>
    </row>
    <row r="3672" spans="1:14" ht="28.5">
      <c r="A3672" s="538"/>
      <c r="B3672" s="411">
        <f t="shared" si="106"/>
        <v>183</v>
      </c>
      <c r="C3672" s="828" t="s">
        <v>6205</v>
      </c>
      <c r="D3672" s="830" t="s">
        <v>6206</v>
      </c>
      <c r="E3672" s="522" t="s">
        <v>595</v>
      </c>
      <c r="F3672" s="441" t="s">
        <v>652</v>
      </c>
      <c r="G3672" s="449"/>
      <c r="H3672" s="451"/>
      <c r="I3672" s="481"/>
      <c r="J3672" s="452"/>
      <c r="K3672" s="450"/>
      <c r="L3672" s="469">
        <v>39673</v>
      </c>
      <c r="M3672" s="469"/>
      <c r="N3672" s="418" t="str">
        <f t="shared" si="105"/>
        <v/>
      </c>
    </row>
    <row r="3673" spans="1:14" ht="126">
      <c r="A3673" s="563"/>
      <c r="B3673" s="484">
        <f t="shared" si="106"/>
        <v>183</v>
      </c>
      <c r="C3673" s="844" t="s">
        <v>6207</v>
      </c>
      <c r="D3673" s="845" t="s">
        <v>428</v>
      </c>
      <c r="E3673" s="494" t="s">
        <v>707</v>
      </c>
      <c r="F3673" s="521" t="s">
        <v>652</v>
      </c>
      <c r="G3673" s="494" t="s">
        <v>35294</v>
      </c>
      <c r="H3673" s="495"/>
      <c r="I3673" s="513"/>
      <c r="J3673" s="493"/>
      <c r="K3673" s="494" t="s">
        <v>35295</v>
      </c>
      <c r="L3673" s="516">
        <v>39673</v>
      </c>
      <c r="M3673" s="516">
        <v>44228</v>
      </c>
      <c r="N3673" s="418" t="str">
        <f t="shared" si="105"/>
        <v/>
      </c>
    </row>
    <row r="3674" spans="1:14" ht="31.5">
      <c r="A3674" s="538"/>
      <c r="B3674" s="411">
        <f t="shared" si="106"/>
        <v>183</v>
      </c>
      <c r="C3674" s="828" t="s">
        <v>6208</v>
      </c>
      <c r="D3674" s="830" t="s">
        <v>6209</v>
      </c>
      <c r="E3674" s="522" t="s">
        <v>595</v>
      </c>
      <c r="F3674" s="522" t="s">
        <v>600</v>
      </c>
      <c r="G3674" s="449" t="s">
        <v>811</v>
      </c>
      <c r="H3674" s="846">
        <v>44984</v>
      </c>
      <c r="I3674" s="451" t="s">
        <v>711</v>
      </c>
      <c r="J3674" s="452"/>
      <c r="K3674" s="450"/>
      <c r="L3674" s="469">
        <v>42401</v>
      </c>
      <c r="M3674" s="469">
        <v>43862</v>
      </c>
      <c r="N3674" s="418" t="str">
        <f t="shared" si="105"/>
        <v/>
      </c>
    </row>
    <row r="3675" spans="1:14" ht="31.5">
      <c r="A3675" s="538"/>
      <c r="B3675" s="411">
        <f t="shared" si="106"/>
        <v>183</v>
      </c>
      <c r="C3675" s="721" t="s">
        <v>14076</v>
      </c>
      <c r="D3675" s="722" t="s">
        <v>28517</v>
      </c>
      <c r="E3675" s="723" t="s">
        <v>595</v>
      </c>
      <c r="F3675" s="723" t="s">
        <v>596</v>
      </c>
      <c r="G3675" s="723" t="s">
        <v>1390</v>
      </c>
      <c r="H3675" s="724"/>
      <c r="I3675" s="724"/>
      <c r="J3675" s="722" t="s">
        <v>14077</v>
      </c>
      <c r="K3675" s="724"/>
      <c r="L3675" s="725">
        <v>43132</v>
      </c>
      <c r="M3675" s="724"/>
      <c r="N3675" s="418" t="str">
        <f t="shared" si="105"/>
        <v/>
      </c>
    </row>
    <row r="3676" spans="1:14" ht="31.5">
      <c r="A3676" s="538"/>
      <c r="B3676" s="411">
        <f t="shared" si="106"/>
        <v>183</v>
      </c>
      <c r="C3676" s="828" t="s">
        <v>6210</v>
      </c>
      <c r="D3676" s="830" t="s">
        <v>6211</v>
      </c>
      <c r="E3676" s="522" t="s">
        <v>595</v>
      </c>
      <c r="F3676" s="522" t="s">
        <v>600</v>
      </c>
      <c r="G3676" s="449" t="s">
        <v>811</v>
      </c>
      <c r="H3676" s="846">
        <v>44984</v>
      </c>
      <c r="I3676" s="451" t="s">
        <v>711</v>
      </c>
      <c r="J3676" s="452"/>
      <c r="K3676" s="450"/>
      <c r="L3676" s="469">
        <v>42401</v>
      </c>
      <c r="M3676" s="469">
        <v>43862</v>
      </c>
      <c r="N3676" s="418" t="str">
        <f t="shared" si="105"/>
        <v/>
      </c>
    </row>
    <row r="3677" spans="1:14" ht="42.75">
      <c r="A3677" s="538"/>
      <c r="B3677" s="411">
        <f t="shared" si="106"/>
        <v>183</v>
      </c>
      <c r="C3677" s="828" t="s">
        <v>6212</v>
      </c>
      <c r="D3677" s="830" t="s">
        <v>542</v>
      </c>
      <c r="E3677" s="522" t="s">
        <v>707</v>
      </c>
      <c r="F3677" s="522" t="s">
        <v>600</v>
      </c>
      <c r="G3677" s="449" t="s">
        <v>811</v>
      </c>
      <c r="H3677" s="451">
        <v>42056</v>
      </c>
      <c r="I3677" s="451" t="s">
        <v>711</v>
      </c>
      <c r="J3677" s="452"/>
      <c r="K3677" s="450"/>
      <c r="L3677" s="469">
        <v>38362</v>
      </c>
      <c r="M3677" s="469">
        <v>42231</v>
      </c>
      <c r="N3677" s="418" t="str">
        <f t="shared" si="105"/>
        <v/>
      </c>
    </row>
    <row r="3678" spans="1:14" ht="126">
      <c r="A3678" s="563"/>
      <c r="B3678" s="484">
        <f t="shared" si="106"/>
        <v>183</v>
      </c>
      <c r="C3678" s="844" t="s">
        <v>6213</v>
      </c>
      <c r="D3678" s="845" t="s">
        <v>387</v>
      </c>
      <c r="E3678" s="494" t="s">
        <v>707</v>
      </c>
      <c r="F3678" s="521" t="s">
        <v>600</v>
      </c>
      <c r="G3678" s="494" t="s">
        <v>35294</v>
      </c>
      <c r="H3678" s="495">
        <v>44016</v>
      </c>
      <c r="I3678" s="495" t="s">
        <v>711</v>
      </c>
      <c r="J3678" s="493"/>
      <c r="K3678" s="494" t="s">
        <v>35295</v>
      </c>
      <c r="L3678" s="516">
        <v>38362</v>
      </c>
      <c r="M3678" s="434">
        <v>44228</v>
      </c>
      <c r="N3678" s="418" t="str">
        <f t="shared" si="105"/>
        <v/>
      </c>
    </row>
    <row r="3679" spans="1:14" ht="31.5">
      <c r="A3679" s="538"/>
      <c r="B3679" s="411">
        <f t="shared" si="106"/>
        <v>183</v>
      </c>
      <c r="C3679" s="828" t="s">
        <v>6214</v>
      </c>
      <c r="D3679" s="830" t="s">
        <v>545</v>
      </c>
      <c r="E3679" s="522" t="s">
        <v>707</v>
      </c>
      <c r="F3679" s="522" t="s">
        <v>600</v>
      </c>
      <c r="G3679" s="449" t="s">
        <v>811</v>
      </c>
      <c r="H3679" s="451">
        <v>42056</v>
      </c>
      <c r="I3679" s="451" t="s">
        <v>711</v>
      </c>
      <c r="J3679" s="452"/>
      <c r="K3679" s="450"/>
      <c r="L3679" s="469">
        <v>38362</v>
      </c>
      <c r="M3679" s="469">
        <v>42231</v>
      </c>
      <c r="N3679" s="418" t="str">
        <f t="shared" si="105"/>
        <v/>
      </c>
    </row>
    <row r="3680" spans="1:14" ht="31.5">
      <c r="A3680" s="538"/>
      <c r="B3680" s="411">
        <f t="shared" si="106"/>
        <v>183</v>
      </c>
      <c r="C3680" s="828" t="s">
        <v>6215</v>
      </c>
      <c r="D3680" s="830" t="s">
        <v>560</v>
      </c>
      <c r="E3680" s="522" t="s">
        <v>707</v>
      </c>
      <c r="F3680" s="522" t="s">
        <v>600</v>
      </c>
      <c r="G3680" s="449" t="s">
        <v>811</v>
      </c>
      <c r="H3680" s="451">
        <v>42056</v>
      </c>
      <c r="I3680" s="451" t="s">
        <v>711</v>
      </c>
      <c r="J3680" s="452"/>
      <c r="K3680" s="450"/>
      <c r="L3680" s="469">
        <v>38362</v>
      </c>
      <c r="M3680" s="469">
        <v>42231</v>
      </c>
      <c r="N3680" s="418" t="str">
        <f t="shared" si="105"/>
        <v/>
      </c>
    </row>
    <row r="3681" spans="1:14" ht="126">
      <c r="A3681" s="538"/>
      <c r="B3681" s="411">
        <f t="shared" si="106"/>
        <v>183</v>
      </c>
      <c r="C3681" s="828" t="s">
        <v>26859</v>
      </c>
      <c r="D3681" s="830" t="s">
        <v>26860</v>
      </c>
      <c r="E3681" s="522" t="s">
        <v>595</v>
      </c>
      <c r="F3681" s="522" t="s">
        <v>652</v>
      </c>
      <c r="G3681" s="449" t="s">
        <v>26861</v>
      </c>
      <c r="H3681" s="451"/>
      <c r="I3681" s="451"/>
      <c r="J3681" s="452" t="s">
        <v>26862</v>
      </c>
      <c r="K3681" s="450"/>
      <c r="L3681" s="469">
        <v>43497</v>
      </c>
      <c r="M3681" s="469"/>
      <c r="N3681" s="418" t="str">
        <f t="shared" si="105"/>
        <v/>
      </c>
    </row>
    <row r="3682" spans="1:14" ht="47.25">
      <c r="A3682" s="538"/>
      <c r="B3682" s="411">
        <f t="shared" si="106"/>
        <v>183</v>
      </c>
      <c r="C3682" s="721" t="s">
        <v>13918</v>
      </c>
      <c r="D3682" s="722" t="s">
        <v>13788</v>
      </c>
      <c r="E3682" s="723" t="s">
        <v>595</v>
      </c>
      <c r="F3682" s="723" t="s">
        <v>600</v>
      </c>
      <c r="G3682" s="723" t="s">
        <v>760</v>
      </c>
      <c r="H3682" s="742"/>
      <c r="I3682" s="742"/>
      <c r="J3682" s="722" t="s">
        <v>14078</v>
      </c>
      <c r="K3682" s="742"/>
      <c r="L3682" s="725">
        <v>43132</v>
      </c>
      <c r="M3682" s="469">
        <v>43497</v>
      </c>
      <c r="N3682" s="418" t="str">
        <f t="shared" si="105"/>
        <v/>
      </c>
    </row>
    <row r="3683" spans="1:14" ht="126">
      <c r="A3683" s="563"/>
      <c r="B3683" s="484">
        <f t="shared" si="106"/>
        <v>183</v>
      </c>
      <c r="C3683" s="844" t="s">
        <v>136</v>
      </c>
      <c r="D3683" s="845" t="s">
        <v>138</v>
      </c>
      <c r="E3683" s="494" t="s">
        <v>707</v>
      </c>
      <c r="F3683" s="521" t="s">
        <v>600</v>
      </c>
      <c r="G3683" s="494" t="s">
        <v>35294</v>
      </c>
      <c r="H3683" s="847">
        <v>44984</v>
      </c>
      <c r="I3683" s="495" t="s">
        <v>711</v>
      </c>
      <c r="J3683" s="493"/>
      <c r="K3683" s="494" t="s">
        <v>35295</v>
      </c>
      <c r="L3683" s="516">
        <v>41852</v>
      </c>
      <c r="M3683" s="434">
        <v>44228</v>
      </c>
      <c r="N3683" s="418" t="str">
        <f t="shared" si="105"/>
        <v/>
      </c>
    </row>
    <row r="3684" spans="1:14" ht="42.75">
      <c r="A3684" s="538"/>
      <c r="B3684" s="411">
        <f t="shared" si="106"/>
        <v>183</v>
      </c>
      <c r="C3684" s="828" t="s">
        <v>6216</v>
      </c>
      <c r="D3684" s="830" t="s">
        <v>511</v>
      </c>
      <c r="E3684" s="522" t="s">
        <v>707</v>
      </c>
      <c r="F3684" s="522" t="s">
        <v>600</v>
      </c>
      <c r="G3684" s="449" t="s">
        <v>6217</v>
      </c>
      <c r="H3684" s="451">
        <v>42056</v>
      </c>
      <c r="I3684" s="451" t="s">
        <v>711</v>
      </c>
      <c r="J3684" s="452"/>
      <c r="K3684" s="450"/>
      <c r="L3684" s="469">
        <v>40210</v>
      </c>
      <c r="M3684" s="469">
        <v>42231</v>
      </c>
      <c r="N3684" s="418" t="str">
        <f t="shared" si="105"/>
        <v/>
      </c>
    </row>
    <row r="3685" spans="1:14" ht="126">
      <c r="A3685" s="563"/>
      <c r="B3685" s="484">
        <f t="shared" si="106"/>
        <v>183</v>
      </c>
      <c r="C3685" s="844" t="s">
        <v>6218</v>
      </c>
      <c r="D3685" s="845" t="s">
        <v>226</v>
      </c>
      <c r="E3685" s="494" t="s">
        <v>707</v>
      </c>
      <c r="F3685" s="521" t="s">
        <v>600</v>
      </c>
      <c r="G3685" s="494" t="s">
        <v>35294</v>
      </c>
      <c r="H3685" s="495">
        <v>44016</v>
      </c>
      <c r="I3685" s="495" t="s">
        <v>711</v>
      </c>
      <c r="J3685" s="493"/>
      <c r="K3685" s="504" t="s">
        <v>35295</v>
      </c>
      <c r="L3685" s="516">
        <v>38362</v>
      </c>
      <c r="M3685" s="434">
        <v>44228</v>
      </c>
      <c r="N3685" s="418" t="str">
        <f t="shared" si="105"/>
        <v/>
      </c>
    </row>
    <row r="3686" spans="1:14" ht="126">
      <c r="A3686" s="563"/>
      <c r="B3686" s="484">
        <f t="shared" si="106"/>
        <v>183</v>
      </c>
      <c r="C3686" s="844" t="s">
        <v>6219</v>
      </c>
      <c r="D3686" s="845" t="s">
        <v>168</v>
      </c>
      <c r="E3686" s="494" t="s">
        <v>707</v>
      </c>
      <c r="F3686" s="521" t="s">
        <v>600</v>
      </c>
      <c r="G3686" s="494" t="s">
        <v>35294</v>
      </c>
      <c r="H3686" s="495">
        <v>44016</v>
      </c>
      <c r="I3686" s="495" t="s">
        <v>711</v>
      </c>
      <c r="J3686" s="493"/>
      <c r="K3686" s="494" t="s">
        <v>35295</v>
      </c>
      <c r="L3686" s="516">
        <v>38362</v>
      </c>
      <c r="M3686" s="434">
        <v>44228</v>
      </c>
      <c r="N3686" s="418" t="str">
        <f t="shared" ref="N3686:N3749" si="107">IF(D3686="NA","",IF(COUNTIF($D$2:$D$5552,D3686)&gt;1,"DUPLICATE",""))</f>
        <v/>
      </c>
    </row>
    <row r="3687" spans="1:14" ht="42.75">
      <c r="A3687" s="538"/>
      <c r="B3687" s="411">
        <f t="shared" si="106"/>
        <v>183</v>
      </c>
      <c r="C3687" s="828" t="s">
        <v>6220</v>
      </c>
      <c r="D3687" s="830" t="s">
        <v>431</v>
      </c>
      <c r="E3687" s="522" t="s">
        <v>595</v>
      </c>
      <c r="F3687" s="522" t="s">
        <v>600</v>
      </c>
      <c r="G3687" s="449" t="s">
        <v>14073</v>
      </c>
      <c r="H3687" s="451">
        <v>44016</v>
      </c>
      <c r="I3687" s="451" t="s">
        <v>711</v>
      </c>
      <c r="J3687" s="452"/>
      <c r="K3687" s="450"/>
      <c r="L3687" s="455">
        <v>38749</v>
      </c>
      <c r="M3687" s="469">
        <v>43132</v>
      </c>
      <c r="N3687" s="418" t="str">
        <f t="shared" si="107"/>
        <v/>
      </c>
    </row>
    <row r="3688" spans="1:14" ht="15.75">
      <c r="A3688" s="538"/>
      <c r="B3688" s="411">
        <f t="shared" si="106"/>
        <v>183</v>
      </c>
      <c r="C3688" s="848" t="s">
        <v>6221</v>
      </c>
      <c r="D3688" s="829" t="s">
        <v>6222</v>
      </c>
      <c r="E3688" s="539" t="s">
        <v>595</v>
      </c>
      <c r="F3688" s="539" t="s">
        <v>596</v>
      </c>
      <c r="G3688" s="1222" t="s">
        <v>6223</v>
      </c>
      <c r="H3688" s="415"/>
      <c r="I3688" s="509"/>
      <c r="J3688" s="1222" t="s">
        <v>6224</v>
      </c>
      <c r="K3688" s="443"/>
      <c r="L3688" s="439">
        <v>41306</v>
      </c>
      <c r="M3688" s="417">
        <v>41671</v>
      </c>
      <c r="N3688" s="418" t="str">
        <f t="shared" si="107"/>
        <v/>
      </c>
    </row>
    <row r="3689" spans="1:14" ht="15.75">
      <c r="A3689" s="538"/>
      <c r="B3689" s="411">
        <f t="shared" si="106"/>
        <v>183</v>
      </c>
      <c r="C3689" s="828" t="s">
        <v>6225</v>
      </c>
      <c r="D3689" s="830" t="s">
        <v>6226</v>
      </c>
      <c r="E3689" s="522" t="s">
        <v>595</v>
      </c>
      <c r="F3689" s="522" t="s">
        <v>596</v>
      </c>
      <c r="G3689" s="1223"/>
      <c r="H3689" s="415"/>
      <c r="I3689" s="509"/>
      <c r="J3689" s="1223"/>
      <c r="K3689" s="450"/>
      <c r="L3689" s="439">
        <v>41306</v>
      </c>
      <c r="M3689" s="417">
        <v>41671</v>
      </c>
      <c r="N3689" s="418" t="str">
        <f t="shared" si="107"/>
        <v/>
      </c>
    </row>
    <row r="3690" spans="1:14" ht="15.75">
      <c r="A3690" s="538"/>
      <c r="B3690" s="411">
        <f t="shared" si="106"/>
        <v>183</v>
      </c>
      <c r="C3690" s="828" t="s">
        <v>6227</v>
      </c>
      <c r="D3690" s="830" t="s">
        <v>6228</v>
      </c>
      <c r="E3690" s="522" t="s">
        <v>595</v>
      </c>
      <c r="F3690" s="522" t="s">
        <v>596</v>
      </c>
      <c r="G3690" s="1223"/>
      <c r="H3690" s="415"/>
      <c r="I3690" s="509"/>
      <c r="J3690" s="1223"/>
      <c r="K3690" s="450"/>
      <c r="L3690" s="439">
        <v>41306</v>
      </c>
      <c r="M3690" s="417">
        <v>41671</v>
      </c>
      <c r="N3690" s="418" t="str">
        <f t="shared" si="107"/>
        <v/>
      </c>
    </row>
    <row r="3691" spans="1:14" ht="15.75">
      <c r="A3691" s="538"/>
      <c r="B3691" s="411">
        <f t="shared" si="106"/>
        <v>183</v>
      </c>
      <c r="C3691" s="849" t="s">
        <v>6229</v>
      </c>
      <c r="D3691" s="850" t="s">
        <v>6230</v>
      </c>
      <c r="E3691" s="457" t="s">
        <v>595</v>
      </c>
      <c r="F3691" s="522" t="s">
        <v>596</v>
      </c>
      <c r="G3691" s="1224"/>
      <c r="H3691" s="415"/>
      <c r="I3691" s="509"/>
      <c r="J3691" s="1224"/>
      <c r="K3691" s="728"/>
      <c r="L3691" s="439">
        <v>41306</v>
      </c>
      <c r="M3691" s="417">
        <v>42231</v>
      </c>
      <c r="N3691" s="418" t="str">
        <f t="shared" si="107"/>
        <v/>
      </c>
    </row>
    <row r="3692" spans="1:14" ht="47.25">
      <c r="A3692" s="536">
        <v>184</v>
      </c>
      <c r="B3692" s="411">
        <f t="shared" si="106"/>
        <v>184</v>
      </c>
      <c r="C3692" s="851" t="s">
        <v>6232</v>
      </c>
      <c r="D3692" s="421" t="s">
        <v>6233</v>
      </c>
      <c r="E3692" s="414" t="s">
        <v>595</v>
      </c>
      <c r="F3692" s="414" t="s">
        <v>596</v>
      </c>
      <c r="G3692" s="414" t="s">
        <v>614</v>
      </c>
      <c r="H3692" s="415"/>
      <c r="I3692" s="415"/>
      <c r="J3692" s="437"/>
      <c r="K3692" s="414"/>
      <c r="L3692" s="417">
        <v>42767</v>
      </c>
      <c r="M3692" s="417"/>
      <c r="N3692" s="418" t="str">
        <f t="shared" si="107"/>
        <v/>
      </c>
    </row>
    <row r="3693" spans="1:14" ht="31.5">
      <c r="A3693" s="536">
        <v>185</v>
      </c>
      <c r="B3693" s="411">
        <f t="shared" si="106"/>
        <v>185</v>
      </c>
      <c r="C3693" s="851" t="s">
        <v>13689</v>
      </c>
      <c r="D3693" s="421" t="s">
        <v>523</v>
      </c>
      <c r="E3693" s="414" t="s">
        <v>595</v>
      </c>
      <c r="F3693" s="414" t="s">
        <v>600</v>
      </c>
      <c r="G3693" s="414" t="s">
        <v>811</v>
      </c>
      <c r="H3693" s="415">
        <v>44108</v>
      </c>
      <c r="I3693" s="415" t="s">
        <v>711</v>
      </c>
      <c r="J3693" s="852"/>
      <c r="K3693" s="414"/>
      <c r="L3693" s="417">
        <v>43132</v>
      </c>
      <c r="M3693" s="417"/>
      <c r="N3693" s="418" t="str">
        <f t="shared" si="107"/>
        <v/>
      </c>
    </row>
    <row r="3694" spans="1:14" ht="47.25">
      <c r="A3694" s="536">
        <v>186</v>
      </c>
      <c r="B3694" s="411">
        <f t="shared" si="106"/>
        <v>186</v>
      </c>
      <c r="C3694" s="424" t="s">
        <v>6234</v>
      </c>
      <c r="D3694" s="414"/>
      <c r="E3694" s="414" t="s">
        <v>595</v>
      </c>
      <c r="F3694" s="414" t="s">
        <v>596</v>
      </c>
      <c r="G3694" s="414" t="s">
        <v>6235</v>
      </c>
      <c r="H3694" s="415"/>
      <c r="I3694" s="415"/>
      <c r="J3694" s="438"/>
      <c r="K3694" s="414"/>
      <c r="L3694" s="417">
        <v>38362</v>
      </c>
      <c r="M3694" s="417">
        <v>39114</v>
      </c>
      <c r="N3694" s="418" t="str">
        <f t="shared" si="107"/>
        <v/>
      </c>
    </row>
    <row r="3695" spans="1:14" ht="94.5">
      <c r="A3695" s="574"/>
      <c r="B3695" s="411">
        <f t="shared" si="106"/>
        <v>186</v>
      </c>
      <c r="C3695" s="575" t="s">
        <v>6236</v>
      </c>
      <c r="D3695" s="442" t="s">
        <v>6237</v>
      </c>
      <c r="E3695" s="442" t="s">
        <v>595</v>
      </c>
      <c r="F3695" s="442" t="s">
        <v>596</v>
      </c>
      <c r="G3695" s="853"/>
      <c r="H3695" s="415"/>
      <c r="I3695" s="444"/>
      <c r="J3695" s="445" t="s">
        <v>6238</v>
      </c>
      <c r="K3695" s="476"/>
      <c r="L3695" s="477">
        <v>39114</v>
      </c>
      <c r="M3695" s="490"/>
      <c r="N3695" s="418" t="str">
        <f t="shared" si="107"/>
        <v/>
      </c>
    </row>
    <row r="3696" spans="1:14" ht="15.75">
      <c r="A3696" s="538"/>
      <c r="B3696" s="411">
        <f t="shared" si="106"/>
        <v>186</v>
      </c>
      <c r="C3696" s="498" t="s">
        <v>6239</v>
      </c>
      <c r="D3696" s="449" t="s">
        <v>6240</v>
      </c>
      <c r="E3696" s="449" t="s">
        <v>595</v>
      </c>
      <c r="F3696" s="449" t="s">
        <v>596</v>
      </c>
      <c r="G3696" s="637"/>
      <c r="H3696" s="415"/>
      <c r="I3696" s="451"/>
      <c r="J3696" s="452"/>
      <c r="K3696" s="479"/>
      <c r="L3696" s="469">
        <v>39114</v>
      </c>
      <c r="M3696" s="511"/>
      <c r="N3696" s="418" t="str">
        <f t="shared" si="107"/>
        <v/>
      </c>
    </row>
    <row r="3697" spans="1:14" ht="15.75">
      <c r="A3697" s="538"/>
      <c r="B3697" s="411">
        <f t="shared" si="106"/>
        <v>186</v>
      </c>
      <c r="C3697" s="498" t="s">
        <v>6241</v>
      </c>
      <c r="D3697" s="449" t="s">
        <v>6242</v>
      </c>
      <c r="E3697" s="449" t="s">
        <v>595</v>
      </c>
      <c r="F3697" s="449" t="s">
        <v>596</v>
      </c>
      <c r="G3697" s="637"/>
      <c r="H3697" s="415"/>
      <c r="I3697" s="451"/>
      <c r="J3697" s="452"/>
      <c r="K3697" s="479"/>
      <c r="L3697" s="469">
        <v>39114</v>
      </c>
      <c r="M3697" s="511"/>
      <c r="N3697" s="418" t="str">
        <f t="shared" si="107"/>
        <v/>
      </c>
    </row>
    <row r="3698" spans="1:14" ht="15.75">
      <c r="A3698" s="538"/>
      <c r="B3698" s="411">
        <f t="shared" si="106"/>
        <v>186</v>
      </c>
      <c r="C3698" s="498" t="s">
        <v>6243</v>
      </c>
      <c r="D3698" s="449" t="s">
        <v>6244</v>
      </c>
      <c r="E3698" s="449" t="s">
        <v>595</v>
      </c>
      <c r="F3698" s="449" t="s">
        <v>596</v>
      </c>
      <c r="G3698" s="637"/>
      <c r="H3698" s="415"/>
      <c r="I3698" s="451"/>
      <c r="J3698" s="452"/>
      <c r="K3698" s="479"/>
      <c r="L3698" s="469">
        <v>39114</v>
      </c>
      <c r="M3698" s="511"/>
      <c r="N3698" s="418" t="str">
        <f t="shared" si="107"/>
        <v/>
      </c>
    </row>
    <row r="3699" spans="1:14" ht="15.75">
      <c r="A3699" s="538"/>
      <c r="B3699" s="411">
        <f t="shared" si="106"/>
        <v>186</v>
      </c>
      <c r="C3699" s="498" t="s">
        <v>6245</v>
      </c>
      <c r="D3699" s="449" t="s">
        <v>6246</v>
      </c>
      <c r="E3699" s="449" t="s">
        <v>595</v>
      </c>
      <c r="F3699" s="449" t="s">
        <v>596</v>
      </c>
      <c r="G3699" s="637"/>
      <c r="H3699" s="415"/>
      <c r="I3699" s="451"/>
      <c r="J3699" s="452"/>
      <c r="K3699" s="479"/>
      <c r="L3699" s="423">
        <v>39114</v>
      </c>
      <c r="M3699" s="511"/>
      <c r="N3699" s="418" t="str">
        <f t="shared" si="107"/>
        <v/>
      </c>
    </row>
    <row r="3700" spans="1:14" ht="15.75">
      <c r="A3700" s="410"/>
      <c r="B3700" s="411">
        <f t="shared" ref="B3700:B3763" si="108">IF(A3700&gt;0,A3700,B3699)</f>
        <v>186</v>
      </c>
      <c r="C3700" s="578" t="s">
        <v>6247</v>
      </c>
      <c r="D3700" s="458" t="s">
        <v>6248</v>
      </c>
      <c r="E3700" s="457" t="s">
        <v>595</v>
      </c>
      <c r="F3700" s="457" t="s">
        <v>596</v>
      </c>
      <c r="G3700" s="854"/>
      <c r="H3700" s="415"/>
      <c r="I3700" s="460"/>
      <c r="J3700" s="461"/>
      <c r="K3700" s="552"/>
      <c r="L3700" s="733">
        <v>38362</v>
      </c>
      <c r="M3700" s="423">
        <v>39083</v>
      </c>
      <c r="N3700" s="418" t="str">
        <f t="shared" si="107"/>
        <v/>
      </c>
    </row>
    <row r="3701" spans="1:14" ht="31.5">
      <c r="A3701" s="410">
        <v>187</v>
      </c>
      <c r="B3701" s="411">
        <f t="shared" si="108"/>
        <v>187</v>
      </c>
      <c r="C3701" s="412" t="s">
        <v>6249</v>
      </c>
      <c r="D3701" s="528"/>
      <c r="E3701" s="458" t="s">
        <v>643</v>
      </c>
      <c r="F3701" s="528" t="s">
        <v>600</v>
      </c>
      <c r="G3701" s="458" t="s">
        <v>6250</v>
      </c>
      <c r="H3701" s="415"/>
      <c r="I3701" s="460"/>
      <c r="J3701" s="461"/>
      <c r="K3701" s="855"/>
      <c r="L3701" s="423">
        <v>38362</v>
      </c>
      <c r="M3701" s="423">
        <v>42767</v>
      </c>
      <c r="N3701" s="418" t="str">
        <f t="shared" si="107"/>
        <v/>
      </c>
    </row>
    <row r="3702" spans="1:14" ht="15.75">
      <c r="A3702" s="538"/>
      <c r="B3702" s="411">
        <f t="shared" si="108"/>
        <v>187</v>
      </c>
      <c r="C3702" s="498" t="s">
        <v>6251</v>
      </c>
      <c r="D3702" s="449" t="s">
        <v>6252</v>
      </c>
      <c r="E3702" s="449" t="s">
        <v>643</v>
      </c>
      <c r="F3702" s="144" t="s">
        <v>600</v>
      </c>
      <c r="G3702" s="449"/>
      <c r="H3702" s="415"/>
      <c r="I3702" s="451"/>
      <c r="J3702" s="452"/>
      <c r="K3702" s="856"/>
      <c r="L3702" s="469">
        <v>38362</v>
      </c>
      <c r="M3702" s="469"/>
      <c r="N3702" s="418" t="str">
        <f t="shared" si="107"/>
        <v/>
      </c>
    </row>
    <row r="3703" spans="1:14" ht="15.75">
      <c r="A3703" s="538"/>
      <c r="B3703" s="411">
        <f t="shared" si="108"/>
        <v>187</v>
      </c>
      <c r="C3703" s="498" t="s">
        <v>6253</v>
      </c>
      <c r="D3703" s="449" t="s">
        <v>6254</v>
      </c>
      <c r="E3703" s="449" t="s">
        <v>643</v>
      </c>
      <c r="F3703" s="144" t="s">
        <v>600</v>
      </c>
      <c r="G3703" s="449"/>
      <c r="H3703" s="415"/>
      <c r="I3703" s="451"/>
      <c r="J3703" s="452"/>
      <c r="K3703" s="856"/>
      <c r="L3703" s="469">
        <v>38362</v>
      </c>
      <c r="M3703" s="469"/>
      <c r="N3703" s="418" t="str">
        <f t="shared" si="107"/>
        <v/>
      </c>
    </row>
    <row r="3704" spans="1:14" ht="15.75">
      <c r="A3704" s="538"/>
      <c r="B3704" s="411">
        <f t="shared" si="108"/>
        <v>187</v>
      </c>
      <c r="C3704" s="498" t="s">
        <v>6255</v>
      </c>
      <c r="D3704" s="449" t="s">
        <v>6256</v>
      </c>
      <c r="E3704" s="449" t="s">
        <v>643</v>
      </c>
      <c r="F3704" s="144" t="s">
        <v>600</v>
      </c>
      <c r="G3704" s="449"/>
      <c r="H3704" s="415"/>
      <c r="I3704" s="451"/>
      <c r="J3704" s="452"/>
      <c r="K3704" s="856"/>
      <c r="L3704" s="469">
        <v>38362</v>
      </c>
      <c r="M3704" s="469"/>
      <c r="N3704" s="418" t="str">
        <f t="shared" si="107"/>
        <v/>
      </c>
    </row>
    <row r="3705" spans="1:14" ht="15.75">
      <c r="A3705" s="538"/>
      <c r="B3705" s="411">
        <f t="shared" si="108"/>
        <v>187</v>
      </c>
      <c r="C3705" s="498" t="s">
        <v>6257</v>
      </c>
      <c r="D3705" s="449" t="s">
        <v>6258</v>
      </c>
      <c r="E3705" s="449" t="s">
        <v>643</v>
      </c>
      <c r="F3705" s="144" t="s">
        <v>600</v>
      </c>
      <c r="G3705" s="449"/>
      <c r="H3705" s="415"/>
      <c r="I3705" s="451"/>
      <c r="J3705" s="452"/>
      <c r="K3705" s="856"/>
      <c r="L3705" s="469">
        <v>38362</v>
      </c>
      <c r="M3705" s="469"/>
      <c r="N3705" s="418" t="str">
        <f t="shared" si="107"/>
        <v/>
      </c>
    </row>
    <row r="3706" spans="1:14" ht="15.75">
      <c r="A3706" s="538"/>
      <c r="B3706" s="411">
        <f t="shared" si="108"/>
        <v>187</v>
      </c>
      <c r="C3706" s="498" t="s">
        <v>6259</v>
      </c>
      <c r="D3706" s="449" t="s">
        <v>6260</v>
      </c>
      <c r="E3706" s="449" t="s">
        <v>643</v>
      </c>
      <c r="F3706" s="144" t="s">
        <v>600</v>
      </c>
      <c r="G3706" s="449"/>
      <c r="H3706" s="415"/>
      <c r="I3706" s="451"/>
      <c r="J3706" s="452"/>
      <c r="K3706" s="856"/>
      <c r="L3706" s="469">
        <v>38362</v>
      </c>
      <c r="M3706" s="469"/>
      <c r="N3706" s="418" t="str">
        <f t="shared" si="107"/>
        <v/>
      </c>
    </row>
    <row r="3707" spans="1:14" ht="15.75">
      <c r="A3707" s="538"/>
      <c r="B3707" s="411">
        <f t="shared" si="108"/>
        <v>187</v>
      </c>
      <c r="C3707" s="498" t="s">
        <v>6261</v>
      </c>
      <c r="D3707" s="449" t="s">
        <v>6262</v>
      </c>
      <c r="E3707" s="449" t="s">
        <v>643</v>
      </c>
      <c r="F3707" s="144" t="s">
        <v>600</v>
      </c>
      <c r="G3707" s="449"/>
      <c r="H3707" s="415"/>
      <c r="I3707" s="451"/>
      <c r="J3707" s="452"/>
      <c r="K3707" s="856"/>
      <c r="L3707" s="469">
        <v>38362</v>
      </c>
      <c r="M3707" s="469"/>
      <c r="N3707" s="418" t="str">
        <f t="shared" si="107"/>
        <v/>
      </c>
    </row>
    <row r="3708" spans="1:14" ht="15.75">
      <c r="A3708" s="538"/>
      <c r="B3708" s="411">
        <f t="shared" si="108"/>
        <v>187</v>
      </c>
      <c r="C3708" s="440" t="s">
        <v>6263</v>
      </c>
      <c r="D3708" s="449" t="s">
        <v>6264</v>
      </c>
      <c r="E3708" s="140" t="s">
        <v>643</v>
      </c>
      <c r="F3708" s="522" t="s">
        <v>600</v>
      </c>
      <c r="G3708" s="449"/>
      <c r="H3708" s="415"/>
      <c r="I3708" s="451"/>
      <c r="J3708" s="452"/>
      <c r="K3708" s="856"/>
      <c r="L3708" s="469">
        <v>41671</v>
      </c>
      <c r="M3708" s="469"/>
      <c r="N3708" s="418" t="str">
        <f t="shared" si="107"/>
        <v/>
      </c>
    </row>
    <row r="3709" spans="1:14" ht="15.75">
      <c r="A3709" s="538"/>
      <c r="B3709" s="411">
        <f t="shared" si="108"/>
        <v>187</v>
      </c>
      <c r="C3709" s="498" t="s">
        <v>6265</v>
      </c>
      <c r="D3709" s="449" t="s">
        <v>6266</v>
      </c>
      <c r="E3709" s="449" t="s">
        <v>643</v>
      </c>
      <c r="F3709" s="144" t="s">
        <v>600</v>
      </c>
      <c r="G3709" s="449"/>
      <c r="H3709" s="415"/>
      <c r="I3709" s="451"/>
      <c r="J3709" s="452"/>
      <c r="K3709" s="856"/>
      <c r="L3709" s="469">
        <v>38362</v>
      </c>
      <c r="M3709" s="469"/>
      <c r="N3709" s="418" t="str">
        <f t="shared" si="107"/>
        <v/>
      </c>
    </row>
    <row r="3710" spans="1:14" ht="15.75">
      <c r="A3710" s="538"/>
      <c r="B3710" s="411">
        <f t="shared" si="108"/>
        <v>187</v>
      </c>
      <c r="C3710" s="498" t="s">
        <v>6267</v>
      </c>
      <c r="D3710" s="449" t="s">
        <v>6268</v>
      </c>
      <c r="E3710" s="449" t="s">
        <v>643</v>
      </c>
      <c r="F3710" s="144" t="s">
        <v>600</v>
      </c>
      <c r="G3710" s="449"/>
      <c r="H3710" s="415"/>
      <c r="I3710" s="451"/>
      <c r="J3710" s="452"/>
      <c r="K3710" s="856"/>
      <c r="L3710" s="469">
        <v>38362</v>
      </c>
      <c r="M3710" s="469"/>
      <c r="N3710" s="418" t="str">
        <f t="shared" si="107"/>
        <v/>
      </c>
    </row>
    <row r="3711" spans="1:14" ht="15.75">
      <c r="A3711" s="538"/>
      <c r="B3711" s="411">
        <f t="shared" si="108"/>
        <v>187</v>
      </c>
      <c r="C3711" s="498" t="s">
        <v>6269</v>
      </c>
      <c r="D3711" s="449" t="s">
        <v>6270</v>
      </c>
      <c r="E3711" s="449" t="s">
        <v>643</v>
      </c>
      <c r="F3711" s="144" t="s">
        <v>600</v>
      </c>
      <c r="G3711" s="449"/>
      <c r="H3711" s="415"/>
      <c r="I3711" s="451"/>
      <c r="J3711" s="452"/>
      <c r="K3711" s="856"/>
      <c r="L3711" s="469">
        <v>38362</v>
      </c>
      <c r="M3711" s="469"/>
      <c r="N3711" s="418" t="str">
        <f t="shared" si="107"/>
        <v/>
      </c>
    </row>
    <row r="3712" spans="1:14" ht="15.75">
      <c r="A3712" s="538"/>
      <c r="B3712" s="411">
        <f t="shared" si="108"/>
        <v>187</v>
      </c>
      <c r="C3712" s="498" t="s">
        <v>6271</v>
      </c>
      <c r="D3712" s="449" t="s">
        <v>6272</v>
      </c>
      <c r="E3712" s="449" t="s">
        <v>643</v>
      </c>
      <c r="F3712" s="144" t="s">
        <v>600</v>
      </c>
      <c r="G3712" s="449"/>
      <c r="H3712" s="415"/>
      <c r="I3712" s="451"/>
      <c r="J3712" s="452"/>
      <c r="K3712" s="856"/>
      <c r="L3712" s="469">
        <v>38362</v>
      </c>
      <c r="M3712" s="469"/>
      <c r="N3712" s="418" t="str">
        <f t="shared" si="107"/>
        <v/>
      </c>
    </row>
    <row r="3713" spans="1:14" ht="15.75">
      <c r="A3713" s="538"/>
      <c r="B3713" s="411">
        <f t="shared" si="108"/>
        <v>187</v>
      </c>
      <c r="C3713" s="498" t="s">
        <v>6273</v>
      </c>
      <c r="D3713" s="449" t="s">
        <v>6274</v>
      </c>
      <c r="E3713" s="449" t="s">
        <v>643</v>
      </c>
      <c r="F3713" s="144" t="s">
        <v>600</v>
      </c>
      <c r="G3713" s="449"/>
      <c r="H3713" s="415"/>
      <c r="I3713" s="451"/>
      <c r="J3713" s="452"/>
      <c r="K3713" s="856"/>
      <c r="L3713" s="469">
        <v>38362</v>
      </c>
      <c r="M3713" s="469"/>
      <c r="N3713" s="418" t="str">
        <f t="shared" si="107"/>
        <v/>
      </c>
    </row>
    <row r="3714" spans="1:14" ht="15.75">
      <c r="A3714" s="538"/>
      <c r="B3714" s="411">
        <f t="shared" si="108"/>
        <v>187</v>
      </c>
      <c r="C3714" s="498" t="s">
        <v>6275</v>
      </c>
      <c r="D3714" s="449" t="s">
        <v>6276</v>
      </c>
      <c r="E3714" s="449" t="s">
        <v>643</v>
      </c>
      <c r="F3714" s="144" t="s">
        <v>600</v>
      </c>
      <c r="G3714" s="449"/>
      <c r="H3714" s="415"/>
      <c r="I3714" s="451"/>
      <c r="J3714" s="452"/>
      <c r="K3714" s="856"/>
      <c r="L3714" s="469">
        <v>38362</v>
      </c>
      <c r="M3714" s="469"/>
      <c r="N3714" s="418" t="str">
        <f t="shared" si="107"/>
        <v/>
      </c>
    </row>
    <row r="3715" spans="1:14" ht="15.75">
      <c r="A3715" s="538"/>
      <c r="B3715" s="411">
        <f t="shared" si="108"/>
        <v>187</v>
      </c>
      <c r="C3715" s="498" t="s">
        <v>6277</v>
      </c>
      <c r="D3715" s="449" t="s">
        <v>6278</v>
      </c>
      <c r="E3715" s="449" t="s">
        <v>643</v>
      </c>
      <c r="F3715" s="144" t="s">
        <v>600</v>
      </c>
      <c r="G3715" s="449"/>
      <c r="H3715" s="415"/>
      <c r="I3715" s="451"/>
      <c r="J3715" s="452"/>
      <c r="K3715" s="856"/>
      <c r="L3715" s="469">
        <v>38362</v>
      </c>
      <c r="M3715" s="469"/>
      <c r="N3715" s="418" t="str">
        <f t="shared" si="107"/>
        <v/>
      </c>
    </row>
    <row r="3716" spans="1:14" ht="15.75">
      <c r="A3716" s="538"/>
      <c r="B3716" s="411">
        <f t="shared" si="108"/>
        <v>187</v>
      </c>
      <c r="C3716" s="498" t="s">
        <v>6279</v>
      </c>
      <c r="D3716" s="449" t="s">
        <v>6280</v>
      </c>
      <c r="E3716" s="449" t="s">
        <v>643</v>
      </c>
      <c r="F3716" s="144" t="s">
        <v>600</v>
      </c>
      <c r="G3716" s="449"/>
      <c r="H3716" s="415"/>
      <c r="I3716" s="451"/>
      <c r="J3716" s="452"/>
      <c r="K3716" s="856"/>
      <c r="L3716" s="469">
        <v>38362</v>
      </c>
      <c r="M3716" s="469"/>
      <c r="N3716" s="418" t="str">
        <f t="shared" si="107"/>
        <v/>
      </c>
    </row>
    <row r="3717" spans="1:14" ht="15.75">
      <c r="A3717" s="538"/>
      <c r="B3717" s="411">
        <f t="shared" si="108"/>
        <v>187</v>
      </c>
      <c r="C3717" s="498" t="s">
        <v>6281</v>
      </c>
      <c r="D3717" s="449" t="s">
        <v>6282</v>
      </c>
      <c r="E3717" s="449" t="s">
        <v>643</v>
      </c>
      <c r="F3717" s="144" t="s">
        <v>600</v>
      </c>
      <c r="G3717" s="449"/>
      <c r="H3717" s="415"/>
      <c r="I3717" s="451"/>
      <c r="J3717" s="452"/>
      <c r="K3717" s="856"/>
      <c r="L3717" s="469">
        <v>38362</v>
      </c>
      <c r="M3717" s="469"/>
      <c r="N3717" s="418" t="str">
        <f t="shared" si="107"/>
        <v/>
      </c>
    </row>
    <row r="3718" spans="1:14" ht="15.75">
      <c r="A3718" s="538"/>
      <c r="B3718" s="411">
        <f t="shared" si="108"/>
        <v>187</v>
      </c>
      <c r="C3718" s="498" t="s">
        <v>6283</v>
      </c>
      <c r="D3718" s="449" t="s">
        <v>6284</v>
      </c>
      <c r="E3718" s="449" t="s">
        <v>643</v>
      </c>
      <c r="F3718" s="144" t="s">
        <v>600</v>
      </c>
      <c r="G3718" s="449"/>
      <c r="H3718" s="415"/>
      <c r="I3718" s="451"/>
      <c r="J3718" s="452"/>
      <c r="K3718" s="856"/>
      <c r="L3718" s="469">
        <v>38362</v>
      </c>
      <c r="M3718" s="469"/>
      <c r="N3718" s="418" t="str">
        <f t="shared" si="107"/>
        <v/>
      </c>
    </row>
    <row r="3719" spans="1:14" ht="15.75">
      <c r="A3719" s="538"/>
      <c r="B3719" s="411">
        <f t="shared" si="108"/>
        <v>187</v>
      </c>
      <c r="C3719" s="498" t="s">
        <v>6285</v>
      </c>
      <c r="D3719" s="449" t="s">
        <v>6286</v>
      </c>
      <c r="E3719" s="449" t="s">
        <v>643</v>
      </c>
      <c r="F3719" s="144" t="s">
        <v>600</v>
      </c>
      <c r="G3719" s="449"/>
      <c r="H3719" s="415"/>
      <c r="I3719" s="451"/>
      <c r="J3719" s="452"/>
      <c r="K3719" s="856"/>
      <c r="L3719" s="469">
        <v>38362</v>
      </c>
      <c r="M3719" s="469"/>
      <c r="N3719" s="418" t="str">
        <f t="shared" si="107"/>
        <v/>
      </c>
    </row>
    <row r="3720" spans="1:14" ht="15.75">
      <c r="A3720" s="538"/>
      <c r="B3720" s="411">
        <f t="shared" si="108"/>
        <v>187</v>
      </c>
      <c r="C3720" s="498" t="s">
        <v>6287</v>
      </c>
      <c r="D3720" s="449" t="s">
        <v>6288</v>
      </c>
      <c r="E3720" s="449" t="s">
        <v>643</v>
      </c>
      <c r="F3720" s="144" t="s">
        <v>600</v>
      </c>
      <c r="G3720" s="449"/>
      <c r="H3720" s="415"/>
      <c r="I3720" s="451"/>
      <c r="J3720" s="452"/>
      <c r="K3720" s="856"/>
      <c r="L3720" s="469">
        <v>38362</v>
      </c>
      <c r="M3720" s="469"/>
      <c r="N3720" s="418" t="str">
        <f t="shared" si="107"/>
        <v/>
      </c>
    </row>
    <row r="3721" spans="1:14" ht="15.75">
      <c r="A3721" s="538"/>
      <c r="B3721" s="411">
        <f t="shared" si="108"/>
        <v>187</v>
      </c>
      <c r="C3721" s="498" t="s">
        <v>6289</v>
      </c>
      <c r="D3721" s="449" t="s">
        <v>6290</v>
      </c>
      <c r="E3721" s="449" t="s">
        <v>643</v>
      </c>
      <c r="F3721" s="144" t="s">
        <v>600</v>
      </c>
      <c r="G3721" s="449"/>
      <c r="H3721" s="415"/>
      <c r="I3721" s="451"/>
      <c r="J3721" s="452"/>
      <c r="K3721" s="856"/>
      <c r="L3721" s="469">
        <v>38362</v>
      </c>
      <c r="M3721" s="469"/>
      <c r="N3721" s="418" t="str">
        <f t="shared" si="107"/>
        <v/>
      </c>
    </row>
    <row r="3722" spans="1:14" ht="15.75">
      <c r="A3722" s="538"/>
      <c r="B3722" s="411">
        <f t="shared" si="108"/>
        <v>187</v>
      </c>
      <c r="C3722" s="498" t="s">
        <v>6291</v>
      </c>
      <c r="D3722" s="449" t="s">
        <v>6292</v>
      </c>
      <c r="E3722" s="449" t="s">
        <v>643</v>
      </c>
      <c r="F3722" s="144" t="s">
        <v>600</v>
      </c>
      <c r="G3722" s="449"/>
      <c r="H3722" s="415"/>
      <c r="I3722" s="451"/>
      <c r="J3722" s="452"/>
      <c r="K3722" s="856"/>
      <c r="L3722" s="469">
        <v>38362</v>
      </c>
      <c r="M3722" s="469"/>
      <c r="N3722" s="418" t="str">
        <f t="shared" si="107"/>
        <v/>
      </c>
    </row>
    <row r="3723" spans="1:14" ht="15.75">
      <c r="A3723" s="538"/>
      <c r="B3723" s="411">
        <f t="shared" si="108"/>
        <v>187</v>
      </c>
      <c r="C3723" s="498" t="s">
        <v>6293</v>
      </c>
      <c r="D3723" s="449" t="s">
        <v>6294</v>
      </c>
      <c r="E3723" s="449" t="s">
        <v>643</v>
      </c>
      <c r="F3723" s="144" t="s">
        <v>600</v>
      </c>
      <c r="G3723" s="449"/>
      <c r="H3723" s="415"/>
      <c r="I3723" s="451"/>
      <c r="J3723" s="452"/>
      <c r="K3723" s="856"/>
      <c r="L3723" s="469">
        <v>38362</v>
      </c>
      <c r="M3723" s="469"/>
      <c r="N3723" s="418" t="str">
        <f t="shared" si="107"/>
        <v/>
      </c>
    </row>
    <row r="3724" spans="1:14" ht="15.75">
      <c r="A3724" s="538"/>
      <c r="B3724" s="411">
        <f t="shared" si="108"/>
        <v>187</v>
      </c>
      <c r="C3724" s="498" t="s">
        <v>6295</v>
      </c>
      <c r="D3724" s="449" t="s">
        <v>6296</v>
      </c>
      <c r="E3724" s="449" t="s">
        <v>643</v>
      </c>
      <c r="F3724" s="144" t="s">
        <v>600</v>
      </c>
      <c r="G3724" s="449"/>
      <c r="H3724" s="415"/>
      <c r="I3724" s="451"/>
      <c r="J3724" s="452"/>
      <c r="K3724" s="856"/>
      <c r="L3724" s="469">
        <v>38362</v>
      </c>
      <c r="M3724" s="469"/>
      <c r="N3724" s="418" t="str">
        <f t="shared" si="107"/>
        <v/>
      </c>
    </row>
    <row r="3725" spans="1:14" ht="15.75">
      <c r="A3725" s="538"/>
      <c r="B3725" s="411">
        <f t="shared" si="108"/>
        <v>187</v>
      </c>
      <c r="C3725" s="498" t="s">
        <v>6297</v>
      </c>
      <c r="D3725" s="449" t="s">
        <v>6298</v>
      </c>
      <c r="E3725" s="449" t="s">
        <v>643</v>
      </c>
      <c r="F3725" s="144" t="s">
        <v>600</v>
      </c>
      <c r="G3725" s="449"/>
      <c r="H3725" s="415"/>
      <c r="I3725" s="451"/>
      <c r="J3725" s="452"/>
      <c r="K3725" s="856"/>
      <c r="L3725" s="469">
        <v>38362</v>
      </c>
      <c r="M3725" s="469"/>
      <c r="N3725" s="418" t="str">
        <f t="shared" si="107"/>
        <v/>
      </c>
    </row>
    <row r="3726" spans="1:14" ht="15.75">
      <c r="A3726" s="538"/>
      <c r="B3726" s="411">
        <f t="shared" si="108"/>
        <v>187</v>
      </c>
      <c r="C3726" s="498" t="s">
        <v>6299</v>
      </c>
      <c r="D3726" s="449" t="s">
        <v>6300</v>
      </c>
      <c r="E3726" s="449" t="s">
        <v>643</v>
      </c>
      <c r="F3726" s="144" t="s">
        <v>600</v>
      </c>
      <c r="G3726" s="449"/>
      <c r="H3726" s="415"/>
      <c r="I3726" s="451"/>
      <c r="J3726" s="452"/>
      <c r="K3726" s="856"/>
      <c r="L3726" s="469">
        <v>38362</v>
      </c>
      <c r="M3726" s="469"/>
      <c r="N3726" s="418" t="str">
        <f t="shared" si="107"/>
        <v/>
      </c>
    </row>
    <row r="3727" spans="1:14" ht="15.75">
      <c r="A3727" s="538"/>
      <c r="B3727" s="411">
        <f t="shared" si="108"/>
        <v>187</v>
      </c>
      <c r="C3727" s="440" t="s">
        <v>6301</v>
      </c>
      <c r="D3727" s="449" t="s">
        <v>6302</v>
      </c>
      <c r="E3727" s="140" t="s">
        <v>643</v>
      </c>
      <c r="F3727" s="522" t="s">
        <v>600</v>
      </c>
      <c r="G3727" s="449"/>
      <c r="H3727" s="415"/>
      <c r="I3727" s="451"/>
      <c r="J3727" s="452"/>
      <c r="K3727" s="856"/>
      <c r="L3727" s="469">
        <v>41671</v>
      </c>
      <c r="M3727" s="634"/>
      <c r="N3727" s="418" t="str">
        <f t="shared" si="107"/>
        <v/>
      </c>
    </row>
    <row r="3728" spans="1:14" ht="15.75">
      <c r="A3728" s="538"/>
      <c r="B3728" s="411">
        <f t="shared" si="108"/>
        <v>187</v>
      </c>
      <c r="C3728" s="498" t="s">
        <v>6303</v>
      </c>
      <c r="D3728" s="449" t="s">
        <v>6304</v>
      </c>
      <c r="E3728" s="449" t="s">
        <v>643</v>
      </c>
      <c r="F3728" s="144" t="s">
        <v>600</v>
      </c>
      <c r="G3728" s="449"/>
      <c r="H3728" s="415"/>
      <c r="I3728" s="451"/>
      <c r="J3728" s="452"/>
      <c r="K3728" s="856"/>
      <c r="L3728" s="469">
        <v>38362</v>
      </c>
      <c r="M3728" s="469"/>
      <c r="N3728" s="418" t="str">
        <f t="shared" si="107"/>
        <v/>
      </c>
    </row>
    <row r="3729" spans="1:14" ht="15.75">
      <c r="A3729" s="538"/>
      <c r="B3729" s="411">
        <f t="shared" si="108"/>
        <v>187</v>
      </c>
      <c r="C3729" s="498" t="s">
        <v>6305</v>
      </c>
      <c r="D3729" s="449" t="s">
        <v>6306</v>
      </c>
      <c r="E3729" s="449" t="s">
        <v>643</v>
      </c>
      <c r="F3729" s="144" t="s">
        <v>600</v>
      </c>
      <c r="G3729" s="449"/>
      <c r="H3729" s="415"/>
      <c r="I3729" s="451"/>
      <c r="J3729" s="452"/>
      <c r="K3729" s="856"/>
      <c r="L3729" s="469">
        <v>38362</v>
      </c>
      <c r="M3729" s="469"/>
      <c r="N3729" s="418" t="str">
        <f t="shared" si="107"/>
        <v/>
      </c>
    </row>
    <row r="3730" spans="1:14" ht="15.75">
      <c r="A3730" s="538"/>
      <c r="B3730" s="411">
        <f t="shared" si="108"/>
        <v>187</v>
      </c>
      <c r="C3730" s="498" t="s">
        <v>6307</v>
      </c>
      <c r="D3730" s="449" t="s">
        <v>6308</v>
      </c>
      <c r="E3730" s="449" t="s">
        <v>643</v>
      </c>
      <c r="F3730" s="144" t="s">
        <v>600</v>
      </c>
      <c r="G3730" s="449"/>
      <c r="H3730" s="415"/>
      <c r="I3730" s="451"/>
      <c r="J3730" s="452"/>
      <c r="K3730" s="856"/>
      <c r="L3730" s="469">
        <v>38362</v>
      </c>
      <c r="M3730" s="469"/>
      <c r="N3730" s="418" t="str">
        <f t="shared" si="107"/>
        <v/>
      </c>
    </row>
    <row r="3731" spans="1:14" ht="15.75">
      <c r="A3731" s="538"/>
      <c r="B3731" s="411">
        <f t="shared" si="108"/>
        <v>187</v>
      </c>
      <c r="C3731" s="498" t="s">
        <v>6309</v>
      </c>
      <c r="D3731" s="449" t="s">
        <v>6310</v>
      </c>
      <c r="E3731" s="449" t="s">
        <v>643</v>
      </c>
      <c r="F3731" s="144" t="s">
        <v>600</v>
      </c>
      <c r="G3731" s="449"/>
      <c r="H3731" s="415"/>
      <c r="I3731" s="451"/>
      <c r="J3731" s="452"/>
      <c r="K3731" s="856"/>
      <c r="L3731" s="469">
        <v>38362</v>
      </c>
      <c r="M3731" s="469"/>
      <c r="N3731" s="418" t="str">
        <f t="shared" si="107"/>
        <v/>
      </c>
    </row>
    <row r="3732" spans="1:14" ht="15.75">
      <c r="A3732" s="538"/>
      <c r="B3732" s="411">
        <f t="shared" si="108"/>
        <v>187</v>
      </c>
      <c r="C3732" s="498" t="s">
        <v>6311</v>
      </c>
      <c r="D3732" s="449" t="s">
        <v>6312</v>
      </c>
      <c r="E3732" s="449" t="s">
        <v>643</v>
      </c>
      <c r="F3732" s="144" t="s">
        <v>600</v>
      </c>
      <c r="G3732" s="449"/>
      <c r="H3732" s="415"/>
      <c r="I3732" s="451"/>
      <c r="J3732" s="452"/>
      <c r="K3732" s="856"/>
      <c r="L3732" s="469">
        <v>38362</v>
      </c>
      <c r="M3732" s="469"/>
      <c r="N3732" s="418" t="str">
        <f t="shared" si="107"/>
        <v/>
      </c>
    </row>
    <row r="3733" spans="1:14" ht="15.75">
      <c r="A3733" s="538"/>
      <c r="B3733" s="411">
        <f t="shared" si="108"/>
        <v>187</v>
      </c>
      <c r="C3733" s="498" t="s">
        <v>6313</v>
      </c>
      <c r="D3733" s="449" t="s">
        <v>6314</v>
      </c>
      <c r="E3733" s="449" t="s">
        <v>643</v>
      </c>
      <c r="F3733" s="144" t="s">
        <v>600</v>
      </c>
      <c r="G3733" s="449"/>
      <c r="H3733" s="415"/>
      <c r="I3733" s="451"/>
      <c r="J3733" s="452"/>
      <c r="K3733" s="856"/>
      <c r="L3733" s="469">
        <v>38362</v>
      </c>
      <c r="M3733" s="469"/>
      <c r="N3733" s="418" t="str">
        <f t="shared" si="107"/>
        <v/>
      </c>
    </row>
    <row r="3734" spans="1:14" ht="15.75">
      <c r="A3734" s="538"/>
      <c r="B3734" s="411">
        <f t="shared" si="108"/>
        <v>187</v>
      </c>
      <c r="C3734" s="498" t="s">
        <v>6315</v>
      </c>
      <c r="D3734" s="449" t="s">
        <v>6316</v>
      </c>
      <c r="E3734" s="449" t="s">
        <v>643</v>
      </c>
      <c r="F3734" s="144" t="s">
        <v>600</v>
      </c>
      <c r="G3734" s="449"/>
      <c r="H3734" s="415"/>
      <c r="I3734" s="451"/>
      <c r="J3734" s="452"/>
      <c r="K3734" s="856"/>
      <c r="L3734" s="469">
        <v>38362</v>
      </c>
      <c r="M3734" s="469"/>
      <c r="N3734" s="418" t="str">
        <f t="shared" si="107"/>
        <v/>
      </c>
    </row>
    <row r="3735" spans="1:14" ht="15.75">
      <c r="A3735" s="538"/>
      <c r="B3735" s="411">
        <f t="shared" si="108"/>
        <v>187</v>
      </c>
      <c r="C3735" s="498" t="s">
        <v>6317</v>
      </c>
      <c r="D3735" s="449" t="s">
        <v>6318</v>
      </c>
      <c r="E3735" s="449" t="s">
        <v>643</v>
      </c>
      <c r="F3735" s="144" t="s">
        <v>600</v>
      </c>
      <c r="G3735" s="449"/>
      <c r="H3735" s="415"/>
      <c r="I3735" s="451"/>
      <c r="J3735" s="452"/>
      <c r="K3735" s="856"/>
      <c r="L3735" s="469">
        <v>38362</v>
      </c>
      <c r="M3735" s="469"/>
      <c r="N3735" s="418" t="str">
        <f t="shared" si="107"/>
        <v/>
      </c>
    </row>
    <row r="3736" spans="1:14" ht="15.75">
      <c r="A3736" s="538"/>
      <c r="B3736" s="411">
        <f t="shared" si="108"/>
        <v>187</v>
      </c>
      <c r="C3736" s="498" t="s">
        <v>6319</v>
      </c>
      <c r="D3736" s="449" t="s">
        <v>6320</v>
      </c>
      <c r="E3736" s="449" t="s">
        <v>643</v>
      </c>
      <c r="F3736" s="144" t="s">
        <v>600</v>
      </c>
      <c r="G3736" s="449"/>
      <c r="H3736" s="415"/>
      <c r="I3736" s="451"/>
      <c r="J3736" s="452"/>
      <c r="K3736" s="856"/>
      <c r="L3736" s="469">
        <v>38362</v>
      </c>
      <c r="M3736" s="469"/>
      <c r="N3736" s="418" t="str">
        <f t="shared" si="107"/>
        <v/>
      </c>
    </row>
    <row r="3737" spans="1:14" ht="15.75">
      <c r="A3737" s="538"/>
      <c r="B3737" s="411">
        <f t="shared" si="108"/>
        <v>187</v>
      </c>
      <c r="C3737" s="498" t="s">
        <v>6321</v>
      </c>
      <c r="D3737" s="449" t="s">
        <v>6322</v>
      </c>
      <c r="E3737" s="449" t="s">
        <v>643</v>
      </c>
      <c r="F3737" s="144" t="s">
        <v>600</v>
      </c>
      <c r="G3737" s="449"/>
      <c r="H3737" s="415"/>
      <c r="I3737" s="451"/>
      <c r="J3737" s="452"/>
      <c r="K3737" s="856"/>
      <c r="L3737" s="469">
        <v>38362</v>
      </c>
      <c r="M3737" s="469"/>
      <c r="N3737" s="418" t="str">
        <f t="shared" si="107"/>
        <v/>
      </c>
    </row>
    <row r="3738" spans="1:14" ht="15.75">
      <c r="A3738" s="538"/>
      <c r="B3738" s="411">
        <f t="shared" si="108"/>
        <v>187</v>
      </c>
      <c r="C3738" s="498" t="s">
        <v>6323</v>
      </c>
      <c r="D3738" s="449" t="s">
        <v>6324</v>
      </c>
      <c r="E3738" s="449" t="s">
        <v>643</v>
      </c>
      <c r="F3738" s="144" t="s">
        <v>600</v>
      </c>
      <c r="G3738" s="449"/>
      <c r="H3738" s="415"/>
      <c r="I3738" s="451"/>
      <c r="J3738" s="452"/>
      <c r="K3738" s="856"/>
      <c r="L3738" s="469">
        <v>38362</v>
      </c>
      <c r="M3738" s="469"/>
      <c r="N3738" s="418" t="str">
        <f t="shared" si="107"/>
        <v/>
      </c>
    </row>
    <row r="3739" spans="1:14" ht="15.75">
      <c r="A3739" s="538"/>
      <c r="B3739" s="411">
        <f t="shared" si="108"/>
        <v>187</v>
      </c>
      <c r="C3739" s="498" t="s">
        <v>6325</v>
      </c>
      <c r="D3739" s="449" t="s">
        <v>6326</v>
      </c>
      <c r="E3739" s="449" t="s">
        <v>643</v>
      </c>
      <c r="F3739" s="144" t="s">
        <v>600</v>
      </c>
      <c r="G3739" s="449"/>
      <c r="H3739" s="415"/>
      <c r="I3739" s="451"/>
      <c r="J3739" s="452"/>
      <c r="K3739" s="856"/>
      <c r="L3739" s="469">
        <v>38362</v>
      </c>
      <c r="M3739" s="469"/>
      <c r="N3739" s="418" t="str">
        <f t="shared" si="107"/>
        <v/>
      </c>
    </row>
    <row r="3740" spans="1:14" ht="15.75">
      <c r="A3740" s="538"/>
      <c r="B3740" s="411">
        <f t="shared" si="108"/>
        <v>187</v>
      </c>
      <c r="C3740" s="498" t="s">
        <v>6327</v>
      </c>
      <c r="D3740" s="449" t="s">
        <v>6328</v>
      </c>
      <c r="E3740" s="449" t="s">
        <v>643</v>
      </c>
      <c r="F3740" s="144" t="s">
        <v>600</v>
      </c>
      <c r="G3740" s="449"/>
      <c r="H3740" s="415"/>
      <c r="I3740" s="451"/>
      <c r="J3740" s="452"/>
      <c r="K3740" s="856"/>
      <c r="L3740" s="469">
        <v>38362</v>
      </c>
      <c r="M3740" s="469"/>
      <c r="N3740" s="418" t="str">
        <f t="shared" si="107"/>
        <v/>
      </c>
    </row>
    <row r="3741" spans="1:14" ht="15.75">
      <c r="A3741" s="538"/>
      <c r="B3741" s="411">
        <f t="shared" si="108"/>
        <v>187</v>
      </c>
      <c r="C3741" s="498" t="s">
        <v>6329</v>
      </c>
      <c r="D3741" s="449" t="s">
        <v>6330</v>
      </c>
      <c r="E3741" s="449" t="s">
        <v>643</v>
      </c>
      <c r="F3741" s="144" t="s">
        <v>600</v>
      </c>
      <c r="G3741" s="449"/>
      <c r="H3741" s="415"/>
      <c r="I3741" s="451"/>
      <c r="J3741" s="452"/>
      <c r="K3741" s="856"/>
      <c r="L3741" s="469">
        <v>38362</v>
      </c>
      <c r="M3741" s="469"/>
      <c r="N3741" s="418" t="str">
        <f t="shared" si="107"/>
        <v/>
      </c>
    </row>
    <row r="3742" spans="1:14" ht="15.75">
      <c r="A3742" s="538"/>
      <c r="B3742" s="411">
        <f t="shared" si="108"/>
        <v>187</v>
      </c>
      <c r="C3742" s="498" t="s">
        <v>6331</v>
      </c>
      <c r="D3742" s="449" t="s">
        <v>6332</v>
      </c>
      <c r="E3742" s="449" t="s">
        <v>643</v>
      </c>
      <c r="F3742" s="144" t="s">
        <v>600</v>
      </c>
      <c r="G3742" s="449"/>
      <c r="H3742" s="415"/>
      <c r="I3742" s="451"/>
      <c r="J3742" s="452"/>
      <c r="K3742" s="856"/>
      <c r="L3742" s="469">
        <v>38362</v>
      </c>
      <c r="M3742" s="469"/>
      <c r="N3742" s="418" t="str">
        <f t="shared" si="107"/>
        <v/>
      </c>
    </row>
    <row r="3743" spans="1:14" ht="15.75">
      <c r="A3743" s="538"/>
      <c r="B3743" s="411">
        <f t="shared" si="108"/>
        <v>187</v>
      </c>
      <c r="C3743" s="498" t="s">
        <v>6333</v>
      </c>
      <c r="D3743" s="449" t="s">
        <v>6334</v>
      </c>
      <c r="E3743" s="449" t="s">
        <v>643</v>
      </c>
      <c r="F3743" s="144" t="s">
        <v>600</v>
      </c>
      <c r="G3743" s="449"/>
      <c r="H3743" s="415"/>
      <c r="I3743" s="451"/>
      <c r="J3743" s="452"/>
      <c r="K3743" s="856"/>
      <c r="L3743" s="469">
        <v>38362</v>
      </c>
      <c r="M3743" s="469"/>
      <c r="N3743" s="418" t="str">
        <f t="shared" si="107"/>
        <v/>
      </c>
    </row>
    <row r="3744" spans="1:14" ht="15.75">
      <c r="A3744" s="538"/>
      <c r="B3744" s="411">
        <f t="shared" si="108"/>
        <v>187</v>
      </c>
      <c r="C3744" s="498" t="s">
        <v>14079</v>
      </c>
      <c r="D3744" s="449" t="s">
        <v>14080</v>
      </c>
      <c r="E3744" s="449" t="s">
        <v>643</v>
      </c>
      <c r="F3744" s="144" t="s">
        <v>600</v>
      </c>
      <c r="G3744" s="449"/>
      <c r="H3744" s="415"/>
      <c r="I3744" s="451"/>
      <c r="J3744" s="452"/>
      <c r="K3744" s="856"/>
      <c r="L3744" s="469">
        <v>43132</v>
      </c>
      <c r="M3744" s="469"/>
      <c r="N3744" s="418" t="str">
        <f t="shared" si="107"/>
        <v/>
      </c>
    </row>
    <row r="3745" spans="1:14" ht="47.25">
      <c r="A3745" s="538"/>
      <c r="B3745" s="411">
        <f t="shared" si="108"/>
        <v>187</v>
      </c>
      <c r="C3745" s="440" t="s">
        <v>26863</v>
      </c>
      <c r="D3745" s="522" t="s">
        <v>7881</v>
      </c>
      <c r="E3745" s="449" t="s">
        <v>643</v>
      </c>
      <c r="F3745" s="144" t="s">
        <v>600</v>
      </c>
      <c r="G3745" s="449" t="s">
        <v>26864</v>
      </c>
      <c r="H3745" s="415"/>
      <c r="I3745" s="451"/>
      <c r="J3745" s="452"/>
      <c r="K3745" s="856"/>
      <c r="L3745" s="469">
        <v>43497</v>
      </c>
      <c r="M3745" s="469"/>
      <c r="N3745" s="418" t="str">
        <f t="shared" si="107"/>
        <v/>
      </c>
    </row>
    <row r="3746" spans="1:14" ht="47.25">
      <c r="A3746" s="538"/>
      <c r="B3746" s="411">
        <f t="shared" si="108"/>
        <v>187</v>
      </c>
      <c r="C3746" s="440" t="s">
        <v>26865</v>
      </c>
      <c r="D3746" s="522" t="s">
        <v>7884</v>
      </c>
      <c r="E3746" s="449" t="s">
        <v>643</v>
      </c>
      <c r="F3746" s="144" t="s">
        <v>600</v>
      </c>
      <c r="G3746" s="449" t="s">
        <v>26864</v>
      </c>
      <c r="H3746" s="415"/>
      <c r="I3746" s="451"/>
      <c r="J3746" s="452"/>
      <c r="K3746" s="856"/>
      <c r="L3746" s="469">
        <v>43497</v>
      </c>
      <c r="M3746" s="469"/>
      <c r="N3746" s="418" t="str">
        <f t="shared" si="107"/>
        <v/>
      </c>
    </row>
    <row r="3747" spans="1:14" ht="47.25">
      <c r="A3747" s="538"/>
      <c r="B3747" s="411">
        <f t="shared" si="108"/>
        <v>187</v>
      </c>
      <c r="C3747" s="440" t="s">
        <v>7886</v>
      </c>
      <c r="D3747" s="522" t="s">
        <v>7887</v>
      </c>
      <c r="E3747" s="449" t="s">
        <v>643</v>
      </c>
      <c r="F3747" s="144" t="s">
        <v>600</v>
      </c>
      <c r="G3747" s="449" t="s">
        <v>26864</v>
      </c>
      <c r="H3747" s="415"/>
      <c r="I3747" s="451"/>
      <c r="J3747" s="452"/>
      <c r="K3747" s="856"/>
      <c r="L3747" s="469">
        <v>43497</v>
      </c>
      <c r="M3747" s="469"/>
      <c r="N3747" s="418" t="str">
        <f t="shared" si="107"/>
        <v/>
      </c>
    </row>
    <row r="3748" spans="1:14" ht="15.75">
      <c r="A3748" s="538"/>
      <c r="B3748" s="411">
        <f t="shared" si="108"/>
        <v>187</v>
      </c>
      <c r="C3748" s="498" t="s">
        <v>6335</v>
      </c>
      <c r="D3748" s="449" t="s">
        <v>6336</v>
      </c>
      <c r="E3748" s="449" t="s">
        <v>643</v>
      </c>
      <c r="F3748" s="144" t="s">
        <v>600</v>
      </c>
      <c r="G3748" s="449"/>
      <c r="H3748" s="415"/>
      <c r="I3748" s="451"/>
      <c r="J3748" s="452"/>
      <c r="K3748" s="856"/>
      <c r="L3748" s="469">
        <v>38362</v>
      </c>
      <c r="M3748" s="469"/>
      <c r="N3748" s="418" t="str">
        <f t="shared" si="107"/>
        <v/>
      </c>
    </row>
    <row r="3749" spans="1:14" ht="15.75">
      <c r="A3749" s="563"/>
      <c r="B3749" s="411">
        <f t="shared" si="108"/>
        <v>187</v>
      </c>
      <c r="C3749" s="500" t="s">
        <v>6337</v>
      </c>
      <c r="D3749" s="494" t="s">
        <v>6338</v>
      </c>
      <c r="E3749" s="494" t="s">
        <v>643</v>
      </c>
      <c r="F3749" s="514" t="s">
        <v>600</v>
      </c>
      <c r="G3749" s="494" t="s">
        <v>28498</v>
      </c>
      <c r="H3749" s="432"/>
      <c r="I3749" s="495"/>
      <c r="J3749" s="493"/>
      <c r="K3749" s="857"/>
      <c r="L3749" s="516">
        <v>38362</v>
      </c>
      <c r="M3749" s="516">
        <v>43862</v>
      </c>
      <c r="N3749" s="418" t="str">
        <f t="shared" si="107"/>
        <v/>
      </c>
    </row>
    <row r="3750" spans="1:14" ht="15.75">
      <c r="A3750" s="538"/>
      <c r="B3750" s="411">
        <f t="shared" si="108"/>
        <v>187</v>
      </c>
      <c r="C3750" s="498" t="s">
        <v>6339</v>
      </c>
      <c r="D3750" s="449" t="s">
        <v>6340</v>
      </c>
      <c r="E3750" s="449" t="s">
        <v>643</v>
      </c>
      <c r="F3750" s="144" t="s">
        <v>600</v>
      </c>
      <c r="G3750" s="449"/>
      <c r="H3750" s="415"/>
      <c r="I3750" s="451"/>
      <c r="J3750" s="452"/>
      <c r="K3750" s="856"/>
      <c r="L3750" s="469">
        <v>38362</v>
      </c>
      <c r="M3750" s="469"/>
      <c r="N3750" s="418" t="str">
        <f t="shared" ref="N3750:N3813" si="109">IF(D3750="NA","",IF(COUNTIF($D$2:$D$5552,D3750)&gt;1,"DUPLICATE",""))</f>
        <v/>
      </c>
    </row>
    <row r="3751" spans="1:14" ht="15.75">
      <c r="A3751" s="538"/>
      <c r="B3751" s="411">
        <f t="shared" si="108"/>
        <v>187</v>
      </c>
      <c r="C3751" s="498" t="s">
        <v>7900</v>
      </c>
      <c r="D3751" s="449" t="s">
        <v>7901</v>
      </c>
      <c r="E3751" s="449" t="s">
        <v>643</v>
      </c>
      <c r="F3751" s="144" t="s">
        <v>600</v>
      </c>
      <c r="G3751" s="449"/>
      <c r="H3751" s="415"/>
      <c r="I3751" s="451"/>
      <c r="J3751" s="452"/>
      <c r="K3751" s="856"/>
      <c r="L3751" s="469">
        <v>43497</v>
      </c>
      <c r="M3751" s="469"/>
      <c r="N3751" s="418" t="str">
        <f t="shared" si="109"/>
        <v/>
      </c>
    </row>
    <row r="3752" spans="1:14" ht="15.75">
      <c r="A3752" s="538"/>
      <c r="B3752" s="411">
        <f t="shared" si="108"/>
        <v>187</v>
      </c>
      <c r="C3752" s="498" t="s">
        <v>6341</v>
      </c>
      <c r="D3752" s="449" t="s">
        <v>6342</v>
      </c>
      <c r="E3752" s="449" t="s">
        <v>643</v>
      </c>
      <c r="F3752" s="144" t="s">
        <v>600</v>
      </c>
      <c r="G3752" s="449"/>
      <c r="H3752" s="415"/>
      <c r="I3752" s="451"/>
      <c r="J3752" s="452"/>
      <c r="K3752" s="856"/>
      <c r="L3752" s="469">
        <v>38362</v>
      </c>
      <c r="M3752" s="469"/>
      <c r="N3752" s="418" t="str">
        <f t="shared" si="109"/>
        <v/>
      </c>
    </row>
    <row r="3753" spans="1:14" ht="15.75">
      <c r="A3753" s="538"/>
      <c r="B3753" s="411">
        <f t="shared" si="108"/>
        <v>187</v>
      </c>
      <c r="C3753" s="498" t="s">
        <v>26868</v>
      </c>
      <c r="D3753" s="449" t="s">
        <v>7904</v>
      </c>
      <c r="E3753" s="449" t="s">
        <v>643</v>
      </c>
      <c r="F3753" s="144" t="s">
        <v>600</v>
      </c>
      <c r="G3753" s="449"/>
      <c r="H3753" s="415"/>
      <c r="I3753" s="451"/>
      <c r="J3753" s="452"/>
      <c r="K3753" s="856"/>
      <c r="L3753" s="469">
        <v>43497</v>
      </c>
      <c r="M3753" s="469"/>
      <c r="N3753" s="418" t="str">
        <f t="shared" si="109"/>
        <v/>
      </c>
    </row>
    <row r="3754" spans="1:14" ht="15.75">
      <c r="A3754" s="538"/>
      <c r="B3754" s="411">
        <f t="shared" si="108"/>
        <v>187</v>
      </c>
      <c r="C3754" s="498" t="s">
        <v>6343</v>
      </c>
      <c r="D3754" s="449" t="s">
        <v>6344</v>
      </c>
      <c r="E3754" s="449" t="s">
        <v>643</v>
      </c>
      <c r="F3754" s="144" t="s">
        <v>600</v>
      </c>
      <c r="G3754" s="449"/>
      <c r="H3754" s="415"/>
      <c r="I3754" s="451"/>
      <c r="J3754" s="452"/>
      <c r="K3754" s="856"/>
      <c r="L3754" s="469">
        <v>38362</v>
      </c>
      <c r="M3754" s="469"/>
      <c r="N3754" s="418" t="str">
        <f t="shared" si="109"/>
        <v/>
      </c>
    </row>
    <row r="3755" spans="1:14" ht="15.75">
      <c r="A3755" s="538"/>
      <c r="B3755" s="411">
        <f t="shared" si="108"/>
        <v>187</v>
      </c>
      <c r="C3755" s="498" t="s">
        <v>26869</v>
      </c>
      <c r="D3755" s="449" t="s">
        <v>7894</v>
      </c>
      <c r="E3755" s="449" t="s">
        <v>643</v>
      </c>
      <c r="F3755" s="144" t="s">
        <v>600</v>
      </c>
      <c r="G3755" s="449"/>
      <c r="H3755" s="415"/>
      <c r="I3755" s="451"/>
      <c r="J3755" s="452"/>
      <c r="K3755" s="856"/>
      <c r="L3755" s="469">
        <v>43497</v>
      </c>
      <c r="M3755" s="469"/>
      <c r="N3755" s="418" t="str">
        <f t="shared" si="109"/>
        <v/>
      </c>
    </row>
    <row r="3756" spans="1:14" ht="15.75">
      <c r="A3756" s="538"/>
      <c r="B3756" s="411">
        <f t="shared" si="108"/>
        <v>187</v>
      </c>
      <c r="C3756" s="498" t="s">
        <v>6345</v>
      </c>
      <c r="D3756" s="449" t="s">
        <v>6346</v>
      </c>
      <c r="E3756" s="449" t="s">
        <v>643</v>
      </c>
      <c r="F3756" s="144" t="s">
        <v>600</v>
      </c>
      <c r="G3756" s="449"/>
      <c r="H3756" s="415"/>
      <c r="I3756" s="451"/>
      <c r="J3756" s="452"/>
      <c r="K3756" s="856"/>
      <c r="L3756" s="469">
        <v>39845</v>
      </c>
      <c r="M3756" s="469"/>
      <c r="N3756" s="418" t="str">
        <f t="shared" si="109"/>
        <v/>
      </c>
    </row>
    <row r="3757" spans="1:14" ht="110.25">
      <c r="A3757" s="543">
        <v>188</v>
      </c>
      <c r="B3757" s="411">
        <f t="shared" si="108"/>
        <v>188</v>
      </c>
      <c r="C3757" s="858" t="s">
        <v>6347</v>
      </c>
      <c r="D3757" s="430"/>
      <c r="E3757" s="430" t="s">
        <v>707</v>
      </c>
      <c r="F3757" s="433" t="s">
        <v>676</v>
      </c>
      <c r="G3757" s="430" t="s">
        <v>35325</v>
      </c>
      <c r="H3757" s="432"/>
      <c r="I3757" s="432"/>
      <c r="J3757" s="487" t="s">
        <v>3312</v>
      </c>
      <c r="K3757" s="430" t="s">
        <v>28518</v>
      </c>
      <c r="L3757" s="434">
        <v>38362</v>
      </c>
      <c r="M3757" s="434">
        <v>43862</v>
      </c>
      <c r="N3757" s="418" t="str">
        <f t="shared" si="109"/>
        <v/>
      </c>
    </row>
    <row r="3758" spans="1:14" ht="15.75">
      <c r="A3758" s="538"/>
      <c r="B3758" s="411">
        <f t="shared" si="108"/>
        <v>188</v>
      </c>
      <c r="C3758" s="498" t="s">
        <v>26870</v>
      </c>
      <c r="D3758" s="442" t="s">
        <v>26871</v>
      </c>
      <c r="E3758" s="452" t="s">
        <v>643</v>
      </c>
      <c r="F3758" s="449" t="s">
        <v>600</v>
      </c>
      <c r="G3758" s="442"/>
      <c r="H3758" s="444"/>
      <c r="I3758" s="444"/>
      <c r="J3758" s="445"/>
      <c r="K3758" s="442"/>
      <c r="L3758" s="469">
        <v>43497</v>
      </c>
      <c r="M3758" s="469"/>
      <c r="N3758" s="418" t="str">
        <f t="shared" si="109"/>
        <v/>
      </c>
    </row>
    <row r="3759" spans="1:14" ht="15.75">
      <c r="A3759" s="538"/>
      <c r="B3759" s="411">
        <f t="shared" si="108"/>
        <v>188</v>
      </c>
      <c r="C3759" s="498" t="s">
        <v>26872</v>
      </c>
      <c r="D3759" s="449" t="s">
        <v>26873</v>
      </c>
      <c r="E3759" s="452" t="s">
        <v>643</v>
      </c>
      <c r="F3759" s="449" t="s">
        <v>600</v>
      </c>
      <c r="G3759" s="449"/>
      <c r="H3759" s="451"/>
      <c r="I3759" s="451"/>
      <c r="J3759" s="452"/>
      <c r="K3759" s="449"/>
      <c r="L3759" s="469">
        <v>43497</v>
      </c>
      <c r="M3759" s="469"/>
      <c r="N3759" s="418" t="str">
        <f t="shared" si="109"/>
        <v/>
      </c>
    </row>
    <row r="3760" spans="1:14" ht="15.75">
      <c r="A3760" s="538"/>
      <c r="B3760" s="411">
        <f t="shared" si="108"/>
        <v>188</v>
      </c>
      <c r="C3760" s="498" t="s">
        <v>26874</v>
      </c>
      <c r="D3760" s="449" t="s">
        <v>26875</v>
      </c>
      <c r="E3760" s="452" t="s">
        <v>643</v>
      </c>
      <c r="F3760" s="449" t="s">
        <v>600</v>
      </c>
      <c r="G3760" s="449"/>
      <c r="H3760" s="451"/>
      <c r="I3760" s="451"/>
      <c r="J3760" s="452"/>
      <c r="K3760" s="449"/>
      <c r="L3760" s="469">
        <v>43497</v>
      </c>
      <c r="M3760" s="469"/>
      <c r="N3760" s="418" t="str">
        <f t="shared" si="109"/>
        <v/>
      </c>
    </row>
    <row r="3761" spans="1:14" ht="15.75">
      <c r="A3761" s="538"/>
      <c r="B3761" s="411">
        <f t="shared" si="108"/>
        <v>188</v>
      </c>
      <c r="C3761" s="498" t="s">
        <v>26876</v>
      </c>
      <c r="D3761" s="449" t="s">
        <v>26877</v>
      </c>
      <c r="E3761" s="452" t="s">
        <v>643</v>
      </c>
      <c r="F3761" s="449" t="s">
        <v>600</v>
      </c>
      <c r="G3761" s="449"/>
      <c r="H3761" s="451"/>
      <c r="I3761" s="451"/>
      <c r="J3761" s="452"/>
      <c r="K3761" s="449"/>
      <c r="L3761" s="469">
        <v>43497</v>
      </c>
      <c r="M3761" s="469"/>
      <c r="N3761" s="418" t="str">
        <f t="shared" si="109"/>
        <v/>
      </c>
    </row>
    <row r="3762" spans="1:14" ht="15.75">
      <c r="A3762" s="538"/>
      <c r="B3762" s="411">
        <f t="shared" si="108"/>
        <v>188</v>
      </c>
      <c r="C3762" s="498" t="s">
        <v>26878</v>
      </c>
      <c r="D3762" s="449" t="s">
        <v>26879</v>
      </c>
      <c r="E3762" s="452" t="s">
        <v>643</v>
      </c>
      <c r="F3762" s="449" t="s">
        <v>600</v>
      </c>
      <c r="G3762" s="449"/>
      <c r="H3762" s="451"/>
      <c r="I3762" s="451"/>
      <c r="J3762" s="452"/>
      <c r="K3762" s="449"/>
      <c r="L3762" s="469">
        <v>43497</v>
      </c>
      <c r="M3762" s="469"/>
      <c r="N3762" s="418" t="str">
        <f t="shared" si="109"/>
        <v/>
      </c>
    </row>
    <row r="3763" spans="1:14" ht="15.75">
      <c r="A3763" s="538"/>
      <c r="B3763" s="411">
        <f t="shared" si="108"/>
        <v>188</v>
      </c>
      <c r="C3763" s="498" t="s">
        <v>26880</v>
      </c>
      <c r="D3763" s="449" t="s">
        <v>14083</v>
      </c>
      <c r="E3763" s="452" t="s">
        <v>643</v>
      </c>
      <c r="F3763" s="449" t="s">
        <v>600</v>
      </c>
      <c r="G3763" s="449"/>
      <c r="H3763" s="451"/>
      <c r="I3763" s="451"/>
      <c r="J3763" s="452"/>
      <c r="K3763" s="449"/>
      <c r="L3763" s="469">
        <v>43497</v>
      </c>
      <c r="M3763" s="469"/>
      <c r="N3763" s="418" t="str">
        <f t="shared" si="109"/>
        <v/>
      </c>
    </row>
    <row r="3764" spans="1:14" ht="15.75">
      <c r="A3764" s="538"/>
      <c r="B3764" s="411">
        <f t="shared" ref="B3764:B3827" si="110">IF(A3764&gt;0,A3764,B3763)</f>
        <v>188</v>
      </c>
      <c r="C3764" s="498" t="s">
        <v>26881</v>
      </c>
      <c r="D3764" s="449" t="s">
        <v>26882</v>
      </c>
      <c r="E3764" s="452" t="s">
        <v>643</v>
      </c>
      <c r="F3764" s="449" t="s">
        <v>600</v>
      </c>
      <c r="G3764" s="449"/>
      <c r="H3764" s="451"/>
      <c r="I3764" s="451"/>
      <c r="J3764" s="452"/>
      <c r="K3764" s="449"/>
      <c r="L3764" s="469">
        <v>43497</v>
      </c>
      <c r="M3764" s="469"/>
      <c r="N3764" s="418" t="str">
        <f t="shared" si="109"/>
        <v/>
      </c>
    </row>
    <row r="3765" spans="1:14" ht="15.75">
      <c r="A3765" s="538"/>
      <c r="B3765" s="411">
        <f t="shared" si="110"/>
        <v>188</v>
      </c>
      <c r="C3765" s="498" t="s">
        <v>26866</v>
      </c>
      <c r="D3765" s="449" t="s">
        <v>26867</v>
      </c>
      <c r="E3765" s="452" t="s">
        <v>643</v>
      </c>
      <c r="F3765" s="449" t="s">
        <v>600</v>
      </c>
      <c r="G3765" s="449"/>
      <c r="H3765" s="451"/>
      <c r="I3765" s="451"/>
      <c r="J3765" s="452"/>
      <c r="K3765" s="449"/>
      <c r="L3765" s="469">
        <v>43497</v>
      </c>
      <c r="M3765" s="469"/>
      <c r="N3765" s="418" t="str">
        <f t="shared" si="109"/>
        <v/>
      </c>
    </row>
    <row r="3766" spans="1:14" ht="28.5">
      <c r="A3766" s="538"/>
      <c r="B3766" s="411">
        <f t="shared" si="110"/>
        <v>188</v>
      </c>
      <c r="C3766" s="498" t="s">
        <v>210</v>
      </c>
      <c r="D3766" s="449" t="s">
        <v>26883</v>
      </c>
      <c r="E3766" s="452" t="s">
        <v>643</v>
      </c>
      <c r="F3766" s="449" t="s">
        <v>600</v>
      </c>
      <c r="G3766" s="449"/>
      <c r="H3766" s="451"/>
      <c r="I3766" s="451"/>
      <c r="J3766" s="452"/>
      <c r="K3766" s="449"/>
      <c r="L3766" s="469">
        <v>43497</v>
      </c>
      <c r="M3766" s="469"/>
      <c r="N3766" s="418" t="str">
        <f t="shared" si="109"/>
        <v/>
      </c>
    </row>
    <row r="3767" spans="1:14" ht="28.5">
      <c r="A3767" s="538"/>
      <c r="B3767" s="411">
        <f t="shared" si="110"/>
        <v>188</v>
      </c>
      <c r="C3767" s="498" t="s">
        <v>210</v>
      </c>
      <c r="D3767" s="449" t="s">
        <v>26884</v>
      </c>
      <c r="E3767" s="452" t="s">
        <v>643</v>
      </c>
      <c r="F3767" s="449" t="s">
        <v>600</v>
      </c>
      <c r="G3767" s="449"/>
      <c r="H3767" s="451"/>
      <c r="I3767" s="451"/>
      <c r="J3767" s="452"/>
      <c r="K3767" s="449"/>
      <c r="L3767" s="469">
        <v>43497</v>
      </c>
      <c r="M3767" s="469"/>
      <c r="N3767" s="418" t="str">
        <f t="shared" si="109"/>
        <v/>
      </c>
    </row>
    <row r="3768" spans="1:14" ht="28.5">
      <c r="A3768" s="538"/>
      <c r="B3768" s="411">
        <f t="shared" si="110"/>
        <v>188</v>
      </c>
      <c r="C3768" s="498" t="s">
        <v>210</v>
      </c>
      <c r="D3768" s="449" t="s">
        <v>26885</v>
      </c>
      <c r="E3768" s="452" t="s">
        <v>643</v>
      </c>
      <c r="F3768" s="449" t="s">
        <v>600</v>
      </c>
      <c r="G3768" s="449"/>
      <c r="H3768" s="451"/>
      <c r="I3768" s="451"/>
      <c r="J3768" s="452"/>
      <c r="K3768" s="449"/>
      <c r="L3768" s="469">
        <v>43497</v>
      </c>
      <c r="M3768" s="469"/>
      <c r="N3768" s="418" t="str">
        <f t="shared" si="109"/>
        <v/>
      </c>
    </row>
    <row r="3769" spans="1:14" ht="63">
      <c r="A3769" s="538"/>
      <c r="B3769" s="411">
        <f t="shared" si="110"/>
        <v>188</v>
      </c>
      <c r="C3769" s="498" t="s">
        <v>6348</v>
      </c>
      <c r="D3769" s="449" t="s">
        <v>212</v>
      </c>
      <c r="E3769" s="449" t="s">
        <v>707</v>
      </c>
      <c r="F3769" s="449" t="s">
        <v>676</v>
      </c>
      <c r="G3769" s="449" t="s">
        <v>26886</v>
      </c>
      <c r="H3769" s="451" t="s">
        <v>26887</v>
      </c>
      <c r="I3769" s="451"/>
      <c r="J3769" s="452"/>
      <c r="K3769" s="449"/>
      <c r="L3769" s="469">
        <v>38362</v>
      </c>
      <c r="M3769" s="469">
        <v>43132</v>
      </c>
      <c r="N3769" s="418" t="str">
        <f t="shared" si="109"/>
        <v/>
      </c>
    </row>
    <row r="3770" spans="1:14" ht="15.75">
      <c r="A3770" s="538"/>
      <c r="B3770" s="411">
        <f t="shared" si="110"/>
        <v>188</v>
      </c>
      <c r="C3770" s="498" t="s">
        <v>6349</v>
      </c>
      <c r="D3770" s="449" t="s">
        <v>6350</v>
      </c>
      <c r="E3770" s="452" t="s">
        <v>643</v>
      </c>
      <c r="F3770" s="449" t="s">
        <v>600</v>
      </c>
      <c r="G3770" s="449"/>
      <c r="H3770" s="451"/>
      <c r="I3770" s="451"/>
      <c r="J3770" s="452"/>
      <c r="K3770" s="449"/>
      <c r="L3770" s="469">
        <v>42767</v>
      </c>
      <c r="M3770" s="469"/>
      <c r="N3770" s="418" t="str">
        <f t="shared" si="109"/>
        <v/>
      </c>
    </row>
    <row r="3771" spans="1:14" ht="15.75">
      <c r="A3771" s="538"/>
      <c r="B3771" s="411">
        <f t="shared" si="110"/>
        <v>188</v>
      </c>
      <c r="C3771" s="498" t="s">
        <v>6351</v>
      </c>
      <c r="D3771" s="449" t="s">
        <v>6352</v>
      </c>
      <c r="E3771" s="452" t="s">
        <v>643</v>
      </c>
      <c r="F3771" s="449" t="s">
        <v>600</v>
      </c>
      <c r="G3771" s="449"/>
      <c r="H3771" s="451"/>
      <c r="I3771" s="451"/>
      <c r="J3771" s="452"/>
      <c r="K3771" s="449"/>
      <c r="L3771" s="469">
        <v>42767</v>
      </c>
      <c r="M3771" s="469"/>
      <c r="N3771" s="418" t="str">
        <f t="shared" si="109"/>
        <v/>
      </c>
    </row>
    <row r="3772" spans="1:14" ht="15.75">
      <c r="A3772" s="538"/>
      <c r="B3772" s="411">
        <f t="shared" si="110"/>
        <v>188</v>
      </c>
      <c r="C3772" s="498" t="s">
        <v>6353</v>
      </c>
      <c r="D3772" s="449" t="s">
        <v>6354</v>
      </c>
      <c r="E3772" s="452" t="s">
        <v>643</v>
      </c>
      <c r="F3772" s="449" t="s">
        <v>600</v>
      </c>
      <c r="G3772" s="449"/>
      <c r="H3772" s="451"/>
      <c r="I3772" s="451"/>
      <c r="J3772" s="452"/>
      <c r="K3772" s="449"/>
      <c r="L3772" s="469">
        <v>42767</v>
      </c>
      <c r="M3772" s="469"/>
      <c r="N3772" s="418" t="str">
        <f t="shared" si="109"/>
        <v/>
      </c>
    </row>
    <row r="3773" spans="1:14" ht="28.5">
      <c r="A3773" s="563"/>
      <c r="B3773" s="411">
        <f t="shared" si="110"/>
        <v>188</v>
      </c>
      <c r="C3773" s="500" t="s">
        <v>6355</v>
      </c>
      <c r="D3773" s="494" t="s">
        <v>6356</v>
      </c>
      <c r="E3773" s="493" t="s">
        <v>643</v>
      </c>
      <c r="F3773" s="494" t="s">
        <v>600</v>
      </c>
      <c r="G3773" s="494" t="s">
        <v>28498</v>
      </c>
      <c r="H3773" s="495"/>
      <c r="I3773" s="495"/>
      <c r="J3773" s="493" t="s">
        <v>6357</v>
      </c>
      <c r="K3773" s="494"/>
      <c r="L3773" s="516">
        <v>38362</v>
      </c>
      <c r="M3773" s="516">
        <v>43862</v>
      </c>
      <c r="N3773" s="418" t="str">
        <f t="shared" si="109"/>
        <v/>
      </c>
    </row>
    <row r="3774" spans="1:14" ht="47.25">
      <c r="A3774" s="563"/>
      <c r="B3774" s="411">
        <f t="shared" si="110"/>
        <v>188</v>
      </c>
      <c r="C3774" s="500" t="s">
        <v>6358</v>
      </c>
      <c r="D3774" s="494" t="s">
        <v>6359</v>
      </c>
      <c r="E3774" s="514" t="s">
        <v>643</v>
      </c>
      <c r="F3774" s="494" t="s">
        <v>600</v>
      </c>
      <c r="G3774" s="494" t="s">
        <v>35326</v>
      </c>
      <c r="H3774" s="495"/>
      <c r="I3774" s="495"/>
      <c r="J3774" s="493"/>
      <c r="K3774" s="494"/>
      <c r="L3774" s="612">
        <v>38362</v>
      </c>
      <c r="M3774" s="516">
        <v>43862</v>
      </c>
      <c r="N3774" s="418" t="str">
        <f t="shared" si="109"/>
        <v/>
      </c>
    </row>
    <row r="3775" spans="1:14" ht="31.5">
      <c r="A3775" s="538"/>
      <c r="B3775" s="411">
        <f t="shared" si="110"/>
        <v>188</v>
      </c>
      <c r="C3775" s="498" t="s">
        <v>6360</v>
      </c>
      <c r="D3775" s="522" t="s">
        <v>6361</v>
      </c>
      <c r="E3775" s="144" t="s">
        <v>643</v>
      </c>
      <c r="F3775" s="449" t="s">
        <v>600</v>
      </c>
      <c r="G3775" s="449" t="s">
        <v>6063</v>
      </c>
      <c r="H3775" s="451"/>
      <c r="I3775" s="451"/>
      <c r="J3775" s="144"/>
      <c r="K3775" s="449"/>
      <c r="L3775" s="469">
        <v>40210</v>
      </c>
      <c r="M3775" s="469">
        <v>40575</v>
      </c>
      <c r="N3775" s="418" t="str">
        <f t="shared" si="109"/>
        <v/>
      </c>
    </row>
    <row r="3776" spans="1:14" ht="31.5">
      <c r="A3776" s="538"/>
      <c r="B3776" s="411">
        <f t="shared" si="110"/>
        <v>188</v>
      </c>
      <c r="C3776" s="498" t="s">
        <v>6362</v>
      </c>
      <c r="D3776" s="522" t="s">
        <v>6363</v>
      </c>
      <c r="E3776" s="144" t="s">
        <v>643</v>
      </c>
      <c r="F3776" s="449" t="s">
        <v>600</v>
      </c>
      <c r="G3776" s="449" t="s">
        <v>6063</v>
      </c>
      <c r="H3776" s="451"/>
      <c r="I3776" s="451"/>
      <c r="J3776" s="144"/>
      <c r="K3776" s="449"/>
      <c r="L3776" s="469">
        <v>40210</v>
      </c>
      <c r="M3776" s="469">
        <v>40575</v>
      </c>
      <c r="N3776" s="418" t="str">
        <f t="shared" si="109"/>
        <v/>
      </c>
    </row>
    <row r="3777" spans="1:14" ht="31.5">
      <c r="A3777" s="538"/>
      <c r="B3777" s="411">
        <f t="shared" si="110"/>
        <v>188</v>
      </c>
      <c r="C3777" s="498" t="s">
        <v>6364</v>
      </c>
      <c r="D3777" s="522" t="s">
        <v>6365</v>
      </c>
      <c r="E3777" s="144" t="s">
        <v>643</v>
      </c>
      <c r="F3777" s="449" t="s">
        <v>600</v>
      </c>
      <c r="G3777" s="449" t="s">
        <v>6063</v>
      </c>
      <c r="H3777" s="451"/>
      <c r="I3777" s="481"/>
      <c r="J3777" s="144"/>
      <c r="K3777" s="491"/>
      <c r="L3777" s="469">
        <v>40210</v>
      </c>
      <c r="M3777" s="469">
        <v>40575</v>
      </c>
      <c r="N3777" s="418" t="str">
        <f t="shared" si="109"/>
        <v/>
      </c>
    </row>
    <row r="3778" spans="1:14" ht="15.75">
      <c r="A3778" s="410"/>
      <c r="B3778" s="411">
        <f t="shared" si="110"/>
        <v>188</v>
      </c>
      <c r="C3778" s="578" t="s">
        <v>6366</v>
      </c>
      <c r="D3778" s="458" t="s">
        <v>6367</v>
      </c>
      <c r="E3778" s="528" t="s">
        <v>643</v>
      </c>
      <c r="F3778" s="458" t="s">
        <v>600</v>
      </c>
      <c r="G3778" s="458"/>
      <c r="H3778" s="460"/>
      <c r="I3778" s="527"/>
      <c r="J3778" s="528"/>
      <c r="K3778" s="728"/>
      <c r="L3778" s="469">
        <v>42767</v>
      </c>
      <c r="M3778" s="469"/>
      <c r="N3778" s="418" t="str">
        <f t="shared" si="109"/>
        <v/>
      </c>
    </row>
    <row r="3779" spans="1:14" ht="15.75">
      <c r="A3779" s="410">
        <v>189</v>
      </c>
      <c r="B3779" s="411">
        <f t="shared" si="110"/>
        <v>189</v>
      </c>
      <c r="C3779" s="692" t="s">
        <v>6368</v>
      </c>
      <c r="D3779" s="458"/>
      <c r="E3779" s="438" t="s">
        <v>595</v>
      </c>
      <c r="F3779" s="414" t="s">
        <v>596</v>
      </c>
      <c r="G3779" s="458"/>
      <c r="H3779" s="415"/>
      <c r="I3779" s="415"/>
      <c r="J3779" s="438" t="s">
        <v>6369</v>
      </c>
      <c r="K3779" s="859"/>
      <c r="L3779" s="417">
        <v>38362</v>
      </c>
      <c r="M3779" s="417">
        <v>42401</v>
      </c>
      <c r="N3779" s="418" t="str">
        <f t="shared" si="109"/>
        <v/>
      </c>
    </row>
    <row r="3780" spans="1:14" ht="15.75">
      <c r="A3780" s="538"/>
      <c r="B3780" s="411">
        <f t="shared" si="110"/>
        <v>189</v>
      </c>
      <c r="C3780" s="478" t="s">
        <v>6370</v>
      </c>
      <c r="D3780" s="449" t="s">
        <v>6371</v>
      </c>
      <c r="E3780" s="452" t="s">
        <v>595</v>
      </c>
      <c r="F3780" s="452" t="s">
        <v>596</v>
      </c>
      <c r="G3780" s="452"/>
      <c r="H3780" s="415"/>
      <c r="I3780" s="444"/>
      <c r="J3780" s="577"/>
      <c r="K3780" s="860"/>
      <c r="L3780" s="477">
        <v>39845</v>
      </c>
      <c r="M3780" s="490"/>
      <c r="N3780" s="418" t="str">
        <f t="shared" si="109"/>
        <v/>
      </c>
    </row>
    <row r="3781" spans="1:14" ht="15.75">
      <c r="A3781" s="538"/>
      <c r="B3781" s="411">
        <f t="shared" si="110"/>
        <v>189</v>
      </c>
      <c r="C3781" s="440" t="s">
        <v>6372</v>
      </c>
      <c r="D3781" s="449" t="s">
        <v>6373</v>
      </c>
      <c r="E3781" s="452" t="s">
        <v>595</v>
      </c>
      <c r="F3781" s="452" t="s">
        <v>596</v>
      </c>
      <c r="G3781" s="452"/>
      <c r="H3781" s="415"/>
      <c r="I3781" s="451"/>
      <c r="J3781" s="452"/>
      <c r="K3781" s="861"/>
      <c r="L3781" s="469">
        <v>39845</v>
      </c>
      <c r="M3781" s="511"/>
      <c r="N3781" s="418" t="str">
        <f t="shared" si="109"/>
        <v/>
      </c>
    </row>
    <row r="3782" spans="1:14" ht="28.5">
      <c r="A3782" s="538"/>
      <c r="B3782" s="411">
        <f t="shared" si="110"/>
        <v>189</v>
      </c>
      <c r="C3782" s="440" t="s">
        <v>6374</v>
      </c>
      <c r="D3782" s="449" t="s">
        <v>6375</v>
      </c>
      <c r="E3782" s="452" t="s">
        <v>595</v>
      </c>
      <c r="F3782" s="452" t="s">
        <v>596</v>
      </c>
      <c r="G3782" s="452"/>
      <c r="H3782" s="415"/>
      <c r="I3782" s="451"/>
      <c r="J3782" s="452"/>
      <c r="K3782" s="861"/>
      <c r="L3782" s="469">
        <v>39845</v>
      </c>
      <c r="M3782" s="511"/>
      <c r="N3782" s="418" t="str">
        <f t="shared" si="109"/>
        <v/>
      </c>
    </row>
    <row r="3783" spans="1:14" ht="15.75">
      <c r="A3783" s="538"/>
      <c r="B3783" s="411">
        <f t="shared" si="110"/>
        <v>189</v>
      </c>
      <c r="C3783" s="440" t="s">
        <v>6376</v>
      </c>
      <c r="D3783" s="449" t="s">
        <v>6377</v>
      </c>
      <c r="E3783" s="452" t="s">
        <v>595</v>
      </c>
      <c r="F3783" s="452" t="s">
        <v>596</v>
      </c>
      <c r="G3783" s="452"/>
      <c r="H3783" s="415"/>
      <c r="I3783" s="451"/>
      <c r="J3783" s="452"/>
      <c r="K3783" s="861"/>
      <c r="L3783" s="469">
        <v>39845</v>
      </c>
      <c r="M3783" s="511">
        <v>42401</v>
      </c>
      <c r="N3783" s="418" t="str">
        <f t="shared" si="109"/>
        <v/>
      </c>
    </row>
    <row r="3784" spans="1:14" ht="15.75">
      <c r="A3784" s="538"/>
      <c r="B3784" s="411">
        <f t="shared" si="110"/>
        <v>189</v>
      </c>
      <c r="C3784" s="478" t="s">
        <v>6378</v>
      </c>
      <c r="D3784" s="449" t="s">
        <v>6379</v>
      </c>
      <c r="E3784" s="452" t="s">
        <v>595</v>
      </c>
      <c r="F3784" s="452" t="s">
        <v>596</v>
      </c>
      <c r="G3784" s="452"/>
      <c r="H3784" s="415"/>
      <c r="I3784" s="451"/>
      <c r="J3784" s="452"/>
      <c r="K3784" s="861"/>
      <c r="L3784" s="469">
        <v>39845</v>
      </c>
      <c r="M3784" s="511">
        <v>42401</v>
      </c>
      <c r="N3784" s="418" t="str">
        <f t="shared" si="109"/>
        <v/>
      </c>
    </row>
    <row r="3785" spans="1:14" ht="15.75">
      <c r="A3785" s="538"/>
      <c r="B3785" s="411">
        <f t="shared" si="110"/>
        <v>189</v>
      </c>
      <c r="C3785" s="478" t="s">
        <v>6380</v>
      </c>
      <c r="D3785" s="449" t="s">
        <v>6381</v>
      </c>
      <c r="E3785" s="452" t="s">
        <v>595</v>
      </c>
      <c r="F3785" s="452" t="s">
        <v>596</v>
      </c>
      <c r="G3785" s="452"/>
      <c r="H3785" s="415"/>
      <c r="I3785" s="451"/>
      <c r="J3785" s="144"/>
      <c r="K3785" s="861"/>
      <c r="L3785" s="469">
        <v>39845</v>
      </c>
      <c r="M3785" s="511"/>
      <c r="N3785" s="418" t="str">
        <f t="shared" si="109"/>
        <v/>
      </c>
    </row>
    <row r="3786" spans="1:14" ht="15.75">
      <c r="A3786" s="410"/>
      <c r="B3786" s="411">
        <f t="shared" si="110"/>
        <v>189</v>
      </c>
      <c r="C3786" s="862" t="s">
        <v>6382</v>
      </c>
      <c r="D3786" s="458" t="s">
        <v>6383</v>
      </c>
      <c r="E3786" s="461" t="s">
        <v>595</v>
      </c>
      <c r="F3786" s="461" t="s">
        <v>596</v>
      </c>
      <c r="G3786" s="461"/>
      <c r="H3786" s="415"/>
      <c r="I3786" s="460"/>
      <c r="J3786" s="461"/>
      <c r="K3786" s="863"/>
      <c r="L3786" s="423">
        <v>39845</v>
      </c>
      <c r="M3786" s="650"/>
      <c r="N3786" s="418" t="str">
        <f t="shared" si="109"/>
        <v/>
      </c>
    </row>
    <row r="3787" spans="1:14" ht="78.75">
      <c r="A3787" s="574">
        <v>190</v>
      </c>
      <c r="B3787" s="411">
        <f t="shared" si="110"/>
        <v>190</v>
      </c>
      <c r="C3787" s="864" t="s">
        <v>6384</v>
      </c>
      <c r="D3787" s="522"/>
      <c r="E3787" s="865" t="s">
        <v>643</v>
      </c>
      <c r="F3787" s="866" t="s">
        <v>600</v>
      </c>
      <c r="G3787" s="144" t="s">
        <v>28519</v>
      </c>
      <c r="H3787" s="460"/>
      <c r="I3787" s="460"/>
      <c r="J3787" s="442" t="s">
        <v>6385</v>
      </c>
      <c r="K3787" s="865" t="s">
        <v>28520</v>
      </c>
      <c r="L3787" s="477">
        <v>38362</v>
      </c>
      <c r="M3787" s="477">
        <v>43862</v>
      </c>
      <c r="N3787" s="418" t="str">
        <f t="shared" si="109"/>
        <v/>
      </c>
    </row>
    <row r="3788" spans="1:14" ht="15.75">
      <c r="A3788" s="574"/>
      <c r="B3788" s="411">
        <f t="shared" si="110"/>
        <v>190</v>
      </c>
      <c r="C3788" s="633" t="s">
        <v>6386</v>
      </c>
      <c r="D3788" s="442" t="s">
        <v>6387</v>
      </c>
      <c r="E3788" s="647" t="s">
        <v>643</v>
      </c>
      <c r="F3788" s="539" t="s">
        <v>600</v>
      </c>
      <c r="G3788" s="442" t="s">
        <v>1056</v>
      </c>
      <c r="H3788" s="415"/>
      <c r="I3788" s="444"/>
      <c r="J3788" s="445"/>
      <c r="K3788" s="577"/>
      <c r="L3788" s="477">
        <v>38362</v>
      </c>
      <c r="M3788" s="477">
        <v>42036</v>
      </c>
      <c r="N3788" s="418" t="str">
        <f t="shared" si="109"/>
        <v/>
      </c>
    </row>
    <row r="3789" spans="1:14" ht="15.75">
      <c r="A3789" s="538"/>
      <c r="B3789" s="411">
        <f t="shared" si="110"/>
        <v>190</v>
      </c>
      <c r="C3789" s="440" t="s">
        <v>6388</v>
      </c>
      <c r="D3789" s="449" t="s">
        <v>6389</v>
      </c>
      <c r="E3789" s="140" t="s">
        <v>643</v>
      </c>
      <c r="F3789" s="522" t="s">
        <v>600</v>
      </c>
      <c r="G3789" s="449"/>
      <c r="H3789" s="415"/>
      <c r="I3789" s="451"/>
      <c r="J3789" s="452"/>
      <c r="K3789" s="144"/>
      <c r="L3789" s="469">
        <v>38362</v>
      </c>
      <c r="M3789" s="469"/>
      <c r="N3789" s="418" t="str">
        <f t="shared" si="109"/>
        <v/>
      </c>
    </row>
    <row r="3790" spans="1:14" ht="15.75">
      <c r="A3790" s="538"/>
      <c r="B3790" s="411">
        <f t="shared" si="110"/>
        <v>190</v>
      </c>
      <c r="C3790" s="440" t="s">
        <v>6390</v>
      </c>
      <c r="D3790" s="449" t="s">
        <v>6391</v>
      </c>
      <c r="E3790" s="140" t="s">
        <v>643</v>
      </c>
      <c r="F3790" s="522" t="s">
        <v>600</v>
      </c>
      <c r="G3790" s="449"/>
      <c r="H3790" s="415"/>
      <c r="I3790" s="451"/>
      <c r="J3790" s="452"/>
      <c r="K3790" s="144"/>
      <c r="L3790" s="469">
        <v>38362</v>
      </c>
      <c r="M3790" s="469"/>
      <c r="N3790" s="418" t="str">
        <f t="shared" si="109"/>
        <v/>
      </c>
    </row>
    <row r="3791" spans="1:14" ht="15.75">
      <c r="A3791" s="538"/>
      <c r="B3791" s="411">
        <f t="shared" si="110"/>
        <v>190</v>
      </c>
      <c r="C3791" s="440" t="s">
        <v>6392</v>
      </c>
      <c r="D3791" s="449" t="s">
        <v>6393</v>
      </c>
      <c r="E3791" s="140" t="s">
        <v>643</v>
      </c>
      <c r="F3791" s="522" t="s">
        <v>600</v>
      </c>
      <c r="G3791" s="449"/>
      <c r="H3791" s="415"/>
      <c r="I3791" s="451"/>
      <c r="J3791" s="452"/>
      <c r="K3791" s="144"/>
      <c r="L3791" s="469">
        <v>38362</v>
      </c>
      <c r="M3791" s="469"/>
      <c r="N3791" s="418" t="str">
        <f t="shared" si="109"/>
        <v/>
      </c>
    </row>
    <row r="3792" spans="1:14" ht="15.75">
      <c r="A3792" s="538"/>
      <c r="B3792" s="411">
        <f t="shared" si="110"/>
        <v>190</v>
      </c>
      <c r="C3792" s="440" t="s">
        <v>6394</v>
      </c>
      <c r="D3792" s="449" t="s">
        <v>6395</v>
      </c>
      <c r="E3792" s="140" t="s">
        <v>643</v>
      </c>
      <c r="F3792" s="522" t="s">
        <v>600</v>
      </c>
      <c r="G3792" s="449"/>
      <c r="H3792" s="415"/>
      <c r="I3792" s="451"/>
      <c r="J3792" s="452"/>
      <c r="K3792" s="144"/>
      <c r="L3792" s="469">
        <v>38362</v>
      </c>
      <c r="M3792" s="469"/>
      <c r="N3792" s="418" t="str">
        <f t="shared" si="109"/>
        <v/>
      </c>
    </row>
    <row r="3793" spans="1:14" ht="15.75">
      <c r="A3793" s="538"/>
      <c r="B3793" s="411">
        <f t="shared" si="110"/>
        <v>190</v>
      </c>
      <c r="C3793" s="440" t="s">
        <v>6396</v>
      </c>
      <c r="D3793" s="449" t="s">
        <v>6397</v>
      </c>
      <c r="E3793" s="140" t="s">
        <v>643</v>
      </c>
      <c r="F3793" s="522" t="s">
        <v>600</v>
      </c>
      <c r="G3793" s="449"/>
      <c r="H3793" s="415"/>
      <c r="I3793" s="451"/>
      <c r="J3793" s="452"/>
      <c r="K3793" s="144"/>
      <c r="L3793" s="469">
        <v>38362</v>
      </c>
      <c r="M3793" s="469"/>
      <c r="N3793" s="418" t="str">
        <f t="shared" si="109"/>
        <v/>
      </c>
    </row>
    <row r="3794" spans="1:14" ht="15.75">
      <c r="A3794" s="538"/>
      <c r="B3794" s="411">
        <f t="shared" si="110"/>
        <v>190</v>
      </c>
      <c r="C3794" s="440" t="s">
        <v>6398</v>
      </c>
      <c r="D3794" s="449" t="s">
        <v>6399</v>
      </c>
      <c r="E3794" s="140" t="s">
        <v>643</v>
      </c>
      <c r="F3794" s="522" t="s">
        <v>600</v>
      </c>
      <c r="G3794" s="449"/>
      <c r="H3794" s="415"/>
      <c r="I3794" s="451"/>
      <c r="J3794" s="452"/>
      <c r="K3794" s="144"/>
      <c r="L3794" s="469">
        <v>38362</v>
      </c>
      <c r="M3794" s="469"/>
      <c r="N3794" s="418" t="str">
        <f t="shared" si="109"/>
        <v/>
      </c>
    </row>
    <row r="3795" spans="1:14" ht="15.75">
      <c r="A3795" s="538"/>
      <c r="B3795" s="411">
        <f t="shared" si="110"/>
        <v>190</v>
      </c>
      <c r="C3795" s="440" t="s">
        <v>6400</v>
      </c>
      <c r="D3795" s="449" t="s">
        <v>6401</v>
      </c>
      <c r="E3795" s="140" t="s">
        <v>643</v>
      </c>
      <c r="F3795" s="522" t="s">
        <v>600</v>
      </c>
      <c r="G3795" s="449"/>
      <c r="H3795" s="415"/>
      <c r="I3795" s="451"/>
      <c r="J3795" s="452"/>
      <c r="K3795" s="144"/>
      <c r="L3795" s="469">
        <v>38362</v>
      </c>
      <c r="M3795" s="469"/>
      <c r="N3795" s="418" t="str">
        <f t="shared" si="109"/>
        <v/>
      </c>
    </row>
    <row r="3796" spans="1:14" ht="15.75">
      <c r="A3796" s="538"/>
      <c r="B3796" s="411">
        <f t="shared" si="110"/>
        <v>190</v>
      </c>
      <c r="C3796" s="440" t="s">
        <v>6402</v>
      </c>
      <c r="D3796" s="449" t="s">
        <v>6403</v>
      </c>
      <c r="E3796" s="140" t="s">
        <v>643</v>
      </c>
      <c r="F3796" s="522" t="s">
        <v>600</v>
      </c>
      <c r="G3796" s="449"/>
      <c r="H3796" s="415"/>
      <c r="I3796" s="451"/>
      <c r="J3796" s="452"/>
      <c r="K3796" s="144"/>
      <c r="L3796" s="469">
        <v>38362</v>
      </c>
      <c r="M3796" s="469"/>
      <c r="N3796" s="418" t="str">
        <f t="shared" si="109"/>
        <v/>
      </c>
    </row>
    <row r="3797" spans="1:14" ht="15.75">
      <c r="A3797" s="538"/>
      <c r="B3797" s="411">
        <f t="shared" si="110"/>
        <v>190</v>
      </c>
      <c r="C3797" s="440" t="s">
        <v>6404</v>
      </c>
      <c r="D3797" s="449" t="s">
        <v>6405</v>
      </c>
      <c r="E3797" s="140" t="s">
        <v>643</v>
      </c>
      <c r="F3797" s="522" t="s">
        <v>600</v>
      </c>
      <c r="G3797" s="449"/>
      <c r="H3797" s="415"/>
      <c r="I3797" s="451"/>
      <c r="J3797" s="452"/>
      <c r="K3797" s="144"/>
      <c r="L3797" s="469">
        <v>38362</v>
      </c>
      <c r="M3797" s="469"/>
      <c r="N3797" s="418" t="str">
        <f t="shared" si="109"/>
        <v/>
      </c>
    </row>
    <row r="3798" spans="1:14" ht="15.75">
      <c r="A3798" s="538"/>
      <c r="B3798" s="411">
        <f t="shared" si="110"/>
        <v>190</v>
      </c>
      <c r="C3798" s="440" t="s">
        <v>6406</v>
      </c>
      <c r="D3798" s="449" t="s">
        <v>6407</v>
      </c>
      <c r="E3798" s="140" t="s">
        <v>643</v>
      </c>
      <c r="F3798" s="522" t="s">
        <v>600</v>
      </c>
      <c r="G3798" s="449"/>
      <c r="H3798" s="415"/>
      <c r="I3798" s="451"/>
      <c r="J3798" s="452"/>
      <c r="K3798" s="144"/>
      <c r="L3798" s="469">
        <v>38362</v>
      </c>
      <c r="M3798" s="469"/>
      <c r="N3798" s="418" t="str">
        <f t="shared" si="109"/>
        <v/>
      </c>
    </row>
    <row r="3799" spans="1:14" ht="15.75">
      <c r="A3799" s="538"/>
      <c r="B3799" s="411">
        <f t="shared" si="110"/>
        <v>190</v>
      </c>
      <c r="C3799" s="440" t="s">
        <v>6408</v>
      </c>
      <c r="D3799" s="449" t="s">
        <v>6409</v>
      </c>
      <c r="E3799" s="140" t="s">
        <v>643</v>
      </c>
      <c r="F3799" s="522" t="s">
        <v>600</v>
      </c>
      <c r="G3799" s="449"/>
      <c r="H3799" s="415"/>
      <c r="I3799" s="451"/>
      <c r="J3799" s="452"/>
      <c r="K3799" s="144"/>
      <c r="L3799" s="469">
        <v>38362</v>
      </c>
      <c r="M3799" s="469"/>
      <c r="N3799" s="418" t="str">
        <f t="shared" si="109"/>
        <v/>
      </c>
    </row>
    <row r="3800" spans="1:14" ht="15.75">
      <c r="A3800" s="538"/>
      <c r="B3800" s="411">
        <f t="shared" si="110"/>
        <v>190</v>
      </c>
      <c r="C3800" s="440" t="s">
        <v>6410</v>
      </c>
      <c r="D3800" s="449" t="s">
        <v>6411</v>
      </c>
      <c r="E3800" s="140" t="s">
        <v>643</v>
      </c>
      <c r="F3800" s="522" t="s">
        <v>600</v>
      </c>
      <c r="G3800" s="449"/>
      <c r="H3800" s="415"/>
      <c r="I3800" s="451"/>
      <c r="J3800" s="452"/>
      <c r="K3800" s="144"/>
      <c r="L3800" s="469">
        <v>38362</v>
      </c>
      <c r="M3800" s="469"/>
      <c r="N3800" s="418" t="str">
        <f t="shared" si="109"/>
        <v/>
      </c>
    </row>
    <row r="3801" spans="1:14" ht="15.75">
      <c r="A3801" s="538"/>
      <c r="B3801" s="411">
        <f t="shared" si="110"/>
        <v>190</v>
      </c>
      <c r="C3801" s="440" t="s">
        <v>6412</v>
      </c>
      <c r="D3801" s="449" t="s">
        <v>6413</v>
      </c>
      <c r="E3801" s="140" t="s">
        <v>643</v>
      </c>
      <c r="F3801" s="522" t="s">
        <v>600</v>
      </c>
      <c r="G3801" s="449"/>
      <c r="H3801" s="415"/>
      <c r="I3801" s="451"/>
      <c r="J3801" s="452"/>
      <c r="K3801" s="144"/>
      <c r="L3801" s="469">
        <v>38362</v>
      </c>
      <c r="M3801" s="469"/>
      <c r="N3801" s="418" t="str">
        <f t="shared" si="109"/>
        <v/>
      </c>
    </row>
    <row r="3802" spans="1:14" ht="15.75">
      <c r="A3802" s="538"/>
      <c r="B3802" s="411">
        <f t="shared" si="110"/>
        <v>190</v>
      </c>
      <c r="C3802" s="440" t="s">
        <v>6414</v>
      </c>
      <c r="D3802" s="449" t="s">
        <v>6415</v>
      </c>
      <c r="E3802" s="140" t="s">
        <v>643</v>
      </c>
      <c r="F3802" s="522" t="s">
        <v>600</v>
      </c>
      <c r="G3802" s="449"/>
      <c r="H3802" s="415"/>
      <c r="I3802" s="451"/>
      <c r="J3802" s="452"/>
      <c r="K3802" s="144"/>
      <c r="L3802" s="469">
        <v>38362</v>
      </c>
      <c r="M3802" s="469"/>
      <c r="N3802" s="418" t="str">
        <f t="shared" si="109"/>
        <v/>
      </c>
    </row>
    <row r="3803" spans="1:14" ht="15.75">
      <c r="A3803" s="538"/>
      <c r="B3803" s="411">
        <f t="shared" si="110"/>
        <v>190</v>
      </c>
      <c r="C3803" s="440" t="s">
        <v>6416</v>
      </c>
      <c r="D3803" s="449" t="s">
        <v>6417</v>
      </c>
      <c r="E3803" s="140" t="s">
        <v>643</v>
      </c>
      <c r="F3803" s="522" t="s">
        <v>600</v>
      </c>
      <c r="G3803" s="449"/>
      <c r="H3803" s="415"/>
      <c r="I3803" s="451"/>
      <c r="J3803" s="452"/>
      <c r="K3803" s="144"/>
      <c r="L3803" s="469">
        <v>38362</v>
      </c>
      <c r="M3803" s="469"/>
      <c r="N3803" s="418" t="str">
        <f t="shared" si="109"/>
        <v/>
      </c>
    </row>
    <row r="3804" spans="1:14" ht="15.75">
      <c r="A3804" s="563"/>
      <c r="B3804" s="411">
        <f t="shared" si="110"/>
        <v>190</v>
      </c>
      <c r="C3804" s="492" t="s">
        <v>6418</v>
      </c>
      <c r="D3804" s="494" t="s">
        <v>6419</v>
      </c>
      <c r="E3804" s="599" t="s">
        <v>643</v>
      </c>
      <c r="F3804" s="521" t="s">
        <v>600</v>
      </c>
      <c r="G3804" s="494" t="s">
        <v>28498</v>
      </c>
      <c r="H3804" s="432"/>
      <c r="I3804" s="495"/>
      <c r="J3804" s="493"/>
      <c r="K3804" s="514"/>
      <c r="L3804" s="516">
        <v>38362</v>
      </c>
      <c r="M3804" s="516">
        <v>43862</v>
      </c>
      <c r="N3804" s="418" t="str">
        <f t="shared" si="109"/>
        <v/>
      </c>
    </row>
    <row r="3805" spans="1:14" ht="15.75">
      <c r="A3805" s="538"/>
      <c r="B3805" s="411">
        <f t="shared" si="110"/>
        <v>190</v>
      </c>
      <c r="C3805" s="440" t="s">
        <v>6420</v>
      </c>
      <c r="D3805" s="449" t="s">
        <v>6421</v>
      </c>
      <c r="E3805" s="140" t="s">
        <v>643</v>
      </c>
      <c r="F3805" s="522" t="s">
        <v>600</v>
      </c>
      <c r="G3805" s="449"/>
      <c r="H3805" s="415"/>
      <c r="I3805" s="451"/>
      <c r="J3805" s="452"/>
      <c r="K3805" s="144"/>
      <c r="L3805" s="469">
        <v>38362</v>
      </c>
      <c r="M3805" s="469"/>
      <c r="N3805" s="418" t="str">
        <f t="shared" si="109"/>
        <v/>
      </c>
    </row>
    <row r="3806" spans="1:14" ht="110.25">
      <c r="A3806" s="536">
        <v>191</v>
      </c>
      <c r="B3806" s="411">
        <f t="shared" si="110"/>
        <v>191</v>
      </c>
      <c r="C3806" s="419" t="s">
        <v>6422</v>
      </c>
      <c r="D3806" s="421"/>
      <c r="E3806" s="867" t="s">
        <v>643</v>
      </c>
      <c r="F3806" s="421" t="s">
        <v>600</v>
      </c>
      <c r="G3806" s="414" t="s">
        <v>6423</v>
      </c>
      <c r="H3806" s="415"/>
      <c r="I3806" s="415"/>
      <c r="J3806" s="472" t="s">
        <v>6424</v>
      </c>
      <c r="K3806" s="414" t="s">
        <v>6425</v>
      </c>
      <c r="L3806" s="417">
        <v>38362</v>
      </c>
      <c r="M3806" s="417">
        <v>42767</v>
      </c>
      <c r="N3806" s="418" t="str">
        <f t="shared" si="109"/>
        <v/>
      </c>
    </row>
    <row r="3807" spans="1:14" ht="15.75">
      <c r="A3807" s="538"/>
      <c r="B3807" s="411">
        <f t="shared" si="110"/>
        <v>191</v>
      </c>
      <c r="C3807" s="440" t="s">
        <v>6426</v>
      </c>
      <c r="D3807" s="449" t="s">
        <v>6427</v>
      </c>
      <c r="E3807" s="140" t="s">
        <v>643</v>
      </c>
      <c r="F3807" s="522" t="s">
        <v>600</v>
      </c>
      <c r="G3807" s="1225" t="s">
        <v>2208</v>
      </c>
      <c r="H3807" s="444"/>
      <c r="I3807" s="451"/>
      <c r="J3807" s="443" t="s">
        <v>6428</v>
      </c>
      <c r="K3807" s="532"/>
      <c r="L3807" s="469">
        <v>38362</v>
      </c>
      <c r="M3807" s="417">
        <v>41671</v>
      </c>
      <c r="N3807" s="418" t="str">
        <f t="shared" si="109"/>
        <v/>
      </c>
    </row>
    <row r="3808" spans="1:14" ht="15.75">
      <c r="A3808" s="538"/>
      <c r="B3808" s="411">
        <f t="shared" si="110"/>
        <v>191</v>
      </c>
      <c r="C3808" s="440" t="s">
        <v>6429</v>
      </c>
      <c r="D3808" s="449" t="s">
        <v>6430</v>
      </c>
      <c r="E3808" s="140" t="s">
        <v>643</v>
      </c>
      <c r="F3808" s="522" t="s">
        <v>600</v>
      </c>
      <c r="G3808" s="1226"/>
      <c r="H3808" s="451"/>
      <c r="I3808" s="451"/>
      <c r="J3808" s="449"/>
      <c r="K3808" s="532"/>
      <c r="L3808" s="469">
        <v>40940</v>
      </c>
      <c r="M3808" s="417">
        <v>41671</v>
      </c>
      <c r="N3808" s="418" t="str">
        <f t="shared" si="109"/>
        <v/>
      </c>
    </row>
    <row r="3809" spans="1:14" ht="15.75">
      <c r="A3809" s="410"/>
      <c r="B3809" s="411">
        <f t="shared" si="110"/>
        <v>191</v>
      </c>
      <c r="C3809" s="456" t="s">
        <v>6431</v>
      </c>
      <c r="D3809" s="458" t="s">
        <v>6432</v>
      </c>
      <c r="E3809" s="457" t="s">
        <v>643</v>
      </c>
      <c r="F3809" s="457" t="s">
        <v>600</v>
      </c>
      <c r="G3809" s="1227"/>
      <c r="H3809" s="460"/>
      <c r="I3809" s="451"/>
      <c r="J3809" s="458"/>
      <c r="K3809" s="459"/>
      <c r="L3809" s="469">
        <v>38362</v>
      </c>
      <c r="M3809" s="417">
        <v>41671</v>
      </c>
      <c r="N3809" s="418" t="str">
        <f t="shared" si="109"/>
        <v/>
      </c>
    </row>
    <row r="3810" spans="1:14" ht="63">
      <c r="A3810" s="410">
        <v>192</v>
      </c>
      <c r="B3810" s="411">
        <f t="shared" si="110"/>
        <v>192</v>
      </c>
      <c r="C3810" s="412" t="s">
        <v>6433</v>
      </c>
      <c r="D3810" s="458"/>
      <c r="E3810" s="458" t="s">
        <v>643</v>
      </c>
      <c r="F3810" s="458" t="s">
        <v>600</v>
      </c>
      <c r="G3810" s="416" t="s">
        <v>2310</v>
      </c>
      <c r="H3810" s="415"/>
      <c r="I3810" s="868"/>
      <c r="J3810" s="414" t="s">
        <v>6385</v>
      </c>
      <c r="K3810" s="869">
        <v>1.0000000000000001E-5</v>
      </c>
      <c r="L3810" s="423">
        <v>38362</v>
      </c>
      <c r="M3810" s="870">
        <v>42767</v>
      </c>
      <c r="N3810" s="418" t="str">
        <f t="shared" si="109"/>
        <v/>
      </c>
    </row>
    <row r="3811" spans="1:14" ht="15.75">
      <c r="A3811" s="574"/>
      <c r="B3811" s="411">
        <f t="shared" si="110"/>
        <v>192</v>
      </c>
      <c r="C3811" s="545" t="s">
        <v>6434</v>
      </c>
      <c r="D3811" s="414" t="s">
        <v>6435</v>
      </c>
      <c r="E3811" s="414" t="s">
        <v>643</v>
      </c>
      <c r="F3811" s="414" t="s">
        <v>600</v>
      </c>
      <c r="G3811" s="414"/>
      <c r="H3811" s="415"/>
      <c r="I3811" s="444"/>
      <c r="J3811" s="577"/>
      <c r="K3811" s="871"/>
      <c r="L3811" s="417">
        <v>38362</v>
      </c>
      <c r="M3811" s="730"/>
      <c r="N3811" s="418" t="str">
        <f t="shared" si="109"/>
        <v/>
      </c>
    </row>
    <row r="3812" spans="1:14" ht="362.25">
      <c r="A3812" s="563">
        <v>193</v>
      </c>
      <c r="B3812" s="484">
        <f t="shared" si="110"/>
        <v>193</v>
      </c>
      <c r="C3812" s="606" t="s">
        <v>28521</v>
      </c>
      <c r="D3812" s="504"/>
      <c r="E3812" s="504" t="s">
        <v>707</v>
      </c>
      <c r="F3812" s="504" t="s">
        <v>2404</v>
      </c>
      <c r="G3812" s="504" t="s">
        <v>35296</v>
      </c>
      <c r="H3812" s="432"/>
      <c r="I3812" s="432"/>
      <c r="J3812" s="872" t="s">
        <v>35297</v>
      </c>
      <c r="K3812" s="430" t="s">
        <v>35298</v>
      </c>
      <c r="L3812" s="434">
        <v>40210</v>
      </c>
      <c r="M3812" s="589">
        <v>44228</v>
      </c>
      <c r="N3812" s="418" t="str">
        <f t="shared" si="109"/>
        <v/>
      </c>
    </row>
    <row r="3813" spans="1:14" ht="15.75">
      <c r="A3813" s="563"/>
      <c r="B3813" s="411">
        <f t="shared" si="110"/>
        <v>193</v>
      </c>
      <c r="C3813" s="492" t="s">
        <v>537</v>
      </c>
      <c r="D3813" s="494" t="s">
        <v>539</v>
      </c>
      <c r="E3813" s="873" t="s">
        <v>595</v>
      </c>
      <c r="F3813" s="874" t="s">
        <v>600</v>
      </c>
      <c r="G3813" s="873" t="s">
        <v>760</v>
      </c>
      <c r="H3813" s="495"/>
      <c r="I3813" s="495"/>
      <c r="J3813" s="525"/>
      <c r="K3813" s="496"/>
      <c r="L3813" s="515"/>
      <c r="M3813" s="516">
        <v>43862</v>
      </c>
      <c r="N3813" s="418" t="str">
        <f t="shared" si="109"/>
        <v/>
      </c>
    </row>
    <row r="3814" spans="1:14" ht="126">
      <c r="A3814" s="563"/>
      <c r="B3814" s="484">
        <f t="shared" si="110"/>
        <v>193</v>
      </c>
      <c r="C3814" s="492" t="s">
        <v>6436</v>
      </c>
      <c r="D3814" s="494" t="s">
        <v>6437</v>
      </c>
      <c r="E3814" s="875" t="s">
        <v>707</v>
      </c>
      <c r="F3814" s="876" t="s">
        <v>600</v>
      </c>
      <c r="G3814" s="877" t="s">
        <v>35299</v>
      </c>
      <c r="H3814" s="495"/>
      <c r="I3814" s="495"/>
      <c r="J3814" s="525"/>
      <c r="K3814" s="430" t="s">
        <v>35300</v>
      </c>
      <c r="L3814" s="515"/>
      <c r="M3814" s="516">
        <v>44228</v>
      </c>
      <c r="N3814" s="418" t="str">
        <f t="shared" ref="N3814:N3877" si="111">IF(D3814="NA","",IF(COUNTIF($D$2:$D$5552,D3814)&gt;1,"DUPLICATE",""))</f>
        <v/>
      </c>
    </row>
    <row r="3815" spans="1:14" ht="126">
      <c r="A3815" s="563"/>
      <c r="B3815" s="484">
        <f t="shared" si="110"/>
        <v>193</v>
      </c>
      <c r="C3815" s="492" t="s">
        <v>6438</v>
      </c>
      <c r="D3815" s="494" t="s">
        <v>6439</v>
      </c>
      <c r="E3815" s="875" t="s">
        <v>707</v>
      </c>
      <c r="F3815" s="876" t="s">
        <v>600</v>
      </c>
      <c r="G3815" s="877" t="s">
        <v>35301</v>
      </c>
      <c r="H3815" s="495"/>
      <c r="I3815" s="495"/>
      <c r="J3815" s="525"/>
      <c r="K3815" s="430" t="s">
        <v>35300</v>
      </c>
      <c r="L3815" s="515"/>
      <c r="M3815" s="516">
        <v>44228</v>
      </c>
      <c r="N3815" s="418" t="str">
        <f t="shared" si="111"/>
        <v/>
      </c>
    </row>
    <row r="3816" spans="1:14" ht="126">
      <c r="A3816" s="563"/>
      <c r="B3816" s="484">
        <f t="shared" si="110"/>
        <v>193</v>
      </c>
      <c r="C3816" s="492" t="s">
        <v>6440</v>
      </c>
      <c r="D3816" s="494" t="s">
        <v>84</v>
      </c>
      <c r="E3816" s="875" t="s">
        <v>707</v>
      </c>
      <c r="F3816" s="876" t="s">
        <v>600</v>
      </c>
      <c r="G3816" s="877" t="s">
        <v>35299</v>
      </c>
      <c r="H3816" s="495"/>
      <c r="I3816" s="495"/>
      <c r="J3816" s="525"/>
      <c r="K3816" s="430" t="s">
        <v>35300</v>
      </c>
      <c r="L3816" s="515"/>
      <c r="M3816" s="516">
        <v>44228</v>
      </c>
      <c r="N3816" s="418" t="str">
        <f t="shared" si="111"/>
        <v/>
      </c>
    </row>
    <row r="3817" spans="1:14" ht="126">
      <c r="A3817" s="563"/>
      <c r="B3817" s="484">
        <f t="shared" si="110"/>
        <v>193</v>
      </c>
      <c r="C3817" s="492" t="s">
        <v>6441</v>
      </c>
      <c r="D3817" s="494" t="s">
        <v>6442</v>
      </c>
      <c r="E3817" s="875" t="s">
        <v>707</v>
      </c>
      <c r="F3817" s="876" t="s">
        <v>600</v>
      </c>
      <c r="G3817" s="877" t="s">
        <v>35301</v>
      </c>
      <c r="H3817" s="495"/>
      <c r="I3817" s="495"/>
      <c r="J3817" s="525"/>
      <c r="K3817" s="430" t="s">
        <v>35300</v>
      </c>
      <c r="L3817" s="515"/>
      <c r="M3817" s="516">
        <v>44228</v>
      </c>
      <c r="N3817" s="418" t="str">
        <f t="shared" si="111"/>
        <v/>
      </c>
    </row>
    <row r="3818" spans="1:14" ht="15.75">
      <c r="A3818" s="563"/>
      <c r="B3818" s="411">
        <f t="shared" si="110"/>
        <v>193</v>
      </c>
      <c r="C3818" s="492" t="s">
        <v>14098</v>
      </c>
      <c r="D3818" s="494" t="s">
        <v>14100</v>
      </c>
      <c r="E3818" s="873" t="s">
        <v>595</v>
      </c>
      <c r="F3818" s="874" t="s">
        <v>600</v>
      </c>
      <c r="G3818" s="877" t="s">
        <v>760</v>
      </c>
      <c r="H3818" s="495"/>
      <c r="I3818" s="495"/>
      <c r="J3818" s="525"/>
      <c r="K3818" s="815"/>
      <c r="L3818" s="516">
        <v>43862</v>
      </c>
      <c r="M3818" s="516"/>
      <c r="N3818" s="418" t="str">
        <f t="shared" si="111"/>
        <v/>
      </c>
    </row>
    <row r="3819" spans="1:14" ht="126">
      <c r="A3819" s="563"/>
      <c r="B3819" s="484">
        <f t="shared" si="110"/>
        <v>193</v>
      </c>
      <c r="C3819" s="492" t="s">
        <v>6443</v>
      </c>
      <c r="D3819" s="494" t="s">
        <v>6444</v>
      </c>
      <c r="E3819" s="875" t="s">
        <v>707</v>
      </c>
      <c r="F3819" s="876" t="s">
        <v>600</v>
      </c>
      <c r="G3819" s="877" t="s">
        <v>35301</v>
      </c>
      <c r="H3819" s="495"/>
      <c r="I3819" s="495"/>
      <c r="J3819" s="525"/>
      <c r="K3819" s="430" t="s">
        <v>35300</v>
      </c>
      <c r="L3819" s="515"/>
      <c r="M3819" s="516">
        <v>44228</v>
      </c>
      <c r="N3819" s="418" t="str">
        <f t="shared" si="111"/>
        <v/>
      </c>
    </row>
    <row r="3820" spans="1:14" ht="126">
      <c r="A3820" s="563"/>
      <c r="B3820" s="484">
        <f t="shared" si="110"/>
        <v>193</v>
      </c>
      <c r="C3820" s="492" t="s">
        <v>6445</v>
      </c>
      <c r="D3820" s="494" t="s">
        <v>6446</v>
      </c>
      <c r="E3820" s="875" t="s">
        <v>707</v>
      </c>
      <c r="F3820" s="876" t="s">
        <v>600</v>
      </c>
      <c r="G3820" s="877" t="s">
        <v>35299</v>
      </c>
      <c r="H3820" s="495"/>
      <c r="I3820" s="495"/>
      <c r="J3820" s="525"/>
      <c r="K3820" s="430" t="s">
        <v>35300</v>
      </c>
      <c r="L3820" s="515"/>
      <c r="M3820" s="516">
        <v>44228</v>
      </c>
      <c r="N3820" s="418" t="str">
        <f t="shared" si="111"/>
        <v/>
      </c>
    </row>
    <row r="3821" spans="1:14" ht="126">
      <c r="A3821" s="563"/>
      <c r="B3821" s="484">
        <f t="shared" si="110"/>
        <v>193</v>
      </c>
      <c r="C3821" s="492" t="s">
        <v>6447</v>
      </c>
      <c r="D3821" s="494" t="s">
        <v>6448</v>
      </c>
      <c r="E3821" s="875" t="s">
        <v>707</v>
      </c>
      <c r="F3821" s="876" t="s">
        <v>600</v>
      </c>
      <c r="G3821" s="877" t="s">
        <v>35299</v>
      </c>
      <c r="H3821" s="495"/>
      <c r="I3821" s="495"/>
      <c r="J3821" s="525"/>
      <c r="K3821" s="430" t="s">
        <v>35300</v>
      </c>
      <c r="L3821" s="515"/>
      <c r="M3821" s="516">
        <v>44228</v>
      </c>
      <c r="N3821" s="418" t="str">
        <f t="shared" si="111"/>
        <v/>
      </c>
    </row>
    <row r="3822" spans="1:14" ht="126">
      <c r="A3822" s="563"/>
      <c r="B3822" s="484">
        <f t="shared" si="110"/>
        <v>193</v>
      </c>
      <c r="C3822" s="492" t="s">
        <v>6449</v>
      </c>
      <c r="D3822" s="494" t="s">
        <v>6450</v>
      </c>
      <c r="E3822" s="875" t="s">
        <v>707</v>
      </c>
      <c r="F3822" s="876" t="s">
        <v>600</v>
      </c>
      <c r="G3822" s="877" t="s">
        <v>35301</v>
      </c>
      <c r="H3822" s="495"/>
      <c r="I3822" s="495"/>
      <c r="J3822" s="525"/>
      <c r="K3822" s="430" t="s">
        <v>35300</v>
      </c>
      <c r="L3822" s="515"/>
      <c r="M3822" s="516">
        <v>44228</v>
      </c>
      <c r="N3822" s="418" t="str">
        <f t="shared" si="111"/>
        <v/>
      </c>
    </row>
    <row r="3823" spans="1:14" ht="28.5">
      <c r="A3823" s="563"/>
      <c r="B3823" s="411">
        <f t="shared" si="110"/>
        <v>193</v>
      </c>
      <c r="C3823" s="492" t="s">
        <v>14213</v>
      </c>
      <c r="D3823" s="494" t="s">
        <v>26888</v>
      </c>
      <c r="E3823" s="873" t="s">
        <v>595</v>
      </c>
      <c r="F3823" s="874" t="s">
        <v>676</v>
      </c>
      <c r="G3823" s="877" t="s">
        <v>28522</v>
      </c>
      <c r="H3823" s="495"/>
      <c r="I3823" s="495"/>
      <c r="J3823" s="525"/>
      <c r="K3823" s="815"/>
      <c r="L3823" s="515"/>
      <c r="M3823" s="516">
        <v>43862</v>
      </c>
      <c r="N3823" s="418" t="str">
        <f t="shared" si="111"/>
        <v/>
      </c>
    </row>
    <row r="3824" spans="1:14" ht="15.75">
      <c r="A3824" s="563"/>
      <c r="B3824" s="411">
        <f t="shared" si="110"/>
        <v>193</v>
      </c>
      <c r="C3824" s="492" t="s">
        <v>6451</v>
      </c>
      <c r="D3824" s="494" t="s">
        <v>6452</v>
      </c>
      <c r="E3824" s="873" t="s">
        <v>595</v>
      </c>
      <c r="F3824" s="874" t="s">
        <v>708</v>
      </c>
      <c r="G3824" s="877"/>
      <c r="H3824" s="495"/>
      <c r="I3824" s="495"/>
      <c r="J3824" s="525"/>
      <c r="K3824" s="815"/>
      <c r="L3824" s="515"/>
      <c r="M3824" s="516">
        <v>43862</v>
      </c>
      <c r="N3824" s="418" t="str">
        <f t="shared" si="111"/>
        <v/>
      </c>
    </row>
    <row r="3825" spans="1:14" ht="28.5">
      <c r="A3825" s="563"/>
      <c r="B3825" s="411">
        <f t="shared" si="110"/>
        <v>193</v>
      </c>
      <c r="C3825" s="492" t="s">
        <v>14211</v>
      </c>
      <c r="D3825" s="494" t="s">
        <v>14210</v>
      </c>
      <c r="E3825" s="873" t="s">
        <v>595</v>
      </c>
      <c r="F3825" s="874" t="s">
        <v>676</v>
      </c>
      <c r="G3825" s="877" t="s">
        <v>28522</v>
      </c>
      <c r="H3825" s="495"/>
      <c r="I3825" s="495"/>
      <c r="J3825" s="525"/>
      <c r="K3825" s="815"/>
      <c r="L3825" s="515"/>
      <c r="M3825" s="516">
        <v>43862</v>
      </c>
      <c r="N3825" s="418" t="str">
        <f t="shared" si="111"/>
        <v/>
      </c>
    </row>
    <row r="3826" spans="1:14" ht="28.5">
      <c r="A3826" s="563"/>
      <c r="B3826" s="411">
        <f t="shared" si="110"/>
        <v>193</v>
      </c>
      <c r="C3826" s="492" t="s">
        <v>14208</v>
      </c>
      <c r="D3826" s="494" t="s">
        <v>26889</v>
      </c>
      <c r="E3826" s="873" t="s">
        <v>595</v>
      </c>
      <c r="F3826" s="874" t="s">
        <v>676</v>
      </c>
      <c r="G3826" s="877" t="s">
        <v>28522</v>
      </c>
      <c r="H3826" s="495"/>
      <c r="I3826" s="495"/>
      <c r="J3826" s="525"/>
      <c r="K3826" s="815"/>
      <c r="L3826" s="515"/>
      <c r="M3826" s="516">
        <v>43862</v>
      </c>
      <c r="N3826" s="418" t="str">
        <f t="shared" si="111"/>
        <v/>
      </c>
    </row>
    <row r="3827" spans="1:14" ht="31.5">
      <c r="A3827" s="536">
        <v>194</v>
      </c>
      <c r="B3827" s="411">
        <f t="shared" si="110"/>
        <v>194</v>
      </c>
      <c r="C3827" s="424" t="s">
        <v>6453</v>
      </c>
      <c r="D3827" s="421" t="s">
        <v>90</v>
      </c>
      <c r="E3827" s="414" t="s">
        <v>595</v>
      </c>
      <c r="F3827" s="414" t="s">
        <v>600</v>
      </c>
      <c r="G3827" s="414" t="s">
        <v>6121</v>
      </c>
      <c r="H3827" s="415"/>
      <c r="I3827" s="415"/>
      <c r="J3827" s="414" t="s">
        <v>6454</v>
      </c>
      <c r="K3827" s="817"/>
      <c r="L3827" s="417">
        <v>42401</v>
      </c>
      <c r="M3827" s="417"/>
      <c r="N3827" s="418" t="str">
        <f t="shared" si="111"/>
        <v/>
      </c>
    </row>
    <row r="3828" spans="1:14" ht="47.25">
      <c r="A3828" s="538">
        <v>195</v>
      </c>
      <c r="B3828" s="411">
        <f t="shared" ref="B3828:B3891" si="112">IF(A3828&gt;0,A3828,B3827)</f>
        <v>195</v>
      </c>
      <c r="C3828" s="651" t="s">
        <v>6455</v>
      </c>
      <c r="D3828" s="140" t="s">
        <v>6456</v>
      </c>
      <c r="E3828" s="449" t="s">
        <v>595</v>
      </c>
      <c r="F3828" s="449" t="s">
        <v>596</v>
      </c>
      <c r="G3828" s="532" t="s">
        <v>6457</v>
      </c>
      <c r="H3828" s="451"/>
      <c r="I3828" s="451"/>
      <c r="J3828" s="144" t="s">
        <v>6458</v>
      </c>
      <c r="K3828" s="449" t="s">
        <v>6459</v>
      </c>
      <c r="L3828" s="511">
        <v>41671</v>
      </c>
      <c r="M3828" s="423">
        <v>42036</v>
      </c>
      <c r="N3828" s="418" t="str">
        <f t="shared" si="111"/>
        <v/>
      </c>
    </row>
    <row r="3829" spans="1:14" ht="15.75">
      <c r="A3829" s="543">
        <v>196</v>
      </c>
      <c r="B3829" s="484">
        <f t="shared" si="112"/>
        <v>196</v>
      </c>
      <c r="C3829" s="485" t="s">
        <v>6460</v>
      </c>
      <c r="D3829" s="826"/>
      <c r="E3829" s="430" t="s">
        <v>707</v>
      </c>
      <c r="F3829" s="430" t="s">
        <v>676</v>
      </c>
      <c r="G3829" s="878" t="s">
        <v>34160</v>
      </c>
      <c r="H3829" s="432"/>
      <c r="I3829" s="432"/>
      <c r="J3829" s="433"/>
      <c r="K3829" s="430"/>
      <c r="L3829" s="879">
        <v>42401</v>
      </c>
      <c r="M3829" s="880">
        <v>44228</v>
      </c>
      <c r="N3829" s="418" t="str">
        <f t="shared" si="111"/>
        <v/>
      </c>
    </row>
    <row r="3830" spans="1:14" ht="126">
      <c r="A3830" s="563"/>
      <c r="B3830" s="484">
        <f t="shared" si="112"/>
        <v>196</v>
      </c>
      <c r="C3830" s="564" t="s">
        <v>6461</v>
      </c>
      <c r="D3830" s="684" t="s">
        <v>434</v>
      </c>
      <c r="E3830" s="566" t="s">
        <v>707</v>
      </c>
      <c r="F3830" s="684" t="s">
        <v>600</v>
      </c>
      <c r="G3830" s="566" t="s">
        <v>35327</v>
      </c>
      <c r="H3830" s="531"/>
      <c r="I3830" s="531"/>
      <c r="J3830" s="754" t="s">
        <v>6462</v>
      </c>
      <c r="K3830" s="566" t="s">
        <v>34158</v>
      </c>
      <c r="L3830" s="880">
        <v>39845</v>
      </c>
      <c r="M3830" s="880">
        <v>44228</v>
      </c>
      <c r="N3830" s="418" t="str">
        <f t="shared" si="111"/>
        <v/>
      </c>
    </row>
    <row r="3831" spans="1:14" ht="31.5">
      <c r="A3831" s="410"/>
      <c r="B3831" s="411">
        <f t="shared" si="112"/>
        <v>196</v>
      </c>
      <c r="C3831" s="456" t="s">
        <v>6463</v>
      </c>
      <c r="D3831" s="649" t="s">
        <v>6464</v>
      </c>
      <c r="E3831" s="458" t="s">
        <v>595</v>
      </c>
      <c r="F3831" s="458" t="s">
        <v>596</v>
      </c>
      <c r="G3831" s="881" t="s">
        <v>6465</v>
      </c>
      <c r="H3831" s="460"/>
      <c r="I3831" s="460"/>
      <c r="J3831" s="528"/>
      <c r="K3831" s="458"/>
      <c r="L3831" s="511">
        <v>42401</v>
      </c>
      <c r="M3831" s="423"/>
      <c r="N3831" s="418" t="str">
        <f t="shared" si="111"/>
        <v/>
      </c>
    </row>
    <row r="3832" spans="1:14" ht="47.25">
      <c r="A3832" s="572">
        <v>197</v>
      </c>
      <c r="B3832" s="411">
        <f t="shared" si="112"/>
        <v>197</v>
      </c>
      <c r="C3832" s="424" t="s">
        <v>6466</v>
      </c>
      <c r="D3832" s="414" t="s">
        <v>1906</v>
      </c>
      <c r="E3832" s="438" t="s">
        <v>595</v>
      </c>
      <c r="F3832" s="414" t="s">
        <v>596</v>
      </c>
      <c r="G3832" s="414" t="s">
        <v>614</v>
      </c>
      <c r="H3832" s="415"/>
      <c r="I3832" s="415"/>
      <c r="J3832" s="437"/>
      <c r="K3832" s="414"/>
      <c r="L3832" s="417">
        <v>42767</v>
      </c>
      <c r="M3832" s="417"/>
      <c r="N3832" s="418" t="str">
        <f t="shared" si="111"/>
        <v>DUPLICATE</v>
      </c>
    </row>
    <row r="3833" spans="1:14" ht="47.25">
      <c r="A3833" s="536">
        <v>198</v>
      </c>
      <c r="B3833" s="411">
        <f t="shared" si="112"/>
        <v>198</v>
      </c>
      <c r="C3833" s="560" t="s">
        <v>6467</v>
      </c>
      <c r="D3833" s="421" t="s">
        <v>6468</v>
      </c>
      <c r="E3833" s="414" t="s">
        <v>595</v>
      </c>
      <c r="F3833" s="414" t="s">
        <v>596</v>
      </c>
      <c r="G3833" s="414" t="s">
        <v>614</v>
      </c>
      <c r="H3833" s="415"/>
      <c r="I3833" s="415"/>
      <c r="J3833" s="437"/>
      <c r="K3833" s="414"/>
      <c r="L3833" s="417">
        <v>42767</v>
      </c>
      <c r="M3833" s="417"/>
      <c r="N3833" s="418" t="str">
        <f t="shared" si="111"/>
        <v/>
      </c>
    </row>
    <row r="3834" spans="1:14" ht="47.25">
      <c r="A3834" s="536">
        <v>199</v>
      </c>
      <c r="B3834" s="411">
        <f t="shared" si="112"/>
        <v>199</v>
      </c>
      <c r="C3834" s="560" t="s">
        <v>6469</v>
      </c>
      <c r="D3834" s="421" t="s">
        <v>6470</v>
      </c>
      <c r="E3834" s="414" t="s">
        <v>595</v>
      </c>
      <c r="F3834" s="414" t="s">
        <v>596</v>
      </c>
      <c r="G3834" s="414" t="s">
        <v>614</v>
      </c>
      <c r="H3834" s="415"/>
      <c r="I3834" s="415"/>
      <c r="J3834" s="437"/>
      <c r="K3834" s="414"/>
      <c r="L3834" s="417">
        <v>42767</v>
      </c>
      <c r="M3834" s="417"/>
      <c r="N3834" s="418" t="str">
        <f t="shared" si="111"/>
        <v/>
      </c>
    </row>
    <row r="3835" spans="1:14" ht="47.25">
      <c r="A3835" s="536">
        <v>200</v>
      </c>
      <c r="B3835" s="411">
        <f t="shared" si="112"/>
        <v>200</v>
      </c>
      <c r="C3835" s="424" t="s">
        <v>6471</v>
      </c>
      <c r="D3835" s="414" t="s">
        <v>1918</v>
      </c>
      <c r="E3835" s="438" t="s">
        <v>595</v>
      </c>
      <c r="F3835" s="414" t="s">
        <v>596</v>
      </c>
      <c r="G3835" s="414" t="s">
        <v>614</v>
      </c>
      <c r="H3835" s="415"/>
      <c r="I3835" s="415"/>
      <c r="J3835" s="437"/>
      <c r="K3835" s="414"/>
      <c r="L3835" s="417">
        <v>42767</v>
      </c>
      <c r="M3835" s="417"/>
      <c r="N3835" s="418" t="str">
        <f t="shared" si="111"/>
        <v>DUPLICATE</v>
      </c>
    </row>
    <row r="3836" spans="1:14" ht="47.25">
      <c r="A3836" s="536">
        <v>201</v>
      </c>
      <c r="B3836" s="411">
        <f t="shared" si="112"/>
        <v>201</v>
      </c>
      <c r="C3836" s="560" t="s">
        <v>6472</v>
      </c>
      <c r="D3836" s="421" t="s">
        <v>6473</v>
      </c>
      <c r="E3836" s="414" t="s">
        <v>595</v>
      </c>
      <c r="F3836" s="414" t="s">
        <v>596</v>
      </c>
      <c r="G3836" s="414" t="s">
        <v>614</v>
      </c>
      <c r="H3836" s="415"/>
      <c r="I3836" s="415"/>
      <c r="J3836" s="437"/>
      <c r="K3836" s="414"/>
      <c r="L3836" s="417">
        <v>42767</v>
      </c>
      <c r="M3836" s="417"/>
      <c r="N3836" s="418" t="str">
        <f t="shared" si="111"/>
        <v/>
      </c>
    </row>
    <row r="3837" spans="1:14" ht="47.25">
      <c r="A3837" s="536">
        <v>202</v>
      </c>
      <c r="B3837" s="411">
        <f t="shared" si="112"/>
        <v>202</v>
      </c>
      <c r="C3837" s="424" t="s">
        <v>1929</v>
      </c>
      <c r="D3837" s="414" t="s">
        <v>1930</v>
      </c>
      <c r="E3837" s="438" t="s">
        <v>595</v>
      </c>
      <c r="F3837" s="414" t="s">
        <v>596</v>
      </c>
      <c r="G3837" s="414" t="s">
        <v>614</v>
      </c>
      <c r="H3837" s="415"/>
      <c r="I3837" s="415"/>
      <c r="J3837" s="437"/>
      <c r="K3837" s="414"/>
      <c r="L3837" s="417">
        <v>42767</v>
      </c>
      <c r="M3837" s="417"/>
      <c r="N3837" s="418" t="str">
        <f t="shared" si="111"/>
        <v>DUPLICATE</v>
      </c>
    </row>
    <row r="3838" spans="1:14" ht="47.25">
      <c r="A3838" s="536">
        <v>203</v>
      </c>
      <c r="B3838" s="411">
        <f t="shared" si="112"/>
        <v>203</v>
      </c>
      <c r="C3838" s="560" t="s">
        <v>6474</v>
      </c>
      <c r="D3838" s="421" t="s">
        <v>6475</v>
      </c>
      <c r="E3838" s="414" t="s">
        <v>595</v>
      </c>
      <c r="F3838" s="414" t="s">
        <v>596</v>
      </c>
      <c r="G3838" s="414" t="s">
        <v>614</v>
      </c>
      <c r="H3838" s="415"/>
      <c r="I3838" s="415"/>
      <c r="J3838" s="437"/>
      <c r="K3838" s="414"/>
      <c r="L3838" s="417">
        <v>42767</v>
      </c>
      <c r="M3838" s="417"/>
      <c r="N3838" s="418" t="str">
        <f t="shared" si="111"/>
        <v/>
      </c>
    </row>
    <row r="3839" spans="1:14" ht="47.25">
      <c r="A3839" s="536">
        <v>204</v>
      </c>
      <c r="B3839" s="411">
        <f t="shared" si="112"/>
        <v>204</v>
      </c>
      <c r="C3839" s="560" t="s">
        <v>6476</v>
      </c>
      <c r="D3839" s="421" t="s">
        <v>6477</v>
      </c>
      <c r="E3839" s="414" t="s">
        <v>595</v>
      </c>
      <c r="F3839" s="414" t="s">
        <v>596</v>
      </c>
      <c r="G3839" s="414" t="s">
        <v>614</v>
      </c>
      <c r="H3839" s="415"/>
      <c r="I3839" s="415"/>
      <c r="J3839" s="437"/>
      <c r="K3839" s="414"/>
      <c r="L3839" s="417">
        <v>42767</v>
      </c>
      <c r="M3839" s="417"/>
      <c r="N3839" s="418" t="str">
        <f t="shared" si="111"/>
        <v/>
      </c>
    </row>
    <row r="3840" spans="1:14" ht="31.5">
      <c r="A3840" s="678">
        <v>205</v>
      </c>
      <c r="B3840" s="411">
        <f t="shared" si="112"/>
        <v>205</v>
      </c>
      <c r="C3840" s="677" t="s">
        <v>6478</v>
      </c>
      <c r="D3840" s="576" t="s">
        <v>6479</v>
      </c>
      <c r="E3840" s="414" t="s">
        <v>595</v>
      </c>
      <c r="F3840" s="414" t="s">
        <v>596</v>
      </c>
      <c r="G3840" s="414" t="s">
        <v>1390</v>
      </c>
      <c r="H3840" s="415"/>
      <c r="I3840" s="415"/>
      <c r="J3840" s="437" t="s">
        <v>6480</v>
      </c>
      <c r="K3840" s="414"/>
      <c r="L3840" s="417">
        <v>42767</v>
      </c>
      <c r="M3840" s="417"/>
      <c r="N3840" s="418" t="str">
        <f t="shared" si="111"/>
        <v/>
      </c>
    </row>
    <row r="3841" spans="1:14" ht="47.25">
      <c r="A3841" s="678">
        <v>206</v>
      </c>
      <c r="B3841" s="411">
        <f t="shared" si="112"/>
        <v>206</v>
      </c>
      <c r="C3841" s="677" t="s">
        <v>6481</v>
      </c>
      <c r="D3841" s="472" t="s">
        <v>6482</v>
      </c>
      <c r="E3841" s="414" t="s">
        <v>595</v>
      </c>
      <c r="F3841" s="414" t="s">
        <v>596</v>
      </c>
      <c r="G3841" s="414" t="s">
        <v>1390</v>
      </c>
      <c r="H3841" s="415"/>
      <c r="I3841" s="415"/>
      <c r="J3841" s="437" t="s">
        <v>6483</v>
      </c>
      <c r="K3841" s="414"/>
      <c r="L3841" s="417">
        <v>42767</v>
      </c>
      <c r="M3841" s="417"/>
      <c r="N3841" s="418" t="str">
        <f t="shared" si="111"/>
        <v/>
      </c>
    </row>
    <row r="3842" spans="1:14" ht="47.25">
      <c r="A3842" s="536">
        <v>207</v>
      </c>
      <c r="B3842" s="411">
        <f t="shared" si="112"/>
        <v>207</v>
      </c>
      <c r="C3842" s="560" t="s">
        <v>6484</v>
      </c>
      <c r="D3842" s="421" t="s">
        <v>6485</v>
      </c>
      <c r="E3842" s="414" t="s">
        <v>595</v>
      </c>
      <c r="F3842" s="414" t="s">
        <v>596</v>
      </c>
      <c r="G3842" s="414" t="s">
        <v>614</v>
      </c>
      <c r="H3842" s="415"/>
      <c r="I3842" s="415"/>
      <c r="J3842" s="437"/>
      <c r="K3842" s="414"/>
      <c r="L3842" s="417">
        <v>42767</v>
      </c>
      <c r="M3842" s="417"/>
      <c r="N3842" s="418" t="str">
        <f t="shared" si="111"/>
        <v/>
      </c>
    </row>
    <row r="3843" spans="1:14" ht="28.5">
      <c r="A3843" s="536">
        <v>208</v>
      </c>
      <c r="B3843" s="411">
        <f t="shared" si="112"/>
        <v>208</v>
      </c>
      <c r="C3843" s="424" t="s">
        <v>6486</v>
      </c>
      <c r="D3843" s="414"/>
      <c r="E3843" s="442" t="s">
        <v>595</v>
      </c>
      <c r="F3843" s="442" t="s">
        <v>596</v>
      </c>
      <c r="G3843" s="414" t="s">
        <v>6487</v>
      </c>
      <c r="H3843" s="415"/>
      <c r="I3843" s="415"/>
      <c r="J3843" s="416" t="s">
        <v>6488</v>
      </c>
      <c r="K3843" s="458" t="s">
        <v>6489</v>
      </c>
      <c r="L3843" s="417">
        <v>38362</v>
      </c>
      <c r="M3843" s="729">
        <v>42401</v>
      </c>
      <c r="N3843" s="418" t="str">
        <f t="shared" si="111"/>
        <v/>
      </c>
    </row>
    <row r="3844" spans="1:14" ht="15.75">
      <c r="A3844" s="383"/>
      <c r="B3844" s="411">
        <f t="shared" si="112"/>
        <v>208</v>
      </c>
      <c r="C3844" s="440" t="s">
        <v>6490</v>
      </c>
      <c r="D3844" s="480" t="s">
        <v>6491</v>
      </c>
      <c r="E3844" s="442" t="s">
        <v>595</v>
      </c>
      <c r="F3844" s="442" t="s">
        <v>676</v>
      </c>
      <c r="G3844" s="532"/>
      <c r="H3844" s="415"/>
      <c r="I3844" s="444"/>
      <c r="J3844" s="445"/>
      <c r="K3844" s="443"/>
      <c r="L3844" s="634">
        <v>39845</v>
      </c>
      <c r="M3844" s="448"/>
      <c r="N3844" s="418" t="str">
        <f t="shared" si="111"/>
        <v/>
      </c>
    </row>
    <row r="3845" spans="1:14" ht="15.75">
      <c r="A3845" s="383"/>
      <c r="B3845" s="411">
        <f t="shared" si="112"/>
        <v>208</v>
      </c>
      <c r="C3845" s="440" t="s">
        <v>6492</v>
      </c>
      <c r="D3845" s="480" t="s">
        <v>6493</v>
      </c>
      <c r="E3845" s="449" t="s">
        <v>595</v>
      </c>
      <c r="F3845" s="449" t="s">
        <v>596</v>
      </c>
      <c r="G3845" s="532"/>
      <c r="H3845" s="415"/>
      <c r="I3845" s="451"/>
      <c r="J3845" s="452"/>
      <c r="K3845" s="450"/>
      <c r="L3845" s="634">
        <v>39845</v>
      </c>
      <c r="M3845" s="455"/>
      <c r="N3845" s="418" t="str">
        <f t="shared" si="111"/>
        <v/>
      </c>
    </row>
    <row r="3846" spans="1:14" ht="15.75">
      <c r="A3846" s="383"/>
      <c r="B3846" s="411">
        <f t="shared" si="112"/>
        <v>208</v>
      </c>
      <c r="C3846" s="440" t="s">
        <v>6494</v>
      </c>
      <c r="D3846" s="480" t="s">
        <v>6495</v>
      </c>
      <c r="E3846" s="449" t="s">
        <v>595</v>
      </c>
      <c r="F3846" s="449" t="s">
        <v>596</v>
      </c>
      <c r="G3846" s="532"/>
      <c r="H3846" s="415"/>
      <c r="I3846" s="451"/>
      <c r="J3846" s="452"/>
      <c r="K3846" s="450"/>
      <c r="L3846" s="634">
        <v>39845</v>
      </c>
      <c r="M3846" s="455"/>
      <c r="N3846" s="418" t="str">
        <f t="shared" si="111"/>
        <v/>
      </c>
    </row>
    <row r="3847" spans="1:14" ht="15.75">
      <c r="A3847" s="383"/>
      <c r="B3847" s="411">
        <f t="shared" si="112"/>
        <v>208</v>
      </c>
      <c r="C3847" s="440" t="s">
        <v>6496</v>
      </c>
      <c r="D3847" s="480" t="s">
        <v>6497</v>
      </c>
      <c r="E3847" s="449" t="s">
        <v>595</v>
      </c>
      <c r="F3847" s="449" t="s">
        <v>596</v>
      </c>
      <c r="G3847" s="532"/>
      <c r="H3847" s="415"/>
      <c r="I3847" s="451"/>
      <c r="J3847" s="452"/>
      <c r="K3847" s="450"/>
      <c r="L3847" s="634">
        <v>40575</v>
      </c>
      <c r="M3847" s="455"/>
      <c r="N3847" s="418" t="str">
        <f t="shared" si="111"/>
        <v/>
      </c>
    </row>
    <row r="3848" spans="1:14" ht="15.75">
      <c r="A3848" s="383"/>
      <c r="B3848" s="411">
        <f t="shared" si="112"/>
        <v>208</v>
      </c>
      <c r="C3848" s="440" t="s">
        <v>6498</v>
      </c>
      <c r="D3848" s="480" t="s">
        <v>6499</v>
      </c>
      <c r="E3848" s="449" t="s">
        <v>595</v>
      </c>
      <c r="F3848" s="449" t="s">
        <v>596</v>
      </c>
      <c r="G3848" s="532"/>
      <c r="H3848" s="415"/>
      <c r="I3848" s="451"/>
      <c r="J3848" s="452"/>
      <c r="K3848" s="450"/>
      <c r="L3848" s="634">
        <v>40575</v>
      </c>
      <c r="M3848" s="455"/>
      <c r="N3848" s="418" t="str">
        <f t="shared" si="111"/>
        <v/>
      </c>
    </row>
    <row r="3849" spans="1:14" ht="15.75">
      <c r="A3849" s="383"/>
      <c r="B3849" s="411">
        <f t="shared" si="112"/>
        <v>208</v>
      </c>
      <c r="C3849" s="440" t="s">
        <v>7</v>
      </c>
      <c r="D3849" s="480"/>
      <c r="E3849" s="449" t="s">
        <v>595</v>
      </c>
      <c r="F3849" s="449" t="s">
        <v>596</v>
      </c>
      <c r="G3849" s="532"/>
      <c r="H3849" s="415"/>
      <c r="I3849" s="451"/>
      <c r="J3849" s="452"/>
      <c r="K3849" s="450"/>
      <c r="L3849" s="634">
        <v>40940</v>
      </c>
      <c r="M3849" s="455"/>
      <c r="N3849" s="418" t="str">
        <f t="shared" si="111"/>
        <v/>
      </c>
    </row>
    <row r="3850" spans="1:14" ht="47.25">
      <c r="A3850" s="536">
        <v>209</v>
      </c>
      <c r="B3850" s="411">
        <f t="shared" si="112"/>
        <v>209</v>
      </c>
      <c r="C3850" s="424" t="s">
        <v>6500</v>
      </c>
      <c r="D3850" s="882"/>
      <c r="E3850" s="414" t="s">
        <v>707</v>
      </c>
      <c r="F3850" s="414" t="s">
        <v>2404</v>
      </c>
      <c r="G3850" s="438" t="s">
        <v>6501</v>
      </c>
      <c r="H3850" s="415"/>
      <c r="I3850" s="415"/>
      <c r="J3850" s="438" t="s">
        <v>6502</v>
      </c>
      <c r="K3850" s="414"/>
      <c r="L3850" s="883">
        <v>38749</v>
      </c>
      <c r="M3850" s="417">
        <v>42036</v>
      </c>
      <c r="N3850" s="418" t="str">
        <f t="shared" si="111"/>
        <v/>
      </c>
    </row>
    <row r="3851" spans="1:14" ht="15.75">
      <c r="A3851" s="538"/>
      <c r="B3851" s="411">
        <f t="shared" si="112"/>
        <v>209</v>
      </c>
      <c r="C3851" s="440" t="s">
        <v>800</v>
      </c>
      <c r="D3851" s="144" t="s">
        <v>801</v>
      </c>
      <c r="E3851" s="517" t="s">
        <v>595</v>
      </c>
      <c r="F3851" s="637" t="s">
        <v>652</v>
      </c>
      <c r="G3851" s="452"/>
      <c r="H3851" s="415"/>
      <c r="I3851" s="451"/>
      <c r="J3851" s="452"/>
      <c r="K3851" s="449"/>
      <c r="L3851" s="469">
        <v>41671</v>
      </c>
      <c r="M3851" s="469"/>
      <c r="N3851" s="418" t="str">
        <f t="shared" si="111"/>
        <v>DUPLICATE</v>
      </c>
    </row>
    <row r="3852" spans="1:14" ht="15.75">
      <c r="A3852" s="538"/>
      <c r="B3852" s="411">
        <f t="shared" si="112"/>
        <v>209</v>
      </c>
      <c r="C3852" s="440" t="s">
        <v>6503</v>
      </c>
      <c r="D3852" s="140" t="s">
        <v>6504</v>
      </c>
      <c r="E3852" s="449" t="s">
        <v>595</v>
      </c>
      <c r="F3852" s="449" t="s">
        <v>596</v>
      </c>
      <c r="G3852" s="452"/>
      <c r="H3852" s="415"/>
      <c r="I3852" s="451"/>
      <c r="J3852" s="452"/>
      <c r="K3852" s="449"/>
      <c r="L3852" s="469"/>
      <c r="M3852" s="469"/>
      <c r="N3852" s="418" t="str">
        <f t="shared" si="111"/>
        <v/>
      </c>
    </row>
    <row r="3853" spans="1:14" ht="15.75">
      <c r="A3853" s="538"/>
      <c r="B3853" s="411">
        <f t="shared" si="112"/>
        <v>209</v>
      </c>
      <c r="C3853" s="440" t="s">
        <v>1533</v>
      </c>
      <c r="D3853" s="144" t="s">
        <v>1534</v>
      </c>
      <c r="E3853" s="517" t="s">
        <v>595</v>
      </c>
      <c r="F3853" s="637" t="s">
        <v>596</v>
      </c>
      <c r="G3853" s="452"/>
      <c r="H3853" s="415"/>
      <c r="I3853" s="451"/>
      <c r="J3853" s="452"/>
      <c r="K3853" s="449"/>
      <c r="L3853" s="469">
        <v>41671</v>
      </c>
      <c r="M3853" s="469"/>
      <c r="N3853" s="418" t="str">
        <f t="shared" si="111"/>
        <v>DUPLICATE</v>
      </c>
    </row>
    <row r="3854" spans="1:14" ht="15.75">
      <c r="A3854" s="538"/>
      <c r="B3854" s="411">
        <f t="shared" si="112"/>
        <v>209</v>
      </c>
      <c r="C3854" s="440" t="s">
        <v>6505</v>
      </c>
      <c r="D3854" s="140" t="s">
        <v>6506</v>
      </c>
      <c r="E3854" s="449" t="s">
        <v>595</v>
      </c>
      <c r="F3854" s="449" t="s">
        <v>596</v>
      </c>
      <c r="G3854" s="452"/>
      <c r="H3854" s="415"/>
      <c r="I3854" s="451"/>
      <c r="J3854" s="452"/>
      <c r="K3854" s="449"/>
      <c r="L3854" s="469"/>
      <c r="M3854" s="469"/>
      <c r="N3854" s="418" t="str">
        <f t="shared" si="111"/>
        <v/>
      </c>
    </row>
    <row r="3855" spans="1:14" ht="15.75">
      <c r="A3855" s="538"/>
      <c r="B3855" s="411">
        <f t="shared" si="112"/>
        <v>209</v>
      </c>
      <c r="C3855" s="440" t="s">
        <v>6507</v>
      </c>
      <c r="D3855" s="140" t="s">
        <v>2041</v>
      </c>
      <c r="E3855" s="449" t="s">
        <v>643</v>
      </c>
      <c r="F3855" s="449" t="s">
        <v>600</v>
      </c>
      <c r="G3855" s="452"/>
      <c r="H3855" s="415"/>
      <c r="I3855" s="451"/>
      <c r="J3855" s="452"/>
      <c r="K3855" s="449"/>
      <c r="L3855" s="469">
        <v>40940</v>
      </c>
      <c r="M3855" s="469"/>
      <c r="N3855" s="418" t="str">
        <f t="shared" si="111"/>
        <v>DUPLICATE</v>
      </c>
    </row>
    <row r="3856" spans="1:14" ht="15.75">
      <c r="A3856" s="538"/>
      <c r="B3856" s="411">
        <f t="shared" si="112"/>
        <v>209</v>
      </c>
      <c r="C3856" s="440" t="s">
        <v>2042</v>
      </c>
      <c r="D3856" s="140" t="s">
        <v>2043</v>
      </c>
      <c r="E3856" s="449" t="s">
        <v>643</v>
      </c>
      <c r="F3856" s="449" t="s">
        <v>600</v>
      </c>
      <c r="G3856" s="452"/>
      <c r="H3856" s="415"/>
      <c r="I3856" s="451"/>
      <c r="J3856" s="452"/>
      <c r="K3856" s="449"/>
      <c r="L3856" s="469">
        <v>40940</v>
      </c>
      <c r="M3856" s="469"/>
      <c r="N3856" s="418" t="str">
        <f t="shared" si="111"/>
        <v>DUPLICATE</v>
      </c>
    </row>
    <row r="3857" spans="1:14" ht="15.75">
      <c r="A3857" s="538"/>
      <c r="B3857" s="411">
        <f t="shared" si="112"/>
        <v>209</v>
      </c>
      <c r="C3857" s="440" t="s">
        <v>2112</v>
      </c>
      <c r="D3857" s="144" t="s">
        <v>2113</v>
      </c>
      <c r="E3857" s="517" t="s">
        <v>707</v>
      </c>
      <c r="F3857" s="637" t="s">
        <v>600</v>
      </c>
      <c r="G3857" s="452"/>
      <c r="H3857" s="415"/>
      <c r="I3857" s="451"/>
      <c r="J3857" s="452"/>
      <c r="K3857" s="449"/>
      <c r="L3857" s="469">
        <v>41671</v>
      </c>
      <c r="M3857" s="469"/>
      <c r="N3857" s="418" t="str">
        <f t="shared" si="111"/>
        <v>DUPLICATE</v>
      </c>
    </row>
    <row r="3858" spans="1:14" ht="42.75">
      <c r="A3858" s="538"/>
      <c r="B3858" s="411">
        <f t="shared" si="112"/>
        <v>209</v>
      </c>
      <c r="C3858" s="440" t="s">
        <v>2114</v>
      </c>
      <c r="D3858" s="144" t="s">
        <v>2115</v>
      </c>
      <c r="E3858" s="517" t="s">
        <v>707</v>
      </c>
      <c r="F3858" s="637" t="s">
        <v>600</v>
      </c>
      <c r="G3858" s="452"/>
      <c r="H3858" s="415"/>
      <c r="I3858" s="451"/>
      <c r="J3858" s="452"/>
      <c r="K3858" s="449"/>
      <c r="L3858" s="469">
        <v>41671</v>
      </c>
      <c r="M3858" s="469"/>
      <c r="N3858" s="418" t="str">
        <f t="shared" si="111"/>
        <v>DUPLICATE</v>
      </c>
    </row>
    <row r="3859" spans="1:14" ht="42.75">
      <c r="A3859" s="538"/>
      <c r="B3859" s="411">
        <f t="shared" si="112"/>
        <v>209</v>
      </c>
      <c r="C3859" s="440" t="s">
        <v>2116</v>
      </c>
      <c r="D3859" s="144" t="s">
        <v>2117</v>
      </c>
      <c r="E3859" s="517" t="s">
        <v>707</v>
      </c>
      <c r="F3859" s="637" t="s">
        <v>600</v>
      </c>
      <c r="G3859" s="452"/>
      <c r="H3859" s="415"/>
      <c r="I3859" s="451"/>
      <c r="J3859" s="452"/>
      <c r="K3859" s="449"/>
      <c r="L3859" s="469">
        <v>41671</v>
      </c>
      <c r="M3859" s="469"/>
      <c r="N3859" s="418" t="str">
        <f t="shared" si="111"/>
        <v>DUPLICATE</v>
      </c>
    </row>
    <row r="3860" spans="1:14" ht="28.5">
      <c r="A3860" s="538"/>
      <c r="B3860" s="411">
        <f t="shared" si="112"/>
        <v>209</v>
      </c>
      <c r="C3860" s="440" t="s">
        <v>2118</v>
      </c>
      <c r="D3860" s="144" t="s">
        <v>2119</v>
      </c>
      <c r="E3860" s="517" t="s">
        <v>707</v>
      </c>
      <c r="F3860" s="637" t="s">
        <v>600</v>
      </c>
      <c r="G3860" s="452"/>
      <c r="H3860" s="415"/>
      <c r="I3860" s="451"/>
      <c r="J3860" s="452"/>
      <c r="K3860" s="449"/>
      <c r="L3860" s="469">
        <v>41671</v>
      </c>
      <c r="M3860" s="469"/>
      <c r="N3860" s="418" t="str">
        <f t="shared" si="111"/>
        <v>DUPLICATE</v>
      </c>
    </row>
    <row r="3861" spans="1:14" ht="42.75">
      <c r="A3861" s="538"/>
      <c r="B3861" s="411">
        <f t="shared" si="112"/>
        <v>209</v>
      </c>
      <c r="C3861" s="440" t="s">
        <v>2120</v>
      </c>
      <c r="D3861" s="144" t="s">
        <v>2121</v>
      </c>
      <c r="E3861" s="517" t="s">
        <v>707</v>
      </c>
      <c r="F3861" s="637" t="s">
        <v>600</v>
      </c>
      <c r="G3861" s="452"/>
      <c r="H3861" s="415"/>
      <c r="I3861" s="451"/>
      <c r="J3861" s="452"/>
      <c r="K3861" s="449"/>
      <c r="L3861" s="469">
        <v>41671</v>
      </c>
      <c r="M3861" s="469"/>
      <c r="N3861" s="418" t="str">
        <f t="shared" si="111"/>
        <v>DUPLICATE</v>
      </c>
    </row>
    <row r="3862" spans="1:14" ht="42.75">
      <c r="A3862" s="538"/>
      <c r="B3862" s="411">
        <f t="shared" si="112"/>
        <v>209</v>
      </c>
      <c r="C3862" s="440" t="s">
        <v>2122</v>
      </c>
      <c r="D3862" s="144" t="s">
        <v>2123</v>
      </c>
      <c r="E3862" s="517" t="s">
        <v>707</v>
      </c>
      <c r="F3862" s="637" t="s">
        <v>600</v>
      </c>
      <c r="G3862" s="452"/>
      <c r="H3862" s="415"/>
      <c r="I3862" s="451"/>
      <c r="J3862" s="452"/>
      <c r="K3862" s="449"/>
      <c r="L3862" s="469">
        <v>41671</v>
      </c>
      <c r="M3862" s="469"/>
      <c r="N3862" s="418" t="str">
        <f t="shared" si="111"/>
        <v>DUPLICATE</v>
      </c>
    </row>
    <row r="3863" spans="1:14" ht="15.75">
      <c r="A3863" s="538"/>
      <c r="B3863" s="411">
        <f t="shared" si="112"/>
        <v>209</v>
      </c>
      <c r="C3863" s="440" t="s">
        <v>6508</v>
      </c>
      <c r="D3863" s="140" t="s">
        <v>2125</v>
      </c>
      <c r="E3863" s="449" t="s">
        <v>643</v>
      </c>
      <c r="F3863" s="449" t="s">
        <v>600</v>
      </c>
      <c r="G3863" s="452"/>
      <c r="H3863" s="415"/>
      <c r="I3863" s="451"/>
      <c r="J3863" s="452"/>
      <c r="K3863" s="449"/>
      <c r="L3863" s="469">
        <v>40940</v>
      </c>
      <c r="M3863" s="469"/>
      <c r="N3863" s="418" t="str">
        <f t="shared" si="111"/>
        <v>DUPLICATE</v>
      </c>
    </row>
    <row r="3864" spans="1:14" ht="15.75">
      <c r="A3864" s="538"/>
      <c r="B3864" s="411">
        <f t="shared" si="112"/>
        <v>209</v>
      </c>
      <c r="C3864" s="440" t="s">
        <v>2126</v>
      </c>
      <c r="D3864" s="144" t="s">
        <v>2127</v>
      </c>
      <c r="E3864" s="517" t="s">
        <v>707</v>
      </c>
      <c r="F3864" s="637" t="s">
        <v>600</v>
      </c>
      <c r="G3864" s="452"/>
      <c r="H3864" s="415"/>
      <c r="I3864" s="451"/>
      <c r="J3864" s="452"/>
      <c r="K3864" s="449"/>
      <c r="L3864" s="469">
        <v>41671</v>
      </c>
      <c r="M3864" s="469"/>
      <c r="N3864" s="418" t="str">
        <f t="shared" si="111"/>
        <v>DUPLICATE</v>
      </c>
    </row>
    <row r="3865" spans="1:14" ht="15.75">
      <c r="A3865" s="538"/>
      <c r="B3865" s="411">
        <f t="shared" si="112"/>
        <v>209</v>
      </c>
      <c r="C3865" s="440" t="s">
        <v>2128</v>
      </c>
      <c r="D3865" s="144" t="s">
        <v>2129</v>
      </c>
      <c r="E3865" s="517" t="s">
        <v>707</v>
      </c>
      <c r="F3865" s="637" t="s">
        <v>600</v>
      </c>
      <c r="G3865" s="452"/>
      <c r="H3865" s="415"/>
      <c r="I3865" s="451"/>
      <c r="J3865" s="452"/>
      <c r="K3865" s="449"/>
      <c r="L3865" s="469">
        <v>41671</v>
      </c>
      <c r="M3865" s="469"/>
      <c r="N3865" s="418" t="str">
        <f t="shared" si="111"/>
        <v>DUPLICATE</v>
      </c>
    </row>
    <row r="3866" spans="1:14" ht="15.75">
      <c r="A3866" s="538"/>
      <c r="B3866" s="411">
        <f t="shared" si="112"/>
        <v>209</v>
      </c>
      <c r="C3866" s="440" t="s">
        <v>2130</v>
      </c>
      <c r="D3866" s="144" t="s">
        <v>2131</v>
      </c>
      <c r="E3866" s="517" t="s">
        <v>707</v>
      </c>
      <c r="F3866" s="637" t="s">
        <v>600</v>
      </c>
      <c r="G3866" s="452"/>
      <c r="H3866" s="415"/>
      <c r="I3866" s="451"/>
      <c r="J3866" s="452"/>
      <c r="K3866" s="449"/>
      <c r="L3866" s="469">
        <v>41671</v>
      </c>
      <c r="M3866" s="469"/>
      <c r="N3866" s="418" t="str">
        <f t="shared" si="111"/>
        <v>DUPLICATE</v>
      </c>
    </row>
    <row r="3867" spans="1:14" ht="15.75">
      <c r="A3867" s="538"/>
      <c r="B3867" s="411">
        <f t="shared" si="112"/>
        <v>209</v>
      </c>
      <c r="C3867" s="440" t="s">
        <v>2132</v>
      </c>
      <c r="D3867" s="144" t="s">
        <v>2133</v>
      </c>
      <c r="E3867" s="517" t="s">
        <v>707</v>
      </c>
      <c r="F3867" s="637" t="s">
        <v>600</v>
      </c>
      <c r="G3867" s="452"/>
      <c r="H3867" s="415"/>
      <c r="I3867" s="451"/>
      <c r="J3867" s="452"/>
      <c r="K3867" s="449"/>
      <c r="L3867" s="469">
        <v>41671</v>
      </c>
      <c r="M3867" s="469"/>
      <c r="N3867" s="418" t="str">
        <f t="shared" si="111"/>
        <v>DUPLICATE</v>
      </c>
    </row>
    <row r="3868" spans="1:14" ht="15.75">
      <c r="A3868" s="538"/>
      <c r="B3868" s="411">
        <f t="shared" si="112"/>
        <v>209</v>
      </c>
      <c r="C3868" s="440" t="s">
        <v>2581</v>
      </c>
      <c r="D3868" s="144" t="s">
        <v>2582</v>
      </c>
      <c r="E3868" s="517" t="s">
        <v>595</v>
      </c>
      <c r="F3868" s="637" t="s">
        <v>596</v>
      </c>
      <c r="G3868" s="452"/>
      <c r="H3868" s="415"/>
      <c r="I3868" s="451"/>
      <c r="J3868" s="452"/>
      <c r="K3868" s="449"/>
      <c r="L3868" s="469">
        <v>41671</v>
      </c>
      <c r="M3868" s="469"/>
      <c r="N3868" s="418" t="str">
        <f t="shared" si="111"/>
        <v>DUPLICATE</v>
      </c>
    </row>
    <row r="3869" spans="1:14" ht="15.75">
      <c r="A3869" s="538"/>
      <c r="B3869" s="411">
        <f t="shared" si="112"/>
        <v>209</v>
      </c>
      <c r="C3869" s="440" t="s">
        <v>2615</v>
      </c>
      <c r="D3869" s="144" t="s">
        <v>2616</v>
      </c>
      <c r="E3869" s="517" t="s">
        <v>595</v>
      </c>
      <c r="F3869" s="637" t="s">
        <v>596</v>
      </c>
      <c r="G3869" s="452"/>
      <c r="H3869" s="415"/>
      <c r="I3869" s="451"/>
      <c r="J3869" s="452"/>
      <c r="K3869" s="449"/>
      <c r="L3869" s="469">
        <v>41671</v>
      </c>
      <c r="M3869" s="469"/>
      <c r="N3869" s="418" t="str">
        <f t="shared" si="111"/>
        <v>DUPLICATE</v>
      </c>
    </row>
    <row r="3870" spans="1:14" ht="15.75">
      <c r="A3870" s="538"/>
      <c r="B3870" s="411">
        <f t="shared" si="112"/>
        <v>209</v>
      </c>
      <c r="C3870" s="440" t="s">
        <v>6509</v>
      </c>
      <c r="D3870" s="140" t="s">
        <v>6510</v>
      </c>
      <c r="E3870" s="449" t="s">
        <v>595</v>
      </c>
      <c r="F3870" s="449" t="s">
        <v>596</v>
      </c>
      <c r="G3870" s="452"/>
      <c r="H3870" s="415"/>
      <c r="I3870" s="451"/>
      <c r="J3870" s="452"/>
      <c r="K3870" s="449"/>
      <c r="L3870" s="469"/>
      <c r="M3870" s="469"/>
      <c r="N3870" s="418" t="str">
        <f t="shared" si="111"/>
        <v/>
      </c>
    </row>
    <row r="3871" spans="1:14" ht="15.75">
      <c r="A3871" s="538"/>
      <c r="B3871" s="411">
        <f t="shared" si="112"/>
        <v>209</v>
      </c>
      <c r="C3871" s="440" t="s">
        <v>6511</v>
      </c>
      <c r="D3871" s="140" t="s">
        <v>6512</v>
      </c>
      <c r="E3871" s="449" t="s">
        <v>595</v>
      </c>
      <c r="F3871" s="449" t="s">
        <v>596</v>
      </c>
      <c r="G3871" s="452"/>
      <c r="H3871" s="415"/>
      <c r="I3871" s="451"/>
      <c r="J3871" s="452"/>
      <c r="K3871" s="449"/>
      <c r="L3871" s="469"/>
      <c r="M3871" s="469"/>
      <c r="N3871" s="418" t="str">
        <f t="shared" si="111"/>
        <v/>
      </c>
    </row>
    <row r="3872" spans="1:14" ht="15.75">
      <c r="A3872" s="538"/>
      <c r="B3872" s="411">
        <f t="shared" si="112"/>
        <v>209</v>
      </c>
      <c r="C3872" s="440" t="s">
        <v>6513</v>
      </c>
      <c r="D3872" s="140" t="s">
        <v>6514</v>
      </c>
      <c r="E3872" s="449" t="s">
        <v>595</v>
      </c>
      <c r="F3872" s="449" t="s">
        <v>596</v>
      </c>
      <c r="G3872" s="452"/>
      <c r="H3872" s="415"/>
      <c r="I3872" s="451"/>
      <c r="J3872" s="452"/>
      <c r="K3872" s="449"/>
      <c r="L3872" s="469"/>
      <c r="M3872" s="469"/>
      <c r="N3872" s="418" t="str">
        <f t="shared" si="111"/>
        <v/>
      </c>
    </row>
    <row r="3873" spans="1:14" ht="15.75">
      <c r="A3873" s="538"/>
      <c r="B3873" s="411">
        <f t="shared" si="112"/>
        <v>209</v>
      </c>
      <c r="C3873" s="440" t="s">
        <v>4351</v>
      </c>
      <c r="D3873" s="480" t="s">
        <v>4352</v>
      </c>
      <c r="E3873" s="517" t="s">
        <v>707</v>
      </c>
      <c r="F3873" s="637" t="s">
        <v>600</v>
      </c>
      <c r="G3873" s="452"/>
      <c r="H3873" s="415"/>
      <c r="I3873" s="451"/>
      <c r="J3873" s="452"/>
      <c r="K3873" s="449"/>
      <c r="L3873" s="469">
        <v>41671</v>
      </c>
      <c r="M3873" s="469"/>
      <c r="N3873" s="418" t="str">
        <f t="shared" si="111"/>
        <v>DUPLICATE</v>
      </c>
    </row>
    <row r="3874" spans="1:14" ht="15.75">
      <c r="A3874" s="538"/>
      <c r="B3874" s="411">
        <f t="shared" si="112"/>
        <v>209</v>
      </c>
      <c r="C3874" s="440" t="s">
        <v>4353</v>
      </c>
      <c r="D3874" s="441" t="s">
        <v>4354</v>
      </c>
      <c r="E3874" s="449" t="s">
        <v>643</v>
      </c>
      <c r="F3874" s="449" t="s">
        <v>600</v>
      </c>
      <c r="G3874" s="452"/>
      <c r="H3874" s="415"/>
      <c r="I3874" s="451"/>
      <c r="J3874" s="452"/>
      <c r="K3874" s="449"/>
      <c r="L3874" s="469">
        <v>40940</v>
      </c>
      <c r="M3874" s="469"/>
      <c r="N3874" s="418" t="str">
        <f t="shared" si="111"/>
        <v>DUPLICATE</v>
      </c>
    </row>
    <row r="3875" spans="1:14" ht="15.75">
      <c r="A3875" s="538"/>
      <c r="B3875" s="411">
        <f t="shared" si="112"/>
        <v>209</v>
      </c>
      <c r="C3875" s="440" t="s">
        <v>4355</v>
      </c>
      <c r="D3875" s="480" t="s">
        <v>4356</v>
      </c>
      <c r="E3875" s="517" t="s">
        <v>707</v>
      </c>
      <c r="F3875" s="637" t="s">
        <v>600</v>
      </c>
      <c r="G3875" s="452"/>
      <c r="H3875" s="415"/>
      <c r="I3875" s="451"/>
      <c r="J3875" s="452"/>
      <c r="K3875" s="449"/>
      <c r="L3875" s="469">
        <v>41671</v>
      </c>
      <c r="M3875" s="469"/>
      <c r="N3875" s="418" t="str">
        <f t="shared" si="111"/>
        <v>DUPLICATE</v>
      </c>
    </row>
    <row r="3876" spans="1:14" ht="15.75">
      <c r="A3876" s="538"/>
      <c r="B3876" s="411">
        <f t="shared" si="112"/>
        <v>209</v>
      </c>
      <c r="C3876" s="440" t="s">
        <v>4958</v>
      </c>
      <c r="D3876" s="480" t="s">
        <v>4959</v>
      </c>
      <c r="E3876" s="517" t="s">
        <v>707</v>
      </c>
      <c r="F3876" s="637" t="s">
        <v>600</v>
      </c>
      <c r="G3876" s="452"/>
      <c r="H3876" s="415"/>
      <c r="I3876" s="451"/>
      <c r="J3876" s="452"/>
      <c r="K3876" s="449"/>
      <c r="L3876" s="469">
        <v>41671</v>
      </c>
      <c r="M3876" s="469"/>
      <c r="N3876" s="418" t="str">
        <f t="shared" si="111"/>
        <v>DUPLICATE</v>
      </c>
    </row>
    <row r="3877" spans="1:14" ht="15.75">
      <c r="A3877" s="538"/>
      <c r="B3877" s="411">
        <f t="shared" si="112"/>
        <v>209</v>
      </c>
      <c r="C3877" s="440" t="s">
        <v>5434</v>
      </c>
      <c r="D3877" s="441" t="s">
        <v>5435</v>
      </c>
      <c r="E3877" s="449" t="s">
        <v>595</v>
      </c>
      <c r="F3877" s="449" t="s">
        <v>596</v>
      </c>
      <c r="G3877" s="452"/>
      <c r="H3877" s="415"/>
      <c r="I3877" s="451"/>
      <c r="J3877" s="452"/>
      <c r="K3877" s="449"/>
      <c r="L3877" s="469">
        <v>40940</v>
      </c>
      <c r="M3877" s="469"/>
      <c r="N3877" s="418" t="str">
        <f t="shared" si="111"/>
        <v>DUPLICATE</v>
      </c>
    </row>
    <row r="3878" spans="1:14" ht="15.75">
      <c r="A3878" s="538"/>
      <c r="B3878" s="411">
        <f t="shared" si="112"/>
        <v>209</v>
      </c>
      <c r="C3878" s="440" t="s">
        <v>6515</v>
      </c>
      <c r="D3878" s="441" t="s">
        <v>5437</v>
      </c>
      <c r="E3878" s="449" t="s">
        <v>595</v>
      </c>
      <c r="F3878" s="449" t="s">
        <v>596</v>
      </c>
      <c r="G3878" s="452"/>
      <c r="H3878" s="415"/>
      <c r="I3878" s="451"/>
      <c r="J3878" s="452"/>
      <c r="K3878" s="449"/>
      <c r="L3878" s="469">
        <v>40940</v>
      </c>
      <c r="M3878" s="469"/>
      <c r="N3878" s="418" t="str">
        <f t="shared" ref="N3878:N3941" si="113">IF(D3878="NA","",IF(COUNTIF($D$2:$D$5552,D3878)&gt;1,"DUPLICATE",""))</f>
        <v>DUPLICATE</v>
      </c>
    </row>
    <row r="3879" spans="1:14" ht="15.75">
      <c r="A3879" s="538"/>
      <c r="B3879" s="411">
        <f t="shared" si="112"/>
        <v>209</v>
      </c>
      <c r="C3879" s="440" t="s">
        <v>5481</v>
      </c>
      <c r="D3879" s="441" t="s">
        <v>5482</v>
      </c>
      <c r="E3879" s="449" t="s">
        <v>595</v>
      </c>
      <c r="F3879" s="449" t="s">
        <v>596</v>
      </c>
      <c r="G3879" s="452"/>
      <c r="H3879" s="415"/>
      <c r="I3879" s="451"/>
      <c r="J3879" s="452"/>
      <c r="K3879" s="449"/>
      <c r="L3879" s="469">
        <v>40940</v>
      </c>
      <c r="M3879" s="469"/>
      <c r="N3879" s="418" t="str">
        <f t="shared" si="113"/>
        <v>DUPLICATE</v>
      </c>
    </row>
    <row r="3880" spans="1:14" ht="15.75">
      <c r="A3880" s="538"/>
      <c r="B3880" s="411">
        <f t="shared" si="112"/>
        <v>209</v>
      </c>
      <c r="C3880" s="440" t="s">
        <v>6516</v>
      </c>
      <c r="D3880" s="441" t="s">
        <v>6517</v>
      </c>
      <c r="E3880" s="449" t="s">
        <v>595</v>
      </c>
      <c r="F3880" s="449" t="s">
        <v>596</v>
      </c>
      <c r="G3880" s="452"/>
      <c r="H3880" s="415"/>
      <c r="I3880" s="451"/>
      <c r="J3880" s="452"/>
      <c r="K3880" s="449"/>
      <c r="L3880" s="469"/>
      <c r="M3880" s="469"/>
      <c r="N3880" s="418" t="str">
        <f t="shared" si="113"/>
        <v/>
      </c>
    </row>
    <row r="3881" spans="1:14" ht="15.75">
      <c r="A3881" s="538"/>
      <c r="B3881" s="411">
        <f t="shared" si="112"/>
        <v>209</v>
      </c>
      <c r="C3881" s="440" t="s">
        <v>2193</v>
      </c>
      <c r="D3881" s="480" t="s">
        <v>2194</v>
      </c>
      <c r="E3881" s="517" t="s">
        <v>707</v>
      </c>
      <c r="F3881" s="637" t="s">
        <v>600</v>
      </c>
      <c r="G3881" s="452"/>
      <c r="H3881" s="415"/>
      <c r="I3881" s="451"/>
      <c r="J3881" s="452"/>
      <c r="K3881" s="449"/>
      <c r="L3881" s="469">
        <v>41671</v>
      </c>
      <c r="M3881" s="469"/>
      <c r="N3881" s="418" t="str">
        <f t="shared" si="113"/>
        <v>DUPLICATE</v>
      </c>
    </row>
    <row r="3882" spans="1:14" ht="15.75">
      <c r="A3882" s="538"/>
      <c r="B3882" s="411">
        <f t="shared" si="112"/>
        <v>209</v>
      </c>
      <c r="C3882" s="440" t="s">
        <v>3199</v>
      </c>
      <c r="D3882" s="480" t="s">
        <v>3200</v>
      </c>
      <c r="E3882" s="517" t="s">
        <v>595</v>
      </c>
      <c r="F3882" s="637" t="s">
        <v>596</v>
      </c>
      <c r="G3882" s="452"/>
      <c r="H3882" s="415"/>
      <c r="I3882" s="451"/>
      <c r="J3882" s="452"/>
      <c r="K3882" s="449"/>
      <c r="L3882" s="469">
        <v>41671</v>
      </c>
      <c r="M3882" s="469"/>
      <c r="N3882" s="418" t="str">
        <f t="shared" si="113"/>
        <v>DUPLICATE</v>
      </c>
    </row>
    <row r="3883" spans="1:14" ht="15.75">
      <c r="A3883" s="538"/>
      <c r="B3883" s="411">
        <f t="shared" si="112"/>
        <v>209</v>
      </c>
      <c r="C3883" s="440" t="s">
        <v>6518</v>
      </c>
      <c r="D3883" s="441" t="s">
        <v>6519</v>
      </c>
      <c r="E3883" s="449" t="s">
        <v>595</v>
      </c>
      <c r="F3883" s="449" t="s">
        <v>596</v>
      </c>
      <c r="G3883" s="452"/>
      <c r="H3883" s="415"/>
      <c r="I3883" s="451"/>
      <c r="J3883" s="452"/>
      <c r="K3883" s="449"/>
      <c r="L3883" s="469"/>
      <c r="M3883" s="469"/>
      <c r="N3883" s="418" t="str">
        <f t="shared" si="113"/>
        <v/>
      </c>
    </row>
    <row r="3884" spans="1:14" ht="15.75">
      <c r="A3884" s="538"/>
      <c r="B3884" s="411">
        <f t="shared" si="112"/>
        <v>209</v>
      </c>
      <c r="C3884" s="440" t="s">
        <v>2195</v>
      </c>
      <c r="D3884" s="480" t="s">
        <v>2196</v>
      </c>
      <c r="E3884" s="517" t="s">
        <v>707</v>
      </c>
      <c r="F3884" s="637" t="s">
        <v>600</v>
      </c>
      <c r="G3884" s="452"/>
      <c r="H3884" s="415"/>
      <c r="I3884" s="451"/>
      <c r="J3884" s="452"/>
      <c r="K3884" s="449"/>
      <c r="L3884" s="469">
        <v>41671</v>
      </c>
      <c r="M3884" s="469"/>
      <c r="N3884" s="418" t="str">
        <f t="shared" si="113"/>
        <v>DUPLICATE</v>
      </c>
    </row>
    <row r="3885" spans="1:14" ht="15.75">
      <c r="A3885" s="538"/>
      <c r="B3885" s="411">
        <f t="shared" si="112"/>
        <v>209</v>
      </c>
      <c r="C3885" s="440" t="s">
        <v>6520</v>
      </c>
      <c r="D3885" s="441" t="s">
        <v>6521</v>
      </c>
      <c r="E3885" s="449" t="s">
        <v>595</v>
      </c>
      <c r="F3885" s="449" t="s">
        <v>596</v>
      </c>
      <c r="G3885" s="452"/>
      <c r="H3885" s="415"/>
      <c r="I3885" s="451"/>
      <c r="J3885" s="452"/>
      <c r="K3885" s="449"/>
      <c r="L3885" s="469"/>
      <c r="M3885" s="469"/>
      <c r="N3885" s="418" t="str">
        <f t="shared" si="113"/>
        <v/>
      </c>
    </row>
    <row r="3886" spans="1:14" ht="15.75">
      <c r="A3886" s="538"/>
      <c r="B3886" s="411">
        <f t="shared" si="112"/>
        <v>209</v>
      </c>
      <c r="C3886" s="440" t="s">
        <v>6522</v>
      </c>
      <c r="D3886" s="441" t="s">
        <v>6523</v>
      </c>
      <c r="E3886" s="449" t="s">
        <v>595</v>
      </c>
      <c r="F3886" s="449" t="s">
        <v>596</v>
      </c>
      <c r="G3886" s="452"/>
      <c r="H3886" s="415"/>
      <c r="I3886" s="451"/>
      <c r="J3886" s="452"/>
      <c r="K3886" s="449"/>
      <c r="L3886" s="469"/>
      <c r="M3886" s="469"/>
      <c r="N3886" s="418" t="str">
        <f t="shared" si="113"/>
        <v/>
      </c>
    </row>
    <row r="3887" spans="1:14" ht="15.75">
      <c r="A3887" s="538"/>
      <c r="B3887" s="411">
        <f t="shared" si="112"/>
        <v>209</v>
      </c>
      <c r="C3887" s="440" t="s">
        <v>6524</v>
      </c>
      <c r="D3887" s="441" t="s">
        <v>6525</v>
      </c>
      <c r="E3887" s="449" t="s">
        <v>595</v>
      </c>
      <c r="F3887" s="449" t="s">
        <v>596</v>
      </c>
      <c r="G3887" s="452"/>
      <c r="H3887" s="415"/>
      <c r="I3887" s="451"/>
      <c r="J3887" s="452"/>
      <c r="K3887" s="449"/>
      <c r="L3887" s="469"/>
      <c r="M3887" s="469"/>
      <c r="N3887" s="418" t="str">
        <f t="shared" si="113"/>
        <v/>
      </c>
    </row>
    <row r="3888" spans="1:14" ht="15.75">
      <c r="A3888" s="538"/>
      <c r="B3888" s="411">
        <f t="shared" si="112"/>
        <v>209</v>
      </c>
      <c r="C3888" s="440" t="s">
        <v>6526</v>
      </c>
      <c r="D3888" s="441" t="s">
        <v>6527</v>
      </c>
      <c r="E3888" s="449" t="s">
        <v>595</v>
      </c>
      <c r="F3888" s="449" t="s">
        <v>596</v>
      </c>
      <c r="G3888" s="452"/>
      <c r="H3888" s="415"/>
      <c r="I3888" s="451"/>
      <c r="J3888" s="452"/>
      <c r="K3888" s="449"/>
      <c r="L3888" s="469"/>
      <c r="M3888" s="469"/>
      <c r="N3888" s="418" t="str">
        <f t="shared" si="113"/>
        <v/>
      </c>
    </row>
    <row r="3889" spans="1:14" ht="15.75">
      <c r="A3889" s="538"/>
      <c r="B3889" s="411">
        <f t="shared" si="112"/>
        <v>209</v>
      </c>
      <c r="C3889" s="440" t="s">
        <v>6528</v>
      </c>
      <c r="D3889" s="441" t="s">
        <v>6529</v>
      </c>
      <c r="E3889" s="449" t="s">
        <v>595</v>
      </c>
      <c r="F3889" s="449" t="s">
        <v>596</v>
      </c>
      <c r="G3889" s="452"/>
      <c r="H3889" s="415"/>
      <c r="I3889" s="451"/>
      <c r="J3889" s="452"/>
      <c r="K3889" s="449"/>
      <c r="L3889" s="469"/>
      <c r="M3889" s="469"/>
      <c r="N3889" s="418" t="str">
        <f t="shared" si="113"/>
        <v/>
      </c>
    </row>
    <row r="3890" spans="1:14" ht="15.75">
      <c r="A3890" s="538"/>
      <c r="B3890" s="411">
        <f t="shared" si="112"/>
        <v>209</v>
      </c>
      <c r="C3890" s="440" t="s">
        <v>6530</v>
      </c>
      <c r="D3890" s="441" t="s">
        <v>6531</v>
      </c>
      <c r="E3890" s="449" t="s">
        <v>595</v>
      </c>
      <c r="F3890" s="449" t="s">
        <v>596</v>
      </c>
      <c r="G3890" s="452"/>
      <c r="H3890" s="415"/>
      <c r="I3890" s="451"/>
      <c r="J3890" s="452"/>
      <c r="K3890" s="449"/>
      <c r="L3890" s="469">
        <v>40940</v>
      </c>
      <c r="M3890" s="469"/>
      <c r="N3890" s="418" t="str">
        <f t="shared" si="113"/>
        <v/>
      </c>
    </row>
    <row r="3891" spans="1:14" ht="15.75">
      <c r="A3891" s="538"/>
      <c r="B3891" s="411">
        <f t="shared" si="112"/>
        <v>209</v>
      </c>
      <c r="C3891" s="440" t="s">
        <v>6532</v>
      </c>
      <c r="D3891" s="480" t="s">
        <v>6533</v>
      </c>
      <c r="E3891" s="449" t="s">
        <v>595</v>
      </c>
      <c r="F3891" s="449" t="s">
        <v>596</v>
      </c>
      <c r="G3891" s="452"/>
      <c r="H3891" s="415"/>
      <c r="I3891" s="451"/>
      <c r="J3891" s="452"/>
      <c r="K3891" s="449"/>
      <c r="L3891" s="469">
        <v>41671</v>
      </c>
      <c r="M3891" s="469"/>
      <c r="N3891" s="418" t="str">
        <f t="shared" si="113"/>
        <v/>
      </c>
    </row>
    <row r="3892" spans="1:14" ht="15.75">
      <c r="A3892" s="538"/>
      <c r="B3892" s="411">
        <f t="shared" ref="B3892:B3955" si="114">IF(A3892&gt;0,A3892,B3891)</f>
        <v>209</v>
      </c>
      <c r="C3892" s="440" t="s">
        <v>6534</v>
      </c>
      <c r="D3892" s="480" t="s">
        <v>6535</v>
      </c>
      <c r="E3892" s="517" t="s">
        <v>595</v>
      </c>
      <c r="F3892" s="637" t="s">
        <v>596</v>
      </c>
      <c r="G3892" s="452"/>
      <c r="H3892" s="415"/>
      <c r="I3892" s="451"/>
      <c r="J3892" s="452"/>
      <c r="K3892" s="449"/>
      <c r="L3892" s="469">
        <v>41671</v>
      </c>
      <c r="M3892" s="469"/>
      <c r="N3892" s="418" t="str">
        <f t="shared" si="113"/>
        <v/>
      </c>
    </row>
    <row r="3893" spans="1:14" ht="15.75">
      <c r="A3893" s="410"/>
      <c r="B3893" s="411">
        <f t="shared" si="114"/>
        <v>209</v>
      </c>
      <c r="C3893" s="456" t="s">
        <v>6536</v>
      </c>
      <c r="D3893" s="884" t="s">
        <v>6537</v>
      </c>
      <c r="E3893" s="458" t="s">
        <v>595</v>
      </c>
      <c r="F3893" s="458" t="s">
        <v>596</v>
      </c>
      <c r="G3893" s="461"/>
      <c r="H3893" s="415"/>
      <c r="I3893" s="460"/>
      <c r="J3893" s="461"/>
      <c r="K3893" s="458"/>
      <c r="L3893" s="423"/>
      <c r="M3893" s="423"/>
      <c r="N3893" s="418" t="str">
        <f t="shared" si="113"/>
        <v/>
      </c>
    </row>
    <row r="3894" spans="1:14" ht="47.25">
      <c r="A3894" s="536">
        <v>210</v>
      </c>
      <c r="B3894" s="411">
        <f t="shared" si="114"/>
        <v>210</v>
      </c>
      <c r="C3894" s="412" t="s">
        <v>6538</v>
      </c>
      <c r="D3894" s="867" t="s">
        <v>6539</v>
      </c>
      <c r="E3894" s="458" t="s">
        <v>595</v>
      </c>
      <c r="F3894" s="458" t="s">
        <v>652</v>
      </c>
      <c r="G3894" s="438" t="s">
        <v>6540</v>
      </c>
      <c r="H3894" s="415"/>
      <c r="I3894" s="415"/>
      <c r="J3894" s="438" t="s">
        <v>6541</v>
      </c>
      <c r="K3894" s="414" t="s">
        <v>6542</v>
      </c>
      <c r="L3894" s="423">
        <v>39479</v>
      </c>
      <c r="M3894" s="417"/>
      <c r="N3894" s="418" t="str">
        <f t="shared" si="113"/>
        <v/>
      </c>
    </row>
    <row r="3895" spans="1:14" ht="15.75">
      <c r="A3895" s="538">
        <v>211</v>
      </c>
      <c r="B3895" s="411">
        <f t="shared" si="114"/>
        <v>211</v>
      </c>
      <c r="C3895" s="651" t="s">
        <v>6543</v>
      </c>
      <c r="D3895" s="522" t="s">
        <v>6544</v>
      </c>
      <c r="E3895" s="522" t="s">
        <v>595</v>
      </c>
      <c r="F3895" s="522" t="s">
        <v>596</v>
      </c>
      <c r="G3895" s="450"/>
      <c r="H3895" s="415"/>
      <c r="I3895" s="451"/>
      <c r="J3895" s="452" t="s">
        <v>654</v>
      </c>
      <c r="K3895" s="449"/>
      <c r="L3895" s="469">
        <v>38362</v>
      </c>
      <c r="M3895" s="469"/>
      <c r="N3895" s="418" t="str">
        <f t="shared" si="113"/>
        <v/>
      </c>
    </row>
    <row r="3896" spans="1:14" ht="31.5">
      <c r="A3896" s="536">
        <v>212</v>
      </c>
      <c r="B3896" s="411">
        <f t="shared" si="114"/>
        <v>212</v>
      </c>
      <c r="C3896" s="419" t="s">
        <v>6545</v>
      </c>
      <c r="D3896" s="413" t="s">
        <v>6546</v>
      </c>
      <c r="E3896" s="414" t="s">
        <v>595</v>
      </c>
      <c r="F3896" s="414" t="s">
        <v>596</v>
      </c>
      <c r="G3896" s="443" t="s">
        <v>6547</v>
      </c>
      <c r="H3896" s="415"/>
      <c r="I3896" s="415"/>
      <c r="J3896" s="416" t="s">
        <v>6548</v>
      </c>
      <c r="K3896" s="414"/>
      <c r="L3896" s="417">
        <v>38362</v>
      </c>
      <c r="M3896" s="417"/>
      <c r="N3896" s="418" t="str">
        <f t="shared" si="113"/>
        <v/>
      </c>
    </row>
    <row r="3897" spans="1:14" ht="15.75">
      <c r="A3897" s="536">
        <v>213</v>
      </c>
      <c r="B3897" s="411">
        <f t="shared" si="114"/>
        <v>213</v>
      </c>
      <c r="C3897" s="419" t="s">
        <v>6549</v>
      </c>
      <c r="D3897" s="413" t="s">
        <v>6550</v>
      </c>
      <c r="E3897" s="414" t="s">
        <v>595</v>
      </c>
      <c r="F3897" s="414" t="s">
        <v>596</v>
      </c>
      <c r="G3897" s="414" t="s">
        <v>597</v>
      </c>
      <c r="H3897" s="415"/>
      <c r="I3897" s="415"/>
      <c r="J3897" s="416" t="s">
        <v>6551</v>
      </c>
      <c r="K3897" s="414"/>
      <c r="L3897" s="417">
        <v>38362</v>
      </c>
      <c r="M3897" s="417">
        <v>38692</v>
      </c>
      <c r="N3897" s="418" t="str">
        <f t="shared" si="113"/>
        <v/>
      </c>
    </row>
    <row r="3898" spans="1:14" ht="47.25">
      <c r="A3898" s="536">
        <v>214</v>
      </c>
      <c r="B3898" s="411">
        <f>IF(A3898&gt;0,A3898,#REF!)</f>
        <v>214</v>
      </c>
      <c r="C3898" s="550" t="s">
        <v>6552</v>
      </c>
      <c r="D3898" s="421" t="s">
        <v>6553</v>
      </c>
      <c r="E3898" s="414" t="s">
        <v>595</v>
      </c>
      <c r="F3898" s="414" t="s">
        <v>596</v>
      </c>
      <c r="G3898" s="414" t="s">
        <v>614</v>
      </c>
      <c r="H3898" s="415"/>
      <c r="I3898" s="415"/>
      <c r="J3898" s="437"/>
      <c r="K3898" s="414"/>
      <c r="L3898" s="417">
        <v>42767</v>
      </c>
      <c r="M3898" s="417"/>
      <c r="N3898" s="418" t="str">
        <f t="shared" si="113"/>
        <v/>
      </c>
    </row>
    <row r="3899" spans="1:14" ht="47.25">
      <c r="A3899" s="536">
        <v>215</v>
      </c>
      <c r="B3899" s="411">
        <f t="shared" si="114"/>
        <v>215</v>
      </c>
      <c r="C3899" s="560" t="s">
        <v>6554</v>
      </c>
      <c r="D3899" s="421" t="s">
        <v>6555</v>
      </c>
      <c r="E3899" s="414" t="s">
        <v>595</v>
      </c>
      <c r="F3899" s="414" t="s">
        <v>596</v>
      </c>
      <c r="G3899" s="414" t="s">
        <v>614</v>
      </c>
      <c r="H3899" s="415"/>
      <c r="I3899" s="415"/>
      <c r="J3899" s="437"/>
      <c r="K3899" s="414"/>
      <c r="L3899" s="417">
        <v>42767</v>
      </c>
      <c r="M3899" s="417"/>
      <c r="N3899" s="418" t="str">
        <f t="shared" si="113"/>
        <v/>
      </c>
    </row>
    <row r="3900" spans="1:14" ht="47.25">
      <c r="A3900" s="536">
        <v>216</v>
      </c>
      <c r="B3900" s="411">
        <f t="shared" si="114"/>
        <v>216</v>
      </c>
      <c r="C3900" s="560" t="s">
        <v>6556</v>
      </c>
      <c r="D3900" s="421" t="s">
        <v>6557</v>
      </c>
      <c r="E3900" s="414" t="s">
        <v>595</v>
      </c>
      <c r="F3900" s="414" t="s">
        <v>596</v>
      </c>
      <c r="G3900" s="414" t="s">
        <v>614</v>
      </c>
      <c r="H3900" s="415"/>
      <c r="I3900" s="415"/>
      <c r="J3900" s="437"/>
      <c r="K3900" s="414"/>
      <c r="L3900" s="417">
        <v>42767</v>
      </c>
      <c r="M3900" s="417"/>
      <c r="N3900" s="418" t="str">
        <f t="shared" si="113"/>
        <v/>
      </c>
    </row>
    <row r="3901" spans="1:14" ht="47.25">
      <c r="A3901" s="536">
        <v>217</v>
      </c>
      <c r="B3901" s="411">
        <f t="shared" si="114"/>
        <v>217</v>
      </c>
      <c r="C3901" s="560" t="s">
        <v>6558</v>
      </c>
      <c r="D3901" s="421" t="s">
        <v>6559</v>
      </c>
      <c r="E3901" s="414" t="s">
        <v>595</v>
      </c>
      <c r="F3901" s="414" t="s">
        <v>596</v>
      </c>
      <c r="G3901" s="414" t="s">
        <v>614</v>
      </c>
      <c r="H3901" s="415"/>
      <c r="I3901" s="415"/>
      <c r="J3901" s="437"/>
      <c r="K3901" s="414"/>
      <c r="L3901" s="417">
        <v>42767</v>
      </c>
      <c r="M3901" s="417"/>
      <c r="N3901" s="418" t="str">
        <f t="shared" si="113"/>
        <v/>
      </c>
    </row>
    <row r="3902" spans="1:14" ht="47.25">
      <c r="A3902" s="536">
        <v>218</v>
      </c>
      <c r="B3902" s="411">
        <f t="shared" si="114"/>
        <v>218</v>
      </c>
      <c r="C3902" s="560" t="s">
        <v>6560</v>
      </c>
      <c r="D3902" s="421" t="s">
        <v>6561</v>
      </c>
      <c r="E3902" s="414" t="s">
        <v>595</v>
      </c>
      <c r="F3902" s="414" t="s">
        <v>596</v>
      </c>
      <c r="G3902" s="414" t="s">
        <v>614</v>
      </c>
      <c r="H3902" s="415"/>
      <c r="I3902" s="415"/>
      <c r="J3902" s="437"/>
      <c r="K3902" s="414"/>
      <c r="L3902" s="417">
        <v>42767</v>
      </c>
      <c r="M3902" s="417"/>
      <c r="N3902" s="418" t="str">
        <f t="shared" si="113"/>
        <v/>
      </c>
    </row>
    <row r="3903" spans="1:14" ht="47.25">
      <c r="A3903" s="536">
        <v>219</v>
      </c>
      <c r="B3903" s="411">
        <f t="shared" si="114"/>
        <v>219</v>
      </c>
      <c r="C3903" s="560" t="s">
        <v>6562</v>
      </c>
      <c r="D3903" s="421" t="s">
        <v>6563</v>
      </c>
      <c r="E3903" s="414" t="s">
        <v>595</v>
      </c>
      <c r="F3903" s="414" t="s">
        <v>596</v>
      </c>
      <c r="G3903" s="414" t="s">
        <v>614</v>
      </c>
      <c r="H3903" s="415"/>
      <c r="I3903" s="415"/>
      <c r="J3903" s="437"/>
      <c r="K3903" s="414"/>
      <c r="L3903" s="417">
        <v>42767</v>
      </c>
      <c r="M3903" s="417"/>
      <c r="N3903" s="418" t="str">
        <f t="shared" si="113"/>
        <v/>
      </c>
    </row>
    <row r="3904" spans="1:14" ht="31.5">
      <c r="A3904" s="536">
        <v>220</v>
      </c>
      <c r="B3904" s="411">
        <f t="shared" si="114"/>
        <v>220</v>
      </c>
      <c r="C3904" s="557" t="s">
        <v>14081</v>
      </c>
      <c r="D3904" s="554" t="s">
        <v>7281</v>
      </c>
      <c r="E3904" s="427" t="s">
        <v>595</v>
      </c>
      <c r="F3904" s="427" t="s">
        <v>596</v>
      </c>
      <c r="G3904" s="427" t="s">
        <v>1390</v>
      </c>
      <c r="H3904" s="558"/>
      <c r="I3904" s="558"/>
      <c r="J3904" s="554" t="s">
        <v>14082</v>
      </c>
      <c r="K3904" s="558"/>
      <c r="L3904" s="556">
        <v>43132</v>
      </c>
      <c r="M3904" s="555"/>
      <c r="N3904" s="418" t="str">
        <f t="shared" si="113"/>
        <v/>
      </c>
    </row>
    <row r="3905" spans="1:14" ht="31.5">
      <c r="A3905" s="536">
        <v>221</v>
      </c>
      <c r="B3905" s="411">
        <f t="shared" si="114"/>
        <v>221</v>
      </c>
      <c r="C3905" s="864" t="s">
        <v>6564</v>
      </c>
      <c r="D3905" s="442" t="s">
        <v>6565</v>
      </c>
      <c r="E3905" s="539" t="s">
        <v>707</v>
      </c>
      <c r="F3905" s="885" t="s">
        <v>676</v>
      </c>
      <c r="G3905" s="853" t="s">
        <v>6566</v>
      </c>
      <c r="H3905" s="415"/>
      <c r="I3905" s="648"/>
      <c r="J3905" s="577" t="s">
        <v>6567</v>
      </c>
      <c r="K3905" s="443"/>
      <c r="L3905" s="886">
        <v>38362</v>
      </c>
      <c r="M3905" s="477">
        <v>42036</v>
      </c>
      <c r="N3905" s="418" t="str">
        <f t="shared" si="113"/>
        <v/>
      </c>
    </row>
    <row r="3906" spans="1:14" ht="47.25">
      <c r="A3906" s="536">
        <v>222</v>
      </c>
      <c r="B3906" s="411">
        <f t="shared" si="114"/>
        <v>222</v>
      </c>
      <c r="C3906" s="560" t="s">
        <v>6568</v>
      </c>
      <c r="D3906" s="421" t="s">
        <v>6569</v>
      </c>
      <c r="E3906" s="414" t="s">
        <v>595</v>
      </c>
      <c r="F3906" s="414" t="s">
        <v>596</v>
      </c>
      <c r="G3906" s="414" t="s">
        <v>614</v>
      </c>
      <c r="H3906" s="415"/>
      <c r="I3906" s="415"/>
      <c r="J3906" s="437"/>
      <c r="K3906" s="414"/>
      <c r="L3906" s="417">
        <v>42767</v>
      </c>
      <c r="M3906" s="417"/>
      <c r="N3906" s="418" t="str">
        <f t="shared" si="113"/>
        <v/>
      </c>
    </row>
    <row r="3907" spans="1:14" ht="47.25">
      <c r="A3907" s="536">
        <v>223</v>
      </c>
      <c r="B3907" s="411">
        <f t="shared" si="114"/>
        <v>223</v>
      </c>
      <c r="C3907" s="560" t="s">
        <v>6570</v>
      </c>
      <c r="D3907" s="421" t="s">
        <v>6571</v>
      </c>
      <c r="E3907" s="414" t="s">
        <v>595</v>
      </c>
      <c r="F3907" s="414" t="s">
        <v>596</v>
      </c>
      <c r="G3907" s="414" t="s">
        <v>614</v>
      </c>
      <c r="H3907" s="415"/>
      <c r="I3907" s="415"/>
      <c r="J3907" s="437"/>
      <c r="K3907" s="414"/>
      <c r="L3907" s="417">
        <v>42767</v>
      </c>
      <c r="M3907" s="417"/>
      <c r="N3907" s="418" t="str">
        <f t="shared" si="113"/>
        <v/>
      </c>
    </row>
    <row r="3908" spans="1:14" ht="31.5">
      <c r="A3908" s="536">
        <v>224</v>
      </c>
      <c r="B3908" s="411">
        <f t="shared" si="114"/>
        <v>224</v>
      </c>
      <c r="C3908" s="887" t="s">
        <v>14115</v>
      </c>
      <c r="D3908" s="539" t="s">
        <v>14117</v>
      </c>
      <c r="E3908" s="442" t="s">
        <v>595</v>
      </c>
      <c r="F3908" s="442" t="s">
        <v>600</v>
      </c>
      <c r="G3908" s="414" t="s">
        <v>760</v>
      </c>
      <c r="H3908" s="415"/>
      <c r="I3908" s="444"/>
      <c r="J3908" s="888" t="s">
        <v>26890</v>
      </c>
      <c r="K3908" s="442"/>
      <c r="L3908" s="417">
        <v>43497</v>
      </c>
      <c r="M3908" s="477"/>
      <c r="N3908" s="418" t="str">
        <f t="shared" si="113"/>
        <v/>
      </c>
    </row>
    <row r="3909" spans="1:14" ht="126">
      <c r="A3909" s="543">
        <v>225</v>
      </c>
      <c r="B3909" s="484">
        <f t="shared" si="114"/>
        <v>225</v>
      </c>
      <c r="C3909" s="889" t="s">
        <v>14195</v>
      </c>
      <c r="D3909" s="684" t="s">
        <v>10495</v>
      </c>
      <c r="E3909" s="566" t="s">
        <v>707</v>
      </c>
      <c r="F3909" s="566" t="s">
        <v>676</v>
      </c>
      <c r="G3909" s="430" t="s">
        <v>34160</v>
      </c>
      <c r="H3909" s="890"/>
      <c r="I3909" s="891"/>
      <c r="J3909" s="892" t="s">
        <v>35302</v>
      </c>
      <c r="K3909" s="566" t="s">
        <v>34141</v>
      </c>
      <c r="L3909" s="434">
        <v>44228</v>
      </c>
      <c r="M3909" s="893"/>
      <c r="N3909" s="418" t="str">
        <f t="shared" si="113"/>
        <v/>
      </c>
    </row>
    <row r="3910" spans="1:14" ht="15.75">
      <c r="A3910" s="536">
        <v>226</v>
      </c>
      <c r="B3910" s="411">
        <f>IF(A3910&gt;0,A3910,B3909)</f>
        <v>226</v>
      </c>
      <c r="C3910" s="894" t="s">
        <v>6572</v>
      </c>
      <c r="D3910" s="442" t="s">
        <v>6573</v>
      </c>
      <c r="E3910" s="539" t="s">
        <v>595</v>
      </c>
      <c r="F3910" s="539" t="s">
        <v>596</v>
      </c>
      <c r="G3910" s="474" t="s">
        <v>6574</v>
      </c>
      <c r="H3910" s="415"/>
      <c r="I3910" s="444"/>
      <c r="J3910" s="577" t="s">
        <v>6357</v>
      </c>
      <c r="K3910" s="443"/>
      <c r="L3910" s="417">
        <v>38362</v>
      </c>
      <c r="M3910" s="477"/>
      <c r="N3910" s="418" t="str">
        <f t="shared" si="113"/>
        <v/>
      </c>
    </row>
    <row r="3911" spans="1:14" ht="63">
      <c r="A3911" s="536">
        <v>227</v>
      </c>
      <c r="B3911" s="411">
        <f t="shared" si="114"/>
        <v>227</v>
      </c>
      <c r="C3911" s="894" t="s">
        <v>6575</v>
      </c>
      <c r="D3911" s="577"/>
      <c r="E3911" s="539" t="s">
        <v>643</v>
      </c>
      <c r="F3911" s="647" t="s">
        <v>600</v>
      </c>
      <c r="G3911" s="414" t="s">
        <v>3504</v>
      </c>
      <c r="H3911" s="415"/>
      <c r="I3911" s="648"/>
      <c r="J3911" s="577"/>
      <c r="K3911" s="442" t="s">
        <v>1030</v>
      </c>
      <c r="L3911" s="423">
        <v>39479</v>
      </c>
      <c r="M3911" s="477">
        <v>40940</v>
      </c>
      <c r="N3911" s="418" t="str">
        <f t="shared" si="113"/>
        <v/>
      </c>
    </row>
    <row r="3912" spans="1:14" ht="15.75">
      <c r="A3912" s="574"/>
      <c r="B3912" s="411">
        <f t="shared" si="114"/>
        <v>227</v>
      </c>
      <c r="C3912" s="895" t="s">
        <v>6576</v>
      </c>
      <c r="D3912" s="577" t="s">
        <v>6577</v>
      </c>
      <c r="E3912" s="539" t="s">
        <v>643</v>
      </c>
      <c r="F3912" s="647" t="s">
        <v>600</v>
      </c>
      <c r="G3912" s="443"/>
      <c r="H3912" s="415"/>
      <c r="I3912" s="648"/>
      <c r="J3912" s="577"/>
      <c r="K3912" s="476"/>
      <c r="L3912" s="477">
        <v>39479</v>
      </c>
      <c r="M3912" s="490"/>
      <c r="N3912" s="418" t="str">
        <f t="shared" si="113"/>
        <v/>
      </c>
    </row>
    <row r="3913" spans="1:14" ht="28.5">
      <c r="A3913" s="538"/>
      <c r="B3913" s="411">
        <f t="shared" si="114"/>
        <v>227</v>
      </c>
      <c r="C3913" s="896" t="s">
        <v>6578</v>
      </c>
      <c r="D3913" s="144" t="s">
        <v>6579</v>
      </c>
      <c r="E3913" s="522" t="s">
        <v>643</v>
      </c>
      <c r="F3913" s="140" t="s">
        <v>600</v>
      </c>
      <c r="G3913" s="450"/>
      <c r="H3913" s="415"/>
      <c r="I3913" s="481"/>
      <c r="J3913" s="144"/>
      <c r="K3913" s="479"/>
      <c r="L3913" s="469">
        <v>39479</v>
      </c>
      <c r="M3913" s="511"/>
      <c r="N3913" s="418" t="str">
        <f t="shared" si="113"/>
        <v/>
      </c>
    </row>
    <row r="3914" spans="1:14" ht="15.75">
      <c r="A3914" s="538"/>
      <c r="B3914" s="411">
        <f t="shared" si="114"/>
        <v>227</v>
      </c>
      <c r="C3914" s="896" t="s">
        <v>6580</v>
      </c>
      <c r="D3914" s="144" t="s">
        <v>6581</v>
      </c>
      <c r="E3914" s="522" t="s">
        <v>643</v>
      </c>
      <c r="F3914" s="140" t="s">
        <v>600</v>
      </c>
      <c r="G3914" s="450"/>
      <c r="H3914" s="415"/>
      <c r="I3914" s="481"/>
      <c r="J3914" s="144"/>
      <c r="K3914" s="479"/>
      <c r="L3914" s="469">
        <v>40940</v>
      </c>
      <c r="M3914" s="511"/>
      <c r="N3914" s="418" t="str">
        <f t="shared" si="113"/>
        <v/>
      </c>
    </row>
    <row r="3915" spans="1:14" ht="15.75">
      <c r="A3915" s="410"/>
      <c r="B3915" s="411">
        <f t="shared" si="114"/>
        <v>227</v>
      </c>
      <c r="C3915" s="896" t="s">
        <v>6582</v>
      </c>
      <c r="D3915" s="144" t="s">
        <v>6583</v>
      </c>
      <c r="E3915" s="522" t="s">
        <v>643</v>
      </c>
      <c r="F3915" s="140" t="s">
        <v>600</v>
      </c>
      <c r="G3915" s="459"/>
      <c r="H3915" s="415"/>
      <c r="I3915" s="481"/>
      <c r="J3915" s="144"/>
      <c r="K3915" s="479"/>
      <c r="L3915" s="423">
        <v>39479</v>
      </c>
      <c r="M3915" s="511"/>
      <c r="N3915" s="418" t="str">
        <f t="shared" si="113"/>
        <v/>
      </c>
    </row>
    <row r="3916" spans="1:14" ht="15.75">
      <c r="A3916" s="538">
        <v>228</v>
      </c>
      <c r="B3916" s="411">
        <f t="shared" si="114"/>
        <v>228</v>
      </c>
      <c r="C3916" s="424" t="s">
        <v>14084</v>
      </c>
      <c r="D3916" s="414" t="s">
        <v>6584</v>
      </c>
      <c r="E3916" s="414" t="s">
        <v>707</v>
      </c>
      <c r="F3916" s="438" t="s">
        <v>676</v>
      </c>
      <c r="G3916" s="449" t="s">
        <v>6585</v>
      </c>
      <c r="H3916" s="415"/>
      <c r="I3916" s="415"/>
      <c r="J3916" s="416" t="s">
        <v>6586</v>
      </c>
      <c r="K3916" s="414"/>
      <c r="L3916" s="423">
        <v>39479</v>
      </c>
      <c r="M3916" s="417">
        <v>41671</v>
      </c>
      <c r="N3916" s="418" t="str">
        <f t="shared" si="113"/>
        <v/>
      </c>
    </row>
    <row r="3917" spans="1:14" ht="31.5">
      <c r="A3917" s="536">
        <v>229</v>
      </c>
      <c r="B3917" s="411">
        <f t="shared" si="114"/>
        <v>229</v>
      </c>
      <c r="C3917" s="557" t="s">
        <v>14085</v>
      </c>
      <c r="D3917" s="555" t="s">
        <v>14086</v>
      </c>
      <c r="E3917" s="427" t="s">
        <v>595</v>
      </c>
      <c r="F3917" s="427" t="s">
        <v>596</v>
      </c>
      <c r="G3917" s="427" t="s">
        <v>1390</v>
      </c>
      <c r="H3917" s="558"/>
      <c r="I3917" s="558"/>
      <c r="J3917" s="554" t="s">
        <v>3312</v>
      </c>
      <c r="K3917" s="558"/>
      <c r="L3917" s="556">
        <v>43132</v>
      </c>
      <c r="M3917" s="555"/>
      <c r="N3917" s="418" t="str">
        <f t="shared" si="113"/>
        <v/>
      </c>
    </row>
    <row r="3918" spans="1:14" ht="15.75">
      <c r="A3918" s="538">
        <v>230</v>
      </c>
      <c r="B3918" s="411">
        <f t="shared" si="114"/>
        <v>230</v>
      </c>
      <c r="C3918" s="419" t="s">
        <v>6587</v>
      </c>
      <c r="D3918" s="414" t="s">
        <v>6588</v>
      </c>
      <c r="E3918" s="414" t="s">
        <v>595</v>
      </c>
      <c r="F3918" s="416" t="s">
        <v>596</v>
      </c>
      <c r="G3918" s="414" t="s">
        <v>597</v>
      </c>
      <c r="H3918" s="415"/>
      <c r="I3918" s="509"/>
      <c r="J3918" s="416"/>
      <c r="K3918" s="414"/>
      <c r="L3918" s="897">
        <v>38362</v>
      </c>
      <c r="M3918" s="417">
        <v>42036</v>
      </c>
      <c r="N3918" s="418" t="str">
        <f t="shared" si="113"/>
        <v/>
      </c>
    </row>
    <row r="3919" spans="1:14" ht="110.25">
      <c r="A3919" s="543">
        <v>231</v>
      </c>
      <c r="B3919" s="411">
        <f t="shared" si="114"/>
        <v>231</v>
      </c>
      <c r="C3919" s="898" t="s">
        <v>28523</v>
      </c>
      <c r="D3919" s="899" t="s">
        <v>1996</v>
      </c>
      <c r="E3919" s="900" t="s">
        <v>28524</v>
      </c>
      <c r="F3919" s="504" t="s">
        <v>35328</v>
      </c>
      <c r="G3919" s="504" t="s">
        <v>35329</v>
      </c>
      <c r="H3919" s="901"/>
      <c r="I3919" s="902"/>
      <c r="J3919" s="680" t="s">
        <v>28525</v>
      </c>
      <c r="K3919" s="903"/>
      <c r="L3919" s="569">
        <v>38362</v>
      </c>
      <c r="M3919" s="569">
        <v>43862</v>
      </c>
      <c r="N3919" s="418" t="str">
        <f t="shared" si="113"/>
        <v>DUPLICATE</v>
      </c>
    </row>
    <row r="3920" spans="1:14" ht="63">
      <c r="A3920" s="536">
        <v>232</v>
      </c>
      <c r="B3920" s="411">
        <f t="shared" si="114"/>
        <v>232</v>
      </c>
      <c r="C3920" s="904" t="s">
        <v>6589</v>
      </c>
      <c r="D3920" s="821" t="s">
        <v>6590</v>
      </c>
      <c r="E3920" s="458" t="s">
        <v>595</v>
      </c>
      <c r="F3920" s="458" t="s">
        <v>596</v>
      </c>
      <c r="G3920" s="458" t="s">
        <v>6591</v>
      </c>
      <c r="H3920" s="415"/>
      <c r="I3920" s="460"/>
      <c r="J3920" s="528" t="s">
        <v>6592</v>
      </c>
      <c r="K3920" s="459"/>
      <c r="L3920" s="417">
        <v>39479</v>
      </c>
      <c r="M3920" s="417"/>
      <c r="N3920" s="418" t="str">
        <f t="shared" si="113"/>
        <v/>
      </c>
    </row>
    <row r="3921" spans="1:14" ht="15.75">
      <c r="A3921" s="538">
        <v>233</v>
      </c>
      <c r="B3921" s="411">
        <f t="shared" si="114"/>
        <v>233</v>
      </c>
      <c r="C3921" s="905" t="s">
        <v>6593</v>
      </c>
      <c r="D3921" s="421"/>
      <c r="E3921" s="458" t="s">
        <v>595</v>
      </c>
      <c r="F3921" s="458" t="s">
        <v>596</v>
      </c>
      <c r="G3921" s="458"/>
      <c r="H3921" s="415"/>
      <c r="I3921" s="460"/>
      <c r="J3921" s="528"/>
      <c r="K3921" s="906"/>
      <c r="L3921" s="423">
        <v>39479</v>
      </c>
      <c r="M3921" s="423">
        <v>41671</v>
      </c>
      <c r="N3921" s="418" t="str">
        <f t="shared" si="113"/>
        <v/>
      </c>
    </row>
    <row r="3922" spans="1:14" ht="94.5">
      <c r="A3922" s="538"/>
      <c r="B3922" s="411">
        <f t="shared" si="114"/>
        <v>233</v>
      </c>
      <c r="C3922" s="895" t="s">
        <v>6594</v>
      </c>
      <c r="D3922" s="539" t="s">
        <v>6595</v>
      </c>
      <c r="E3922" s="449" t="s">
        <v>595</v>
      </c>
      <c r="F3922" s="449" t="s">
        <v>596</v>
      </c>
      <c r="G3922" s="144" t="s">
        <v>35330</v>
      </c>
      <c r="H3922" s="444"/>
      <c r="I3922" s="451"/>
      <c r="J3922" s="144" t="s">
        <v>6596</v>
      </c>
      <c r="K3922" s="467">
        <v>1.4999999999999999E-2</v>
      </c>
      <c r="L3922" s="469">
        <v>39479</v>
      </c>
      <c r="M3922" s="469">
        <v>41671</v>
      </c>
      <c r="N3922" s="418" t="str">
        <f t="shared" si="113"/>
        <v/>
      </c>
    </row>
    <row r="3923" spans="1:14" ht="31.5">
      <c r="A3923" s="536">
        <v>234</v>
      </c>
      <c r="B3923" s="411">
        <f t="shared" si="114"/>
        <v>234</v>
      </c>
      <c r="C3923" s="658" t="s">
        <v>6597</v>
      </c>
      <c r="D3923" s="421" t="s">
        <v>6598</v>
      </c>
      <c r="E3923" s="414" t="s">
        <v>595</v>
      </c>
      <c r="F3923" s="414" t="s">
        <v>596</v>
      </c>
      <c r="G3923" s="414" t="s">
        <v>1390</v>
      </c>
      <c r="H3923" s="415"/>
      <c r="I3923" s="415"/>
      <c r="J3923" s="414" t="s">
        <v>6599</v>
      </c>
      <c r="K3923" s="422"/>
      <c r="L3923" s="729">
        <v>42767</v>
      </c>
      <c r="M3923" s="417"/>
      <c r="N3923" s="418" t="str">
        <f t="shared" si="113"/>
        <v/>
      </c>
    </row>
    <row r="3924" spans="1:14" ht="31.5">
      <c r="A3924" s="410">
        <v>235</v>
      </c>
      <c r="B3924" s="411">
        <f t="shared" si="114"/>
        <v>235</v>
      </c>
      <c r="C3924" s="412" t="s">
        <v>6600</v>
      </c>
      <c r="D3924" s="907"/>
      <c r="E3924" s="458" t="s">
        <v>595</v>
      </c>
      <c r="F3924" s="458" t="s">
        <v>596</v>
      </c>
      <c r="G3924" s="458" t="s">
        <v>597</v>
      </c>
      <c r="H3924" s="460"/>
      <c r="I3924" s="460"/>
      <c r="J3924" s="528" t="s">
        <v>6601</v>
      </c>
      <c r="K3924" s="458"/>
      <c r="L3924" s="423">
        <v>38362</v>
      </c>
      <c r="M3924" s="423"/>
      <c r="N3924" s="418" t="str">
        <f t="shared" si="113"/>
        <v/>
      </c>
    </row>
    <row r="3925" spans="1:14" ht="15.75">
      <c r="A3925" s="536"/>
      <c r="B3925" s="411">
        <f t="shared" si="114"/>
        <v>235</v>
      </c>
      <c r="C3925" s="545" t="s">
        <v>6602</v>
      </c>
      <c r="D3925" s="414" t="s">
        <v>6603</v>
      </c>
      <c r="E3925" s="414" t="s">
        <v>595</v>
      </c>
      <c r="F3925" s="414" t="s">
        <v>596</v>
      </c>
      <c r="G3925" s="414" t="s">
        <v>3536</v>
      </c>
      <c r="H3925" s="415"/>
      <c r="I3925" s="415"/>
      <c r="J3925" s="416"/>
      <c r="K3925" s="414"/>
      <c r="L3925" s="417">
        <v>38362</v>
      </c>
      <c r="M3925" s="417"/>
      <c r="N3925" s="418" t="str">
        <f t="shared" si="113"/>
        <v/>
      </c>
    </row>
    <row r="3926" spans="1:14" ht="15.75">
      <c r="A3926" s="536"/>
      <c r="B3926" s="411">
        <f t="shared" si="114"/>
        <v>235</v>
      </c>
      <c r="C3926" s="545" t="s">
        <v>6604</v>
      </c>
      <c r="D3926" s="414" t="s">
        <v>6605</v>
      </c>
      <c r="E3926" s="414" t="s">
        <v>595</v>
      </c>
      <c r="F3926" s="414" t="s">
        <v>596</v>
      </c>
      <c r="G3926" s="414" t="s">
        <v>3536</v>
      </c>
      <c r="H3926" s="415"/>
      <c r="I3926" s="415"/>
      <c r="J3926" s="416"/>
      <c r="K3926" s="414"/>
      <c r="L3926" s="417">
        <v>38362</v>
      </c>
      <c r="M3926" s="417"/>
      <c r="N3926" s="418" t="str">
        <f t="shared" si="113"/>
        <v/>
      </c>
    </row>
    <row r="3927" spans="1:14" ht="47.25">
      <c r="A3927" s="536">
        <v>236</v>
      </c>
      <c r="B3927" s="411">
        <f t="shared" si="114"/>
        <v>236</v>
      </c>
      <c r="C3927" s="419" t="s">
        <v>6606</v>
      </c>
      <c r="D3927" s="413" t="s">
        <v>424</v>
      </c>
      <c r="E3927" s="414" t="s">
        <v>595</v>
      </c>
      <c r="F3927" s="414" t="s">
        <v>600</v>
      </c>
      <c r="G3927" s="414" t="s">
        <v>607</v>
      </c>
      <c r="H3927" s="415"/>
      <c r="I3927" s="415"/>
      <c r="J3927" s="416" t="s">
        <v>6607</v>
      </c>
      <c r="K3927" s="414"/>
      <c r="L3927" s="417">
        <v>38362</v>
      </c>
      <c r="M3927" s="417">
        <v>42036</v>
      </c>
      <c r="N3927" s="418" t="str">
        <f t="shared" si="113"/>
        <v/>
      </c>
    </row>
    <row r="3928" spans="1:14" ht="15.75">
      <c r="A3928" s="536">
        <v>237</v>
      </c>
      <c r="B3928" s="411">
        <f t="shared" si="114"/>
        <v>237</v>
      </c>
      <c r="C3928" s="419" t="s">
        <v>6608</v>
      </c>
      <c r="D3928" s="413" t="s">
        <v>6609</v>
      </c>
      <c r="E3928" s="414" t="s">
        <v>595</v>
      </c>
      <c r="F3928" s="414" t="s">
        <v>596</v>
      </c>
      <c r="G3928" s="414" t="s">
        <v>1056</v>
      </c>
      <c r="H3928" s="415"/>
      <c r="I3928" s="415"/>
      <c r="J3928" s="416" t="s">
        <v>3312</v>
      </c>
      <c r="K3928" s="414"/>
      <c r="L3928" s="417">
        <v>38362</v>
      </c>
      <c r="M3928" s="417"/>
      <c r="N3928" s="418" t="str">
        <f t="shared" si="113"/>
        <v/>
      </c>
    </row>
    <row r="3929" spans="1:14" ht="189">
      <c r="A3929" s="536">
        <v>238</v>
      </c>
      <c r="B3929" s="411">
        <f t="shared" si="114"/>
        <v>238</v>
      </c>
      <c r="C3929" s="424" t="s">
        <v>6610</v>
      </c>
      <c r="D3929" s="414"/>
      <c r="E3929" s="414" t="s">
        <v>643</v>
      </c>
      <c r="F3929" s="414" t="s">
        <v>600</v>
      </c>
      <c r="G3929" s="414" t="s">
        <v>6611</v>
      </c>
      <c r="H3929" s="415"/>
      <c r="I3929" s="415"/>
      <c r="J3929" s="416" t="s">
        <v>6612</v>
      </c>
      <c r="K3929" s="414"/>
      <c r="L3929" s="417">
        <v>38362</v>
      </c>
      <c r="M3929" s="417">
        <v>40940</v>
      </c>
      <c r="N3929" s="418" t="str">
        <f t="shared" si="113"/>
        <v/>
      </c>
    </row>
    <row r="3930" spans="1:14" ht="15.75">
      <c r="A3930" s="538"/>
      <c r="B3930" s="411">
        <f t="shared" si="114"/>
        <v>238</v>
      </c>
      <c r="C3930" s="908" t="s">
        <v>6613</v>
      </c>
      <c r="D3930" s="449" t="s">
        <v>6614</v>
      </c>
      <c r="E3930" s="144" t="s">
        <v>643</v>
      </c>
      <c r="F3930" s="480" t="s">
        <v>600</v>
      </c>
      <c r="G3930" s="449"/>
      <c r="H3930" s="415"/>
      <c r="I3930" s="451"/>
      <c r="J3930" s="452"/>
      <c r="K3930" s="449"/>
      <c r="L3930" s="469">
        <v>38362</v>
      </c>
      <c r="M3930" s="469">
        <v>40210</v>
      </c>
      <c r="N3930" s="418" t="str">
        <f t="shared" si="113"/>
        <v/>
      </c>
    </row>
    <row r="3931" spans="1:14" ht="15.75">
      <c r="A3931" s="538"/>
      <c r="B3931" s="411">
        <f t="shared" si="114"/>
        <v>238</v>
      </c>
      <c r="C3931" s="498" t="s">
        <v>6615</v>
      </c>
      <c r="D3931" s="449" t="s">
        <v>6616</v>
      </c>
      <c r="E3931" s="144" t="s">
        <v>643</v>
      </c>
      <c r="F3931" s="480" t="s">
        <v>600</v>
      </c>
      <c r="G3931" s="449"/>
      <c r="H3931" s="415"/>
      <c r="I3931" s="451"/>
      <c r="J3931" s="452"/>
      <c r="K3931" s="449"/>
      <c r="L3931" s="469">
        <v>38362</v>
      </c>
      <c r="M3931" s="469">
        <v>40210</v>
      </c>
      <c r="N3931" s="418" t="str">
        <f t="shared" si="113"/>
        <v/>
      </c>
    </row>
    <row r="3932" spans="1:14" ht="42.75">
      <c r="A3932" s="538"/>
      <c r="B3932" s="411">
        <f t="shared" si="114"/>
        <v>238</v>
      </c>
      <c r="C3932" s="498" t="s">
        <v>6617</v>
      </c>
      <c r="D3932" s="449" t="s">
        <v>6618</v>
      </c>
      <c r="E3932" s="144" t="s">
        <v>643</v>
      </c>
      <c r="F3932" s="480" t="s">
        <v>600</v>
      </c>
      <c r="G3932" s="449"/>
      <c r="H3932" s="415"/>
      <c r="I3932" s="451"/>
      <c r="J3932" s="452"/>
      <c r="K3932" s="449"/>
      <c r="L3932" s="469">
        <v>38362</v>
      </c>
      <c r="M3932" s="469">
        <v>40210</v>
      </c>
      <c r="N3932" s="418" t="str">
        <f t="shared" si="113"/>
        <v/>
      </c>
    </row>
    <row r="3933" spans="1:14" ht="15.75">
      <c r="A3933" s="538"/>
      <c r="B3933" s="411">
        <f t="shared" si="114"/>
        <v>238</v>
      </c>
      <c r="C3933" s="908" t="s">
        <v>6619</v>
      </c>
      <c r="D3933" s="449" t="s">
        <v>6620</v>
      </c>
      <c r="E3933" s="144" t="s">
        <v>643</v>
      </c>
      <c r="F3933" s="480" t="s">
        <v>600</v>
      </c>
      <c r="G3933" s="449"/>
      <c r="H3933" s="415"/>
      <c r="I3933" s="451"/>
      <c r="J3933" s="452"/>
      <c r="K3933" s="449"/>
      <c r="L3933" s="469">
        <v>38362</v>
      </c>
      <c r="M3933" s="469">
        <v>40210</v>
      </c>
      <c r="N3933" s="418" t="str">
        <f t="shared" si="113"/>
        <v/>
      </c>
    </row>
    <row r="3934" spans="1:14" ht="15.75">
      <c r="A3934" s="538"/>
      <c r="B3934" s="411">
        <f t="shared" si="114"/>
        <v>238</v>
      </c>
      <c r="C3934" s="908" t="s">
        <v>6621</v>
      </c>
      <c r="D3934" s="449" t="s">
        <v>6622</v>
      </c>
      <c r="E3934" s="144" t="s">
        <v>643</v>
      </c>
      <c r="F3934" s="480" t="s">
        <v>600</v>
      </c>
      <c r="G3934" s="449"/>
      <c r="H3934" s="415"/>
      <c r="I3934" s="451"/>
      <c r="J3934" s="452"/>
      <c r="K3934" s="449"/>
      <c r="L3934" s="469">
        <v>38362</v>
      </c>
      <c r="M3934" s="469">
        <v>40210</v>
      </c>
      <c r="N3934" s="418" t="str">
        <f t="shared" si="113"/>
        <v/>
      </c>
    </row>
    <row r="3935" spans="1:14" ht="15.75">
      <c r="A3935" s="538"/>
      <c r="B3935" s="411">
        <f t="shared" si="114"/>
        <v>238</v>
      </c>
      <c r="C3935" s="908" t="s">
        <v>6623</v>
      </c>
      <c r="D3935" s="449" t="s">
        <v>6624</v>
      </c>
      <c r="E3935" s="144" t="s">
        <v>643</v>
      </c>
      <c r="F3935" s="480" t="s">
        <v>600</v>
      </c>
      <c r="G3935" s="449"/>
      <c r="H3935" s="415"/>
      <c r="I3935" s="451"/>
      <c r="J3935" s="452"/>
      <c r="K3935" s="449"/>
      <c r="L3935" s="469">
        <v>38362</v>
      </c>
      <c r="M3935" s="469">
        <v>40210</v>
      </c>
      <c r="N3935" s="418" t="str">
        <f t="shared" si="113"/>
        <v/>
      </c>
    </row>
    <row r="3936" spans="1:14" ht="63">
      <c r="A3936" s="538"/>
      <c r="B3936" s="411">
        <f t="shared" si="114"/>
        <v>238</v>
      </c>
      <c r="C3936" s="498" t="s">
        <v>6625</v>
      </c>
      <c r="D3936" s="449" t="s">
        <v>548</v>
      </c>
      <c r="E3936" s="144" t="s">
        <v>643</v>
      </c>
      <c r="F3936" s="480" t="s">
        <v>600</v>
      </c>
      <c r="G3936" s="449" t="s">
        <v>6626</v>
      </c>
      <c r="H3936" s="415"/>
      <c r="I3936" s="451"/>
      <c r="J3936" s="452"/>
      <c r="K3936" s="449"/>
      <c r="L3936" s="469">
        <v>38362</v>
      </c>
      <c r="M3936" s="469">
        <v>40210</v>
      </c>
      <c r="N3936" s="418" t="str">
        <f t="shared" si="113"/>
        <v>DUPLICATE</v>
      </c>
    </row>
    <row r="3937" spans="1:14" ht="15.75">
      <c r="A3937" s="538"/>
      <c r="B3937" s="411">
        <f t="shared" si="114"/>
        <v>238</v>
      </c>
      <c r="C3937" s="498" t="s">
        <v>6627</v>
      </c>
      <c r="D3937" s="449" t="s">
        <v>6628</v>
      </c>
      <c r="E3937" s="144" t="s">
        <v>643</v>
      </c>
      <c r="F3937" s="480" t="s">
        <v>600</v>
      </c>
      <c r="G3937" s="449"/>
      <c r="H3937" s="415"/>
      <c r="I3937" s="451"/>
      <c r="J3937" s="452"/>
      <c r="K3937" s="449"/>
      <c r="L3937" s="469">
        <v>40940</v>
      </c>
      <c r="M3937" s="469"/>
      <c r="N3937" s="418" t="str">
        <f t="shared" si="113"/>
        <v/>
      </c>
    </row>
    <row r="3938" spans="1:14" ht="15.75">
      <c r="A3938" s="538"/>
      <c r="B3938" s="411">
        <f t="shared" si="114"/>
        <v>238</v>
      </c>
      <c r="C3938" s="498" t="s">
        <v>6629</v>
      </c>
      <c r="D3938" s="449" t="s">
        <v>6630</v>
      </c>
      <c r="E3938" s="144" t="s">
        <v>643</v>
      </c>
      <c r="F3938" s="480" t="s">
        <v>600</v>
      </c>
      <c r="G3938" s="449"/>
      <c r="H3938" s="415"/>
      <c r="I3938" s="451"/>
      <c r="J3938" s="452"/>
      <c r="K3938" s="449"/>
      <c r="L3938" s="469">
        <v>40940</v>
      </c>
      <c r="M3938" s="469"/>
      <c r="N3938" s="418" t="str">
        <f t="shared" si="113"/>
        <v/>
      </c>
    </row>
    <row r="3939" spans="1:14" ht="15.75">
      <c r="A3939" s="538"/>
      <c r="B3939" s="411">
        <f t="shared" si="114"/>
        <v>238</v>
      </c>
      <c r="C3939" s="498" t="s">
        <v>6631</v>
      </c>
      <c r="D3939" s="449" t="s">
        <v>6632</v>
      </c>
      <c r="E3939" s="144" t="s">
        <v>643</v>
      </c>
      <c r="F3939" s="480" t="s">
        <v>600</v>
      </c>
      <c r="G3939" s="449"/>
      <c r="H3939" s="415"/>
      <c r="I3939" s="451"/>
      <c r="J3939" s="452"/>
      <c r="K3939" s="449"/>
      <c r="L3939" s="469"/>
      <c r="M3939" s="469"/>
      <c r="N3939" s="418" t="str">
        <f t="shared" si="113"/>
        <v/>
      </c>
    </row>
    <row r="3940" spans="1:14" ht="15.75">
      <c r="A3940" s="538"/>
      <c r="B3940" s="411">
        <f t="shared" si="114"/>
        <v>238</v>
      </c>
      <c r="C3940" s="498" t="s">
        <v>6633</v>
      </c>
      <c r="D3940" s="449" t="s">
        <v>6634</v>
      </c>
      <c r="E3940" s="144" t="s">
        <v>643</v>
      </c>
      <c r="F3940" s="480" t="s">
        <v>600</v>
      </c>
      <c r="G3940" s="449"/>
      <c r="H3940" s="415"/>
      <c r="I3940" s="451"/>
      <c r="J3940" s="452"/>
      <c r="K3940" s="449"/>
      <c r="L3940" s="469"/>
      <c r="M3940" s="469"/>
      <c r="N3940" s="418" t="str">
        <f t="shared" si="113"/>
        <v/>
      </c>
    </row>
    <row r="3941" spans="1:14" ht="15.75">
      <c r="A3941" s="538"/>
      <c r="B3941" s="411">
        <f t="shared" si="114"/>
        <v>238</v>
      </c>
      <c r="C3941" s="498" t="s">
        <v>6635</v>
      </c>
      <c r="D3941" s="449" t="s">
        <v>6636</v>
      </c>
      <c r="E3941" s="144" t="s">
        <v>643</v>
      </c>
      <c r="F3941" s="480" t="s">
        <v>600</v>
      </c>
      <c r="G3941" s="449"/>
      <c r="H3941" s="415"/>
      <c r="I3941" s="451"/>
      <c r="J3941" s="452"/>
      <c r="K3941" s="449"/>
      <c r="L3941" s="469">
        <v>38362</v>
      </c>
      <c r="M3941" s="469">
        <v>40210</v>
      </c>
      <c r="N3941" s="418" t="str">
        <f t="shared" si="113"/>
        <v/>
      </c>
    </row>
    <row r="3942" spans="1:14" ht="15.75">
      <c r="A3942" s="538"/>
      <c r="B3942" s="411">
        <f t="shared" si="114"/>
        <v>238</v>
      </c>
      <c r="C3942" s="908" t="s">
        <v>6637</v>
      </c>
      <c r="D3942" s="449" t="s">
        <v>6638</v>
      </c>
      <c r="E3942" s="144" t="s">
        <v>643</v>
      </c>
      <c r="F3942" s="480" t="s">
        <v>600</v>
      </c>
      <c r="G3942" s="449"/>
      <c r="H3942" s="415"/>
      <c r="I3942" s="451"/>
      <c r="J3942" s="452"/>
      <c r="K3942" s="449"/>
      <c r="L3942" s="469">
        <v>38362</v>
      </c>
      <c r="M3942" s="469">
        <v>40210</v>
      </c>
      <c r="N3942" s="418" t="str">
        <f t="shared" ref="N3942:N4005" si="115">IF(D3942="NA","",IF(COUNTIF($D$2:$D$5552,D3942)&gt;1,"DUPLICATE",""))</f>
        <v/>
      </c>
    </row>
    <row r="3943" spans="1:14" ht="15.75">
      <c r="A3943" s="538"/>
      <c r="B3943" s="411">
        <f t="shared" si="114"/>
        <v>238</v>
      </c>
      <c r="C3943" s="498" t="s">
        <v>6639</v>
      </c>
      <c r="D3943" s="449" t="s">
        <v>6640</v>
      </c>
      <c r="E3943" s="144" t="s">
        <v>643</v>
      </c>
      <c r="F3943" s="480" t="s">
        <v>600</v>
      </c>
      <c r="G3943" s="449"/>
      <c r="H3943" s="415"/>
      <c r="I3943" s="451"/>
      <c r="J3943" s="452"/>
      <c r="K3943" s="449"/>
      <c r="L3943" s="469">
        <v>38362</v>
      </c>
      <c r="M3943" s="469">
        <v>40210</v>
      </c>
      <c r="N3943" s="418" t="str">
        <f t="shared" si="115"/>
        <v/>
      </c>
    </row>
    <row r="3944" spans="1:14" ht="15.75">
      <c r="A3944" s="538"/>
      <c r="B3944" s="411">
        <f t="shared" si="114"/>
        <v>238</v>
      </c>
      <c r="C3944" s="498" t="s">
        <v>6641</v>
      </c>
      <c r="D3944" s="449" t="s">
        <v>6642</v>
      </c>
      <c r="E3944" s="144" t="s">
        <v>643</v>
      </c>
      <c r="F3944" s="480" t="s">
        <v>600</v>
      </c>
      <c r="G3944" s="449"/>
      <c r="H3944" s="415"/>
      <c r="I3944" s="451"/>
      <c r="J3944" s="452"/>
      <c r="K3944" s="449"/>
      <c r="L3944" s="469">
        <v>38362</v>
      </c>
      <c r="M3944" s="469">
        <v>40210</v>
      </c>
      <c r="N3944" s="418" t="str">
        <f t="shared" si="115"/>
        <v/>
      </c>
    </row>
    <row r="3945" spans="1:14" ht="15.75">
      <c r="A3945" s="538"/>
      <c r="B3945" s="411">
        <f t="shared" si="114"/>
        <v>238</v>
      </c>
      <c r="C3945" s="498" t="s">
        <v>6643</v>
      </c>
      <c r="D3945" s="449" t="s">
        <v>6644</v>
      </c>
      <c r="E3945" s="144" t="s">
        <v>643</v>
      </c>
      <c r="F3945" s="480" t="s">
        <v>600</v>
      </c>
      <c r="G3945" s="449"/>
      <c r="H3945" s="415"/>
      <c r="I3945" s="451"/>
      <c r="J3945" s="452"/>
      <c r="K3945" s="449"/>
      <c r="L3945" s="469">
        <v>38362</v>
      </c>
      <c r="M3945" s="469">
        <v>40210</v>
      </c>
      <c r="N3945" s="418" t="str">
        <f t="shared" si="115"/>
        <v/>
      </c>
    </row>
    <row r="3946" spans="1:14" ht="15.75">
      <c r="A3946" s="538"/>
      <c r="B3946" s="411">
        <f t="shared" si="114"/>
        <v>238</v>
      </c>
      <c r="C3946" s="498" t="s">
        <v>6645</v>
      </c>
      <c r="D3946" s="449" t="s">
        <v>6646</v>
      </c>
      <c r="E3946" s="144" t="s">
        <v>643</v>
      </c>
      <c r="F3946" s="480" t="s">
        <v>600</v>
      </c>
      <c r="G3946" s="449"/>
      <c r="H3946" s="415"/>
      <c r="I3946" s="451"/>
      <c r="J3946" s="452"/>
      <c r="K3946" s="449"/>
      <c r="L3946" s="469">
        <v>38362</v>
      </c>
      <c r="M3946" s="469">
        <v>40210</v>
      </c>
      <c r="N3946" s="418" t="str">
        <f t="shared" si="115"/>
        <v/>
      </c>
    </row>
    <row r="3947" spans="1:14" ht="15.75">
      <c r="A3947" s="538"/>
      <c r="B3947" s="411">
        <f t="shared" si="114"/>
        <v>238</v>
      </c>
      <c r="C3947" s="498" t="s">
        <v>6647</v>
      </c>
      <c r="D3947" s="449" t="s">
        <v>6648</v>
      </c>
      <c r="E3947" s="144" t="s">
        <v>643</v>
      </c>
      <c r="F3947" s="480" t="s">
        <v>600</v>
      </c>
      <c r="G3947" s="449"/>
      <c r="H3947" s="415"/>
      <c r="I3947" s="451"/>
      <c r="J3947" s="452"/>
      <c r="K3947" s="449"/>
      <c r="L3947" s="469">
        <v>38362</v>
      </c>
      <c r="M3947" s="469">
        <v>40210</v>
      </c>
      <c r="N3947" s="418" t="str">
        <f t="shared" si="115"/>
        <v/>
      </c>
    </row>
    <row r="3948" spans="1:14" ht="15.75">
      <c r="A3948" s="538"/>
      <c r="B3948" s="411">
        <f t="shared" si="114"/>
        <v>238</v>
      </c>
      <c r="C3948" s="498" t="s">
        <v>6649</v>
      </c>
      <c r="D3948" s="449" t="s">
        <v>6650</v>
      </c>
      <c r="E3948" s="144" t="s">
        <v>643</v>
      </c>
      <c r="F3948" s="480" t="s">
        <v>600</v>
      </c>
      <c r="G3948" s="449"/>
      <c r="H3948" s="415"/>
      <c r="I3948" s="451"/>
      <c r="J3948" s="452"/>
      <c r="K3948" s="449"/>
      <c r="L3948" s="469">
        <v>38362</v>
      </c>
      <c r="M3948" s="469">
        <v>40210</v>
      </c>
      <c r="N3948" s="418" t="str">
        <f t="shared" si="115"/>
        <v/>
      </c>
    </row>
    <row r="3949" spans="1:14" ht="15.75">
      <c r="A3949" s="538"/>
      <c r="B3949" s="411">
        <f t="shared" si="114"/>
        <v>238</v>
      </c>
      <c r="C3949" s="498" t="s">
        <v>6651</v>
      </c>
      <c r="D3949" s="449" t="s">
        <v>6652</v>
      </c>
      <c r="E3949" s="144" t="s">
        <v>643</v>
      </c>
      <c r="F3949" s="480" t="s">
        <v>600</v>
      </c>
      <c r="G3949" s="449"/>
      <c r="H3949" s="415"/>
      <c r="I3949" s="451"/>
      <c r="J3949" s="452"/>
      <c r="K3949" s="449"/>
      <c r="L3949" s="469">
        <v>38362</v>
      </c>
      <c r="M3949" s="469">
        <v>40210</v>
      </c>
      <c r="N3949" s="418" t="str">
        <f t="shared" si="115"/>
        <v/>
      </c>
    </row>
    <row r="3950" spans="1:14" ht="15.75">
      <c r="A3950" s="538"/>
      <c r="B3950" s="411">
        <f t="shared" si="114"/>
        <v>238</v>
      </c>
      <c r="C3950" s="908" t="s">
        <v>6653</v>
      </c>
      <c r="D3950" s="449" t="s">
        <v>6654</v>
      </c>
      <c r="E3950" s="144" t="s">
        <v>643</v>
      </c>
      <c r="F3950" s="480" t="s">
        <v>600</v>
      </c>
      <c r="G3950" s="449"/>
      <c r="H3950" s="415"/>
      <c r="I3950" s="451"/>
      <c r="J3950" s="452"/>
      <c r="K3950" s="449"/>
      <c r="L3950" s="469">
        <v>38362</v>
      </c>
      <c r="M3950" s="469">
        <v>40210</v>
      </c>
      <c r="N3950" s="418" t="str">
        <f t="shared" si="115"/>
        <v/>
      </c>
    </row>
    <row r="3951" spans="1:14" ht="15.75">
      <c r="A3951" s="538"/>
      <c r="B3951" s="411">
        <f t="shared" si="114"/>
        <v>238</v>
      </c>
      <c r="C3951" s="498" t="s">
        <v>6655</v>
      </c>
      <c r="D3951" s="449" t="s">
        <v>6656</v>
      </c>
      <c r="E3951" s="144" t="s">
        <v>643</v>
      </c>
      <c r="F3951" s="480" t="s">
        <v>600</v>
      </c>
      <c r="G3951" s="449"/>
      <c r="H3951" s="415"/>
      <c r="I3951" s="451"/>
      <c r="J3951" s="452"/>
      <c r="K3951" s="449"/>
      <c r="L3951" s="469">
        <v>38362</v>
      </c>
      <c r="M3951" s="469">
        <v>40210</v>
      </c>
      <c r="N3951" s="418" t="str">
        <f t="shared" si="115"/>
        <v/>
      </c>
    </row>
    <row r="3952" spans="1:14" ht="15.75">
      <c r="A3952" s="538"/>
      <c r="B3952" s="411">
        <f t="shared" si="114"/>
        <v>238</v>
      </c>
      <c r="C3952" s="498" t="s">
        <v>6657</v>
      </c>
      <c r="D3952" s="449" t="s">
        <v>6658</v>
      </c>
      <c r="E3952" s="144" t="s">
        <v>643</v>
      </c>
      <c r="F3952" s="480" t="s">
        <v>600</v>
      </c>
      <c r="G3952" s="449"/>
      <c r="H3952" s="415"/>
      <c r="I3952" s="451"/>
      <c r="J3952" s="452"/>
      <c r="K3952" s="449"/>
      <c r="L3952" s="469">
        <v>38362</v>
      </c>
      <c r="M3952" s="469">
        <v>40210</v>
      </c>
      <c r="N3952" s="418" t="str">
        <f t="shared" si="115"/>
        <v/>
      </c>
    </row>
    <row r="3953" spans="1:14" ht="15.75">
      <c r="A3953" s="538"/>
      <c r="B3953" s="411">
        <f t="shared" si="114"/>
        <v>238</v>
      </c>
      <c r="C3953" s="498" t="s">
        <v>6659</v>
      </c>
      <c r="D3953" s="449" t="s">
        <v>6660</v>
      </c>
      <c r="E3953" s="144" t="s">
        <v>643</v>
      </c>
      <c r="F3953" s="480" t="s">
        <v>600</v>
      </c>
      <c r="G3953" s="449"/>
      <c r="H3953" s="415"/>
      <c r="I3953" s="451"/>
      <c r="J3953" s="452"/>
      <c r="K3953" s="449"/>
      <c r="L3953" s="469">
        <v>38362</v>
      </c>
      <c r="M3953" s="469">
        <v>40210</v>
      </c>
      <c r="N3953" s="418" t="str">
        <f t="shared" si="115"/>
        <v/>
      </c>
    </row>
    <row r="3954" spans="1:14" ht="15.75">
      <c r="A3954" s="538"/>
      <c r="B3954" s="411">
        <f t="shared" si="114"/>
        <v>238</v>
      </c>
      <c r="C3954" s="908" t="s">
        <v>6661</v>
      </c>
      <c r="D3954" s="449" t="s">
        <v>6662</v>
      </c>
      <c r="E3954" s="144" t="s">
        <v>643</v>
      </c>
      <c r="F3954" s="480" t="s">
        <v>600</v>
      </c>
      <c r="G3954" s="449"/>
      <c r="H3954" s="415"/>
      <c r="I3954" s="451"/>
      <c r="J3954" s="452"/>
      <c r="K3954" s="449"/>
      <c r="L3954" s="469">
        <v>38362</v>
      </c>
      <c r="M3954" s="469">
        <v>40210</v>
      </c>
      <c r="N3954" s="418" t="str">
        <f t="shared" si="115"/>
        <v/>
      </c>
    </row>
    <row r="3955" spans="1:14" ht="15.75">
      <c r="A3955" s="538"/>
      <c r="B3955" s="411">
        <f t="shared" si="114"/>
        <v>238</v>
      </c>
      <c r="C3955" s="498" t="s">
        <v>6663</v>
      </c>
      <c r="D3955" s="449" t="s">
        <v>6664</v>
      </c>
      <c r="E3955" s="144" t="s">
        <v>643</v>
      </c>
      <c r="F3955" s="480" t="s">
        <v>600</v>
      </c>
      <c r="G3955" s="449"/>
      <c r="H3955" s="415"/>
      <c r="I3955" s="451"/>
      <c r="J3955" s="452"/>
      <c r="K3955" s="449"/>
      <c r="L3955" s="469">
        <v>38362</v>
      </c>
      <c r="M3955" s="469">
        <v>40210</v>
      </c>
      <c r="N3955" s="418" t="str">
        <f t="shared" si="115"/>
        <v/>
      </c>
    </row>
    <row r="3956" spans="1:14" ht="15.75">
      <c r="A3956" s="538"/>
      <c r="B3956" s="411">
        <f t="shared" ref="B3956:B4019" si="116">IF(A3956&gt;0,A3956,B3955)</f>
        <v>238</v>
      </c>
      <c r="C3956" s="498" t="s">
        <v>6665</v>
      </c>
      <c r="D3956" s="449" t="s">
        <v>6666</v>
      </c>
      <c r="E3956" s="144" t="s">
        <v>643</v>
      </c>
      <c r="F3956" s="480" t="s">
        <v>600</v>
      </c>
      <c r="G3956" s="449"/>
      <c r="H3956" s="415"/>
      <c r="I3956" s="451"/>
      <c r="J3956" s="452"/>
      <c r="K3956" s="449"/>
      <c r="L3956" s="469">
        <v>38362</v>
      </c>
      <c r="M3956" s="469">
        <v>40210</v>
      </c>
      <c r="N3956" s="418" t="str">
        <f t="shared" si="115"/>
        <v/>
      </c>
    </row>
    <row r="3957" spans="1:14" ht="15.75">
      <c r="A3957" s="538"/>
      <c r="B3957" s="411">
        <f t="shared" si="116"/>
        <v>238</v>
      </c>
      <c r="C3957" s="498" t="s">
        <v>6667</v>
      </c>
      <c r="D3957" s="449" t="s">
        <v>6668</v>
      </c>
      <c r="E3957" s="144" t="s">
        <v>643</v>
      </c>
      <c r="F3957" s="480" t="s">
        <v>600</v>
      </c>
      <c r="G3957" s="449"/>
      <c r="H3957" s="415"/>
      <c r="I3957" s="451"/>
      <c r="J3957" s="452"/>
      <c r="K3957" s="449"/>
      <c r="L3957" s="469">
        <v>38362</v>
      </c>
      <c r="M3957" s="469">
        <v>40210</v>
      </c>
      <c r="N3957" s="418" t="str">
        <f t="shared" si="115"/>
        <v/>
      </c>
    </row>
    <row r="3958" spans="1:14" ht="15.75">
      <c r="A3958" s="538"/>
      <c r="B3958" s="411">
        <f t="shared" si="116"/>
        <v>238</v>
      </c>
      <c r="C3958" s="498" t="s">
        <v>6669</v>
      </c>
      <c r="D3958" s="449" t="s">
        <v>6670</v>
      </c>
      <c r="E3958" s="144" t="s">
        <v>643</v>
      </c>
      <c r="F3958" s="480" t="s">
        <v>600</v>
      </c>
      <c r="G3958" s="449"/>
      <c r="H3958" s="415"/>
      <c r="I3958" s="451"/>
      <c r="J3958" s="452"/>
      <c r="K3958" s="449"/>
      <c r="L3958" s="469">
        <v>38362</v>
      </c>
      <c r="M3958" s="469">
        <v>40210</v>
      </c>
      <c r="N3958" s="418" t="str">
        <f t="shared" si="115"/>
        <v/>
      </c>
    </row>
    <row r="3959" spans="1:14" ht="15.75">
      <c r="A3959" s="538"/>
      <c r="B3959" s="411">
        <f t="shared" si="116"/>
        <v>238</v>
      </c>
      <c r="C3959" s="498" t="s">
        <v>6671</v>
      </c>
      <c r="D3959" s="449" t="s">
        <v>6672</v>
      </c>
      <c r="E3959" s="144" t="s">
        <v>643</v>
      </c>
      <c r="F3959" s="480" t="s">
        <v>600</v>
      </c>
      <c r="G3959" s="449"/>
      <c r="H3959" s="415"/>
      <c r="I3959" s="451"/>
      <c r="J3959" s="452"/>
      <c r="K3959" s="449"/>
      <c r="L3959" s="469">
        <v>38362</v>
      </c>
      <c r="M3959" s="469">
        <v>40210</v>
      </c>
      <c r="N3959" s="418" t="str">
        <f t="shared" si="115"/>
        <v/>
      </c>
    </row>
    <row r="3960" spans="1:14" ht="15.75">
      <c r="A3960" s="538"/>
      <c r="B3960" s="411">
        <f t="shared" si="116"/>
        <v>238</v>
      </c>
      <c r="C3960" s="908" t="s">
        <v>6673</v>
      </c>
      <c r="D3960" s="449" t="s">
        <v>6674</v>
      </c>
      <c r="E3960" s="144" t="s">
        <v>643</v>
      </c>
      <c r="F3960" s="480" t="s">
        <v>600</v>
      </c>
      <c r="G3960" s="449"/>
      <c r="H3960" s="415"/>
      <c r="I3960" s="451"/>
      <c r="J3960" s="452"/>
      <c r="K3960" s="449"/>
      <c r="L3960" s="469">
        <v>38362</v>
      </c>
      <c r="M3960" s="469">
        <v>40210</v>
      </c>
      <c r="N3960" s="418" t="str">
        <f t="shared" si="115"/>
        <v/>
      </c>
    </row>
    <row r="3961" spans="1:14" ht="15.75">
      <c r="A3961" s="538"/>
      <c r="B3961" s="411">
        <f t="shared" si="116"/>
        <v>238</v>
      </c>
      <c r="C3961" s="908" t="s">
        <v>6675</v>
      </c>
      <c r="D3961" s="449" t="s">
        <v>6676</v>
      </c>
      <c r="E3961" s="144" t="s">
        <v>643</v>
      </c>
      <c r="F3961" s="480" t="s">
        <v>600</v>
      </c>
      <c r="G3961" s="449"/>
      <c r="H3961" s="415"/>
      <c r="I3961" s="451"/>
      <c r="J3961" s="452"/>
      <c r="K3961" s="449"/>
      <c r="L3961" s="469">
        <v>38362</v>
      </c>
      <c r="M3961" s="469">
        <v>40210</v>
      </c>
      <c r="N3961" s="418" t="str">
        <f t="shared" si="115"/>
        <v/>
      </c>
    </row>
    <row r="3962" spans="1:14" ht="15.75">
      <c r="A3962" s="538"/>
      <c r="B3962" s="411">
        <f t="shared" si="116"/>
        <v>238</v>
      </c>
      <c r="C3962" s="908" t="s">
        <v>6677</v>
      </c>
      <c r="D3962" s="449" t="s">
        <v>6678</v>
      </c>
      <c r="E3962" s="144" t="s">
        <v>643</v>
      </c>
      <c r="F3962" s="480" t="s">
        <v>600</v>
      </c>
      <c r="G3962" s="449"/>
      <c r="H3962" s="415"/>
      <c r="I3962" s="451"/>
      <c r="J3962" s="452"/>
      <c r="K3962" s="449"/>
      <c r="L3962" s="469">
        <v>38362</v>
      </c>
      <c r="M3962" s="469">
        <v>40210</v>
      </c>
      <c r="N3962" s="418" t="str">
        <f t="shared" si="115"/>
        <v/>
      </c>
    </row>
    <row r="3963" spans="1:14" ht="15.75">
      <c r="A3963" s="538"/>
      <c r="B3963" s="411">
        <f t="shared" si="116"/>
        <v>238</v>
      </c>
      <c r="C3963" s="908" t="s">
        <v>6679</v>
      </c>
      <c r="D3963" s="449" t="s">
        <v>6680</v>
      </c>
      <c r="E3963" s="144" t="s">
        <v>643</v>
      </c>
      <c r="F3963" s="480" t="s">
        <v>600</v>
      </c>
      <c r="G3963" s="449"/>
      <c r="H3963" s="415"/>
      <c r="I3963" s="451"/>
      <c r="J3963" s="452"/>
      <c r="K3963" s="449"/>
      <c r="L3963" s="469">
        <v>38362</v>
      </c>
      <c r="M3963" s="469">
        <v>40210</v>
      </c>
      <c r="N3963" s="418" t="str">
        <f t="shared" si="115"/>
        <v/>
      </c>
    </row>
    <row r="3964" spans="1:14" ht="15.75">
      <c r="A3964" s="538"/>
      <c r="B3964" s="411">
        <f t="shared" si="116"/>
        <v>238</v>
      </c>
      <c r="C3964" s="498" t="s">
        <v>6681</v>
      </c>
      <c r="D3964" s="449" t="s">
        <v>6682</v>
      </c>
      <c r="E3964" s="144" t="s">
        <v>643</v>
      </c>
      <c r="F3964" s="480" t="s">
        <v>600</v>
      </c>
      <c r="G3964" s="449"/>
      <c r="H3964" s="415"/>
      <c r="I3964" s="451"/>
      <c r="J3964" s="452"/>
      <c r="K3964" s="449"/>
      <c r="L3964" s="469">
        <v>38362</v>
      </c>
      <c r="M3964" s="469">
        <v>40210</v>
      </c>
      <c r="N3964" s="418" t="str">
        <f t="shared" si="115"/>
        <v/>
      </c>
    </row>
    <row r="3965" spans="1:14" ht="15.75">
      <c r="A3965" s="538"/>
      <c r="B3965" s="411">
        <f t="shared" si="116"/>
        <v>238</v>
      </c>
      <c r="C3965" s="908" t="s">
        <v>6683</v>
      </c>
      <c r="D3965" s="449" t="s">
        <v>6684</v>
      </c>
      <c r="E3965" s="144" t="s">
        <v>643</v>
      </c>
      <c r="F3965" s="480" t="s">
        <v>600</v>
      </c>
      <c r="G3965" s="449"/>
      <c r="H3965" s="415"/>
      <c r="I3965" s="451"/>
      <c r="J3965" s="452"/>
      <c r="K3965" s="449"/>
      <c r="L3965" s="469">
        <v>38362</v>
      </c>
      <c r="M3965" s="469">
        <v>40210</v>
      </c>
      <c r="N3965" s="418" t="str">
        <f t="shared" si="115"/>
        <v/>
      </c>
    </row>
    <row r="3966" spans="1:14" ht="15.75">
      <c r="A3966" s="538"/>
      <c r="B3966" s="411">
        <f t="shared" si="116"/>
        <v>238</v>
      </c>
      <c r="C3966" s="498" t="s">
        <v>6685</v>
      </c>
      <c r="D3966" s="449" t="s">
        <v>6686</v>
      </c>
      <c r="E3966" s="144" t="s">
        <v>643</v>
      </c>
      <c r="F3966" s="480" t="s">
        <v>600</v>
      </c>
      <c r="G3966" s="449"/>
      <c r="H3966" s="415"/>
      <c r="I3966" s="451"/>
      <c r="J3966" s="452"/>
      <c r="K3966" s="449"/>
      <c r="L3966" s="469">
        <v>38362</v>
      </c>
      <c r="M3966" s="469">
        <v>40210</v>
      </c>
      <c r="N3966" s="418" t="str">
        <f t="shared" si="115"/>
        <v/>
      </c>
    </row>
    <row r="3967" spans="1:14" ht="15.75">
      <c r="A3967" s="538"/>
      <c r="B3967" s="411">
        <f t="shared" si="116"/>
        <v>238</v>
      </c>
      <c r="C3967" s="498" t="s">
        <v>6687</v>
      </c>
      <c r="D3967" s="449" t="s">
        <v>6688</v>
      </c>
      <c r="E3967" s="144" t="s">
        <v>643</v>
      </c>
      <c r="F3967" s="480" t="s">
        <v>600</v>
      </c>
      <c r="G3967" s="449"/>
      <c r="H3967" s="415"/>
      <c r="I3967" s="451"/>
      <c r="J3967" s="452"/>
      <c r="K3967" s="449"/>
      <c r="L3967" s="469">
        <v>38362</v>
      </c>
      <c r="M3967" s="469">
        <v>40210</v>
      </c>
      <c r="N3967" s="418" t="str">
        <f t="shared" si="115"/>
        <v/>
      </c>
    </row>
    <row r="3968" spans="1:14" ht="15.75">
      <c r="A3968" s="538"/>
      <c r="B3968" s="411">
        <f t="shared" si="116"/>
        <v>238</v>
      </c>
      <c r="C3968" s="498" t="s">
        <v>6689</v>
      </c>
      <c r="D3968" s="449" t="s">
        <v>6690</v>
      </c>
      <c r="E3968" s="144" t="s">
        <v>643</v>
      </c>
      <c r="F3968" s="480" t="s">
        <v>600</v>
      </c>
      <c r="G3968" s="449"/>
      <c r="H3968" s="415"/>
      <c r="I3968" s="451"/>
      <c r="J3968" s="452"/>
      <c r="K3968" s="449"/>
      <c r="L3968" s="469">
        <v>38362</v>
      </c>
      <c r="M3968" s="469">
        <v>40210</v>
      </c>
      <c r="N3968" s="418" t="str">
        <f t="shared" si="115"/>
        <v/>
      </c>
    </row>
    <row r="3969" spans="1:14" ht="15.75">
      <c r="A3969" s="538"/>
      <c r="B3969" s="411">
        <f t="shared" si="116"/>
        <v>238</v>
      </c>
      <c r="C3969" s="498" t="s">
        <v>6691</v>
      </c>
      <c r="D3969" s="449" t="s">
        <v>6692</v>
      </c>
      <c r="E3969" s="144" t="s">
        <v>643</v>
      </c>
      <c r="F3969" s="480" t="s">
        <v>600</v>
      </c>
      <c r="G3969" s="449"/>
      <c r="H3969" s="415"/>
      <c r="I3969" s="451"/>
      <c r="J3969" s="452"/>
      <c r="K3969" s="449"/>
      <c r="L3969" s="469">
        <v>38362</v>
      </c>
      <c r="M3969" s="469">
        <v>40210</v>
      </c>
      <c r="N3969" s="418" t="str">
        <f t="shared" si="115"/>
        <v/>
      </c>
    </row>
    <row r="3970" spans="1:14" ht="15.75">
      <c r="A3970" s="538"/>
      <c r="B3970" s="411">
        <f t="shared" si="116"/>
        <v>238</v>
      </c>
      <c r="C3970" s="908" t="s">
        <v>6693</v>
      </c>
      <c r="D3970" s="449" t="s">
        <v>6694</v>
      </c>
      <c r="E3970" s="144" t="s">
        <v>643</v>
      </c>
      <c r="F3970" s="480" t="s">
        <v>600</v>
      </c>
      <c r="G3970" s="449"/>
      <c r="H3970" s="415"/>
      <c r="I3970" s="451"/>
      <c r="J3970" s="452"/>
      <c r="K3970" s="449"/>
      <c r="L3970" s="469">
        <v>38362</v>
      </c>
      <c r="M3970" s="469">
        <v>40210</v>
      </c>
      <c r="N3970" s="418" t="str">
        <f t="shared" si="115"/>
        <v/>
      </c>
    </row>
    <row r="3971" spans="1:14" ht="15.75">
      <c r="A3971" s="538"/>
      <c r="B3971" s="411">
        <f t="shared" si="116"/>
        <v>238</v>
      </c>
      <c r="C3971" s="498" t="s">
        <v>6695</v>
      </c>
      <c r="D3971" s="449" t="s">
        <v>6696</v>
      </c>
      <c r="E3971" s="144" t="s">
        <v>643</v>
      </c>
      <c r="F3971" s="480" t="s">
        <v>600</v>
      </c>
      <c r="G3971" s="449"/>
      <c r="H3971" s="415"/>
      <c r="I3971" s="451"/>
      <c r="J3971" s="452"/>
      <c r="K3971" s="449"/>
      <c r="L3971" s="469">
        <v>38362</v>
      </c>
      <c r="M3971" s="469">
        <v>40210</v>
      </c>
      <c r="N3971" s="418" t="str">
        <f t="shared" si="115"/>
        <v/>
      </c>
    </row>
    <row r="3972" spans="1:14" ht="15.75">
      <c r="A3972" s="538"/>
      <c r="B3972" s="411">
        <f t="shared" si="116"/>
        <v>238</v>
      </c>
      <c r="C3972" s="498" t="s">
        <v>6697</v>
      </c>
      <c r="D3972" s="449" t="s">
        <v>6698</v>
      </c>
      <c r="E3972" s="144" t="s">
        <v>643</v>
      </c>
      <c r="F3972" s="480" t="s">
        <v>600</v>
      </c>
      <c r="G3972" s="449"/>
      <c r="H3972" s="415"/>
      <c r="I3972" s="451"/>
      <c r="J3972" s="452"/>
      <c r="K3972" s="449"/>
      <c r="L3972" s="469">
        <v>38362</v>
      </c>
      <c r="M3972" s="469">
        <v>40210</v>
      </c>
      <c r="N3972" s="418" t="str">
        <f t="shared" si="115"/>
        <v/>
      </c>
    </row>
    <row r="3973" spans="1:14" ht="15.75">
      <c r="A3973" s="538"/>
      <c r="B3973" s="411">
        <f t="shared" si="116"/>
        <v>238</v>
      </c>
      <c r="C3973" s="498" t="s">
        <v>6699</v>
      </c>
      <c r="D3973" s="449" t="s">
        <v>6700</v>
      </c>
      <c r="E3973" s="144" t="s">
        <v>643</v>
      </c>
      <c r="F3973" s="480" t="s">
        <v>600</v>
      </c>
      <c r="G3973" s="449"/>
      <c r="H3973" s="415"/>
      <c r="I3973" s="451"/>
      <c r="J3973" s="452"/>
      <c r="K3973" s="449"/>
      <c r="L3973" s="469">
        <v>38362</v>
      </c>
      <c r="M3973" s="469">
        <v>40210</v>
      </c>
      <c r="N3973" s="418" t="str">
        <f t="shared" si="115"/>
        <v/>
      </c>
    </row>
    <row r="3974" spans="1:14" ht="15.75">
      <c r="A3974" s="538"/>
      <c r="B3974" s="411">
        <f t="shared" si="116"/>
        <v>238</v>
      </c>
      <c r="C3974" s="908" t="s">
        <v>6701</v>
      </c>
      <c r="D3974" s="449" t="s">
        <v>6702</v>
      </c>
      <c r="E3974" s="144" t="s">
        <v>643</v>
      </c>
      <c r="F3974" s="480" t="s">
        <v>600</v>
      </c>
      <c r="G3974" s="449"/>
      <c r="H3974" s="415"/>
      <c r="I3974" s="451"/>
      <c r="J3974" s="452"/>
      <c r="K3974" s="449"/>
      <c r="L3974" s="469">
        <v>38362</v>
      </c>
      <c r="M3974" s="469">
        <v>40210</v>
      </c>
      <c r="N3974" s="418" t="str">
        <f t="shared" si="115"/>
        <v/>
      </c>
    </row>
    <row r="3975" spans="1:14" ht="15.75">
      <c r="A3975" s="538"/>
      <c r="B3975" s="411">
        <f t="shared" si="116"/>
        <v>238</v>
      </c>
      <c r="C3975" s="795" t="s">
        <v>6703</v>
      </c>
      <c r="D3975" s="449" t="s">
        <v>6704</v>
      </c>
      <c r="E3975" s="144" t="s">
        <v>643</v>
      </c>
      <c r="F3975" s="480" t="s">
        <v>600</v>
      </c>
      <c r="G3975" s="449"/>
      <c r="H3975" s="415"/>
      <c r="I3975" s="451"/>
      <c r="J3975" s="452"/>
      <c r="K3975" s="449"/>
      <c r="L3975" s="469">
        <v>38362</v>
      </c>
      <c r="M3975" s="469">
        <v>40210</v>
      </c>
      <c r="N3975" s="418" t="str">
        <f t="shared" si="115"/>
        <v/>
      </c>
    </row>
    <row r="3976" spans="1:14" ht="15.75">
      <c r="A3976" s="538"/>
      <c r="B3976" s="411">
        <f t="shared" si="116"/>
        <v>238</v>
      </c>
      <c r="C3976" s="498" t="s">
        <v>6705</v>
      </c>
      <c r="D3976" s="449" t="s">
        <v>6706</v>
      </c>
      <c r="E3976" s="144" t="s">
        <v>643</v>
      </c>
      <c r="F3976" s="480" t="s">
        <v>600</v>
      </c>
      <c r="G3976" s="449"/>
      <c r="H3976" s="415"/>
      <c r="I3976" s="451"/>
      <c r="J3976" s="452"/>
      <c r="K3976" s="449"/>
      <c r="L3976" s="469">
        <v>38362</v>
      </c>
      <c r="M3976" s="469">
        <v>40210</v>
      </c>
      <c r="N3976" s="418" t="str">
        <f t="shared" si="115"/>
        <v/>
      </c>
    </row>
    <row r="3977" spans="1:14" ht="15.75">
      <c r="A3977" s="538"/>
      <c r="B3977" s="411">
        <f t="shared" si="116"/>
        <v>238</v>
      </c>
      <c r="C3977" s="908" t="s">
        <v>6707</v>
      </c>
      <c r="D3977" s="449" t="s">
        <v>6708</v>
      </c>
      <c r="E3977" s="144" t="s">
        <v>643</v>
      </c>
      <c r="F3977" s="480" t="s">
        <v>600</v>
      </c>
      <c r="G3977" s="449"/>
      <c r="H3977" s="415"/>
      <c r="I3977" s="451"/>
      <c r="J3977" s="452"/>
      <c r="K3977" s="449"/>
      <c r="L3977" s="469">
        <v>38362</v>
      </c>
      <c r="M3977" s="469">
        <v>40210</v>
      </c>
      <c r="N3977" s="418" t="str">
        <f t="shared" si="115"/>
        <v/>
      </c>
    </row>
    <row r="3978" spans="1:14" ht="15.75">
      <c r="A3978" s="538"/>
      <c r="B3978" s="411">
        <f t="shared" si="116"/>
        <v>238</v>
      </c>
      <c r="C3978" s="498" t="s">
        <v>6709</v>
      </c>
      <c r="D3978" s="449" t="s">
        <v>2009</v>
      </c>
      <c r="E3978" s="144" t="s">
        <v>643</v>
      </c>
      <c r="F3978" s="480" t="s">
        <v>600</v>
      </c>
      <c r="G3978" s="449"/>
      <c r="H3978" s="415"/>
      <c r="I3978" s="451"/>
      <c r="J3978" s="452"/>
      <c r="K3978" s="449"/>
      <c r="L3978" s="469">
        <v>38362</v>
      </c>
      <c r="M3978" s="469">
        <v>40210</v>
      </c>
      <c r="N3978" s="418" t="str">
        <f t="shared" si="115"/>
        <v>DUPLICATE</v>
      </c>
    </row>
    <row r="3979" spans="1:14" ht="15.75">
      <c r="A3979" s="538"/>
      <c r="B3979" s="411">
        <f t="shared" si="116"/>
        <v>238</v>
      </c>
      <c r="C3979" s="498" t="s">
        <v>6710</v>
      </c>
      <c r="D3979" s="449" t="s">
        <v>6711</v>
      </c>
      <c r="E3979" s="144" t="s">
        <v>643</v>
      </c>
      <c r="F3979" s="480" t="s">
        <v>600</v>
      </c>
      <c r="G3979" s="449"/>
      <c r="H3979" s="415"/>
      <c r="I3979" s="451"/>
      <c r="J3979" s="452"/>
      <c r="K3979" s="449"/>
      <c r="L3979" s="469">
        <v>38362</v>
      </c>
      <c r="M3979" s="469">
        <v>40210</v>
      </c>
      <c r="N3979" s="418" t="str">
        <f t="shared" si="115"/>
        <v/>
      </c>
    </row>
    <row r="3980" spans="1:14" ht="15.75">
      <c r="A3980" s="538"/>
      <c r="B3980" s="411">
        <f t="shared" si="116"/>
        <v>238</v>
      </c>
      <c r="C3980" s="908" t="s">
        <v>6712</v>
      </c>
      <c r="D3980" s="449" t="s">
        <v>6713</v>
      </c>
      <c r="E3980" s="144" t="s">
        <v>643</v>
      </c>
      <c r="F3980" s="480" t="s">
        <v>600</v>
      </c>
      <c r="G3980" s="449"/>
      <c r="H3980" s="415"/>
      <c r="I3980" s="451"/>
      <c r="J3980" s="452"/>
      <c r="K3980" s="449"/>
      <c r="L3980" s="469">
        <v>38362</v>
      </c>
      <c r="M3980" s="469">
        <v>40210</v>
      </c>
      <c r="N3980" s="418" t="str">
        <f t="shared" si="115"/>
        <v/>
      </c>
    </row>
    <row r="3981" spans="1:14" ht="15.75">
      <c r="A3981" s="538"/>
      <c r="B3981" s="411">
        <f t="shared" si="116"/>
        <v>238</v>
      </c>
      <c r="C3981" s="908" t="s">
        <v>6714</v>
      </c>
      <c r="D3981" s="449" t="s">
        <v>6715</v>
      </c>
      <c r="E3981" s="144" t="s">
        <v>643</v>
      </c>
      <c r="F3981" s="480" t="s">
        <v>600</v>
      </c>
      <c r="G3981" s="449"/>
      <c r="H3981" s="415"/>
      <c r="I3981" s="451"/>
      <c r="J3981" s="452"/>
      <c r="K3981" s="449"/>
      <c r="L3981" s="469">
        <v>38362</v>
      </c>
      <c r="M3981" s="469">
        <v>40210</v>
      </c>
      <c r="N3981" s="418" t="str">
        <f t="shared" si="115"/>
        <v/>
      </c>
    </row>
    <row r="3982" spans="1:14" ht="15.75">
      <c r="A3982" s="538"/>
      <c r="B3982" s="411">
        <f t="shared" si="116"/>
        <v>238</v>
      </c>
      <c r="C3982" s="498" t="s">
        <v>6716</v>
      </c>
      <c r="D3982" s="449" t="s">
        <v>6717</v>
      </c>
      <c r="E3982" s="144" t="s">
        <v>643</v>
      </c>
      <c r="F3982" s="480" t="s">
        <v>600</v>
      </c>
      <c r="G3982" s="449"/>
      <c r="H3982" s="415"/>
      <c r="I3982" s="451"/>
      <c r="J3982" s="452"/>
      <c r="K3982" s="449"/>
      <c r="L3982" s="469">
        <v>38362</v>
      </c>
      <c r="M3982" s="469">
        <v>40210</v>
      </c>
      <c r="N3982" s="418" t="str">
        <f t="shared" si="115"/>
        <v/>
      </c>
    </row>
    <row r="3983" spans="1:14" ht="15.75">
      <c r="A3983" s="538"/>
      <c r="B3983" s="411">
        <f t="shared" si="116"/>
        <v>238</v>
      </c>
      <c r="C3983" s="908" t="s">
        <v>6718</v>
      </c>
      <c r="D3983" s="449" t="s">
        <v>6719</v>
      </c>
      <c r="E3983" s="144" t="s">
        <v>643</v>
      </c>
      <c r="F3983" s="480" t="s">
        <v>600</v>
      </c>
      <c r="G3983" s="449"/>
      <c r="H3983" s="415"/>
      <c r="I3983" s="451"/>
      <c r="J3983" s="452"/>
      <c r="K3983" s="449"/>
      <c r="L3983" s="469">
        <v>38362</v>
      </c>
      <c r="M3983" s="469">
        <v>40210</v>
      </c>
      <c r="N3983" s="418" t="str">
        <f t="shared" si="115"/>
        <v/>
      </c>
    </row>
    <row r="3984" spans="1:14" ht="15.75">
      <c r="A3984" s="538"/>
      <c r="B3984" s="411">
        <f t="shared" si="116"/>
        <v>238</v>
      </c>
      <c r="C3984" s="908" t="s">
        <v>6720</v>
      </c>
      <c r="D3984" s="449" t="s">
        <v>6721</v>
      </c>
      <c r="E3984" s="144" t="s">
        <v>643</v>
      </c>
      <c r="F3984" s="480" t="s">
        <v>600</v>
      </c>
      <c r="G3984" s="449"/>
      <c r="H3984" s="415"/>
      <c r="I3984" s="451"/>
      <c r="J3984" s="452"/>
      <c r="K3984" s="449"/>
      <c r="L3984" s="469">
        <v>40940</v>
      </c>
      <c r="M3984" s="469"/>
      <c r="N3984" s="418" t="str">
        <f t="shared" si="115"/>
        <v/>
      </c>
    </row>
    <row r="3985" spans="1:14" ht="15.75">
      <c r="A3985" s="538"/>
      <c r="B3985" s="411">
        <f t="shared" si="116"/>
        <v>238</v>
      </c>
      <c r="C3985" s="498" t="s">
        <v>6722</v>
      </c>
      <c r="D3985" s="449" t="s">
        <v>6723</v>
      </c>
      <c r="E3985" s="144" t="s">
        <v>643</v>
      </c>
      <c r="F3985" s="480" t="s">
        <v>600</v>
      </c>
      <c r="G3985" s="449"/>
      <c r="H3985" s="415"/>
      <c r="I3985" s="451"/>
      <c r="J3985" s="452"/>
      <c r="K3985" s="449"/>
      <c r="L3985" s="469">
        <v>38362</v>
      </c>
      <c r="M3985" s="469">
        <v>40210</v>
      </c>
      <c r="N3985" s="418" t="str">
        <f t="shared" si="115"/>
        <v/>
      </c>
    </row>
    <row r="3986" spans="1:14" ht="15.75">
      <c r="A3986" s="538"/>
      <c r="B3986" s="411">
        <f t="shared" si="116"/>
        <v>238</v>
      </c>
      <c r="C3986" s="498" t="s">
        <v>6724</v>
      </c>
      <c r="D3986" s="449" t="s">
        <v>6725</v>
      </c>
      <c r="E3986" s="144" t="s">
        <v>643</v>
      </c>
      <c r="F3986" s="480" t="s">
        <v>600</v>
      </c>
      <c r="G3986" s="449"/>
      <c r="H3986" s="415"/>
      <c r="I3986" s="451"/>
      <c r="J3986" s="452"/>
      <c r="K3986" s="449"/>
      <c r="L3986" s="469">
        <v>38362</v>
      </c>
      <c r="M3986" s="469">
        <v>40210</v>
      </c>
      <c r="N3986" s="418" t="str">
        <f t="shared" si="115"/>
        <v/>
      </c>
    </row>
    <row r="3987" spans="1:14" ht="15.75">
      <c r="A3987" s="538"/>
      <c r="B3987" s="411">
        <f t="shared" si="116"/>
        <v>238</v>
      </c>
      <c r="C3987" s="498" t="s">
        <v>6726</v>
      </c>
      <c r="D3987" s="449" t="s">
        <v>6727</v>
      </c>
      <c r="E3987" s="144" t="s">
        <v>643</v>
      </c>
      <c r="F3987" s="480" t="s">
        <v>600</v>
      </c>
      <c r="G3987" s="449"/>
      <c r="H3987" s="415"/>
      <c r="I3987" s="451"/>
      <c r="J3987" s="452"/>
      <c r="K3987" s="449"/>
      <c r="L3987" s="469">
        <v>38362</v>
      </c>
      <c r="M3987" s="469">
        <v>40210</v>
      </c>
      <c r="N3987" s="418" t="str">
        <f t="shared" si="115"/>
        <v/>
      </c>
    </row>
    <row r="3988" spans="1:14" ht="15.75">
      <c r="A3988" s="538"/>
      <c r="B3988" s="411">
        <f t="shared" si="116"/>
        <v>238</v>
      </c>
      <c r="C3988" s="498" t="s">
        <v>6728</v>
      </c>
      <c r="D3988" s="449" t="s">
        <v>6729</v>
      </c>
      <c r="E3988" s="144" t="s">
        <v>643</v>
      </c>
      <c r="F3988" s="480" t="s">
        <v>600</v>
      </c>
      <c r="G3988" s="449"/>
      <c r="H3988" s="415"/>
      <c r="I3988" s="451"/>
      <c r="J3988" s="452"/>
      <c r="K3988" s="449"/>
      <c r="L3988" s="469">
        <v>38362</v>
      </c>
      <c r="M3988" s="469">
        <v>40210</v>
      </c>
      <c r="N3988" s="418" t="str">
        <f t="shared" si="115"/>
        <v/>
      </c>
    </row>
    <row r="3989" spans="1:14" ht="15.75">
      <c r="A3989" s="538"/>
      <c r="B3989" s="411">
        <f t="shared" si="116"/>
        <v>238</v>
      </c>
      <c r="C3989" s="498" t="s">
        <v>6730</v>
      </c>
      <c r="D3989" s="449" t="s">
        <v>6731</v>
      </c>
      <c r="E3989" s="144" t="s">
        <v>643</v>
      </c>
      <c r="F3989" s="480" t="s">
        <v>600</v>
      </c>
      <c r="G3989" s="449"/>
      <c r="H3989" s="415"/>
      <c r="I3989" s="451"/>
      <c r="J3989" s="452"/>
      <c r="K3989" s="449"/>
      <c r="L3989" s="469">
        <v>38362</v>
      </c>
      <c r="M3989" s="469">
        <v>40210</v>
      </c>
      <c r="N3989" s="418" t="str">
        <f t="shared" si="115"/>
        <v/>
      </c>
    </row>
    <row r="3990" spans="1:14" ht="15.75">
      <c r="A3990" s="538"/>
      <c r="B3990" s="411">
        <f t="shared" si="116"/>
        <v>238</v>
      </c>
      <c r="C3990" s="498" t="s">
        <v>6732</v>
      </c>
      <c r="D3990" s="449" t="s">
        <v>6733</v>
      </c>
      <c r="E3990" s="144" t="s">
        <v>643</v>
      </c>
      <c r="F3990" s="480" t="s">
        <v>600</v>
      </c>
      <c r="G3990" s="449"/>
      <c r="H3990" s="415"/>
      <c r="I3990" s="451"/>
      <c r="J3990" s="452"/>
      <c r="K3990" s="449"/>
      <c r="L3990" s="469">
        <v>38362</v>
      </c>
      <c r="M3990" s="469">
        <v>40210</v>
      </c>
      <c r="N3990" s="418" t="str">
        <f t="shared" si="115"/>
        <v/>
      </c>
    </row>
    <row r="3991" spans="1:14" ht="15.75">
      <c r="A3991" s="538"/>
      <c r="B3991" s="411">
        <f t="shared" si="116"/>
        <v>238</v>
      </c>
      <c r="C3991" s="498" t="s">
        <v>6734</v>
      </c>
      <c r="D3991" s="449" t="s">
        <v>6735</v>
      </c>
      <c r="E3991" s="144" t="s">
        <v>643</v>
      </c>
      <c r="F3991" s="480" t="s">
        <v>600</v>
      </c>
      <c r="G3991" s="449"/>
      <c r="H3991" s="415"/>
      <c r="I3991" s="451"/>
      <c r="J3991" s="452"/>
      <c r="K3991" s="449"/>
      <c r="L3991" s="469">
        <v>38362</v>
      </c>
      <c r="M3991" s="469">
        <v>40210</v>
      </c>
      <c r="N3991" s="418" t="str">
        <f t="shared" si="115"/>
        <v/>
      </c>
    </row>
    <row r="3992" spans="1:14" ht="15.75">
      <c r="A3992" s="538"/>
      <c r="B3992" s="411">
        <f t="shared" si="116"/>
        <v>238</v>
      </c>
      <c r="C3992" s="498" t="s">
        <v>6736</v>
      </c>
      <c r="D3992" s="449" t="s">
        <v>6737</v>
      </c>
      <c r="E3992" s="144" t="s">
        <v>643</v>
      </c>
      <c r="F3992" s="480" t="s">
        <v>600</v>
      </c>
      <c r="G3992" s="449"/>
      <c r="H3992" s="415"/>
      <c r="I3992" s="451"/>
      <c r="J3992" s="452"/>
      <c r="K3992" s="449"/>
      <c r="L3992" s="469">
        <v>38362</v>
      </c>
      <c r="M3992" s="469">
        <v>40210</v>
      </c>
      <c r="N3992" s="418" t="str">
        <f t="shared" si="115"/>
        <v/>
      </c>
    </row>
    <row r="3993" spans="1:14" ht="15.75">
      <c r="A3993" s="538"/>
      <c r="B3993" s="411">
        <f t="shared" si="116"/>
        <v>238</v>
      </c>
      <c r="C3993" s="498" t="s">
        <v>6738</v>
      </c>
      <c r="D3993" s="449" t="s">
        <v>6739</v>
      </c>
      <c r="E3993" s="144" t="s">
        <v>643</v>
      </c>
      <c r="F3993" s="480" t="s">
        <v>600</v>
      </c>
      <c r="G3993" s="449"/>
      <c r="H3993" s="415"/>
      <c r="I3993" s="451"/>
      <c r="J3993" s="452"/>
      <c r="K3993" s="449"/>
      <c r="L3993" s="469">
        <v>38362</v>
      </c>
      <c r="M3993" s="469">
        <v>40210</v>
      </c>
      <c r="N3993" s="418" t="str">
        <f t="shared" si="115"/>
        <v/>
      </c>
    </row>
    <row r="3994" spans="1:14" ht="15.75">
      <c r="A3994" s="538"/>
      <c r="B3994" s="411">
        <f t="shared" si="116"/>
        <v>238</v>
      </c>
      <c r="C3994" s="498" t="s">
        <v>6740</v>
      </c>
      <c r="D3994" s="449" t="s">
        <v>6741</v>
      </c>
      <c r="E3994" s="144" t="s">
        <v>643</v>
      </c>
      <c r="F3994" s="480" t="s">
        <v>600</v>
      </c>
      <c r="G3994" s="449"/>
      <c r="H3994" s="415"/>
      <c r="I3994" s="451"/>
      <c r="J3994" s="452"/>
      <c r="K3994" s="449"/>
      <c r="L3994" s="469">
        <v>38362</v>
      </c>
      <c r="M3994" s="469">
        <v>40210</v>
      </c>
      <c r="N3994" s="418" t="str">
        <f t="shared" si="115"/>
        <v/>
      </c>
    </row>
    <row r="3995" spans="1:14" ht="15.75">
      <c r="A3995" s="538"/>
      <c r="B3995" s="411">
        <f t="shared" si="116"/>
        <v>238</v>
      </c>
      <c r="C3995" s="498" t="s">
        <v>6742</v>
      </c>
      <c r="D3995" s="449" t="s">
        <v>6743</v>
      </c>
      <c r="E3995" s="144" t="s">
        <v>643</v>
      </c>
      <c r="F3995" s="480" t="s">
        <v>600</v>
      </c>
      <c r="G3995" s="449"/>
      <c r="H3995" s="415"/>
      <c r="I3995" s="451"/>
      <c r="J3995" s="452"/>
      <c r="K3995" s="449"/>
      <c r="L3995" s="469">
        <v>38362</v>
      </c>
      <c r="M3995" s="469">
        <v>40210</v>
      </c>
      <c r="N3995" s="418" t="str">
        <f t="shared" si="115"/>
        <v/>
      </c>
    </row>
    <row r="3996" spans="1:14" ht="15.75">
      <c r="A3996" s="538"/>
      <c r="B3996" s="411">
        <f t="shared" si="116"/>
        <v>238</v>
      </c>
      <c r="C3996" s="498" t="s">
        <v>6744</v>
      </c>
      <c r="D3996" s="449" t="s">
        <v>6745</v>
      </c>
      <c r="E3996" s="144" t="s">
        <v>643</v>
      </c>
      <c r="F3996" s="480" t="s">
        <v>600</v>
      </c>
      <c r="G3996" s="449"/>
      <c r="H3996" s="415"/>
      <c r="I3996" s="451"/>
      <c r="J3996" s="452"/>
      <c r="K3996" s="449"/>
      <c r="L3996" s="469">
        <v>38362</v>
      </c>
      <c r="M3996" s="469">
        <v>40210</v>
      </c>
      <c r="N3996" s="418" t="str">
        <f t="shared" si="115"/>
        <v/>
      </c>
    </row>
    <row r="3997" spans="1:14" ht="15.75">
      <c r="A3997" s="538"/>
      <c r="B3997" s="411">
        <f t="shared" si="116"/>
        <v>238</v>
      </c>
      <c r="C3997" s="498" t="s">
        <v>6746</v>
      </c>
      <c r="D3997" s="449" t="s">
        <v>6747</v>
      </c>
      <c r="E3997" s="144" t="s">
        <v>643</v>
      </c>
      <c r="F3997" s="480" t="s">
        <v>600</v>
      </c>
      <c r="G3997" s="449"/>
      <c r="H3997" s="415"/>
      <c r="I3997" s="451"/>
      <c r="J3997" s="452"/>
      <c r="K3997" s="449"/>
      <c r="L3997" s="469">
        <v>38362</v>
      </c>
      <c r="M3997" s="469">
        <v>40210</v>
      </c>
      <c r="N3997" s="418" t="str">
        <f t="shared" si="115"/>
        <v/>
      </c>
    </row>
    <row r="3998" spans="1:14" ht="15.75">
      <c r="A3998" s="538"/>
      <c r="B3998" s="411">
        <f t="shared" si="116"/>
        <v>238</v>
      </c>
      <c r="C3998" s="498" t="s">
        <v>6748</v>
      </c>
      <c r="D3998" s="449" t="s">
        <v>6749</v>
      </c>
      <c r="E3998" s="144" t="s">
        <v>643</v>
      </c>
      <c r="F3998" s="480" t="s">
        <v>600</v>
      </c>
      <c r="G3998" s="449"/>
      <c r="H3998" s="415"/>
      <c r="I3998" s="451"/>
      <c r="J3998" s="452"/>
      <c r="K3998" s="449"/>
      <c r="L3998" s="455">
        <v>40940</v>
      </c>
      <c r="M3998" s="469"/>
      <c r="N3998" s="418" t="str">
        <f t="shared" si="115"/>
        <v/>
      </c>
    </row>
    <row r="3999" spans="1:14" ht="15.75">
      <c r="A3999" s="538"/>
      <c r="B3999" s="411">
        <f t="shared" si="116"/>
        <v>238</v>
      </c>
      <c r="C3999" s="498" t="s">
        <v>6750</v>
      </c>
      <c r="D3999" s="449" t="s">
        <v>6751</v>
      </c>
      <c r="E3999" s="144" t="s">
        <v>643</v>
      </c>
      <c r="F3999" s="480" t="s">
        <v>600</v>
      </c>
      <c r="G3999" s="449"/>
      <c r="H3999" s="415"/>
      <c r="I3999" s="451"/>
      <c r="J3999" s="452"/>
      <c r="K3999" s="449"/>
      <c r="L3999" s="469">
        <v>38362</v>
      </c>
      <c r="M3999" s="469">
        <v>40210</v>
      </c>
      <c r="N3999" s="418" t="str">
        <f t="shared" si="115"/>
        <v/>
      </c>
    </row>
    <row r="4000" spans="1:14" ht="15.75">
      <c r="A4000" s="538"/>
      <c r="B4000" s="411">
        <f t="shared" si="116"/>
        <v>238</v>
      </c>
      <c r="C4000" s="498" t="s">
        <v>6752</v>
      </c>
      <c r="D4000" s="449" t="s">
        <v>6753</v>
      </c>
      <c r="E4000" s="144" t="s">
        <v>643</v>
      </c>
      <c r="F4000" s="480" t="s">
        <v>600</v>
      </c>
      <c r="G4000" s="449"/>
      <c r="H4000" s="415"/>
      <c r="I4000" s="451"/>
      <c r="J4000" s="452"/>
      <c r="K4000" s="449"/>
      <c r="L4000" s="469">
        <v>38362</v>
      </c>
      <c r="M4000" s="469">
        <v>40210</v>
      </c>
      <c r="N4000" s="418" t="str">
        <f t="shared" si="115"/>
        <v/>
      </c>
    </row>
    <row r="4001" spans="1:14" ht="15.75">
      <c r="A4001" s="538"/>
      <c r="B4001" s="411">
        <f t="shared" si="116"/>
        <v>238</v>
      </c>
      <c r="C4001" s="498" t="s">
        <v>6754</v>
      </c>
      <c r="D4001" s="449" t="s">
        <v>6755</v>
      </c>
      <c r="E4001" s="144" t="s">
        <v>643</v>
      </c>
      <c r="F4001" s="480" t="s">
        <v>600</v>
      </c>
      <c r="G4001" s="449"/>
      <c r="H4001" s="415"/>
      <c r="I4001" s="451"/>
      <c r="J4001" s="452"/>
      <c r="K4001" s="449"/>
      <c r="L4001" s="469">
        <v>38362</v>
      </c>
      <c r="M4001" s="469">
        <v>40210</v>
      </c>
      <c r="N4001" s="418" t="str">
        <f t="shared" si="115"/>
        <v/>
      </c>
    </row>
    <row r="4002" spans="1:14" ht="15.75">
      <c r="A4002" s="538"/>
      <c r="B4002" s="411">
        <f t="shared" si="116"/>
        <v>238</v>
      </c>
      <c r="C4002" s="498" t="s">
        <v>6756</v>
      </c>
      <c r="D4002" s="449" t="s">
        <v>6757</v>
      </c>
      <c r="E4002" s="144" t="s">
        <v>643</v>
      </c>
      <c r="F4002" s="480" t="s">
        <v>600</v>
      </c>
      <c r="G4002" s="449"/>
      <c r="H4002" s="415"/>
      <c r="I4002" s="451"/>
      <c r="J4002" s="452"/>
      <c r="K4002" s="449"/>
      <c r="L4002" s="469">
        <v>38362</v>
      </c>
      <c r="M4002" s="469">
        <v>40210</v>
      </c>
      <c r="N4002" s="418" t="str">
        <f t="shared" si="115"/>
        <v/>
      </c>
    </row>
    <row r="4003" spans="1:14" ht="15.75">
      <c r="A4003" s="538"/>
      <c r="B4003" s="411">
        <f t="shared" si="116"/>
        <v>238</v>
      </c>
      <c r="C4003" s="498" t="s">
        <v>6758</v>
      </c>
      <c r="D4003" s="449" t="s">
        <v>6759</v>
      </c>
      <c r="E4003" s="144" t="s">
        <v>643</v>
      </c>
      <c r="F4003" s="480" t="s">
        <v>600</v>
      </c>
      <c r="G4003" s="449"/>
      <c r="H4003" s="415"/>
      <c r="I4003" s="451"/>
      <c r="J4003" s="452"/>
      <c r="K4003" s="449"/>
      <c r="L4003" s="469">
        <v>38362</v>
      </c>
      <c r="M4003" s="469">
        <v>40210</v>
      </c>
      <c r="N4003" s="418" t="str">
        <f t="shared" si="115"/>
        <v/>
      </c>
    </row>
    <row r="4004" spans="1:14" ht="15.75">
      <c r="A4004" s="538"/>
      <c r="B4004" s="411">
        <f t="shared" si="116"/>
        <v>238</v>
      </c>
      <c r="C4004" s="498" t="s">
        <v>6760</v>
      </c>
      <c r="D4004" s="449" t="s">
        <v>6761</v>
      </c>
      <c r="E4004" s="144" t="s">
        <v>643</v>
      </c>
      <c r="F4004" s="480" t="s">
        <v>600</v>
      </c>
      <c r="G4004" s="449"/>
      <c r="H4004" s="415"/>
      <c r="I4004" s="451"/>
      <c r="J4004" s="452"/>
      <c r="K4004" s="449"/>
      <c r="L4004" s="469">
        <v>38362</v>
      </c>
      <c r="M4004" s="469">
        <v>40210</v>
      </c>
      <c r="N4004" s="418" t="str">
        <f t="shared" si="115"/>
        <v/>
      </c>
    </row>
    <row r="4005" spans="1:14" ht="15.75">
      <c r="A4005" s="538"/>
      <c r="B4005" s="411">
        <f t="shared" si="116"/>
        <v>238</v>
      </c>
      <c r="C4005" s="498" t="s">
        <v>6762</v>
      </c>
      <c r="D4005" s="449" t="s">
        <v>6763</v>
      </c>
      <c r="E4005" s="144" t="s">
        <v>643</v>
      </c>
      <c r="F4005" s="480" t="s">
        <v>600</v>
      </c>
      <c r="G4005" s="449"/>
      <c r="H4005" s="415"/>
      <c r="I4005" s="451"/>
      <c r="J4005" s="452"/>
      <c r="K4005" s="449"/>
      <c r="L4005" s="469">
        <v>38362</v>
      </c>
      <c r="M4005" s="469">
        <v>40210</v>
      </c>
      <c r="N4005" s="418" t="str">
        <f t="shared" si="115"/>
        <v/>
      </c>
    </row>
    <row r="4006" spans="1:14" ht="15.75">
      <c r="A4006" s="538"/>
      <c r="B4006" s="411">
        <f t="shared" si="116"/>
        <v>238</v>
      </c>
      <c r="C4006" s="498" t="s">
        <v>6764</v>
      </c>
      <c r="D4006" s="449" t="s">
        <v>6765</v>
      </c>
      <c r="E4006" s="144" t="s">
        <v>643</v>
      </c>
      <c r="F4006" s="480" t="s">
        <v>600</v>
      </c>
      <c r="G4006" s="449"/>
      <c r="H4006" s="415"/>
      <c r="I4006" s="451"/>
      <c r="J4006" s="452"/>
      <c r="K4006" s="449"/>
      <c r="L4006" s="469">
        <v>38362</v>
      </c>
      <c r="M4006" s="469">
        <v>40210</v>
      </c>
      <c r="N4006" s="418" t="str">
        <f t="shared" ref="N4006:N4032" si="117">IF(D4006="NA","",IF(COUNTIF($D$2:$D$5552,D4006)&gt;1,"DUPLICATE",""))</f>
        <v/>
      </c>
    </row>
    <row r="4007" spans="1:14" ht="15.75">
      <c r="A4007" s="538"/>
      <c r="B4007" s="411">
        <f t="shared" si="116"/>
        <v>238</v>
      </c>
      <c r="C4007" s="498" t="s">
        <v>6766</v>
      </c>
      <c r="D4007" s="449" t="s">
        <v>6767</v>
      </c>
      <c r="E4007" s="144" t="s">
        <v>643</v>
      </c>
      <c r="F4007" s="480" t="s">
        <v>600</v>
      </c>
      <c r="G4007" s="449"/>
      <c r="H4007" s="415"/>
      <c r="I4007" s="451"/>
      <c r="J4007" s="452"/>
      <c r="K4007" s="449"/>
      <c r="L4007" s="469">
        <v>38362</v>
      </c>
      <c r="M4007" s="469">
        <v>40210</v>
      </c>
      <c r="N4007" s="418" t="str">
        <f t="shared" si="117"/>
        <v/>
      </c>
    </row>
    <row r="4008" spans="1:14" ht="15.75">
      <c r="A4008" s="538"/>
      <c r="B4008" s="411">
        <f t="shared" si="116"/>
        <v>238</v>
      </c>
      <c r="C4008" s="498" t="s">
        <v>6768</v>
      </c>
      <c r="D4008" s="449" t="s">
        <v>6769</v>
      </c>
      <c r="E4008" s="144" t="s">
        <v>643</v>
      </c>
      <c r="F4008" s="480" t="s">
        <v>600</v>
      </c>
      <c r="G4008" s="449"/>
      <c r="H4008" s="415"/>
      <c r="I4008" s="451"/>
      <c r="J4008" s="452"/>
      <c r="K4008" s="449"/>
      <c r="L4008" s="469">
        <v>38362</v>
      </c>
      <c r="M4008" s="469">
        <v>40210</v>
      </c>
      <c r="N4008" s="418" t="str">
        <f t="shared" si="117"/>
        <v/>
      </c>
    </row>
    <row r="4009" spans="1:14" ht="15.75">
      <c r="A4009" s="538"/>
      <c r="B4009" s="411">
        <f t="shared" si="116"/>
        <v>238</v>
      </c>
      <c r="C4009" s="498" t="s">
        <v>6770</v>
      </c>
      <c r="D4009" s="449" t="s">
        <v>6771</v>
      </c>
      <c r="E4009" s="144" t="s">
        <v>643</v>
      </c>
      <c r="F4009" s="480" t="s">
        <v>600</v>
      </c>
      <c r="G4009" s="449"/>
      <c r="H4009" s="415"/>
      <c r="I4009" s="451"/>
      <c r="J4009" s="452"/>
      <c r="K4009" s="449"/>
      <c r="L4009" s="469">
        <v>38362</v>
      </c>
      <c r="M4009" s="469">
        <v>40210</v>
      </c>
      <c r="N4009" s="418" t="str">
        <f t="shared" si="117"/>
        <v/>
      </c>
    </row>
    <row r="4010" spans="1:14" ht="15.75">
      <c r="A4010" s="538"/>
      <c r="B4010" s="411">
        <f t="shared" si="116"/>
        <v>238</v>
      </c>
      <c r="C4010" s="498" t="s">
        <v>6772</v>
      </c>
      <c r="D4010" s="449" t="s">
        <v>6773</v>
      </c>
      <c r="E4010" s="144" t="s">
        <v>643</v>
      </c>
      <c r="F4010" s="480" t="s">
        <v>600</v>
      </c>
      <c r="G4010" s="449"/>
      <c r="H4010" s="415"/>
      <c r="I4010" s="451"/>
      <c r="J4010" s="452"/>
      <c r="K4010" s="449"/>
      <c r="L4010" s="469">
        <v>38362</v>
      </c>
      <c r="M4010" s="469">
        <v>40210</v>
      </c>
      <c r="N4010" s="418" t="str">
        <f t="shared" si="117"/>
        <v/>
      </c>
    </row>
    <row r="4011" spans="1:14" ht="15.75">
      <c r="A4011" s="538"/>
      <c r="B4011" s="411">
        <f t="shared" si="116"/>
        <v>238</v>
      </c>
      <c r="C4011" s="498" t="s">
        <v>6774</v>
      </c>
      <c r="D4011" s="449"/>
      <c r="E4011" s="144" t="s">
        <v>643</v>
      </c>
      <c r="F4011" s="480" t="s">
        <v>600</v>
      </c>
      <c r="G4011" s="449" t="s">
        <v>6775</v>
      </c>
      <c r="H4011" s="415"/>
      <c r="I4011" s="451"/>
      <c r="J4011" s="452"/>
      <c r="K4011" s="449"/>
      <c r="L4011" s="469">
        <v>40210</v>
      </c>
      <c r="M4011" s="469"/>
      <c r="N4011" s="418" t="str">
        <f t="shared" si="117"/>
        <v/>
      </c>
    </row>
    <row r="4012" spans="1:14" ht="15.75">
      <c r="A4012" s="538"/>
      <c r="B4012" s="411">
        <f t="shared" si="116"/>
        <v>238</v>
      </c>
      <c r="C4012" s="498" t="s">
        <v>6776</v>
      </c>
      <c r="D4012" s="449"/>
      <c r="E4012" s="144" t="s">
        <v>643</v>
      </c>
      <c r="F4012" s="480" t="s">
        <v>600</v>
      </c>
      <c r="G4012" s="449" t="s">
        <v>6777</v>
      </c>
      <c r="H4012" s="415"/>
      <c r="I4012" s="451"/>
      <c r="J4012" s="452"/>
      <c r="K4012" s="449"/>
      <c r="L4012" s="469">
        <v>40210</v>
      </c>
      <c r="M4012" s="469"/>
      <c r="N4012" s="418" t="str">
        <f t="shared" si="117"/>
        <v/>
      </c>
    </row>
    <row r="4013" spans="1:14" ht="15.75">
      <c r="A4013" s="538"/>
      <c r="B4013" s="411">
        <f t="shared" si="116"/>
        <v>238</v>
      </c>
      <c r="C4013" s="498" t="s">
        <v>6778</v>
      </c>
      <c r="D4013" s="449"/>
      <c r="E4013" s="144" t="s">
        <v>643</v>
      </c>
      <c r="F4013" s="480" t="s">
        <v>600</v>
      </c>
      <c r="G4013" s="449" t="s">
        <v>6779</v>
      </c>
      <c r="H4013" s="415"/>
      <c r="I4013" s="451"/>
      <c r="J4013" s="452"/>
      <c r="K4013" s="449"/>
      <c r="L4013" s="469">
        <v>40210</v>
      </c>
      <c r="M4013" s="469"/>
      <c r="N4013" s="418" t="str">
        <f t="shared" si="117"/>
        <v/>
      </c>
    </row>
    <row r="4014" spans="1:14" ht="15.75">
      <c r="A4014" s="538"/>
      <c r="B4014" s="411">
        <f t="shared" si="116"/>
        <v>238</v>
      </c>
      <c r="C4014" s="498" t="s">
        <v>6780</v>
      </c>
      <c r="D4014" s="449"/>
      <c r="E4014" s="144" t="s">
        <v>643</v>
      </c>
      <c r="F4014" s="480" t="s">
        <v>600</v>
      </c>
      <c r="G4014" s="449" t="s">
        <v>6781</v>
      </c>
      <c r="H4014" s="415"/>
      <c r="I4014" s="451"/>
      <c r="J4014" s="452"/>
      <c r="K4014" s="449"/>
      <c r="L4014" s="469">
        <v>40210</v>
      </c>
      <c r="M4014" s="469"/>
      <c r="N4014" s="418" t="str">
        <f t="shared" si="117"/>
        <v/>
      </c>
    </row>
    <row r="4015" spans="1:14" ht="15.75">
      <c r="A4015" s="538"/>
      <c r="B4015" s="411">
        <f t="shared" si="116"/>
        <v>238</v>
      </c>
      <c r="C4015" s="498" t="s">
        <v>6782</v>
      </c>
      <c r="D4015" s="449"/>
      <c r="E4015" s="144" t="s">
        <v>643</v>
      </c>
      <c r="F4015" s="480" t="s">
        <v>600</v>
      </c>
      <c r="G4015" s="449" t="s">
        <v>6783</v>
      </c>
      <c r="H4015" s="415"/>
      <c r="I4015" s="451"/>
      <c r="J4015" s="452"/>
      <c r="K4015" s="449"/>
      <c r="L4015" s="469">
        <v>40210</v>
      </c>
      <c r="M4015" s="469"/>
      <c r="N4015" s="418" t="str">
        <f t="shared" si="117"/>
        <v/>
      </c>
    </row>
    <row r="4016" spans="1:14" ht="15.75">
      <c r="A4016" s="538"/>
      <c r="B4016" s="411">
        <f t="shared" si="116"/>
        <v>238</v>
      </c>
      <c r="C4016" s="498" t="s">
        <v>6784</v>
      </c>
      <c r="D4016" s="449"/>
      <c r="E4016" s="144" t="s">
        <v>643</v>
      </c>
      <c r="F4016" s="480" t="s">
        <v>600</v>
      </c>
      <c r="G4016" s="449" t="s">
        <v>6785</v>
      </c>
      <c r="H4016" s="415"/>
      <c r="I4016" s="451"/>
      <c r="J4016" s="452"/>
      <c r="K4016" s="449"/>
      <c r="L4016" s="469">
        <v>40210</v>
      </c>
      <c r="M4016" s="469"/>
      <c r="N4016" s="418" t="str">
        <f t="shared" si="117"/>
        <v/>
      </c>
    </row>
    <row r="4017" spans="1:14" ht="15.75">
      <c r="A4017" s="538"/>
      <c r="B4017" s="411">
        <f t="shared" si="116"/>
        <v>238</v>
      </c>
      <c r="C4017" s="498" t="s">
        <v>6786</v>
      </c>
      <c r="D4017" s="449"/>
      <c r="E4017" s="144" t="s">
        <v>643</v>
      </c>
      <c r="F4017" s="480" t="s">
        <v>600</v>
      </c>
      <c r="G4017" s="449" t="s">
        <v>6787</v>
      </c>
      <c r="H4017" s="415"/>
      <c r="I4017" s="451"/>
      <c r="J4017" s="452"/>
      <c r="K4017" s="449"/>
      <c r="L4017" s="469">
        <v>40210</v>
      </c>
      <c r="M4017" s="469"/>
      <c r="N4017" s="418" t="str">
        <f t="shared" si="117"/>
        <v/>
      </c>
    </row>
    <row r="4018" spans="1:14" ht="15.75">
      <c r="A4018" s="538"/>
      <c r="B4018" s="411">
        <f t="shared" si="116"/>
        <v>238</v>
      </c>
      <c r="C4018" s="498" t="s">
        <v>6788</v>
      </c>
      <c r="D4018" s="449"/>
      <c r="E4018" s="144" t="s">
        <v>643</v>
      </c>
      <c r="F4018" s="480" t="s">
        <v>600</v>
      </c>
      <c r="G4018" s="449" t="s">
        <v>6789</v>
      </c>
      <c r="H4018" s="415"/>
      <c r="I4018" s="460"/>
      <c r="J4018" s="461"/>
      <c r="K4018" s="458"/>
      <c r="L4018" s="423">
        <v>40210</v>
      </c>
      <c r="M4018" s="423"/>
      <c r="N4018" s="418" t="str">
        <f t="shared" si="117"/>
        <v/>
      </c>
    </row>
    <row r="4019" spans="1:14" ht="15.75">
      <c r="A4019" s="536">
        <v>239</v>
      </c>
      <c r="B4019" s="411">
        <f t="shared" si="116"/>
        <v>239</v>
      </c>
      <c r="C4019" s="424" t="s">
        <v>6790</v>
      </c>
      <c r="D4019" s="414" t="s">
        <v>6791</v>
      </c>
      <c r="E4019" s="414" t="s">
        <v>595</v>
      </c>
      <c r="F4019" s="414" t="s">
        <v>652</v>
      </c>
      <c r="G4019" s="474" t="s">
        <v>6792</v>
      </c>
      <c r="H4019" s="415"/>
      <c r="I4019" s="460"/>
      <c r="J4019" s="528" t="s">
        <v>6793</v>
      </c>
      <c r="K4019" s="459"/>
      <c r="L4019" s="423">
        <v>38362</v>
      </c>
      <c r="M4019" s="423">
        <v>38692</v>
      </c>
      <c r="N4019" s="418" t="str">
        <f t="shared" si="117"/>
        <v/>
      </c>
    </row>
    <row r="4020" spans="1:14" ht="78.75">
      <c r="A4020" s="536">
        <v>240</v>
      </c>
      <c r="B4020" s="411">
        <f t="shared" ref="B4020:B4032" si="118">IF(A4020&gt;0,A4020,B4019)</f>
        <v>240</v>
      </c>
      <c r="C4020" s="424" t="s">
        <v>6794</v>
      </c>
      <c r="D4020" s="414" t="s">
        <v>6795</v>
      </c>
      <c r="E4020" s="414" t="s">
        <v>595</v>
      </c>
      <c r="F4020" s="414" t="s">
        <v>652</v>
      </c>
      <c r="G4020" s="474" t="s">
        <v>6796</v>
      </c>
      <c r="H4020" s="415"/>
      <c r="I4020" s="460"/>
      <c r="J4020" s="528"/>
      <c r="K4020" s="459"/>
      <c r="L4020" s="423">
        <v>40940</v>
      </c>
      <c r="M4020" s="423"/>
      <c r="N4020" s="418" t="str">
        <f t="shared" si="117"/>
        <v/>
      </c>
    </row>
    <row r="4021" spans="1:14" ht="31.5">
      <c r="A4021" s="543">
        <v>241</v>
      </c>
      <c r="B4021" s="411">
        <f t="shared" si="118"/>
        <v>241</v>
      </c>
      <c r="C4021" s="485" t="s">
        <v>6797</v>
      </c>
      <c r="D4021" s="430" t="s">
        <v>6798</v>
      </c>
      <c r="E4021" s="547" t="s">
        <v>643</v>
      </c>
      <c r="F4021" s="547" t="s">
        <v>600</v>
      </c>
      <c r="G4021" s="594" t="s">
        <v>2310</v>
      </c>
      <c r="H4021" s="432"/>
      <c r="I4021" s="432"/>
      <c r="J4021" s="433" t="s">
        <v>6793</v>
      </c>
      <c r="K4021" s="765"/>
      <c r="L4021" s="434">
        <v>38362</v>
      </c>
      <c r="M4021" s="434">
        <v>43862</v>
      </c>
      <c r="N4021" s="418" t="str">
        <f t="shared" si="117"/>
        <v/>
      </c>
    </row>
    <row r="4022" spans="1:14" ht="31.5">
      <c r="A4022" s="536">
        <v>242</v>
      </c>
      <c r="B4022" s="411">
        <f t="shared" si="118"/>
        <v>242</v>
      </c>
      <c r="C4022" s="557" t="s">
        <v>14087</v>
      </c>
      <c r="D4022" s="554" t="s">
        <v>8020</v>
      </c>
      <c r="E4022" s="427" t="s">
        <v>595</v>
      </c>
      <c r="F4022" s="427" t="s">
        <v>596</v>
      </c>
      <c r="G4022" s="427" t="s">
        <v>1390</v>
      </c>
      <c r="H4022" s="558"/>
      <c r="I4022" s="558"/>
      <c r="J4022" s="554" t="s">
        <v>14088</v>
      </c>
      <c r="K4022" s="558"/>
      <c r="L4022" s="556">
        <v>43132</v>
      </c>
      <c r="M4022" s="555"/>
      <c r="N4022" s="418" t="str">
        <f t="shared" si="117"/>
        <v/>
      </c>
    </row>
    <row r="4023" spans="1:14" ht="47.25">
      <c r="A4023" s="543">
        <v>243</v>
      </c>
      <c r="B4023" s="411">
        <f t="shared" si="118"/>
        <v>243</v>
      </c>
      <c r="C4023" s="485" t="s">
        <v>6799</v>
      </c>
      <c r="D4023" s="430" t="s">
        <v>6800</v>
      </c>
      <c r="E4023" s="547" t="s">
        <v>643</v>
      </c>
      <c r="F4023" s="547" t="s">
        <v>600</v>
      </c>
      <c r="G4023" s="594" t="s">
        <v>28526</v>
      </c>
      <c r="H4023" s="432"/>
      <c r="I4023" s="432"/>
      <c r="J4023" s="433" t="s">
        <v>6793</v>
      </c>
      <c r="K4023" s="765"/>
      <c r="L4023" s="434">
        <v>38362</v>
      </c>
      <c r="M4023" s="434">
        <v>43862</v>
      </c>
      <c r="N4023" s="418" t="str">
        <f t="shared" si="117"/>
        <v/>
      </c>
    </row>
    <row r="4024" spans="1:14" ht="31.5">
      <c r="A4024" s="536">
        <v>244</v>
      </c>
      <c r="B4024" s="411">
        <f t="shared" si="118"/>
        <v>244</v>
      </c>
      <c r="C4024" s="424" t="s">
        <v>6801</v>
      </c>
      <c r="D4024" s="414" t="s">
        <v>526</v>
      </c>
      <c r="E4024" s="421" t="s">
        <v>707</v>
      </c>
      <c r="F4024" s="421" t="s">
        <v>600</v>
      </c>
      <c r="G4024" s="414" t="s">
        <v>6802</v>
      </c>
      <c r="H4024" s="415">
        <v>42237</v>
      </c>
      <c r="I4024" s="509" t="s">
        <v>711</v>
      </c>
      <c r="J4024" s="416" t="s">
        <v>3312</v>
      </c>
      <c r="K4024" s="414"/>
      <c r="L4024" s="417">
        <v>38362</v>
      </c>
      <c r="M4024" s="417">
        <v>42401</v>
      </c>
      <c r="N4024" s="418" t="str">
        <f t="shared" si="117"/>
        <v/>
      </c>
    </row>
    <row r="4025" spans="1:14" ht="63">
      <c r="A4025" s="536">
        <v>245</v>
      </c>
      <c r="B4025" s="411">
        <f t="shared" si="118"/>
        <v>245</v>
      </c>
      <c r="C4025" s="677" t="s">
        <v>35303</v>
      </c>
      <c r="D4025" s="576" t="s">
        <v>6803</v>
      </c>
      <c r="E4025" s="414" t="s">
        <v>595</v>
      </c>
      <c r="F4025" s="414" t="s">
        <v>596</v>
      </c>
      <c r="G4025" s="414" t="s">
        <v>1390</v>
      </c>
      <c r="H4025" s="415"/>
      <c r="I4025" s="415"/>
      <c r="J4025" s="437" t="s">
        <v>6804</v>
      </c>
      <c r="K4025" s="414"/>
      <c r="L4025" s="417">
        <v>42767</v>
      </c>
      <c r="M4025" s="417"/>
      <c r="N4025" s="418" t="str">
        <f t="shared" si="117"/>
        <v/>
      </c>
    </row>
    <row r="4026" spans="1:14" ht="47.25">
      <c r="A4026" s="536">
        <v>246</v>
      </c>
      <c r="B4026" s="411">
        <f t="shared" si="118"/>
        <v>246</v>
      </c>
      <c r="C4026" s="658" t="s">
        <v>6805</v>
      </c>
      <c r="D4026" s="421" t="s">
        <v>6806</v>
      </c>
      <c r="E4026" s="414" t="s">
        <v>595</v>
      </c>
      <c r="F4026" s="414" t="s">
        <v>596</v>
      </c>
      <c r="G4026" s="414" t="s">
        <v>1390</v>
      </c>
      <c r="H4026" s="415"/>
      <c r="I4026" s="415"/>
      <c r="J4026" s="414" t="s">
        <v>6807</v>
      </c>
      <c r="K4026" s="422"/>
      <c r="L4026" s="729">
        <v>42767</v>
      </c>
      <c r="M4026" s="417"/>
      <c r="N4026" s="418" t="str">
        <f t="shared" si="117"/>
        <v/>
      </c>
    </row>
    <row r="4027" spans="1:14" ht="31.5">
      <c r="A4027" s="543">
        <v>247</v>
      </c>
      <c r="B4027" s="411">
        <f t="shared" si="118"/>
        <v>247</v>
      </c>
      <c r="C4027" s="764" t="s">
        <v>6808</v>
      </c>
      <c r="D4027" s="547" t="s">
        <v>6809</v>
      </c>
      <c r="E4027" s="430" t="s">
        <v>595</v>
      </c>
      <c r="F4027" s="430" t="s">
        <v>600</v>
      </c>
      <c r="G4027" s="430" t="s">
        <v>3530</v>
      </c>
      <c r="H4027" s="432"/>
      <c r="I4027" s="432"/>
      <c r="J4027" s="430" t="s">
        <v>6810</v>
      </c>
      <c r="K4027" s="544"/>
      <c r="L4027" s="909">
        <v>42767</v>
      </c>
      <c r="M4027" s="434">
        <v>43862</v>
      </c>
      <c r="N4027" s="418" t="str">
        <f t="shared" si="117"/>
        <v/>
      </c>
    </row>
    <row r="4028" spans="1:14" ht="31.5">
      <c r="A4028" s="536">
        <v>248</v>
      </c>
      <c r="B4028" s="411">
        <f t="shared" si="118"/>
        <v>248</v>
      </c>
      <c r="C4028" s="424" t="s">
        <v>151</v>
      </c>
      <c r="D4028" s="414" t="s">
        <v>153</v>
      </c>
      <c r="E4028" s="421" t="s">
        <v>595</v>
      </c>
      <c r="F4028" s="421" t="s">
        <v>600</v>
      </c>
      <c r="G4028" s="414" t="s">
        <v>811</v>
      </c>
      <c r="H4028" s="415">
        <v>45073</v>
      </c>
      <c r="I4028" s="509" t="s">
        <v>711</v>
      </c>
      <c r="J4028" s="416" t="s">
        <v>6811</v>
      </c>
      <c r="K4028" s="474"/>
      <c r="L4028" s="417">
        <v>41852</v>
      </c>
      <c r="M4028" s="417">
        <v>43862</v>
      </c>
      <c r="N4028" s="418" t="str">
        <f t="shared" si="117"/>
        <v/>
      </c>
    </row>
    <row r="4029" spans="1:14" ht="31.5">
      <c r="A4029" s="536">
        <v>249</v>
      </c>
      <c r="B4029" s="411">
        <f t="shared" si="118"/>
        <v>249</v>
      </c>
      <c r="C4029" s="557" t="s">
        <v>14089</v>
      </c>
      <c r="D4029" s="555"/>
      <c r="E4029" s="427" t="s">
        <v>595</v>
      </c>
      <c r="F4029" s="427" t="s">
        <v>596</v>
      </c>
      <c r="G4029" s="427" t="s">
        <v>1390</v>
      </c>
      <c r="H4029" s="558"/>
      <c r="I4029" s="558"/>
      <c r="J4029" s="708"/>
      <c r="K4029" s="558"/>
      <c r="L4029" s="556">
        <v>43132</v>
      </c>
      <c r="M4029" s="555"/>
      <c r="N4029" s="418" t="str">
        <f t="shared" si="117"/>
        <v/>
      </c>
    </row>
    <row r="4030" spans="1:14" ht="31.5">
      <c r="A4030" s="536"/>
      <c r="B4030" s="411">
        <f t="shared" si="118"/>
        <v>249</v>
      </c>
      <c r="C4030" s="671" t="s">
        <v>14090</v>
      </c>
      <c r="D4030" s="554" t="s">
        <v>14091</v>
      </c>
      <c r="E4030" s="427" t="s">
        <v>595</v>
      </c>
      <c r="F4030" s="427" t="s">
        <v>596</v>
      </c>
      <c r="G4030" s="427" t="s">
        <v>1390</v>
      </c>
      <c r="H4030" s="558"/>
      <c r="I4030" s="558"/>
      <c r="J4030" s="554" t="s">
        <v>14092</v>
      </c>
      <c r="K4030" s="558"/>
      <c r="L4030" s="556">
        <v>43132</v>
      </c>
      <c r="M4030" s="555"/>
      <c r="N4030" s="418" t="str">
        <f t="shared" si="117"/>
        <v/>
      </c>
    </row>
    <row r="4031" spans="1:14" ht="15.75">
      <c r="A4031" s="536">
        <v>250</v>
      </c>
      <c r="B4031" s="411">
        <f t="shared" si="118"/>
        <v>250</v>
      </c>
      <c r="C4031" s="557" t="s">
        <v>26891</v>
      </c>
      <c r="D4031" s="910" t="s">
        <v>16524</v>
      </c>
      <c r="E4031" s="427" t="s">
        <v>595</v>
      </c>
      <c r="F4031" s="427" t="s">
        <v>596</v>
      </c>
      <c r="G4031" s="427" t="s">
        <v>26538</v>
      </c>
      <c r="H4031" s="558"/>
      <c r="I4031" s="558"/>
      <c r="J4031" s="554" t="s">
        <v>26892</v>
      </c>
      <c r="K4031" s="558"/>
      <c r="L4031" s="556">
        <v>43497</v>
      </c>
      <c r="M4031" s="555"/>
      <c r="N4031" s="418" t="str">
        <f t="shared" si="117"/>
        <v/>
      </c>
    </row>
    <row r="4032" spans="1:14" ht="31.5">
      <c r="A4032" s="678">
        <v>251</v>
      </c>
      <c r="B4032" s="411">
        <f t="shared" si="118"/>
        <v>251</v>
      </c>
      <c r="C4032" s="960" t="s">
        <v>35304</v>
      </c>
      <c r="D4032" s="961" t="s">
        <v>6812</v>
      </c>
      <c r="E4032" s="414" t="s">
        <v>595</v>
      </c>
      <c r="F4032" s="414" t="s">
        <v>596</v>
      </c>
      <c r="G4032" s="414" t="s">
        <v>1390</v>
      </c>
      <c r="H4032" s="415"/>
      <c r="I4032" s="415"/>
      <c r="J4032" s="437" t="s">
        <v>6813</v>
      </c>
      <c r="K4032" s="414"/>
      <c r="L4032" s="417">
        <v>42767</v>
      </c>
      <c r="M4032" s="417"/>
      <c r="N4032" s="418" t="str">
        <f t="shared" si="117"/>
        <v/>
      </c>
    </row>
    <row r="4035" spans="3:6" ht="13.5">
      <c r="C4035" s="962" t="s">
        <v>35466</v>
      </c>
    </row>
    <row r="4037" spans="3:6" ht="13.5">
      <c r="C4037" s="963" t="s">
        <v>35469</v>
      </c>
      <c r="D4037" s="963" t="s">
        <v>35470</v>
      </c>
      <c r="E4037" s="963" t="s">
        <v>8349</v>
      </c>
      <c r="F4037" s="963" t="s">
        <v>35471</v>
      </c>
    </row>
    <row r="4038" spans="3:6" ht="54">
      <c r="C4038" s="977" t="s">
        <v>35472</v>
      </c>
      <c r="D4038" s="978">
        <v>1031</v>
      </c>
      <c r="E4038" s="977" t="s">
        <v>35473</v>
      </c>
      <c r="F4038" s="964" t="s">
        <v>35474</v>
      </c>
    </row>
    <row r="4039" spans="3:6" ht="27">
      <c r="C4039" s="964" t="s">
        <v>35472</v>
      </c>
      <c r="D4039" s="965">
        <v>1099</v>
      </c>
      <c r="E4039" s="964" t="s">
        <v>14409</v>
      </c>
      <c r="F4039" s="964" t="s">
        <v>35475</v>
      </c>
    </row>
    <row r="4040" spans="3:6" ht="13.5">
      <c r="C4040" s="964" t="s">
        <v>35472</v>
      </c>
      <c r="D4040" s="965">
        <v>10368</v>
      </c>
      <c r="E4040" s="964" t="s">
        <v>35476</v>
      </c>
      <c r="F4040" s="964" t="s">
        <v>35477</v>
      </c>
    </row>
    <row r="4041" spans="3:6" ht="13.5">
      <c r="C4041" s="964" t="s">
        <v>35472</v>
      </c>
      <c r="D4041" s="965">
        <v>1457</v>
      </c>
      <c r="E4041" s="964" t="s">
        <v>35478</v>
      </c>
      <c r="F4041" s="964" t="s">
        <v>35479</v>
      </c>
    </row>
    <row r="4042" spans="3:6" ht="27">
      <c r="C4042" s="977" t="s">
        <v>35472</v>
      </c>
      <c r="D4042" s="978">
        <v>1624</v>
      </c>
      <c r="E4042" s="977" t="s">
        <v>35480</v>
      </c>
      <c r="F4042" s="964" t="s">
        <v>35481</v>
      </c>
    </row>
    <row r="4043" spans="3:6" ht="27">
      <c r="C4043" s="977" t="s">
        <v>35472</v>
      </c>
      <c r="D4043" s="978">
        <v>2160</v>
      </c>
      <c r="E4043" s="977" t="s">
        <v>35482</v>
      </c>
      <c r="F4043" s="964" t="s">
        <v>35483</v>
      </c>
    </row>
    <row r="4044" spans="3:6" ht="54">
      <c r="C4044" s="977" t="s">
        <v>35472</v>
      </c>
      <c r="D4044" s="978">
        <v>13668291</v>
      </c>
      <c r="E4044" s="977" t="s">
        <v>77</v>
      </c>
      <c r="F4044" s="964" t="s">
        <v>35484</v>
      </c>
    </row>
    <row r="4045" spans="3:6" ht="54">
      <c r="C4045" s="977" t="s">
        <v>35472</v>
      </c>
      <c r="D4045" s="978">
        <v>909184</v>
      </c>
      <c r="E4045" s="977" t="s">
        <v>35485</v>
      </c>
      <c r="F4045" s="964" t="s">
        <v>35486</v>
      </c>
    </row>
    <row r="4046" spans="3:6" ht="40.5">
      <c r="C4046" s="977" t="s">
        <v>35472</v>
      </c>
      <c r="D4046" s="978">
        <v>2534</v>
      </c>
      <c r="E4046" s="977" t="s">
        <v>35487</v>
      </c>
      <c r="F4046" s="964" t="s">
        <v>35488</v>
      </c>
    </row>
    <row r="4047" spans="3:6" ht="27">
      <c r="C4047" s="977" t="s">
        <v>35472</v>
      </c>
      <c r="D4047" s="978">
        <v>726582</v>
      </c>
      <c r="E4047" s="977" t="s">
        <v>35489</v>
      </c>
      <c r="F4047" s="964" t="s">
        <v>35490</v>
      </c>
    </row>
    <row r="4048" spans="3:6" ht="13.5">
      <c r="C4048" s="964" t="s">
        <v>35472</v>
      </c>
      <c r="D4048" s="965">
        <v>2786</v>
      </c>
      <c r="E4048" s="964" t="s">
        <v>35491</v>
      </c>
      <c r="F4048" s="964" t="s">
        <v>35492</v>
      </c>
    </row>
    <row r="4049" spans="3:6" ht="67.5">
      <c r="C4049" s="977" t="s">
        <v>35472</v>
      </c>
      <c r="D4049" s="978">
        <v>3413</v>
      </c>
      <c r="E4049" s="977" t="s">
        <v>35493</v>
      </c>
      <c r="F4049" s="964" t="s">
        <v>35494</v>
      </c>
    </row>
    <row r="4050" spans="3:6" ht="40.5">
      <c r="C4050" s="977" t="s">
        <v>35472</v>
      </c>
      <c r="D4050" s="978">
        <v>14254966</v>
      </c>
      <c r="E4050" s="977" t="s">
        <v>35495</v>
      </c>
      <c r="F4050" s="964" t="s">
        <v>35496</v>
      </c>
    </row>
    <row r="4051" spans="3:6" ht="13.5">
      <c r="C4051" s="964" t="s">
        <v>35472</v>
      </c>
      <c r="D4051" s="965">
        <v>57444</v>
      </c>
      <c r="E4051" s="964" t="s">
        <v>35497</v>
      </c>
      <c r="F4051" s="964" t="s">
        <v>35498</v>
      </c>
    </row>
    <row r="4052" spans="3:6" ht="67.5">
      <c r="C4052" s="977" t="s">
        <v>35472</v>
      </c>
      <c r="D4052" s="978">
        <v>6716853</v>
      </c>
      <c r="E4052" s="977" t="s">
        <v>35499</v>
      </c>
      <c r="F4052" s="964" t="s">
        <v>35500</v>
      </c>
    </row>
    <row r="4053" spans="3:6" ht="27">
      <c r="C4053" s="977" t="s">
        <v>35472</v>
      </c>
      <c r="D4053" s="978">
        <v>1268</v>
      </c>
      <c r="E4053" s="977" t="s">
        <v>35501</v>
      </c>
      <c r="F4053" s="964" t="s">
        <v>35502</v>
      </c>
    </row>
    <row r="4054" spans="3:6" ht="54">
      <c r="C4054" s="977" t="s">
        <v>35472</v>
      </c>
      <c r="D4054" s="978">
        <v>4568455</v>
      </c>
      <c r="E4054" s="977" t="s">
        <v>77</v>
      </c>
      <c r="F4054" s="964" t="s">
        <v>35503</v>
      </c>
    </row>
    <row r="4055" spans="3:6" ht="27">
      <c r="C4055" s="977" t="s">
        <v>35472</v>
      </c>
      <c r="D4055" s="978">
        <v>1646344</v>
      </c>
      <c r="E4055" s="977" t="s">
        <v>35504</v>
      </c>
      <c r="F4055" s="964" t="s">
        <v>35505</v>
      </c>
    </row>
    <row r="4056" spans="3:6" ht="13.5">
      <c r="C4056" s="964" t="s">
        <v>35472</v>
      </c>
      <c r="D4056" s="965">
        <v>3365308</v>
      </c>
      <c r="E4056" s="964" t="s">
        <v>35506</v>
      </c>
      <c r="F4056" s="964" t="s">
        <v>35507</v>
      </c>
    </row>
    <row r="4057" spans="3:6" ht="27">
      <c r="C4057" s="964" t="s">
        <v>35472</v>
      </c>
      <c r="D4057" s="965">
        <v>1101</v>
      </c>
      <c r="E4057" s="964" t="s">
        <v>14400</v>
      </c>
      <c r="F4057" s="964" t="s">
        <v>35508</v>
      </c>
    </row>
    <row r="4058" spans="3:6" ht="27">
      <c r="C4058" s="977" t="s">
        <v>35472</v>
      </c>
      <c r="D4058" s="978">
        <v>159371095</v>
      </c>
      <c r="E4058" s="977" t="s">
        <v>35509</v>
      </c>
      <c r="F4058" s="964" t="s">
        <v>35510</v>
      </c>
    </row>
    <row r="4059" spans="3:6" ht="40.5">
      <c r="C4059" s="977" t="s">
        <v>35472</v>
      </c>
      <c r="D4059" s="978">
        <v>4443487</v>
      </c>
      <c r="E4059" s="977" t="s">
        <v>35511</v>
      </c>
      <c r="F4059" s="964" t="s">
        <v>35512</v>
      </c>
    </row>
    <row r="4060" spans="3:6" ht="67.5">
      <c r="C4060" s="977" t="s">
        <v>35472</v>
      </c>
      <c r="D4060" s="978">
        <v>460986199</v>
      </c>
      <c r="E4060" s="977" t="s">
        <v>35513</v>
      </c>
      <c r="F4060" s="964" t="s">
        <v>35514</v>
      </c>
    </row>
    <row r="4061" spans="3:6" ht="67.5">
      <c r="C4061" s="977" t="s">
        <v>35472</v>
      </c>
      <c r="D4061" s="978">
        <v>2836272</v>
      </c>
      <c r="E4061" s="977" t="s">
        <v>35515</v>
      </c>
      <c r="F4061" s="964" t="s">
        <v>35516</v>
      </c>
    </row>
    <row r="4062" spans="3:6" ht="54">
      <c r="C4062" s="977" t="s">
        <v>35472</v>
      </c>
      <c r="D4062" s="978">
        <v>2836362</v>
      </c>
      <c r="E4062" s="977" t="s">
        <v>35517</v>
      </c>
      <c r="F4062" s="964" t="s">
        <v>35518</v>
      </c>
    </row>
    <row r="4063" spans="3:6" ht="40.5">
      <c r="C4063" s="977" t="s">
        <v>35472</v>
      </c>
      <c r="D4063" s="978">
        <v>1098</v>
      </c>
      <c r="E4063" s="977" t="s">
        <v>35519</v>
      </c>
      <c r="F4063" s="964" t="s">
        <v>35520</v>
      </c>
    </row>
    <row r="4064" spans="3:6" ht="67.5">
      <c r="C4064" s="977" t="s">
        <v>35472</v>
      </c>
      <c r="D4064" s="978">
        <v>47855837</v>
      </c>
      <c r="E4064" s="977" t="s">
        <v>35521</v>
      </c>
      <c r="F4064" s="964" t="s">
        <v>35522</v>
      </c>
    </row>
    <row r="4065" spans="3:6" ht="81">
      <c r="C4065" s="977" t="s">
        <v>35472</v>
      </c>
      <c r="D4065" s="978">
        <v>3487764</v>
      </c>
      <c r="E4065" s="977" t="s">
        <v>35523</v>
      </c>
      <c r="F4065" s="964" t="s">
        <v>35524</v>
      </c>
    </row>
    <row r="4066" spans="3:6" ht="54">
      <c r="C4066" s="977" t="s">
        <v>35472</v>
      </c>
      <c r="D4066" s="978">
        <v>215988954</v>
      </c>
      <c r="E4066" s="977" t="s">
        <v>35525</v>
      </c>
      <c r="F4066" s="964" t="s">
        <v>35526</v>
      </c>
    </row>
    <row r="4067" spans="3:6" ht="40.5">
      <c r="C4067" s="977" t="s">
        <v>35472</v>
      </c>
      <c r="D4067" s="978">
        <v>4480769</v>
      </c>
      <c r="E4067" s="977" t="s">
        <v>35527</v>
      </c>
      <c r="F4067" s="964" t="s">
        <v>35528</v>
      </c>
    </row>
    <row r="4068" spans="3:6" ht="54">
      <c r="C4068" s="977" t="s">
        <v>35472</v>
      </c>
      <c r="D4068" s="978">
        <v>2254754</v>
      </c>
      <c r="E4068" s="977" t="s">
        <v>35529</v>
      </c>
      <c r="F4068" s="964" t="s">
        <v>35530</v>
      </c>
    </row>
    <row r="4069" spans="3:6" ht="40.5">
      <c r="C4069" s="977" t="s">
        <v>35472</v>
      </c>
      <c r="D4069" s="978">
        <v>1727258</v>
      </c>
      <c r="E4069" s="977" t="s">
        <v>35531</v>
      </c>
      <c r="F4069" s="964" t="s">
        <v>35532</v>
      </c>
    </row>
    <row r="4070" spans="3:6" ht="54">
      <c r="C4070" s="977" t="s">
        <v>35472</v>
      </c>
      <c r="D4070" s="978">
        <v>666691</v>
      </c>
      <c r="E4070" s="977" t="s">
        <v>35533</v>
      </c>
      <c r="F4070" s="964" t="s">
        <v>35534</v>
      </c>
    </row>
    <row r="4071" spans="3:6" ht="13.5">
      <c r="C4071" s="964" t="s">
        <v>35472</v>
      </c>
      <c r="D4071" s="965">
        <v>447682266</v>
      </c>
      <c r="E4071" s="964" t="s">
        <v>35535</v>
      </c>
      <c r="F4071" s="964" t="s">
        <v>35536</v>
      </c>
    </row>
    <row r="4072" spans="3:6" ht="40.5">
      <c r="C4072" s="977" t="s">
        <v>35472</v>
      </c>
      <c r="D4072" s="978">
        <v>1102</v>
      </c>
      <c r="E4072" s="977" t="s">
        <v>35537</v>
      </c>
      <c r="F4072" s="964" t="s">
        <v>35538</v>
      </c>
    </row>
    <row r="4073" spans="3:6" ht="27">
      <c r="C4073" s="977" t="s">
        <v>35472</v>
      </c>
      <c r="D4073" s="978">
        <v>7653941</v>
      </c>
      <c r="E4073" s="977" t="s">
        <v>35539</v>
      </c>
      <c r="F4073" s="964" t="s">
        <v>35540</v>
      </c>
    </row>
    <row r="4074" spans="3:6" ht="27">
      <c r="C4074" s="977" t="s">
        <v>35472</v>
      </c>
      <c r="D4074" s="978">
        <v>3174</v>
      </c>
      <c r="E4074" s="977" t="s">
        <v>15064</v>
      </c>
      <c r="F4074" s="964" t="s">
        <v>35541</v>
      </c>
    </row>
    <row r="4075" spans="3:6" ht="121.5">
      <c r="C4075" s="977" t="s">
        <v>35472</v>
      </c>
      <c r="D4075" s="978">
        <v>79386069</v>
      </c>
      <c r="E4075" s="977" t="s">
        <v>35542</v>
      </c>
      <c r="F4075" s="964" t="s">
        <v>35543</v>
      </c>
    </row>
    <row r="4076" spans="3:6" ht="27">
      <c r="C4076" s="977" t="s">
        <v>35472</v>
      </c>
      <c r="D4076" s="978">
        <v>485571501</v>
      </c>
      <c r="E4076" s="977" t="s">
        <v>77</v>
      </c>
      <c r="F4076" s="964" t="s">
        <v>35544</v>
      </c>
    </row>
    <row r="4077" spans="3:6" ht="40.5">
      <c r="C4077" s="977" t="s">
        <v>35472</v>
      </c>
      <c r="D4077" s="978">
        <v>2203</v>
      </c>
      <c r="E4077" s="977" t="s">
        <v>35545</v>
      </c>
      <c r="F4077" s="964" t="s">
        <v>35546</v>
      </c>
    </row>
    <row r="4078" spans="3:6" ht="27">
      <c r="C4078" s="977" t="s">
        <v>35472</v>
      </c>
      <c r="D4078" s="978">
        <v>565810936</v>
      </c>
      <c r="E4078" s="977" t="s">
        <v>35547</v>
      </c>
      <c r="F4078" s="964" t="s">
        <v>35548</v>
      </c>
    </row>
    <row r="4079" spans="3:6" ht="27">
      <c r="C4079" s="977" t="s">
        <v>35472</v>
      </c>
      <c r="D4079" s="978">
        <v>25777832</v>
      </c>
      <c r="E4079" s="977" t="s">
        <v>35549</v>
      </c>
      <c r="F4079" s="964" t="s">
        <v>35550</v>
      </c>
    </row>
    <row r="4080" spans="3:6" ht="54">
      <c r="C4080" s="977" t="s">
        <v>35472</v>
      </c>
      <c r="D4080" s="978">
        <v>36890230</v>
      </c>
      <c r="E4080" s="977" t="s">
        <v>35551</v>
      </c>
      <c r="F4080" s="964" t="s">
        <v>35552</v>
      </c>
    </row>
    <row r="4081" spans="3:6" ht="40.5">
      <c r="C4081" s="977" t="s">
        <v>35472</v>
      </c>
      <c r="D4081" s="978">
        <v>12576567</v>
      </c>
      <c r="E4081" s="977" t="s">
        <v>35553</v>
      </c>
      <c r="F4081" s="964" t="s">
        <v>35554</v>
      </c>
    </row>
    <row r="4082" spans="3:6" ht="67.5">
      <c r="C4082" s="977" t="s">
        <v>35472</v>
      </c>
      <c r="D4082" s="978">
        <v>139611739</v>
      </c>
      <c r="E4082" s="977" t="s">
        <v>35555</v>
      </c>
      <c r="F4082" s="964" t="s">
        <v>35556</v>
      </c>
    </row>
    <row r="4083" spans="3:6" ht="27">
      <c r="C4083" s="977" t="s">
        <v>35472</v>
      </c>
      <c r="D4083" s="978">
        <v>3905071</v>
      </c>
      <c r="E4083" s="977" t="s">
        <v>35557</v>
      </c>
      <c r="F4083" s="964" t="s">
        <v>35558</v>
      </c>
    </row>
    <row r="4084" spans="3:6" ht="13.5">
      <c r="C4084" s="977" t="s">
        <v>35472</v>
      </c>
      <c r="D4084" s="978">
        <v>1093</v>
      </c>
      <c r="E4084" s="977" t="s">
        <v>35559</v>
      </c>
      <c r="F4084" s="964" t="s">
        <v>35560</v>
      </c>
    </row>
    <row r="4085" spans="3:6" ht="40.5">
      <c r="C4085" s="977" t="s">
        <v>35472</v>
      </c>
      <c r="D4085" s="978">
        <v>55501093</v>
      </c>
      <c r="E4085" s="977" t="s">
        <v>35561</v>
      </c>
      <c r="F4085" s="964" t="s">
        <v>35562</v>
      </c>
    </row>
    <row r="4086" spans="3:6" ht="40.5">
      <c r="C4086" s="977" t="s">
        <v>35472</v>
      </c>
      <c r="D4086" s="978">
        <v>115018983</v>
      </c>
      <c r="E4086" s="977" t="s">
        <v>35563</v>
      </c>
      <c r="F4086" s="964" t="s">
        <v>35564</v>
      </c>
    </row>
    <row r="4087" spans="3:6" ht="13.5">
      <c r="C4087" s="964" t="s">
        <v>35472</v>
      </c>
      <c r="D4087" s="965">
        <v>1509</v>
      </c>
      <c r="E4087" s="964" t="s">
        <v>35565</v>
      </c>
      <c r="F4087" s="964" t="s">
        <v>35566</v>
      </c>
    </row>
    <row r="4088" spans="3:6" ht="67.5">
      <c r="C4088" s="977" t="s">
        <v>35472</v>
      </c>
      <c r="D4088" s="978">
        <v>77766393</v>
      </c>
      <c r="E4088" s="977" t="s">
        <v>35567</v>
      </c>
      <c r="F4088" s="964" t="s">
        <v>35568</v>
      </c>
    </row>
    <row r="4089" spans="3:6" ht="108">
      <c r="C4089" s="977" t="s">
        <v>35472</v>
      </c>
      <c r="D4089" s="978">
        <v>1097</v>
      </c>
      <c r="E4089" s="977" t="s">
        <v>35569</v>
      </c>
      <c r="F4089" s="964" t="s">
        <v>35570</v>
      </c>
    </row>
    <row r="4090" spans="3:6" ht="27">
      <c r="C4090" s="977" t="s">
        <v>35472</v>
      </c>
      <c r="D4090" s="978">
        <v>447599274</v>
      </c>
      <c r="E4090" s="977" t="s">
        <v>35571</v>
      </c>
      <c r="F4090" s="964" t="s">
        <v>35572</v>
      </c>
    </row>
    <row r="4091" spans="3:6" ht="27">
      <c r="C4091" s="977" t="s">
        <v>35472</v>
      </c>
      <c r="D4091" s="978">
        <v>746812657</v>
      </c>
      <c r="E4091" s="977" t="s">
        <v>35573</v>
      </c>
      <c r="F4091" s="964" t="s">
        <v>35574</v>
      </c>
    </row>
    <row r="4092" spans="3:6" ht="40.5">
      <c r="C4092" s="977" t="s">
        <v>35472</v>
      </c>
      <c r="D4092" s="978">
        <v>95962342</v>
      </c>
      <c r="E4092" s="977" t="s">
        <v>35575</v>
      </c>
      <c r="F4092" s="964" t="s">
        <v>35576</v>
      </c>
    </row>
    <row r="4093" spans="3:6" ht="40.5">
      <c r="C4093" s="977" t="s">
        <v>35472</v>
      </c>
      <c r="D4093" s="978">
        <v>3172604</v>
      </c>
      <c r="E4093" s="977" t="s">
        <v>35577</v>
      </c>
      <c r="F4093" s="964" t="s">
        <v>35578</v>
      </c>
    </row>
    <row r="4094" spans="3:6" ht="40.5">
      <c r="C4094" s="977" t="s">
        <v>35472</v>
      </c>
      <c r="D4094" s="978">
        <v>2624221</v>
      </c>
      <c r="E4094" s="977" t="s">
        <v>35579</v>
      </c>
      <c r="F4094" s="964" t="s">
        <v>35580</v>
      </c>
    </row>
    <row r="4095" spans="3:6" ht="94.5">
      <c r="C4095" s="977" t="s">
        <v>35472</v>
      </c>
      <c r="D4095" s="978">
        <v>129344439</v>
      </c>
      <c r="E4095" s="977" t="s">
        <v>35581</v>
      </c>
      <c r="F4095" s="964" t="s">
        <v>35582</v>
      </c>
    </row>
    <row r="4096" spans="3:6" ht="27">
      <c r="C4096" s="964" t="s">
        <v>35472</v>
      </c>
      <c r="D4096" s="965">
        <v>3310</v>
      </c>
      <c r="E4096" s="964" t="s">
        <v>14417</v>
      </c>
      <c r="F4096" s="964" t="s">
        <v>35583</v>
      </c>
    </row>
    <row r="4097" spans="3:6" ht="27">
      <c r="C4097" s="964" t="s">
        <v>35472</v>
      </c>
      <c r="D4097" s="965">
        <v>646165370</v>
      </c>
      <c r="E4097" s="964" t="s">
        <v>35584</v>
      </c>
      <c r="F4097" s="964" t="s">
        <v>35585</v>
      </c>
    </row>
    <row r="4098" spans="3:6" ht="67.5">
      <c r="C4098" s="977" t="s">
        <v>35472</v>
      </c>
      <c r="D4098" s="978">
        <v>146523018</v>
      </c>
      <c r="E4098" s="977" t="s">
        <v>35586</v>
      </c>
      <c r="F4098" s="964" t="s">
        <v>35587</v>
      </c>
    </row>
    <row r="4099" spans="3:6" ht="67.5">
      <c r="C4099" s="977" t="s">
        <v>35472</v>
      </c>
      <c r="D4099" s="978">
        <v>11886140</v>
      </c>
      <c r="E4099" s="977" t="s">
        <v>35588</v>
      </c>
      <c r="F4099" s="964" t="s">
        <v>35589</v>
      </c>
    </row>
    <row r="4100" spans="3:6" ht="13.5">
      <c r="C4100" s="964" t="s">
        <v>35472</v>
      </c>
      <c r="D4100" s="965">
        <v>119542432</v>
      </c>
      <c r="E4100" s="964" t="s">
        <v>35590</v>
      </c>
      <c r="F4100" s="964" t="s">
        <v>35591</v>
      </c>
    </row>
    <row r="4101" spans="3:6" ht="67.5">
      <c r="C4101" s="977" t="s">
        <v>35472</v>
      </c>
      <c r="D4101" s="978">
        <v>759705002</v>
      </c>
      <c r="E4101" s="977" t="s">
        <v>77</v>
      </c>
      <c r="F4101" s="964" t="s">
        <v>35592</v>
      </c>
    </row>
    <row r="4102" spans="3:6" ht="40.5">
      <c r="C4102" s="977" t="s">
        <v>35472</v>
      </c>
      <c r="D4102" s="978">
        <v>841</v>
      </c>
      <c r="E4102" s="977" t="s">
        <v>35593</v>
      </c>
      <c r="F4102" s="964" t="s">
        <v>35594</v>
      </c>
    </row>
    <row r="4103" spans="3:6" ht="67.5">
      <c r="C4103" s="977" t="s">
        <v>35472</v>
      </c>
      <c r="D4103" s="978">
        <v>616471476</v>
      </c>
      <c r="E4103" s="977" t="s">
        <v>35595</v>
      </c>
      <c r="F4103" s="964" t="s">
        <v>35596</v>
      </c>
    </row>
    <row r="4104" spans="3:6" ht="135">
      <c r="C4104" s="977" t="s">
        <v>35472</v>
      </c>
      <c r="D4104" s="978">
        <v>145314364</v>
      </c>
      <c r="E4104" s="977" t="s">
        <v>77</v>
      </c>
      <c r="F4104" s="964" t="s">
        <v>35597</v>
      </c>
    </row>
    <row r="4105" spans="3:6" ht="54">
      <c r="C4105" s="977" t="s">
        <v>35472</v>
      </c>
      <c r="D4105" s="978">
        <v>261887564</v>
      </c>
      <c r="E4105" s="977" t="s">
        <v>35598</v>
      </c>
      <c r="F4105" s="964" t="s">
        <v>35599</v>
      </c>
    </row>
    <row r="4106" spans="3:6" ht="40.5">
      <c r="C4106" s="977" t="s">
        <v>35472</v>
      </c>
      <c r="D4106" s="978">
        <v>279187272</v>
      </c>
      <c r="E4106" s="977" t="s">
        <v>35600</v>
      </c>
      <c r="F4106" s="964" t="s">
        <v>35601</v>
      </c>
    </row>
    <row r="4107" spans="3:6" ht="54">
      <c r="C4107" s="977" t="s">
        <v>35472</v>
      </c>
      <c r="D4107" s="978">
        <v>8916233</v>
      </c>
      <c r="E4107" s="977" t="s">
        <v>35602</v>
      </c>
      <c r="F4107" s="964" t="s">
        <v>35603</v>
      </c>
    </row>
    <row r="4108" spans="3:6" ht="67.5">
      <c r="C4108" s="977" t="s">
        <v>35472</v>
      </c>
      <c r="D4108" s="978">
        <v>183166621</v>
      </c>
      <c r="E4108" s="977" t="s">
        <v>35604</v>
      </c>
      <c r="F4108" s="964" t="s">
        <v>35605</v>
      </c>
    </row>
    <row r="4109" spans="3:6" ht="27">
      <c r="C4109" s="977" t="s">
        <v>35472</v>
      </c>
      <c r="D4109" s="978">
        <v>359211806</v>
      </c>
      <c r="E4109" s="977" t="s">
        <v>35606</v>
      </c>
      <c r="F4109" s="964" t="s">
        <v>35607</v>
      </c>
    </row>
    <row r="4110" spans="3:6" ht="40.5">
      <c r="C4110" s="977" t="s">
        <v>35472</v>
      </c>
      <c r="D4110" s="978">
        <v>359230544</v>
      </c>
      <c r="E4110" s="977" t="s">
        <v>35608</v>
      </c>
      <c r="F4110" s="964" t="s">
        <v>35609</v>
      </c>
    </row>
    <row r="4111" spans="3:6" ht="67.5">
      <c r="C4111" s="977" t="s">
        <v>35472</v>
      </c>
      <c r="D4111" s="978">
        <v>155828864</v>
      </c>
      <c r="E4111" s="977" t="s">
        <v>35610</v>
      </c>
      <c r="F4111" s="964" t="s">
        <v>35611</v>
      </c>
    </row>
    <row r="4112" spans="3:6" ht="40.5">
      <c r="C4112" s="977" t="s">
        <v>35472</v>
      </c>
      <c r="D4112" s="978">
        <v>753930196</v>
      </c>
      <c r="E4112" s="977" t="s">
        <v>35612</v>
      </c>
      <c r="F4112" s="964" t="s">
        <v>35613</v>
      </c>
    </row>
    <row r="4113" spans="3:6" ht="67.5">
      <c r="C4113" s="977" t="s">
        <v>35472</v>
      </c>
      <c r="D4113" s="978">
        <v>20658007</v>
      </c>
      <c r="E4113" s="977" t="s">
        <v>35614</v>
      </c>
      <c r="F4113" s="964" t="s">
        <v>35615</v>
      </c>
    </row>
    <row r="4114" spans="3:6" ht="67.5">
      <c r="C4114" s="977" t="s">
        <v>35472</v>
      </c>
      <c r="D4114" s="978">
        <v>68125540</v>
      </c>
      <c r="E4114" s="977" t="s">
        <v>35616</v>
      </c>
      <c r="F4114" s="964" t="s">
        <v>35617</v>
      </c>
    </row>
    <row r="4115" spans="3:6" ht="67.5">
      <c r="C4115" s="977" t="s">
        <v>35472</v>
      </c>
      <c r="D4115" s="978">
        <v>477676311</v>
      </c>
      <c r="E4115" s="977" t="s">
        <v>35618</v>
      </c>
      <c r="F4115" s="964" t="s">
        <v>35619</v>
      </c>
    </row>
    <row r="4116" spans="3:6" ht="108">
      <c r="C4116" s="977" t="s">
        <v>35472</v>
      </c>
      <c r="D4116" s="978">
        <v>97674969</v>
      </c>
      <c r="E4116" s="977" t="s">
        <v>35620</v>
      </c>
      <c r="F4116" s="964" t="s">
        <v>35621</v>
      </c>
    </row>
    <row r="4117" spans="3:6" ht="40.5">
      <c r="C4117" s="977" t="s">
        <v>35472</v>
      </c>
      <c r="D4117" s="978">
        <v>28162503</v>
      </c>
      <c r="E4117" s="977" t="s">
        <v>35622</v>
      </c>
      <c r="F4117" s="964" t="s">
        <v>35623</v>
      </c>
    </row>
    <row r="4118" spans="3:6" ht="40.5">
      <c r="C4118" s="977" t="s">
        <v>35472</v>
      </c>
      <c r="D4118" s="978">
        <v>245048731</v>
      </c>
      <c r="E4118" s="977" t="s">
        <v>35624</v>
      </c>
      <c r="F4118" s="964" t="s">
        <v>35625</v>
      </c>
    </row>
    <row r="4119" spans="3:6" ht="81">
      <c r="C4119" s="977" t="s">
        <v>35472</v>
      </c>
      <c r="D4119" s="978">
        <v>282308902</v>
      </c>
      <c r="E4119" s="977" t="s">
        <v>35626</v>
      </c>
      <c r="F4119" s="964" t="s">
        <v>35627</v>
      </c>
    </row>
    <row r="4120" spans="3:6" ht="54">
      <c r="C4120" s="977" t="s">
        <v>35472</v>
      </c>
      <c r="D4120" s="978">
        <v>483140447</v>
      </c>
      <c r="E4120" s="977" t="s">
        <v>35628</v>
      </c>
      <c r="F4120" s="964" t="s">
        <v>35629</v>
      </c>
    </row>
    <row r="4121" spans="3:6" ht="27">
      <c r="C4121" s="977" t="s">
        <v>35472</v>
      </c>
      <c r="D4121" s="978">
        <v>2201</v>
      </c>
      <c r="E4121" s="977" t="s">
        <v>35630</v>
      </c>
      <c r="F4121" s="964" t="s">
        <v>35631</v>
      </c>
    </row>
    <row r="4122" spans="3:6" ht="108">
      <c r="C4122" s="977" t="s">
        <v>35472</v>
      </c>
      <c r="D4122" s="978">
        <v>669467510</v>
      </c>
      <c r="E4122" s="977" t="s">
        <v>35632</v>
      </c>
      <c r="F4122" s="964" t="s">
        <v>35633</v>
      </c>
    </row>
    <row r="4123" spans="3:6" ht="81">
      <c r="C4123" s="977" t="s">
        <v>35472</v>
      </c>
      <c r="D4123" s="978">
        <v>1916</v>
      </c>
      <c r="E4123" s="977" t="s">
        <v>35634</v>
      </c>
      <c r="F4123" s="964" t="s">
        <v>35635</v>
      </c>
    </row>
    <row r="4124" spans="3:6" ht="27">
      <c r="C4124" s="977" t="s">
        <v>35472</v>
      </c>
      <c r="D4124" s="978">
        <v>522765846</v>
      </c>
      <c r="E4124" s="977" t="s">
        <v>35636</v>
      </c>
      <c r="F4124" s="964" t="s">
        <v>35637</v>
      </c>
    </row>
    <row r="4125" spans="3:6" ht="135">
      <c r="C4125" s="977" t="s">
        <v>35472</v>
      </c>
      <c r="D4125" s="978">
        <v>511035219</v>
      </c>
      <c r="E4125" s="977" t="s">
        <v>77</v>
      </c>
      <c r="F4125" s="964" t="s">
        <v>35638</v>
      </c>
    </row>
    <row r="4126" spans="3:6" ht="54">
      <c r="C4126" s="977" t="s">
        <v>35472</v>
      </c>
      <c r="D4126" s="978">
        <v>481844547</v>
      </c>
      <c r="E4126" s="977" t="s">
        <v>35639</v>
      </c>
      <c r="F4126" s="964" t="s">
        <v>35640</v>
      </c>
    </row>
    <row r="4127" spans="3:6" ht="67.5">
      <c r="C4127" s="977" t="s">
        <v>35472</v>
      </c>
      <c r="D4127" s="978">
        <v>580717379</v>
      </c>
      <c r="E4127" s="977" t="s">
        <v>35641</v>
      </c>
      <c r="F4127" s="964" t="s">
        <v>35642</v>
      </c>
    </row>
    <row r="4128" spans="3:6" ht="27">
      <c r="C4128" s="977" t="s">
        <v>35472</v>
      </c>
      <c r="D4128" s="978">
        <v>1100</v>
      </c>
      <c r="E4128" s="977" t="s">
        <v>14404</v>
      </c>
      <c r="F4128" s="964" t="s">
        <v>35643</v>
      </c>
    </row>
    <row r="4129" spans="3:6" ht="67.5">
      <c r="C4129" s="977" t="s">
        <v>35472</v>
      </c>
      <c r="D4129" s="978">
        <v>359111296</v>
      </c>
      <c r="E4129" s="977" t="s">
        <v>35644</v>
      </c>
      <c r="F4129" s="964" t="s">
        <v>35645</v>
      </c>
    </row>
    <row r="4130" spans="3:6" ht="27">
      <c r="C4130" s="977" t="s">
        <v>35472</v>
      </c>
      <c r="D4130" s="978">
        <v>21712109</v>
      </c>
      <c r="E4130" s="977" t="s">
        <v>35646</v>
      </c>
      <c r="F4130" s="964" t="s">
        <v>35647</v>
      </c>
    </row>
    <row r="4131" spans="3:6" ht="27">
      <c r="C4131" s="977" t="s">
        <v>35472</v>
      </c>
      <c r="D4131" s="978">
        <v>628443537</v>
      </c>
      <c r="E4131" s="977" t="s">
        <v>35648</v>
      </c>
      <c r="F4131" s="964" t="s">
        <v>35649</v>
      </c>
    </row>
    <row r="4132" spans="3:6" ht="81">
      <c r="C4132" s="977" t="s">
        <v>35472</v>
      </c>
      <c r="D4132" s="978">
        <v>576354429</v>
      </c>
      <c r="E4132" s="977" t="s">
        <v>35650</v>
      </c>
      <c r="F4132" s="964" t="s">
        <v>35651</v>
      </c>
    </row>
    <row r="4133" spans="3:6" ht="27">
      <c r="C4133" s="979" t="s">
        <v>35472</v>
      </c>
      <c r="D4133" s="980">
        <v>580717388</v>
      </c>
      <c r="E4133" s="979" t="s">
        <v>35652</v>
      </c>
      <c r="F4133" s="964" t="s">
        <v>35653</v>
      </c>
    </row>
    <row r="4134" spans="3:6" ht="13.5">
      <c r="C4134" s="979" t="s">
        <v>35472</v>
      </c>
      <c r="D4134" s="980">
        <v>2692</v>
      </c>
      <c r="E4134" s="979" t="s">
        <v>26437</v>
      </c>
      <c r="F4134" s="964" t="s">
        <v>35654</v>
      </c>
    </row>
    <row r="4135" spans="3:6" ht="94.5">
      <c r="C4135" s="977" t="s">
        <v>35472</v>
      </c>
      <c r="D4135" s="978">
        <v>2990</v>
      </c>
      <c r="E4135" s="977" t="s">
        <v>35655</v>
      </c>
      <c r="F4135" s="964" t="s">
        <v>35656</v>
      </c>
    </row>
    <row r="4136" spans="3:6" ht="40.5">
      <c r="C4136" s="977" t="s">
        <v>35472</v>
      </c>
      <c r="D4136" s="978">
        <v>146804008</v>
      </c>
      <c r="E4136" s="977" t="s">
        <v>35657</v>
      </c>
      <c r="F4136" s="964" t="s">
        <v>35658</v>
      </c>
    </row>
    <row r="4137" spans="3:6" ht="108">
      <c r="C4137" s="977" t="s">
        <v>35472</v>
      </c>
      <c r="D4137" s="978">
        <v>681679617</v>
      </c>
      <c r="E4137" s="977" t="s">
        <v>17134</v>
      </c>
      <c r="F4137" s="964" t="s">
        <v>35659</v>
      </c>
    </row>
    <row r="4138" spans="3:6" ht="27">
      <c r="C4138" s="977" t="s">
        <v>35472</v>
      </c>
      <c r="D4138" s="978">
        <v>691422764</v>
      </c>
      <c r="E4138" s="977" t="s">
        <v>35660</v>
      </c>
      <c r="F4138" s="964" t="s">
        <v>35661</v>
      </c>
    </row>
    <row r="4139" spans="3:6" ht="40.5">
      <c r="C4139" s="977" t="s">
        <v>35472</v>
      </c>
      <c r="D4139" s="978">
        <v>875585686</v>
      </c>
      <c r="E4139" s="977" t="s">
        <v>35662</v>
      </c>
      <c r="F4139" s="964" t="s">
        <v>35663</v>
      </c>
    </row>
    <row r="4140" spans="3:6" ht="54">
      <c r="C4140" s="977" t="s">
        <v>35472</v>
      </c>
      <c r="D4140" s="978">
        <v>1103</v>
      </c>
      <c r="E4140" s="977" t="s">
        <v>35664</v>
      </c>
      <c r="F4140" s="964" t="s">
        <v>35665</v>
      </c>
    </row>
    <row r="4141" spans="3:6" ht="54">
      <c r="C4141" s="977" t="s">
        <v>35472</v>
      </c>
      <c r="D4141" s="978">
        <v>4027542</v>
      </c>
      <c r="E4141" s="977" t="s">
        <v>35666</v>
      </c>
      <c r="F4141" s="964" t="s">
        <v>35667</v>
      </c>
    </row>
    <row r="4142" spans="3:6" ht="54">
      <c r="C4142" s="977" t="s">
        <v>35472</v>
      </c>
      <c r="D4142" s="978">
        <v>142501629</v>
      </c>
      <c r="E4142" s="977" t="s">
        <v>35668</v>
      </c>
      <c r="F4142" s="964" t="s">
        <v>35669</v>
      </c>
    </row>
    <row r="4143" spans="3:6" ht="108">
      <c r="C4143" s="977" t="s">
        <v>35472</v>
      </c>
      <c r="D4143" s="978">
        <v>809554948</v>
      </c>
      <c r="E4143" s="977" t="s">
        <v>35670</v>
      </c>
      <c r="F4143" s="964" t="s">
        <v>35671</v>
      </c>
    </row>
    <row r="4144" spans="3:6" ht="67.5">
      <c r="C4144" s="977" t="s">
        <v>35472</v>
      </c>
      <c r="D4144" s="978">
        <v>905063856</v>
      </c>
      <c r="E4144" s="977" t="s">
        <v>35672</v>
      </c>
      <c r="F4144" s="964" t="s">
        <v>35673</v>
      </c>
    </row>
    <row r="4145" spans="2:6" ht="27">
      <c r="C4145" s="979" t="s">
        <v>35472</v>
      </c>
      <c r="D4145" s="980">
        <v>937744054</v>
      </c>
      <c r="E4145" s="979" t="s">
        <v>35674</v>
      </c>
      <c r="F4145" s="964" t="s">
        <v>35675</v>
      </c>
    </row>
    <row r="4146" spans="2:6" ht="148.5">
      <c r="B4146" s="981"/>
      <c r="C4146" s="977" t="s">
        <v>35472</v>
      </c>
      <c r="D4146" s="978">
        <v>942743680</v>
      </c>
      <c r="E4146" s="977" t="s">
        <v>35676</v>
      </c>
      <c r="F4146" s="964" t="s">
        <v>35677</v>
      </c>
    </row>
    <row r="4147" spans="2:6" ht="54">
      <c r="B4147" s="981"/>
      <c r="C4147" s="977" t="s">
        <v>35472</v>
      </c>
      <c r="D4147" s="978">
        <v>958516258</v>
      </c>
      <c r="E4147" s="977" t="s">
        <v>35678</v>
      </c>
      <c r="F4147" s="964" t="s">
        <v>35679</v>
      </c>
    </row>
    <row r="4148" spans="2:6" ht="27">
      <c r="B4148" s="981"/>
      <c r="C4148" s="977" t="s">
        <v>35680</v>
      </c>
      <c r="D4148" s="978">
        <v>587557023</v>
      </c>
      <c r="E4148" s="977" t="s">
        <v>35681</v>
      </c>
      <c r="F4148" s="964" t="s">
        <v>35682</v>
      </c>
    </row>
    <row r="4149" spans="2:6" ht="94.5">
      <c r="B4149" s="981"/>
      <c r="C4149" s="977" t="s">
        <v>35683</v>
      </c>
      <c r="D4149" s="978">
        <v>895639959</v>
      </c>
      <c r="E4149" s="977" t="s">
        <v>35684</v>
      </c>
      <c r="F4149" s="964" t="s">
        <v>35685</v>
      </c>
    </row>
    <row r="4150" spans="2:6" ht="27">
      <c r="C4150" s="979" t="s">
        <v>35683</v>
      </c>
      <c r="D4150" s="980">
        <v>595633299</v>
      </c>
      <c r="E4150" s="979" t="s">
        <v>35686</v>
      </c>
      <c r="F4150" s="964" t="s">
        <v>35687</v>
      </c>
    </row>
    <row r="4151" spans="2:6" ht="27">
      <c r="C4151" s="979" t="s">
        <v>35683</v>
      </c>
      <c r="D4151" s="980">
        <v>856949666</v>
      </c>
      <c r="E4151" s="979" t="s">
        <v>35688</v>
      </c>
      <c r="F4151" s="964" t="s">
        <v>35689</v>
      </c>
    </row>
    <row r="4152" spans="2:6" ht="67.5">
      <c r="C4152" s="979" t="s">
        <v>35683</v>
      </c>
      <c r="D4152" s="980">
        <v>899749688</v>
      </c>
      <c r="E4152" s="979" t="s">
        <v>35690</v>
      </c>
      <c r="F4152" s="964" t="s">
        <v>35691</v>
      </c>
    </row>
    <row r="4153" spans="2:6" ht="13.5">
      <c r="C4153" s="964" t="s">
        <v>35692</v>
      </c>
      <c r="D4153" s="965">
        <v>10377</v>
      </c>
      <c r="E4153" s="964" t="s">
        <v>35693</v>
      </c>
      <c r="F4153" s="964" t="s">
        <v>35692</v>
      </c>
    </row>
    <row r="4154" spans="2:6" ht="27">
      <c r="C4154" s="964" t="s">
        <v>35692</v>
      </c>
      <c r="D4154" s="965">
        <v>1969</v>
      </c>
      <c r="E4154" s="964" t="s">
        <v>35694</v>
      </c>
      <c r="F4154" s="964" t="s">
        <v>35695</v>
      </c>
    </row>
    <row r="4155" spans="2:6" ht="27">
      <c r="C4155" s="964" t="s">
        <v>35692</v>
      </c>
      <c r="D4155" s="965">
        <v>141405521</v>
      </c>
      <c r="E4155" s="964" t="s">
        <v>35696</v>
      </c>
      <c r="F4155" s="964" t="s">
        <v>35697</v>
      </c>
    </row>
    <row r="4156" spans="2:6" ht="13.5">
      <c r="C4156" s="964" t="s">
        <v>35698</v>
      </c>
      <c r="D4156" s="965">
        <v>1646297</v>
      </c>
      <c r="E4156" s="964" t="s">
        <v>35699</v>
      </c>
      <c r="F4156" s="964" t="s">
        <v>35700</v>
      </c>
    </row>
    <row r="4157" spans="2:6" ht="13.5">
      <c r="C4157" s="964" t="s">
        <v>35698</v>
      </c>
      <c r="D4157" s="965">
        <v>10394</v>
      </c>
      <c r="E4157" s="964" t="s">
        <v>35701</v>
      </c>
      <c r="F4157" s="964" t="s">
        <v>35702</v>
      </c>
    </row>
    <row r="4158" spans="2:6" ht="13.5">
      <c r="C4158" s="964" t="s">
        <v>35698</v>
      </c>
      <c r="D4158" s="965">
        <v>10393</v>
      </c>
      <c r="E4158" s="964" t="s">
        <v>35703</v>
      </c>
      <c r="F4158" s="964" t="s">
        <v>35704</v>
      </c>
    </row>
    <row r="4159" spans="2:6" ht="13.5">
      <c r="C4159" s="964" t="s">
        <v>35698</v>
      </c>
      <c r="D4159" s="965">
        <v>3381</v>
      </c>
      <c r="E4159" s="964" t="s">
        <v>35705</v>
      </c>
      <c r="F4159" s="964" t="s">
        <v>35706</v>
      </c>
    </row>
    <row r="4160" spans="2:6" ht="13.5">
      <c r="C4160" s="964" t="s">
        <v>35698</v>
      </c>
      <c r="D4160" s="965">
        <v>1270</v>
      </c>
      <c r="E4160" s="964" t="s">
        <v>35707</v>
      </c>
      <c r="F4160" s="964" t="s">
        <v>35708</v>
      </c>
    </row>
    <row r="4161" spans="3:6" ht="13.5">
      <c r="C4161" s="964" t="s">
        <v>35698</v>
      </c>
      <c r="D4161" s="965">
        <v>5682983</v>
      </c>
      <c r="E4161" s="964" t="s">
        <v>35709</v>
      </c>
      <c r="F4161" s="964" t="s">
        <v>35710</v>
      </c>
    </row>
    <row r="4162" spans="3:6" ht="13.5">
      <c r="C4162" s="964" t="s">
        <v>35698</v>
      </c>
      <c r="D4162" s="965">
        <v>8915683</v>
      </c>
      <c r="E4162" s="964" t="s">
        <v>35711</v>
      </c>
      <c r="F4162" s="964" t="s">
        <v>35712</v>
      </c>
    </row>
    <row r="4163" spans="3:6" ht="13.5">
      <c r="C4163" s="964" t="s">
        <v>35698</v>
      </c>
      <c r="D4163" s="965">
        <v>1166772</v>
      </c>
      <c r="E4163" s="964" t="s">
        <v>35713</v>
      </c>
      <c r="F4163" s="964" t="s">
        <v>35714</v>
      </c>
    </row>
    <row r="4164" spans="3:6" ht="13.5">
      <c r="C4164" s="964" t="s">
        <v>35698</v>
      </c>
      <c r="D4164" s="965">
        <v>10396</v>
      </c>
      <c r="E4164" s="964" t="s">
        <v>35715</v>
      </c>
      <c r="F4164" s="964" t="s">
        <v>35716</v>
      </c>
    </row>
    <row r="4165" spans="3:6" ht="27">
      <c r="C4165" s="977" t="s">
        <v>35698</v>
      </c>
      <c r="D4165" s="978">
        <v>2611775</v>
      </c>
      <c r="E4165" s="977" t="s">
        <v>35717</v>
      </c>
      <c r="F4165" s="964" t="s">
        <v>35718</v>
      </c>
    </row>
    <row r="4166" spans="3:6" ht="13.5">
      <c r="C4166" s="977" t="s">
        <v>35698</v>
      </c>
      <c r="D4166" s="978">
        <v>10392</v>
      </c>
      <c r="E4166" s="977" t="s">
        <v>35719</v>
      </c>
      <c r="F4166" s="964" t="s">
        <v>35720</v>
      </c>
    </row>
    <row r="4167" spans="3:6" ht="27">
      <c r="C4167" s="977" t="s">
        <v>35698</v>
      </c>
      <c r="D4167" s="978">
        <v>1166829</v>
      </c>
      <c r="E4167" s="977" t="s">
        <v>35721</v>
      </c>
      <c r="F4167" s="964" t="s">
        <v>35722</v>
      </c>
    </row>
    <row r="4168" spans="3:6" ht="27">
      <c r="C4168" s="977" t="s">
        <v>35698</v>
      </c>
      <c r="D4168" s="978">
        <v>254293</v>
      </c>
      <c r="E4168" s="977" t="s">
        <v>35723</v>
      </c>
      <c r="F4168" s="964" t="s">
        <v>35724</v>
      </c>
    </row>
    <row r="4169" spans="3:6" ht="13.5">
      <c r="C4169" s="977" t="s">
        <v>35698</v>
      </c>
      <c r="D4169" s="978">
        <v>10391</v>
      </c>
      <c r="E4169" s="977" t="s">
        <v>35725</v>
      </c>
      <c r="F4169" s="964" t="s">
        <v>35726</v>
      </c>
    </row>
    <row r="4170" spans="3:6" ht="13.5">
      <c r="C4170" s="977" t="s">
        <v>35698</v>
      </c>
      <c r="D4170" s="978">
        <v>10418</v>
      </c>
      <c r="E4170" s="977" t="s">
        <v>35727</v>
      </c>
      <c r="F4170" s="964" t="s">
        <v>35728</v>
      </c>
    </row>
    <row r="4171" spans="3:6" ht="27">
      <c r="C4171" s="977" t="s">
        <v>35698</v>
      </c>
      <c r="D4171" s="978">
        <v>90057036</v>
      </c>
      <c r="E4171" s="977" t="s">
        <v>35729</v>
      </c>
      <c r="F4171" s="964" t="s">
        <v>35730</v>
      </c>
    </row>
    <row r="4172" spans="3:6" ht="27">
      <c r="C4172" s="977" t="s">
        <v>35698</v>
      </c>
      <c r="D4172" s="978">
        <v>138728686</v>
      </c>
      <c r="E4172" s="977" t="s">
        <v>35731</v>
      </c>
      <c r="F4172" s="964" t="s">
        <v>35732</v>
      </c>
    </row>
    <row r="4173" spans="3:6" ht="27">
      <c r="C4173" s="977" t="s">
        <v>35698</v>
      </c>
      <c r="D4173" s="978">
        <v>120619136</v>
      </c>
      <c r="E4173" s="977" t="s">
        <v>35733</v>
      </c>
      <c r="F4173" s="964" t="s">
        <v>35734</v>
      </c>
    </row>
    <row r="4174" spans="3:6" ht="13.5">
      <c r="C4174" s="977" t="s">
        <v>35698</v>
      </c>
      <c r="D4174" s="978">
        <v>10423</v>
      </c>
      <c r="E4174" s="977" t="s">
        <v>35735</v>
      </c>
      <c r="F4174" s="964" t="s">
        <v>35736</v>
      </c>
    </row>
    <row r="4175" spans="3:6" ht="27">
      <c r="C4175" s="977" t="s">
        <v>35698</v>
      </c>
      <c r="D4175" s="978">
        <v>73943671</v>
      </c>
      <c r="E4175" s="977" t="s">
        <v>35737</v>
      </c>
      <c r="F4175" s="964" t="s">
        <v>35738</v>
      </c>
    </row>
    <row r="4176" spans="3:6" ht="40.5">
      <c r="C4176" s="977" t="s">
        <v>35698</v>
      </c>
      <c r="D4176" s="978">
        <v>41755818</v>
      </c>
      <c r="E4176" s="977" t="s">
        <v>35739</v>
      </c>
      <c r="F4176" s="964" t="s">
        <v>35740</v>
      </c>
    </row>
    <row r="4177" spans="3:6" ht="54">
      <c r="C4177" s="977" t="s">
        <v>35698</v>
      </c>
      <c r="D4177" s="978">
        <v>25404158</v>
      </c>
      <c r="E4177" s="977" t="s">
        <v>35741</v>
      </c>
      <c r="F4177" s="964" t="s">
        <v>35742</v>
      </c>
    </row>
    <row r="4178" spans="3:6" ht="13.5">
      <c r="C4178" s="977" t="s">
        <v>35698</v>
      </c>
      <c r="D4178" s="978">
        <v>10417</v>
      </c>
      <c r="E4178" s="977" t="s">
        <v>35743</v>
      </c>
      <c r="F4178" s="964" t="s">
        <v>35744</v>
      </c>
    </row>
    <row r="4179" spans="3:6" ht="13.5">
      <c r="C4179" s="977" t="s">
        <v>35698</v>
      </c>
      <c r="D4179" s="978">
        <v>10420</v>
      </c>
      <c r="E4179" s="977" t="s">
        <v>35745</v>
      </c>
      <c r="F4179" s="964" t="s">
        <v>35746</v>
      </c>
    </row>
    <row r="4180" spans="3:6" ht="27">
      <c r="C4180" s="977" t="s">
        <v>35698</v>
      </c>
      <c r="D4180" s="978">
        <v>33737837</v>
      </c>
      <c r="E4180" s="977" t="s">
        <v>35747</v>
      </c>
      <c r="F4180" s="964" t="s">
        <v>35748</v>
      </c>
    </row>
    <row r="4181" spans="3:6" ht="40.5">
      <c r="C4181" s="977" t="s">
        <v>35698</v>
      </c>
      <c r="D4181" s="978">
        <v>25404046</v>
      </c>
      <c r="E4181" s="977" t="s">
        <v>35749</v>
      </c>
      <c r="F4181" s="964" t="s">
        <v>35750</v>
      </c>
    </row>
    <row r="4182" spans="3:6" ht="13.5">
      <c r="C4182" s="977" t="s">
        <v>35698</v>
      </c>
      <c r="D4182" s="978">
        <v>21433424</v>
      </c>
      <c r="E4182" s="977" t="s">
        <v>35751</v>
      </c>
      <c r="F4182" s="964" t="s">
        <v>35752</v>
      </c>
    </row>
    <row r="4183" spans="3:6" ht="40.5">
      <c r="C4183" s="977" t="s">
        <v>35698</v>
      </c>
      <c r="D4183" s="978">
        <v>9302215</v>
      </c>
      <c r="E4183" s="977" t="s">
        <v>35753</v>
      </c>
      <c r="F4183" s="964" t="s">
        <v>35754</v>
      </c>
    </row>
    <row r="4184" spans="3:6" ht="27">
      <c r="C4184" s="977" t="s">
        <v>35698</v>
      </c>
      <c r="D4184" s="978">
        <v>3784676</v>
      </c>
      <c r="E4184" s="977" t="s">
        <v>35755</v>
      </c>
      <c r="F4184" s="964" t="s">
        <v>35756</v>
      </c>
    </row>
    <row r="4185" spans="3:6" ht="27">
      <c r="C4185" s="977" t="s">
        <v>35698</v>
      </c>
      <c r="D4185" s="978">
        <v>14592253</v>
      </c>
      <c r="E4185" s="977" t="s">
        <v>77</v>
      </c>
      <c r="F4185" s="964" t="s">
        <v>35757</v>
      </c>
    </row>
    <row r="4186" spans="3:6" ht="27">
      <c r="C4186" s="977" t="s">
        <v>35698</v>
      </c>
      <c r="D4186" s="978">
        <v>33720768</v>
      </c>
      <c r="E4186" s="977" t="s">
        <v>35758</v>
      </c>
      <c r="F4186" s="964" t="s">
        <v>35759</v>
      </c>
    </row>
    <row r="4187" spans="3:6" ht="40.5">
      <c r="C4187" s="977" t="s">
        <v>35698</v>
      </c>
      <c r="D4187" s="978">
        <v>49991067</v>
      </c>
      <c r="E4187" s="977" t="s">
        <v>35760</v>
      </c>
      <c r="F4187" s="964" t="s">
        <v>35761</v>
      </c>
    </row>
    <row r="4188" spans="3:6" ht="40.5">
      <c r="C4188" s="977" t="s">
        <v>35698</v>
      </c>
      <c r="D4188" s="978">
        <v>164282891</v>
      </c>
      <c r="E4188" s="977" t="s">
        <v>35762</v>
      </c>
      <c r="F4188" s="964" t="s">
        <v>35763</v>
      </c>
    </row>
    <row r="4189" spans="3:6" ht="13.5">
      <c r="C4189" s="977" t="s">
        <v>35698</v>
      </c>
      <c r="D4189" s="978">
        <v>10422</v>
      </c>
      <c r="E4189" s="977" t="s">
        <v>35764</v>
      </c>
      <c r="F4189" s="964" t="s">
        <v>35765</v>
      </c>
    </row>
    <row r="4190" spans="3:6" ht="27">
      <c r="C4190" s="977" t="s">
        <v>35698</v>
      </c>
      <c r="D4190" s="978">
        <v>14648789</v>
      </c>
      <c r="E4190" s="977" t="s">
        <v>35766</v>
      </c>
      <c r="F4190" s="964" t="s">
        <v>35767</v>
      </c>
    </row>
    <row r="4191" spans="3:6" ht="40.5">
      <c r="C4191" s="977" t="s">
        <v>35698</v>
      </c>
      <c r="D4191" s="978">
        <v>18165182</v>
      </c>
      <c r="E4191" s="977" t="s">
        <v>35768</v>
      </c>
      <c r="F4191" s="964" t="s">
        <v>35769</v>
      </c>
    </row>
    <row r="4192" spans="3:6" ht="27">
      <c r="C4192" s="977" t="s">
        <v>35698</v>
      </c>
      <c r="D4192" s="978">
        <v>18375676</v>
      </c>
      <c r="E4192" s="977" t="s">
        <v>35770</v>
      </c>
      <c r="F4192" s="964" t="s">
        <v>35771</v>
      </c>
    </row>
    <row r="4193" spans="3:6" ht="27">
      <c r="C4193" s="977" t="s">
        <v>35698</v>
      </c>
      <c r="D4193" s="978">
        <v>26088167</v>
      </c>
      <c r="E4193" s="977" t="s">
        <v>35772</v>
      </c>
      <c r="F4193" s="964" t="s">
        <v>35773</v>
      </c>
    </row>
    <row r="4194" spans="3:6" ht="67.5">
      <c r="C4194" s="977" t="s">
        <v>35698</v>
      </c>
      <c r="D4194" s="978">
        <v>480517597</v>
      </c>
      <c r="E4194" s="977" t="s">
        <v>35774</v>
      </c>
      <c r="F4194" s="964" t="s">
        <v>35775</v>
      </c>
    </row>
    <row r="4195" spans="3:6" ht="13.5">
      <c r="C4195" s="977" t="s">
        <v>35698</v>
      </c>
      <c r="D4195" s="978">
        <v>10416</v>
      </c>
      <c r="E4195" s="977" t="s">
        <v>35776</v>
      </c>
      <c r="F4195" s="964" t="s">
        <v>35777</v>
      </c>
    </row>
    <row r="4196" spans="3:6" ht="27">
      <c r="C4196" s="977" t="s">
        <v>35698</v>
      </c>
      <c r="D4196" s="978">
        <v>532540595</v>
      </c>
      <c r="E4196" s="977" t="s">
        <v>35778</v>
      </c>
      <c r="F4196" s="964" t="s">
        <v>35779</v>
      </c>
    </row>
    <row r="4197" spans="3:6" ht="40.5">
      <c r="C4197" s="977" t="s">
        <v>35698</v>
      </c>
      <c r="D4197" s="978">
        <v>142501159</v>
      </c>
      <c r="E4197" s="977" t="s">
        <v>35780</v>
      </c>
      <c r="F4197" s="964" t="s">
        <v>35781</v>
      </c>
    </row>
    <row r="4198" spans="3:6" ht="13.5">
      <c r="C4198" s="977" t="s">
        <v>35698</v>
      </c>
      <c r="D4198" s="978">
        <v>10421</v>
      </c>
      <c r="E4198" s="977" t="s">
        <v>35782</v>
      </c>
      <c r="F4198" s="964" t="s">
        <v>35783</v>
      </c>
    </row>
    <row r="4199" spans="3:6" ht="27">
      <c r="C4199" s="977" t="s">
        <v>35698</v>
      </c>
      <c r="D4199" s="978">
        <v>470530814</v>
      </c>
      <c r="E4199" s="977" t="s">
        <v>35784</v>
      </c>
      <c r="F4199" s="964" t="s">
        <v>35785</v>
      </c>
    </row>
    <row r="4200" spans="3:6" ht="54">
      <c r="C4200" s="977" t="s">
        <v>35698</v>
      </c>
      <c r="D4200" s="978">
        <v>120619176</v>
      </c>
      <c r="E4200" s="977" t="s">
        <v>35786</v>
      </c>
      <c r="F4200" s="964" t="s">
        <v>35787</v>
      </c>
    </row>
    <row r="4201" spans="3:6" ht="27">
      <c r="C4201" s="977" t="s">
        <v>35698</v>
      </c>
      <c r="D4201" s="978">
        <v>120619211</v>
      </c>
      <c r="E4201" s="977" t="s">
        <v>35788</v>
      </c>
      <c r="F4201" s="964" t="s">
        <v>35789</v>
      </c>
    </row>
    <row r="4202" spans="3:6" ht="27">
      <c r="C4202" s="977" t="s">
        <v>35698</v>
      </c>
      <c r="D4202" s="978">
        <v>115243952</v>
      </c>
      <c r="E4202" s="977" t="s">
        <v>35790</v>
      </c>
      <c r="F4202" s="964" t="s">
        <v>35791</v>
      </c>
    </row>
    <row r="4203" spans="3:6" ht="27">
      <c r="C4203" s="977" t="s">
        <v>35698</v>
      </c>
      <c r="D4203" s="978">
        <v>3784504</v>
      </c>
      <c r="E4203" s="977" t="s">
        <v>35792</v>
      </c>
      <c r="F4203" s="964" t="s">
        <v>35793</v>
      </c>
    </row>
    <row r="4204" spans="3:6" ht="40.5">
      <c r="C4204" s="977" t="s">
        <v>35698</v>
      </c>
      <c r="D4204" s="978">
        <v>146481444</v>
      </c>
      <c r="E4204" s="977" t="s">
        <v>35794</v>
      </c>
      <c r="F4204" s="964" t="s">
        <v>35795</v>
      </c>
    </row>
    <row r="4205" spans="3:6" ht="27">
      <c r="C4205" s="977" t="s">
        <v>35698</v>
      </c>
      <c r="D4205" s="978">
        <v>655943862</v>
      </c>
      <c r="E4205" s="977" t="s">
        <v>35796</v>
      </c>
      <c r="F4205" s="964" t="s">
        <v>35797</v>
      </c>
    </row>
    <row r="4206" spans="3:6" ht="27">
      <c r="C4206" s="977" t="s">
        <v>35698</v>
      </c>
      <c r="D4206" s="978">
        <v>495452712</v>
      </c>
      <c r="E4206" s="977" t="s">
        <v>35798</v>
      </c>
      <c r="F4206" s="964" t="s">
        <v>35799</v>
      </c>
    </row>
    <row r="4207" spans="3:6" ht="13.5">
      <c r="C4207" s="977" t="s">
        <v>35698</v>
      </c>
      <c r="D4207" s="978">
        <v>292614940</v>
      </c>
      <c r="E4207" s="977" t="s">
        <v>35800</v>
      </c>
      <c r="F4207" s="964" t="s">
        <v>35801</v>
      </c>
    </row>
    <row r="4208" spans="3:6" ht="27">
      <c r="C4208" s="977" t="s">
        <v>35698</v>
      </c>
      <c r="D4208" s="978">
        <v>676152058</v>
      </c>
      <c r="E4208" s="977" t="s">
        <v>35802</v>
      </c>
      <c r="F4208" s="964" t="s">
        <v>35803</v>
      </c>
    </row>
    <row r="4209" spans="3:6" ht="27">
      <c r="C4209" s="977" t="s">
        <v>35698</v>
      </c>
      <c r="D4209" s="978">
        <v>495454629</v>
      </c>
      <c r="E4209" s="977" t="s">
        <v>35804</v>
      </c>
      <c r="F4209" s="964" t="s">
        <v>35805</v>
      </c>
    </row>
    <row r="4210" spans="3:6" ht="13.5">
      <c r="C4210" s="977" t="s">
        <v>35698</v>
      </c>
      <c r="D4210" s="978">
        <v>495454708</v>
      </c>
      <c r="E4210" s="977" t="s">
        <v>35806</v>
      </c>
      <c r="F4210" s="964" t="s">
        <v>35807</v>
      </c>
    </row>
    <row r="4211" spans="3:6" ht="54">
      <c r="C4211" s="977" t="s">
        <v>35698</v>
      </c>
      <c r="D4211" s="978">
        <v>517543925</v>
      </c>
      <c r="E4211" s="977" t="s">
        <v>35808</v>
      </c>
      <c r="F4211" s="964" t="s">
        <v>35809</v>
      </c>
    </row>
    <row r="4212" spans="3:6" ht="27">
      <c r="C4212" s="977" t="s">
        <v>35698</v>
      </c>
      <c r="D4212" s="978">
        <v>564574411</v>
      </c>
      <c r="E4212" s="977" t="s">
        <v>35810</v>
      </c>
      <c r="F4212" s="964" t="s">
        <v>35811</v>
      </c>
    </row>
    <row r="4213" spans="3:6" ht="13.5">
      <c r="C4213" s="977" t="s">
        <v>35698</v>
      </c>
      <c r="D4213" s="978">
        <v>10424</v>
      </c>
      <c r="E4213" s="977" t="s">
        <v>35812</v>
      </c>
      <c r="F4213" s="964" t="s">
        <v>35813</v>
      </c>
    </row>
    <row r="4214" spans="3:6" ht="67.5">
      <c r="C4214" s="977" t="s">
        <v>35698</v>
      </c>
      <c r="D4214" s="978">
        <v>646156019</v>
      </c>
      <c r="E4214" s="977" t="s">
        <v>35814</v>
      </c>
      <c r="F4214" s="964" t="s">
        <v>35815</v>
      </c>
    </row>
    <row r="4215" spans="3:6" ht="54">
      <c r="C4215" s="977" t="s">
        <v>35698</v>
      </c>
      <c r="D4215" s="978">
        <v>8989514</v>
      </c>
      <c r="E4215" s="977" t="s">
        <v>35816</v>
      </c>
      <c r="F4215" s="964" t="s">
        <v>35817</v>
      </c>
    </row>
    <row r="4216" spans="3:6" ht="54">
      <c r="C4216" s="977" t="s">
        <v>35698</v>
      </c>
      <c r="D4216" s="978">
        <v>506273312</v>
      </c>
      <c r="E4216" s="977" t="s">
        <v>35818</v>
      </c>
      <c r="F4216" s="964" t="s">
        <v>35819</v>
      </c>
    </row>
    <row r="4217" spans="3:6" ht="27">
      <c r="C4217" s="977" t="s">
        <v>35698</v>
      </c>
      <c r="D4217" s="978">
        <v>669613956</v>
      </c>
      <c r="E4217" s="977" t="s">
        <v>35820</v>
      </c>
      <c r="F4217" s="964" t="s">
        <v>35821</v>
      </c>
    </row>
    <row r="4218" spans="3:6" ht="40.5">
      <c r="C4218" s="977" t="s">
        <v>35698</v>
      </c>
      <c r="D4218" s="978">
        <v>710396990</v>
      </c>
      <c r="E4218" s="977" t="s">
        <v>35822</v>
      </c>
      <c r="F4218" s="964" t="s">
        <v>35823</v>
      </c>
    </row>
    <row r="4219" spans="3:6" ht="40.5">
      <c r="C4219" s="977" t="s">
        <v>35698</v>
      </c>
      <c r="D4219" s="978">
        <v>53938152</v>
      </c>
      <c r="E4219" s="977" t="s">
        <v>77</v>
      </c>
      <c r="F4219" s="964" t="s">
        <v>35824</v>
      </c>
    </row>
    <row r="4220" spans="3:6" ht="40.5">
      <c r="C4220" s="977" t="s">
        <v>35698</v>
      </c>
      <c r="D4220" s="978">
        <v>509231686</v>
      </c>
      <c r="E4220" s="977" t="s">
        <v>35825</v>
      </c>
      <c r="F4220" s="964" t="s">
        <v>35826</v>
      </c>
    </row>
    <row r="4221" spans="3:6" ht="40.5">
      <c r="C4221" s="977" t="s">
        <v>35698</v>
      </c>
      <c r="D4221" s="978">
        <v>811502725</v>
      </c>
      <c r="E4221" s="977" t="s">
        <v>35827</v>
      </c>
      <c r="F4221" s="964" t="s">
        <v>35828</v>
      </c>
    </row>
    <row r="4222" spans="3:6" ht="27">
      <c r="C4222" s="977" t="s">
        <v>35698</v>
      </c>
      <c r="D4222" s="978">
        <v>833380994</v>
      </c>
      <c r="E4222" s="977" t="s">
        <v>35829</v>
      </c>
      <c r="F4222" s="964" t="s">
        <v>35830</v>
      </c>
    </row>
    <row r="4223" spans="3:6" ht="27">
      <c r="C4223" s="977" t="s">
        <v>35698</v>
      </c>
      <c r="D4223" s="978">
        <v>846831071</v>
      </c>
      <c r="E4223" s="977" t="s">
        <v>35831</v>
      </c>
      <c r="F4223" s="964" t="s">
        <v>35832</v>
      </c>
    </row>
    <row r="4224" spans="3:6" ht="40.5">
      <c r="C4224" s="977" t="s">
        <v>35698</v>
      </c>
      <c r="D4224" s="978">
        <v>722008047</v>
      </c>
      <c r="E4224" s="977" t="s">
        <v>35833</v>
      </c>
      <c r="F4224" s="964" t="s">
        <v>35834</v>
      </c>
    </row>
    <row r="4225" spans="3:6" ht="40.5">
      <c r="C4225" s="977" t="s">
        <v>35698</v>
      </c>
      <c r="D4225" s="978">
        <v>912689159</v>
      </c>
      <c r="E4225" s="977" t="s">
        <v>35835</v>
      </c>
      <c r="F4225" s="964" t="s">
        <v>35836</v>
      </c>
    </row>
    <row r="4226" spans="3:6" ht="40.5">
      <c r="C4226" s="977" t="s">
        <v>35698</v>
      </c>
      <c r="D4226" s="978">
        <v>942741508</v>
      </c>
      <c r="E4226" s="977" t="s">
        <v>35837</v>
      </c>
      <c r="F4226" s="964" t="s">
        <v>35838</v>
      </c>
    </row>
    <row r="4227" spans="3:6" ht="81">
      <c r="C4227" s="977" t="s">
        <v>35698</v>
      </c>
      <c r="D4227" s="978">
        <v>946375288</v>
      </c>
      <c r="E4227" s="977" t="s">
        <v>35839</v>
      </c>
      <c r="F4227" s="964" t="s">
        <v>35840</v>
      </c>
    </row>
    <row r="4228" spans="3:6" ht="27">
      <c r="C4228" s="977" t="s">
        <v>35698</v>
      </c>
      <c r="D4228" s="978">
        <v>946375437</v>
      </c>
      <c r="E4228" s="977" t="s">
        <v>35841</v>
      </c>
      <c r="F4228" s="964" t="s">
        <v>35842</v>
      </c>
    </row>
    <row r="4229" spans="3:6" ht="54">
      <c r="C4229" s="977" t="s">
        <v>35843</v>
      </c>
      <c r="D4229" s="978">
        <v>164902631</v>
      </c>
      <c r="E4229" s="977" t="s">
        <v>77</v>
      </c>
      <c r="F4229" s="964" t="s">
        <v>35844</v>
      </c>
    </row>
    <row r="4230" spans="3:6" ht="108">
      <c r="C4230" s="977" t="s">
        <v>35845</v>
      </c>
      <c r="D4230" s="978">
        <v>37981411</v>
      </c>
      <c r="E4230" s="977" t="s">
        <v>35846</v>
      </c>
      <c r="F4230" s="964" t="s">
        <v>35847</v>
      </c>
    </row>
    <row r="4231" spans="3:6" ht="94.5">
      <c r="C4231" s="977" t="s">
        <v>35845</v>
      </c>
      <c r="D4231" s="978">
        <v>53466104</v>
      </c>
      <c r="E4231" s="977" t="s">
        <v>35848</v>
      </c>
      <c r="F4231" s="964" t="s">
        <v>35849</v>
      </c>
    </row>
    <row r="4232" spans="3:6" ht="162">
      <c r="C4232" s="977" t="s">
        <v>35850</v>
      </c>
      <c r="D4232" s="978">
        <v>84794543</v>
      </c>
      <c r="E4232" s="977" t="s">
        <v>35851</v>
      </c>
      <c r="F4232" s="964" t="s">
        <v>35852</v>
      </c>
    </row>
    <row r="4233" spans="3:6" ht="54">
      <c r="C4233" s="977" t="s">
        <v>35850</v>
      </c>
      <c r="D4233" s="978">
        <v>151859891</v>
      </c>
      <c r="E4233" s="977" t="s">
        <v>35853</v>
      </c>
      <c r="F4233" s="964" t="s">
        <v>35854</v>
      </c>
    </row>
    <row r="4234" spans="3:6" ht="94.5">
      <c r="C4234" s="977" t="s">
        <v>35855</v>
      </c>
      <c r="D4234" s="978">
        <v>42646166</v>
      </c>
      <c r="E4234" s="977" t="s">
        <v>35856</v>
      </c>
      <c r="F4234" s="964" t="s">
        <v>35857</v>
      </c>
    </row>
    <row r="4235" spans="3:6" ht="81">
      <c r="C4235" s="977" t="s">
        <v>35855</v>
      </c>
      <c r="D4235" s="978">
        <v>670658652</v>
      </c>
      <c r="E4235" s="977" t="s">
        <v>35858</v>
      </c>
      <c r="F4235" s="964" t="s">
        <v>35859</v>
      </c>
    </row>
    <row r="4236" spans="3:6" ht="67.5">
      <c r="C4236" s="977" t="s">
        <v>35855</v>
      </c>
      <c r="D4236" s="978">
        <v>114399013</v>
      </c>
      <c r="E4236" s="977" t="s">
        <v>35860</v>
      </c>
      <c r="F4236" s="964" t="s">
        <v>35861</v>
      </c>
    </row>
    <row r="4237" spans="3:6" ht="13.5">
      <c r="C4237" s="977" t="s">
        <v>35862</v>
      </c>
      <c r="D4237" s="978">
        <v>20475317</v>
      </c>
      <c r="E4237" s="977" t="s">
        <v>35863</v>
      </c>
      <c r="F4237" s="964" t="s">
        <v>35864</v>
      </c>
    </row>
    <row r="4238" spans="3:6" ht="13.5">
      <c r="C4238" s="977" t="s">
        <v>35862</v>
      </c>
      <c r="D4238" s="978">
        <v>2281</v>
      </c>
      <c r="E4238" s="977" t="s">
        <v>35865</v>
      </c>
      <c r="F4238" s="964" t="s">
        <v>35866</v>
      </c>
    </row>
    <row r="4239" spans="3:6" ht="27">
      <c r="C4239" s="977" t="s">
        <v>35862</v>
      </c>
      <c r="D4239" s="978">
        <v>1785659</v>
      </c>
      <c r="E4239" s="977" t="s">
        <v>15133</v>
      </c>
      <c r="F4239" s="964" t="s">
        <v>35867</v>
      </c>
    </row>
    <row r="4240" spans="3:6" ht="27">
      <c r="C4240" s="977" t="s">
        <v>35862</v>
      </c>
      <c r="D4240" s="978">
        <v>3132</v>
      </c>
      <c r="E4240" s="977" t="s">
        <v>77</v>
      </c>
      <c r="F4240" s="964" t="s">
        <v>35868</v>
      </c>
    </row>
    <row r="4241" spans="3:6" ht="27">
      <c r="C4241" s="977" t="s">
        <v>35862</v>
      </c>
      <c r="D4241" s="978">
        <v>670169</v>
      </c>
      <c r="E4241" s="977" t="s">
        <v>35869</v>
      </c>
      <c r="F4241" s="964" t="s">
        <v>35870</v>
      </c>
    </row>
    <row r="4242" spans="3:6" ht="27">
      <c r="C4242" s="977" t="s">
        <v>35862</v>
      </c>
      <c r="D4242" s="978">
        <v>2293</v>
      </c>
      <c r="E4242" s="977" t="s">
        <v>35871</v>
      </c>
      <c r="F4242" s="964" t="s">
        <v>35872</v>
      </c>
    </row>
    <row r="4243" spans="3:6" ht="54">
      <c r="C4243" s="977" t="s">
        <v>35862</v>
      </c>
      <c r="D4243" s="978">
        <v>53938474</v>
      </c>
      <c r="E4243" s="977" t="s">
        <v>35873</v>
      </c>
      <c r="F4243" s="964" t="s">
        <v>35874</v>
      </c>
    </row>
    <row r="4244" spans="3:6" ht="27">
      <c r="C4244" s="977" t="s">
        <v>35862</v>
      </c>
      <c r="D4244" s="978">
        <v>4481067</v>
      </c>
      <c r="E4244" s="977" t="s">
        <v>35875</v>
      </c>
      <c r="F4244" s="964" t="s">
        <v>35876</v>
      </c>
    </row>
    <row r="4245" spans="3:6" ht="54">
      <c r="C4245" s="977" t="s">
        <v>35862</v>
      </c>
      <c r="D4245" s="978">
        <v>421862</v>
      </c>
      <c r="E4245" s="977" t="s">
        <v>35877</v>
      </c>
      <c r="F4245" s="964" t="s">
        <v>35878</v>
      </c>
    </row>
    <row r="4246" spans="3:6" ht="40.5">
      <c r="C4246" s="977" t="s">
        <v>35862</v>
      </c>
      <c r="D4246" s="978">
        <v>2285</v>
      </c>
      <c r="E4246" s="977" t="s">
        <v>35879</v>
      </c>
      <c r="F4246" s="964" t="s">
        <v>35880</v>
      </c>
    </row>
    <row r="4247" spans="3:6" ht="27">
      <c r="C4247" s="977" t="s">
        <v>35862</v>
      </c>
      <c r="D4247" s="978">
        <v>39499</v>
      </c>
      <c r="E4247" s="977" t="s">
        <v>35881</v>
      </c>
      <c r="F4247" s="964" t="s">
        <v>35882</v>
      </c>
    </row>
    <row r="4248" spans="3:6" ht="54">
      <c r="C4248" s="977" t="s">
        <v>35862</v>
      </c>
      <c r="D4248" s="978">
        <v>20475323</v>
      </c>
      <c r="E4248" s="977" t="s">
        <v>16888</v>
      </c>
      <c r="F4248" s="964" t="s">
        <v>35883</v>
      </c>
    </row>
    <row r="4249" spans="3:6" ht="27">
      <c r="C4249" s="977" t="s">
        <v>35862</v>
      </c>
      <c r="D4249" s="978">
        <v>7275612</v>
      </c>
      <c r="E4249" s="977" t="s">
        <v>35884</v>
      </c>
      <c r="F4249" s="964" t="s">
        <v>35885</v>
      </c>
    </row>
    <row r="4250" spans="3:6" ht="13.5">
      <c r="C4250" s="977" t="s">
        <v>35862</v>
      </c>
      <c r="D4250" s="978">
        <v>310028</v>
      </c>
      <c r="E4250" s="977" t="s">
        <v>35886</v>
      </c>
      <c r="F4250" s="964" t="s">
        <v>35887</v>
      </c>
    </row>
    <row r="4251" spans="3:6" ht="13.5">
      <c r="C4251" s="977" t="s">
        <v>35862</v>
      </c>
      <c r="D4251" s="978">
        <v>45732</v>
      </c>
      <c r="E4251" s="977" t="s">
        <v>35888</v>
      </c>
      <c r="F4251" s="964" t="s">
        <v>35889</v>
      </c>
    </row>
    <row r="4252" spans="3:6" ht="27">
      <c r="C4252" s="977" t="s">
        <v>35862</v>
      </c>
      <c r="D4252" s="978">
        <v>2280</v>
      </c>
      <c r="E4252" s="977" t="s">
        <v>35890</v>
      </c>
      <c r="F4252" s="964" t="s">
        <v>35891</v>
      </c>
    </row>
    <row r="4253" spans="3:6" ht="54">
      <c r="C4253" s="977" t="s">
        <v>35862</v>
      </c>
      <c r="D4253" s="978">
        <v>2755868</v>
      </c>
      <c r="E4253" s="977" t="s">
        <v>35892</v>
      </c>
      <c r="F4253" s="964" t="s">
        <v>35893</v>
      </c>
    </row>
    <row r="4254" spans="3:6" ht="40.5">
      <c r="C4254" s="977" t="s">
        <v>35862</v>
      </c>
      <c r="D4254" s="978">
        <v>923926</v>
      </c>
      <c r="E4254" s="977" t="s">
        <v>35894</v>
      </c>
      <c r="F4254" s="964" t="s">
        <v>35895</v>
      </c>
    </row>
    <row r="4255" spans="3:6" ht="27">
      <c r="C4255" s="977" t="s">
        <v>35862</v>
      </c>
      <c r="D4255" s="978">
        <v>4453749</v>
      </c>
      <c r="E4255" s="977" t="s">
        <v>35896</v>
      </c>
      <c r="F4255" s="964" t="s">
        <v>35897</v>
      </c>
    </row>
    <row r="4256" spans="3:6" ht="54">
      <c r="C4256" s="977" t="s">
        <v>35862</v>
      </c>
      <c r="D4256" s="978">
        <v>10842806</v>
      </c>
      <c r="E4256" s="977" t="s">
        <v>35898</v>
      </c>
      <c r="F4256" s="964" t="s">
        <v>35899</v>
      </c>
    </row>
    <row r="4257" spans="3:6" ht="67.5">
      <c r="C4257" s="977" t="s">
        <v>35862</v>
      </c>
      <c r="D4257" s="978">
        <v>96865815</v>
      </c>
      <c r="E4257" s="977" t="s">
        <v>35900</v>
      </c>
      <c r="F4257" s="964" t="s">
        <v>35901</v>
      </c>
    </row>
    <row r="4258" spans="3:6" ht="40.5">
      <c r="C4258" s="977" t="s">
        <v>35862</v>
      </c>
      <c r="D4258" s="978">
        <v>2292</v>
      </c>
      <c r="E4258" s="977" t="s">
        <v>35902</v>
      </c>
      <c r="F4258" s="964" t="s">
        <v>35903</v>
      </c>
    </row>
    <row r="4259" spans="3:6" ht="40.5">
      <c r="C4259" s="977" t="s">
        <v>35862</v>
      </c>
      <c r="D4259" s="978">
        <v>4548380</v>
      </c>
      <c r="E4259" s="977" t="s">
        <v>35904</v>
      </c>
      <c r="F4259" s="964" t="s">
        <v>35905</v>
      </c>
    </row>
    <row r="4260" spans="3:6" ht="27">
      <c r="C4260" s="977" t="s">
        <v>35862</v>
      </c>
      <c r="D4260" s="978">
        <v>286387253</v>
      </c>
      <c r="E4260" s="977" t="s">
        <v>35906</v>
      </c>
      <c r="F4260" s="964" t="s">
        <v>35907</v>
      </c>
    </row>
    <row r="4261" spans="3:6" ht="40.5">
      <c r="C4261" s="977" t="s">
        <v>35862</v>
      </c>
      <c r="D4261" s="978">
        <v>2991789</v>
      </c>
      <c r="E4261" s="977" t="s">
        <v>35908</v>
      </c>
      <c r="F4261" s="964" t="s">
        <v>35909</v>
      </c>
    </row>
    <row r="4262" spans="3:6" ht="27">
      <c r="C4262" s="977" t="s">
        <v>35862</v>
      </c>
      <c r="D4262" s="978">
        <v>25404112</v>
      </c>
      <c r="E4262" s="977" t="s">
        <v>35910</v>
      </c>
      <c r="F4262" s="964" t="s">
        <v>35911</v>
      </c>
    </row>
    <row r="4263" spans="3:6" ht="27">
      <c r="C4263" s="977" t="s">
        <v>35862</v>
      </c>
      <c r="D4263" s="978">
        <v>2294</v>
      </c>
      <c r="E4263" s="977" t="s">
        <v>35912</v>
      </c>
      <c r="F4263" s="964" t="s">
        <v>35913</v>
      </c>
    </row>
    <row r="4264" spans="3:6" ht="40.5">
      <c r="C4264" s="977" t="s">
        <v>35862</v>
      </c>
      <c r="D4264" s="978">
        <v>1265263</v>
      </c>
      <c r="E4264" s="977" t="s">
        <v>35914</v>
      </c>
      <c r="F4264" s="964" t="s">
        <v>35915</v>
      </c>
    </row>
    <row r="4265" spans="3:6" ht="40.5">
      <c r="C4265" s="977" t="s">
        <v>35862</v>
      </c>
      <c r="D4265" s="978">
        <v>2282</v>
      </c>
      <c r="E4265" s="977" t="s">
        <v>15101</v>
      </c>
      <c r="F4265" s="964" t="s">
        <v>35916</v>
      </c>
    </row>
    <row r="4266" spans="3:6" ht="40.5">
      <c r="C4266" s="977" t="s">
        <v>35862</v>
      </c>
      <c r="D4266" s="978">
        <v>10510506</v>
      </c>
      <c r="E4266" s="977" t="s">
        <v>35917</v>
      </c>
      <c r="F4266" s="964" t="s">
        <v>35918</v>
      </c>
    </row>
    <row r="4267" spans="3:6" ht="40.5">
      <c r="C4267" s="977" t="s">
        <v>35862</v>
      </c>
      <c r="D4267" s="978">
        <v>56136715</v>
      </c>
      <c r="E4267" s="977" t="s">
        <v>35919</v>
      </c>
      <c r="F4267" s="964" t="s">
        <v>35920</v>
      </c>
    </row>
    <row r="4268" spans="3:6" ht="40.5">
      <c r="C4268" s="977" t="s">
        <v>35862</v>
      </c>
      <c r="D4268" s="978">
        <v>25404363</v>
      </c>
      <c r="E4268" s="977" t="s">
        <v>35921</v>
      </c>
      <c r="F4268" s="964" t="s">
        <v>35922</v>
      </c>
    </row>
    <row r="4269" spans="3:6" ht="27">
      <c r="C4269" s="977" t="s">
        <v>35862</v>
      </c>
      <c r="D4269" s="978">
        <v>1790581</v>
      </c>
      <c r="E4269" s="977" t="s">
        <v>35923</v>
      </c>
      <c r="F4269" s="964" t="s">
        <v>35924</v>
      </c>
    </row>
    <row r="4270" spans="3:6" ht="108">
      <c r="C4270" s="977" t="s">
        <v>35862</v>
      </c>
      <c r="D4270" s="978">
        <v>238411494</v>
      </c>
      <c r="E4270" s="977" t="s">
        <v>35925</v>
      </c>
      <c r="F4270" s="964" t="s">
        <v>35926</v>
      </c>
    </row>
    <row r="4271" spans="3:6" ht="27">
      <c r="C4271" s="977" t="s">
        <v>35862</v>
      </c>
      <c r="D4271" s="978">
        <v>9988283</v>
      </c>
      <c r="E4271" s="977" t="s">
        <v>35927</v>
      </c>
      <c r="F4271" s="964" t="s">
        <v>35928</v>
      </c>
    </row>
    <row r="4272" spans="3:6" ht="81">
      <c r="C4272" s="977" t="s">
        <v>35862</v>
      </c>
      <c r="D4272" s="978">
        <v>155828673</v>
      </c>
      <c r="E4272" s="977" t="s">
        <v>35929</v>
      </c>
      <c r="F4272" s="964" t="s">
        <v>35930</v>
      </c>
    </row>
    <row r="4273" spans="3:6" ht="40.5">
      <c r="C4273" s="977" t="s">
        <v>35862</v>
      </c>
      <c r="D4273" s="978">
        <v>34530803</v>
      </c>
      <c r="E4273" s="977" t="s">
        <v>35931</v>
      </c>
      <c r="F4273" s="964" t="s">
        <v>35932</v>
      </c>
    </row>
    <row r="4274" spans="3:6" ht="40.5">
      <c r="C4274" s="977" t="s">
        <v>35862</v>
      </c>
      <c r="D4274" s="978">
        <v>627142668</v>
      </c>
      <c r="E4274" s="977" t="s">
        <v>35933</v>
      </c>
      <c r="F4274" s="964" t="s">
        <v>35934</v>
      </c>
    </row>
    <row r="4275" spans="3:6" ht="54">
      <c r="C4275" s="977" t="s">
        <v>35862</v>
      </c>
      <c r="D4275" s="978">
        <v>88221241</v>
      </c>
      <c r="E4275" s="977" t="s">
        <v>35935</v>
      </c>
      <c r="F4275" s="964" t="s">
        <v>35936</v>
      </c>
    </row>
    <row r="4276" spans="3:6" ht="67.5">
      <c r="C4276" s="977" t="s">
        <v>35862</v>
      </c>
      <c r="D4276" s="978">
        <v>590908962</v>
      </c>
      <c r="E4276" s="977" t="s">
        <v>35937</v>
      </c>
      <c r="F4276" s="964" t="s">
        <v>35938</v>
      </c>
    </row>
    <row r="4277" spans="3:6" ht="27">
      <c r="C4277" s="977" t="s">
        <v>35862</v>
      </c>
      <c r="D4277" s="978">
        <v>1790476</v>
      </c>
      <c r="E4277" s="977" t="s">
        <v>35939</v>
      </c>
      <c r="F4277" s="964" t="s">
        <v>35940</v>
      </c>
    </row>
    <row r="4278" spans="3:6" ht="40.5">
      <c r="C4278" s="977" t="s">
        <v>35862</v>
      </c>
      <c r="D4278" s="978">
        <v>464622356</v>
      </c>
      <c r="E4278" s="977" t="s">
        <v>35941</v>
      </c>
      <c r="F4278" s="964" t="s">
        <v>35942</v>
      </c>
    </row>
    <row r="4279" spans="3:6" ht="40.5">
      <c r="C4279" s="977" t="s">
        <v>35862</v>
      </c>
      <c r="D4279" s="978">
        <v>82068813</v>
      </c>
      <c r="E4279" s="977" t="s">
        <v>35943</v>
      </c>
      <c r="F4279" s="964" t="s">
        <v>35944</v>
      </c>
    </row>
    <row r="4280" spans="3:6" ht="40.5">
      <c r="C4280" s="977" t="s">
        <v>35862</v>
      </c>
      <c r="D4280" s="978">
        <v>164604457</v>
      </c>
      <c r="E4280" s="977" t="s">
        <v>35945</v>
      </c>
      <c r="F4280" s="964" t="s">
        <v>35946</v>
      </c>
    </row>
    <row r="4281" spans="3:6" ht="27">
      <c r="C4281" s="977" t="s">
        <v>35862</v>
      </c>
      <c r="D4281" s="978">
        <v>186167007</v>
      </c>
      <c r="E4281" s="977" t="s">
        <v>35947</v>
      </c>
      <c r="F4281" s="964" t="s">
        <v>35948</v>
      </c>
    </row>
    <row r="4282" spans="3:6" ht="40.5">
      <c r="C4282" s="977" t="s">
        <v>35862</v>
      </c>
      <c r="D4282" s="978">
        <v>233018</v>
      </c>
      <c r="E4282" s="977" t="s">
        <v>35949</v>
      </c>
      <c r="F4282" s="964" t="s">
        <v>35950</v>
      </c>
    </row>
    <row r="4283" spans="3:6" ht="148.5">
      <c r="C4283" s="977" t="s">
        <v>35862</v>
      </c>
      <c r="D4283" s="978">
        <v>93999853</v>
      </c>
      <c r="E4283" s="977" t="s">
        <v>35951</v>
      </c>
      <c r="F4283" s="964" t="s">
        <v>35952</v>
      </c>
    </row>
    <row r="4284" spans="3:6" ht="67.5">
      <c r="C4284" s="977" t="s">
        <v>35862</v>
      </c>
      <c r="D4284" s="978">
        <v>95523531</v>
      </c>
      <c r="E4284" s="977" t="s">
        <v>35953</v>
      </c>
      <c r="F4284" s="964" t="s">
        <v>35954</v>
      </c>
    </row>
    <row r="4285" spans="3:6" ht="54">
      <c r="C4285" s="977" t="s">
        <v>35862</v>
      </c>
      <c r="D4285" s="978">
        <v>472235715</v>
      </c>
      <c r="E4285" s="977" t="s">
        <v>35955</v>
      </c>
      <c r="F4285" s="964" t="s">
        <v>35956</v>
      </c>
    </row>
    <row r="4286" spans="3:6" ht="94.5">
      <c r="C4286" s="977" t="s">
        <v>35862</v>
      </c>
      <c r="D4286" s="978">
        <v>171438708</v>
      </c>
      <c r="E4286" s="977" t="s">
        <v>35957</v>
      </c>
      <c r="F4286" s="964" t="s">
        <v>35958</v>
      </c>
    </row>
    <row r="4287" spans="3:6" ht="40.5">
      <c r="C4287" s="977" t="s">
        <v>35862</v>
      </c>
      <c r="D4287" s="978">
        <v>2287</v>
      </c>
      <c r="E4287" s="977" t="s">
        <v>35959</v>
      </c>
      <c r="F4287" s="964" t="s">
        <v>35960</v>
      </c>
    </row>
    <row r="4288" spans="3:6" ht="67.5">
      <c r="C4288" s="977" t="s">
        <v>35862</v>
      </c>
      <c r="D4288" s="978">
        <v>966</v>
      </c>
      <c r="E4288" s="977" t="s">
        <v>35961</v>
      </c>
      <c r="F4288" s="964" t="s">
        <v>35962</v>
      </c>
    </row>
    <row r="4289" spans="3:6" ht="67.5">
      <c r="C4289" s="977" t="s">
        <v>35862</v>
      </c>
      <c r="D4289" s="978">
        <v>35555621</v>
      </c>
      <c r="E4289" s="977" t="s">
        <v>35963</v>
      </c>
      <c r="F4289" s="964" t="s">
        <v>35964</v>
      </c>
    </row>
    <row r="4290" spans="3:6" ht="81">
      <c r="C4290" s="977" t="s">
        <v>35862</v>
      </c>
      <c r="D4290" s="978">
        <v>791908736</v>
      </c>
      <c r="E4290" s="977" t="s">
        <v>77</v>
      </c>
      <c r="F4290" s="964" t="s">
        <v>35965</v>
      </c>
    </row>
    <row r="4291" spans="3:6" ht="27">
      <c r="C4291" s="977" t="s">
        <v>35862</v>
      </c>
      <c r="D4291" s="978">
        <v>703183667</v>
      </c>
      <c r="E4291" s="977" t="s">
        <v>35966</v>
      </c>
      <c r="F4291" s="964" t="s">
        <v>35967</v>
      </c>
    </row>
    <row r="4292" spans="3:6" ht="40.5">
      <c r="C4292" s="977" t="s">
        <v>35862</v>
      </c>
      <c r="D4292" s="978">
        <v>63807889</v>
      </c>
      <c r="E4292" s="977" t="s">
        <v>35968</v>
      </c>
      <c r="F4292" s="964" t="s">
        <v>35969</v>
      </c>
    </row>
    <row r="4293" spans="3:6" ht="54">
      <c r="C4293" s="977" t="s">
        <v>35862</v>
      </c>
      <c r="D4293" s="978">
        <v>3282161</v>
      </c>
      <c r="E4293" s="977" t="s">
        <v>35970</v>
      </c>
      <c r="F4293" s="964" t="s">
        <v>35971</v>
      </c>
    </row>
    <row r="4294" spans="3:6" ht="40.5">
      <c r="C4294" s="977" t="s">
        <v>35862</v>
      </c>
      <c r="D4294" s="978">
        <v>524933940</v>
      </c>
      <c r="E4294" s="977" t="s">
        <v>35972</v>
      </c>
      <c r="F4294" s="964" t="s">
        <v>35973</v>
      </c>
    </row>
    <row r="4295" spans="3:6" ht="54">
      <c r="C4295" s="977" t="s">
        <v>35862</v>
      </c>
      <c r="D4295" s="978">
        <v>344711377</v>
      </c>
      <c r="E4295" s="977" t="s">
        <v>35974</v>
      </c>
      <c r="F4295" s="964" t="s">
        <v>35975</v>
      </c>
    </row>
    <row r="4296" spans="3:6" ht="13.5">
      <c r="C4296" s="977" t="s">
        <v>35862</v>
      </c>
      <c r="D4296" s="978">
        <v>164281322</v>
      </c>
      <c r="E4296" s="977" t="s">
        <v>35976</v>
      </c>
      <c r="F4296" s="964" t="s">
        <v>35977</v>
      </c>
    </row>
    <row r="4297" spans="3:6" ht="108">
      <c r="C4297" s="977" t="s">
        <v>35862</v>
      </c>
      <c r="D4297" s="978">
        <v>283247235</v>
      </c>
      <c r="E4297" s="977" t="s">
        <v>35978</v>
      </c>
      <c r="F4297" s="964" t="s">
        <v>35979</v>
      </c>
    </row>
    <row r="4298" spans="3:6" ht="54">
      <c r="C4298" s="977" t="s">
        <v>35862</v>
      </c>
      <c r="D4298" s="978">
        <v>145640</v>
      </c>
      <c r="E4298" s="977" t="s">
        <v>35980</v>
      </c>
      <c r="F4298" s="964" t="s">
        <v>35981</v>
      </c>
    </row>
    <row r="4299" spans="3:6" ht="81">
      <c r="C4299" s="977" t="s">
        <v>35862</v>
      </c>
      <c r="D4299" s="978">
        <v>332850785</v>
      </c>
      <c r="E4299" s="977" t="s">
        <v>35982</v>
      </c>
      <c r="F4299" s="964" t="s">
        <v>35983</v>
      </c>
    </row>
    <row r="4300" spans="3:6" ht="40.5">
      <c r="C4300" s="977" t="s">
        <v>35862</v>
      </c>
      <c r="D4300" s="978">
        <v>568729952</v>
      </c>
      <c r="E4300" s="977" t="s">
        <v>35984</v>
      </c>
      <c r="F4300" s="964" t="s">
        <v>35985</v>
      </c>
    </row>
    <row r="4301" spans="3:6" ht="40.5">
      <c r="C4301" s="977" t="s">
        <v>35862</v>
      </c>
      <c r="D4301" s="978">
        <v>396270732</v>
      </c>
      <c r="E4301" s="977" t="s">
        <v>35986</v>
      </c>
      <c r="F4301" s="964" t="s">
        <v>35987</v>
      </c>
    </row>
    <row r="4302" spans="3:6" ht="27">
      <c r="C4302" s="977" t="s">
        <v>35862</v>
      </c>
      <c r="D4302" s="978">
        <v>148941327</v>
      </c>
      <c r="E4302" s="977" t="s">
        <v>35988</v>
      </c>
      <c r="F4302" s="964" t="s">
        <v>35989</v>
      </c>
    </row>
    <row r="4303" spans="3:6" ht="27">
      <c r="C4303" s="977" t="s">
        <v>35862</v>
      </c>
      <c r="D4303" s="978">
        <v>1041536</v>
      </c>
      <c r="E4303" s="977" t="s">
        <v>35990</v>
      </c>
      <c r="F4303" s="964" t="s">
        <v>35991</v>
      </c>
    </row>
    <row r="4304" spans="3:6" ht="27">
      <c r="C4304" s="977" t="s">
        <v>35862</v>
      </c>
      <c r="D4304" s="978">
        <v>95524013</v>
      </c>
      <c r="E4304" s="977" t="s">
        <v>35992</v>
      </c>
      <c r="F4304" s="964" t="s">
        <v>35993</v>
      </c>
    </row>
    <row r="4305" spans="3:6" ht="27">
      <c r="C4305" s="977" t="s">
        <v>35862</v>
      </c>
      <c r="D4305" s="978">
        <v>819369586</v>
      </c>
      <c r="E4305" s="977" t="s">
        <v>35994</v>
      </c>
      <c r="F4305" s="964" t="s">
        <v>35995</v>
      </c>
    </row>
    <row r="4306" spans="3:6" ht="54">
      <c r="C4306" s="977" t="s">
        <v>35862</v>
      </c>
      <c r="D4306" s="978">
        <v>560875130</v>
      </c>
      <c r="E4306" s="977" t="s">
        <v>35996</v>
      </c>
      <c r="F4306" s="964" t="s">
        <v>35997</v>
      </c>
    </row>
    <row r="4307" spans="3:6" ht="27">
      <c r="C4307" s="977" t="s">
        <v>35862</v>
      </c>
      <c r="D4307" s="978">
        <v>564520807</v>
      </c>
      <c r="E4307" s="977" t="s">
        <v>35998</v>
      </c>
      <c r="F4307" s="964" t="s">
        <v>35999</v>
      </c>
    </row>
    <row r="4308" spans="3:6" ht="54">
      <c r="C4308" s="977" t="s">
        <v>35862</v>
      </c>
      <c r="D4308" s="978">
        <v>722366290</v>
      </c>
      <c r="E4308" s="977" t="s">
        <v>36000</v>
      </c>
      <c r="F4308" s="964" t="s">
        <v>36001</v>
      </c>
    </row>
    <row r="4309" spans="3:6" ht="67.5">
      <c r="C4309" s="977" t="s">
        <v>35862</v>
      </c>
      <c r="D4309" s="978">
        <v>815412764</v>
      </c>
      <c r="E4309" s="977" t="s">
        <v>36002</v>
      </c>
      <c r="F4309" s="964" t="s">
        <v>36003</v>
      </c>
    </row>
    <row r="4310" spans="3:6" ht="81">
      <c r="C4310" s="977" t="s">
        <v>35862</v>
      </c>
      <c r="D4310" s="978">
        <v>600232557</v>
      </c>
      <c r="E4310" s="977" t="s">
        <v>36004</v>
      </c>
      <c r="F4310" s="964" t="s">
        <v>36005</v>
      </c>
    </row>
    <row r="4311" spans="3:6" ht="27">
      <c r="C4311" s="977" t="s">
        <v>35862</v>
      </c>
      <c r="D4311" s="978">
        <v>928511090</v>
      </c>
      <c r="E4311" s="977" t="s">
        <v>36006</v>
      </c>
      <c r="F4311" s="964" t="s">
        <v>36007</v>
      </c>
    </row>
    <row r="4312" spans="3:6" ht="13.5">
      <c r="C4312" s="977" t="s">
        <v>36008</v>
      </c>
      <c r="D4312" s="978">
        <v>1994</v>
      </c>
      <c r="E4312" s="977" t="s">
        <v>36009</v>
      </c>
      <c r="F4312" s="964" t="s">
        <v>36010</v>
      </c>
    </row>
    <row r="4313" spans="3:6" ht="13.5">
      <c r="C4313" s="977" t="s">
        <v>36011</v>
      </c>
      <c r="D4313" s="978">
        <v>10256</v>
      </c>
      <c r="E4313" s="977" t="s">
        <v>36012</v>
      </c>
      <c r="F4313" s="964" t="s">
        <v>36011</v>
      </c>
    </row>
    <row r="4314" spans="3:6" ht="27">
      <c r="C4314" s="977" t="s">
        <v>36011</v>
      </c>
      <c r="D4314" s="978">
        <v>1925383</v>
      </c>
      <c r="E4314" s="977" t="s">
        <v>36013</v>
      </c>
      <c r="F4314" s="964" t="s">
        <v>36014</v>
      </c>
    </row>
    <row r="4315" spans="3:6" ht="40.5">
      <c r="C4315" s="977" t="s">
        <v>36011</v>
      </c>
      <c r="D4315" s="978">
        <v>1731650</v>
      </c>
      <c r="E4315" s="977" t="s">
        <v>36015</v>
      </c>
      <c r="F4315" s="964" t="s">
        <v>36016</v>
      </c>
    </row>
    <row r="4316" spans="3:6" ht="13.5">
      <c r="C4316" s="977" t="s">
        <v>36011</v>
      </c>
      <c r="D4316" s="978">
        <v>14279978</v>
      </c>
      <c r="E4316" s="977" t="s">
        <v>36017</v>
      </c>
      <c r="F4316" s="964" t="s">
        <v>36018</v>
      </c>
    </row>
    <row r="4317" spans="3:6" ht="27">
      <c r="C4317" s="977" t="s">
        <v>36011</v>
      </c>
      <c r="D4317" s="978">
        <v>67277787</v>
      </c>
      <c r="E4317" s="977" t="s">
        <v>36019</v>
      </c>
      <c r="F4317" s="964" t="s">
        <v>36020</v>
      </c>
    </row>
    <row r="4318" spans="3:6" ht="27">
      <c r="C4318" s="977" t="s">
        <v>36011</v>
      </c>
      <c r="D4318" s="978">
        <v>366201534</v>
      </c>
      <c r="E4318" s="977" t="s">
        <v>36021</v>
      </c>
      <c r="F4318" s="964" t="s">
        <v>36022</v>
      </c>
    </row>
    <row r="4319" spans="3:6" ht="13.5">
      <c r="C4319" s="977" t="s">
        <v>36011</v>
      </c>
      <c r="D4319" s="978">
        <v>141856998</v>
      </c>
      <c r="E4319" s="977" t="s">
        <v>36023</v>
      </c>
      <c r="F4319" s="964" t="s">
        <v>36024</v>
      </c>
    </row>
    <row r="4320" spans="3:6" ht="27">
      <c r="C4320" s="977" t="s">
        <v>36011</v>
      </c>
      <c r="D4320" s="978">
        <v>260349683</v>
      </c>
      <c r="E4320" s="977" t="s">
        <v>36025</v>
      </c>
      <c r="F4320" s="964" t="s">
        <v>36026</v>
      </c>
    </row>
    <row r="4321" spans="3:6" ht="27">
      <c r="C4321" s="977" t="s">
        <v>36011</v>
      </c>
      <c r="D4321" s="978">
        <v>398142543</v>
      </c>
      <c r="E4321" s="977" t="s">
        <v>36027</v>
      </c>
      <c r="F4321" s="964" t="s">
        <v>36028</v>
      </c>
    </row>
    <row r="4322" spans="3:6" ht="40.5">
      <c r="C4322" s="977" t="s">
        <v>36011</v>
      </c>
      <c r="D4322" s="978">
        <v>477848451</v>
      </c>
      <c r="E4322" s="977" t="s">
        <v>36029</v>
      </c>
      <c r="F4322" s="964" t="s">
        <v>36030</v>
      </c>
    </row>
    <row r="4323" spans="3:6" ht="40.5">
      <c r="C4323" s="977" t="s">
        <v>36011</v>
      </c>
      <c r="D4323" s="978">
        <v>883130040</v>
      </c>
      <c r="E4323" s="977" t="s">
        <v>36031</v>
      </c>
      <c r="F4323" s="964" t="s">
        <v>36032</v>
      </c>
    </row>
    <row r="4324" spans="3:6" ht="13.5">
      <c r="C4324" s="977" t="s">
        <v>36033</v>
      </c>
      <c r="D4324" s="978">
        <v>10388</v>
      </c>
      <c r="E4324" s="977" t="s">
        <v>36034</v>
      </c>
      <c r="F4324" s="964" t="s">
        <v>36035</v>
      </c>
    </row>
    <row r="4325" spans="3:6" ht="27">
      <c r="C4325" s="977" t="s">
        <v>36033</v>
      </c>
      <c r="D4325" s="978">
        <v>10215</v>
      </c>
      <c r="E4325" s="977" t="s">
        <v>36036</v>
      </c>
      <c r="F4325" s="964" t="s">
        <v>36037</v>
      </c>
    </row>
    <row r="4326" spans="3:6" ht="13.5">
      <c r="C4326" s="977" t="s">
        <v>36033</v>
      </c>
      <c r="D4326" s="978">
        <v>2863</v>
      </c>
      <c r="E4326" s="977" t="s">
        <v>36038</v>
      </c>
      <c r="F4326" s="964" t="s">
        <v>36039</v>
      </c>
    </row>
    <row r="4327" spans="3:6" ht="27">
      <c r="C4327" s="977" t="s">
        <v>36033</v>
      </c>
      <c r="D4327" s="978">
        <v>2756</v>
      </c>
      <c r="E4327" s="977" t="s">
        <v>36040</v>
      </c>
      <c r="F4327" s="964" t="s">
        <v>36041</v>
      </c>
    </row>
    <row r="4328" spans="3:6" ht="27">
      <c r="C4328" s="977" t="s">
        <v>36033</v>
      </c>
      <c r="D4328" s="978">
        <v>2757</v>
      </c>
      <c r="E4328" s="977" t="s">
        <v>17163</v>
      </c>
      <c r="F4328" s="964" t="s">
        <v>36042</v>
      </c>
    </row>
    <row r="4329" spans="3:6" ht="13.5">
      <c r="C4329" s="977" t="s">
        <v>36033</v>
      </c>
      <c r="D4329" s="978">
        <v>10384</v>
      </c>
      <c r="E4329" s="977" t="s">
        <v>36043</v>
      </c>
      <c r="F4329" s="964" t="s">
        <v>36044</v>
      </c>
    </row>
    <row r="4330" spans="3:6" ht="13.5">
      <c r="C4330" s="977" t="s">
        <v>36033</v>
      </c>
      <c r="D4330" s="978">
        <v>10387</v>
      </c>
      <c r="E4330" s="977" t="s">
        <v>36045</v>
      </c>
      <c r="F4330" s="964" t="s">
        <v>36046</v>
      </c>
    </row>
    <row r="4331" spans="3:6" ht="27">
      <c r="C4331" s="977" t="s">
        <v>36033</v>
      </c>
      <c r="D4331" s="978">
        <v>1166899</v>
      </c>
      <c r="E4331" s="977" t="s">
        <v>36047</v>
      </c>
      <c r="F4331" s="964" t="s">
        <v>36048</v>
      </c>
    </row>
    <row r="4332" spans="3:6" ht="27">
      <c r="C4332" s="977" t="s">
        <v>36033</v>
      </c>
      <c r="D4332" s="978">
        <v>5642429</v>
      </c>
      <c r="E4332" s="977" t="s">
        <v>36049</v>
      </c>
      <c r="F4332" s="964" t="s">
        <v>36050</v>
      </c>
    </row>
    <row r="4333" spans="3:6" ht="40.5">
      <c r="C4333" s="977" t="s">
        <v>36033</v>
      </c>
      <c r="D4333" s="978">
        <v>125988200</v>
      </c>
      <c r="E4333" s="977" t="s">
        <v>36051</v>
      </c>
      <c r="F4333" s="964" t="s">
        <v>36052</v>
      </c>
    </row>
    <row r="4334" spans="3:6" ht="13.5">
      <c r="C4334" s="977" t="s">
        <v>36033</v>
      </c>
      <c r="D4334" s="978">
        <v>10427</v>
      </c>
      <c r="E4334" s="977" t="s">
        <v>36053</v>
      </c>
      <c r="F4334" s="964" t="s">
        <v>36054</v>
      </c>
    </row>
    <row r="4335" spans="3:6" ht="81">
      <c r="C4335" s="977" t="s">
        <v>36033</v>
      </c>
      <c r="D4335" s="978">
        <v>2864</v>
      </c>
      <c r="E4335" s="977" t="s">
        <v>36055</v>
      </c>
      <c r="F4335" s="964" t="s">
        <v>36056</v>
      </c>
    </row>
    <row r="4336" spans="3:6" ht="27">
      <c r="C4336" s="977" t="s">
        <v>36033</v>
      </c>
      <c r="D4336" s="978">
        <v>2769</v>
      </c>
      <c r="E4336" s="977" t="s">
        <v>36057</v>
      </c>
      <c r="F4336" s="964" t="s">
        <v>36058</v>
      </c>
    </row>
    <row r="4337" spans="3:6" ht="13.5">
      <c r="C4337" s="977" t="s">
        <v>36033</v>
      </c>
      <c r="D4337" s="978">
        <v>10426</v>
      </c>
      <c r="E4337" s="977" t="s">
        <v>36059</v>
      </c>
      <c r="F4337" s="964" t="s">
        <v>36060</v>
      </c>
    </row>
    <row r="4338" spans="3:6" ht="13.5">
      <c r="C4338" s="977" t="s">
        <v>36033</v>
      </c>
      <c r="D4338" s="978">
        <v>66481839</v>
      </c>
      <c r="E4338" s="977" t="s">
        <v>36061</v>
      </c>
      <c r="F4338" s="964" t="s">
        <v>36062</v>
      </c>
    </row>
    <row r="4339" spans="3:6" ht="40.5">
      <c r="C4339" s="977" t="s">
        <v>36033</v>
      </c>
      <c r="D4339" s="978">
        <v>60949435</v>
      </c>
      <c r="E4339" s="977" t="s">
        <v>36063</v>
      </c>
      <c r="F4339" s="964" t="s">
        <v>36064</v>
      </c>
    </row>
    <row r="4340" spans="3:6" ht="40.5">
      <c r="C4340" s="977" t="s">
        <v>36033</v>
      </c>
      <c r="D4340" s="978">
        <v>475326554</v>
      </c>
      <c r="E4340" s="977" t="s">
        <v>36065</v>
      </c>
      <c r="F4340" s="964" t="s">
        <v>36066</v>
      </c>
    </row>
    <row r="4341" spans="3:6" ht="121.5">
      <c r="C4341" s="977" t="s">
        <v>36033</v>
      </c>
      <c r="D4341" s="978">
        <v>159371192</v>
      </c>
      <c r="E4341" s="977" t="s">
        <v>36067</v>
      </c>
      <c r="F4341" s="964" t="s">
        <v>36068</v>
      </c>
    </row>
    <row r="4342" spans="3:6" ht="40.5">
      <c r="C4342" s="977" t="s">
        <v>36033</v>
      </c>
      <c r="D4342" s="978">
        <v>146477387</v>
      </c>
      <c r="E4342" s="977" t="s">
        <v>36069</v>
      </c>
      <c r="F4342" s="964" t="s">
        <v>36070</v>
      </c>
    </row>
    <row r="4343" spans="3:6" ht="27">
      <c r="C4343" s="977" t="s">
        <v>36033</v>
      </c>
      <c r="D4343" s="978">
        <v>593235159</v>
      </c>
      <c r="E4343" s="977" t="s">
        <v>36071</v>
      </c>
      <c r="F4343" s="964" t="s">
        <v>36072</v>
      </c>
    </row>
    <row r="4344" spans="3:6" ht="148.5">
      <c r="C4344" s="977" t="s">
        <v>36033</v>
      </c>
      <c r="D4344" s="978">
        <v>616475806</v>
      </c>
      <c r="E4344" s="977" t="s">
        <v>36073</v>
      </c>
      <c r="F4344" s="964" t="s">
        <v>36074</v>
      </c>
    </row>
    <row r="4345" spans="3:6" ht="54">
      <c r="C4345" s="977" t="s">
        <v>36033</v>
      </c>
      <c r="D4345" s="978">
        <v>492411854</v>
      </c>
      <c r="E4345" s="977" t="s">
        <v>36075</v>
      </c>
      <c r="F4345" s="964" t="s">
        <v>36076</v>
      </c>
    </row>
    <row r="4346" spans="3:6" ht="27">
      <c r="C4346" s="977" t="s">
        <v>36033</v>
      </c>
      <c r="D4346" s="978">
        <v>703154693</v>
      </c>
      <c r="E4346" s="977" t="s">
        <v>36077</v>
      </c>
      <c r="F4346" s="964" t="s">
        <v>36078</v>
      </c>
    </row>
    <row r="4347" spans="3:6" ht="81">
      <c r="C4347" s="977" t="s">
        <v>36033</v>
      </c>
      <c r="D4347" s="978">
        <v>447682225</v>
      </c>
      <c r="E4347" s="977" t="s">
        <v>36079</v>
      </c>
      <c r="F4347" s="964" t="s">
        <v>36080</v>
      </c>
    </row>
    <row r="4348" spans="3:6" ht="27">
      <c r="C4348" s="977" t="s">
        <v>36033</v>
      </c>
      <c r="D4348" s="978">
        <v>632291615</v>
      </c>
      <c r="E4348" s="977" t="s">
        <v>36081</v>
      </c>
      <c r="F4348" s="964" t="s">
        <v>36082</v>
      </c>
    </row>
    <row r="4349" spans="3:6" ht="135">
      <c r="C4349" s="977" t="s">
        <v>36033</v>
      </c>
      <c r="D4349" s="978">
        <v>923705507</v>
      </c>
      <c r="E4349" s="977" t="s">
        <v>36083</v>
      </c>
      <c r="F4349" s="964" t="s">
        <v>36084</v>
      </c>
    </row>
    <row r="4350" spans="3:6" ht="13.5">
      <c r="C4350" s="977" t="s">
        <v>36085</v>
      </c>
      <c r="D4350" s="978">
        <v>10372</v>
      </c>
      <c r="E4350" s="977" t="s">
        <v>36086</v>
      </c>
      <c r="F4350" s="964" t="s">
        <v>36085</v>
      </c>
    </row>
    <row r="4351" spans="3:6" ht="27">
      <c r="C4351" s="977" t="s">
        <v>36085</v>
      </c>
      <c r="D4351" s="978">
        <v>20893461</v>
      </c>
      <c r="E4351" s="977" t="s">
        <v>36087</v>
      </c>
      <c r="F4351" s="964" t="s">
        <v>36088</v>
      </c>
    </row>
    <row r="4352" spans="3:6" ht="13.5">
      <c r="C4352" s="977" t="s">
        <v>36089</v>
      </c>
      <c r="D4352" s="978">
        <v>463875</v>
      </c>
      <c r="E4352" s="977" t="s">
        <v>36090</v>
      </c>
      <c r="F4352" s="964" t="s">
        <v>36091</v>
      </c>
    </row>
    <row r="4353" spans="3:6" ht="40.5">
      <c r="C4353" s="977" t="s">
        <v>36089</v>
      </c>
      <c r="D4353" s="978">
        <v>173140</v>
      </c>
      <c r="E4353" s="977" t="s">
        <v>36092</v>
      </c>
      <c r="F4353" s="964" t="s">
        <v>36093</v>
      </c>
    </row>
    <row r="4354" spans="3:6" ht="13.5">
      <c r="C4354" s="977" t="s">
        <v>36089</v>
      </c>
      <c r="D4354" s="978">
        <v>10381</v>
      </c>
      <c r="E4354" s="977" t="s">
        <v>36094</v>
      </c>
      <c r="F4354" s="964" t="s">
        <v>36089</v>
      </c>
    </row>
    <row r="4355" spans="3:6" ht="40.5">
      <c r="C4355" s="977" t="s">
        <v>36089</v>
      </c>
      <c r="D4355" s="978">
        <v>10051102</v>
      </c>
      <c r="E4355" s="977" t="s">
        <v>36095</v>
      </c>
      <c r="F4355" s="964" t="s">
        <v>36096</v>
      </c>
    </row>
    <row r="4356" spans="3:6" ht="27">
      <c r="C4356" s="977" t="s">
        <v>36089</v>
      </c>
      <c r="D4356" s="978">
        <v>1258327</v>
      </c>
      <c r="E4356" s="977" t="s">
        <v>36097</v>
      </c>
      <c r="F4356" s="964" t="s">
        <v>36098</v>
      </c>
    </row>
    <row r="4357" spans="3:6" ht="40.5">
      <c r="C4357" s="977" t="s">
        <v>36089</v>
      </c>
      <c r="D4357" s="978">
        <v>1873589</v>
      </c>
      <c r="E4357" s="977" t="s">
        <v>36099</v>
      </c>
      <c r="F4357" s="964" t="s">
        <v>36100</v>
      </c>
    </row>
    <row r="4358" spans="3:6" ht="27">
      <c r="C4358" s="977" t="s">
        <v>36089</v>
      </c>
      <c r="D4358" s="978">
        <v>1598250</v>
      </c>
      <c r="E4358" s="977" t="s">
        <v>36101</v>
      </c>
      <c r="F4358" s="964" t="s">
        <v>36102</v>
      </c>
    </row>
    <row r="4359" spans="3:6" ht="108">
      <c r="C4359" s="977" t="s">
        <v>36089</v>
      </c>
      <c r="D4359" s="978">
        <v>415370</v>
      </c>
      <c r="E4359" s="977" t="s">
        <v>36103</v>
      </c>
      <c r="F4359" s="964" t="s">
        <v>36104</v>
      </c>
    </row>
    <row r="4360" spans="3:6" ht="27">
      <c r="C4360" s="977" t="s">
        <v>36089</v>
      </c>
      <c r="D4360" s="978">
        <v>8916314</v>
      </c>
      <c r="E4360" s="977" t="s">
        <v>36105</v>
      </c>
      <c r="F4360" s="964" t="s">
        <v>36106</v>
      </c>
    </row>
    <row r="4361" spans="3:6" ht="40.5">
      <c r="C4361" s="977" t="s">
        <v>36089</v>
      </c>
      <c r="D4361" s="978">
        <v>46766563</v>
      </c>
      <c r="E4361" s="977" t="s">
        <v>36107</v>
      </c>
      <c r="F4361" s="964" t="s">
        <v>36108</v>
      </c>
    </row>
    <row r="4362" spans="3:6" ht="40.5">
      <c r="C4362" s="977" t="s">
        <v>36089</v>
      </c>
      <c r="D4362" s="978">
        <v>33201605</v>
      </c>
      <c r="E4362" s="977" t="s">
        <v>36109</v>
      </c>
      <c r="F4362" s="964" t="s">
        <v>36110</v>
      </c>
    </row>
    <row r="4363" spans="3:6" ht="27">
      <c r="C4363" s="977" t="s">
        <v>36089</v>
      </c>
      <c r="D4363" s="978">
        <v>131197770</v>
      </c>
      <c r="E4363" s="977" t="s">
        <v>36111</v>
      </c>
      <c r="F4363" s="964" t="s">
        <v>36112</v>
      </c>
    </row>
    <row r="4364" spans="3:6" ht="40.5">
      <c r="C4364" s="977" t="s">
        <v>36089</v>
      </c>
      <c r="D4364" s="978">
        <v>28855469</v>
      </c>
      <c r="E4364" s="977" t="s">
        <v>36113</v>
      </c>
      <c r="F4364" s="964" t="s">
        <v>36114</v>
      </c>
    </row>
    <row r="4365" spans="3:6" ht="40.5">
      <c r="C4365" s="977" t="s">
        <v>36089</v>
      </c>
      <c r="D4365" s="978">
        <v>80677403</v>
      </c>
      <c r="E4365" s="977" t="s">
        <v>36115</v>
      </c>
      <c r="F4365" s="964" t="s">
        <v>36116</v>
      </c>
    </row>
    <row r="4366" spans="3:6" ht="27">
      <c r="C4366" s="977" t="s">
        <v>36089</v>
      </c>
      <c r="D4366" s="978">
        <v>159371196</v>
      </c>
      <c r="E4366" s="977" t="s">
        <v>36117</v>
      </c>
      <c r="F4366" s="964" t="s">
        <v>36118</v>
      </c>
    </row>
    <row r="4367" spans="3:6" ht="27">
      <c r="C4367" s="977" t="s">
        <v>36089</v>
      </c>
      <c r="D4367" s="978">
        <v>12790287</v>
      </c>
      <c r="E4367" s="977" t="s">
        <v>36119</v>
      </c>
      <c r="F4367" s="964" t="s">
        <v>36120</v>
      </c>
    </row>
    <row r="4368" spans="3:6" ht="54">
      <c r="C4368" s="977" t="s">
        <v>36089</v>
      </c>
      <c r="D4368" s="978">
        <v>593217199</v>
      </c>
      <c r="E4368" s="977" t="s">
        <v>36121</v>
      </c>
      <c r="F4368" s="964" t="s">
        <v>36122</v>
      </c>
    </row>
    <row r="4369" spans="3:6" ht="40.5">
      <c r="C4369" s="977" t="s">
        <v>36089</v>
      </c>
      <c r="D4369" s="978">
        <v>82336982</v>
      </c>
      <c r="E4369" s="977" t="s">
        <v>36123</v>
      </c>
      <c r="F4369" s="964" t="s">
        <v>36124</v>
      </c>
    </row>
    <row r="4370" spans="3:6" ht="27">
      <c r="C4370" s="977" t="s">
        <v>36089</v>
      </c>
      <c r="D4370" s="978">
        <v>151242270</v>
      </c>
      <c r="E4370" s="977" t="s">
        <v>36125</v>
      </c>
      <c r="F4370" s="964" t="s">
        <v>36126</v>
      </c>
    </row>
    <row r="4371" spans="3:6" ht="54">
      <c r="C4371" s="977" t="s">
        <v>36089</v>
      </c>
      <c r="D4371" s="978">
        <v>136015132</v>
      </c>
      <c r="E4371" s="977" t="s">
        <v>36127</v>
      </c>
      <c r="F4371" s="964" t="s">
        <v>36128</v>
      </c>
    </row>
    <row r="4372" spans="3:6" ht="81">
      <c r="C4372" s="977" t="s">
        <v>36089</v>
      </c>
      <c r="D4372" s="978">
        <v>4379453</v>
      </c>
      <c r="E4372" s="977" t="s">
        <v>36129</v>
      </c>
      <c r="F4372" s="964" t="s">
        <v>36130</v>
      </c>
    </row>
    <row r="4373" spans="3:6" ht="67.5">
      <c r="C4373" s="977" t="s">
        <v>36089</v>
      </c>
      <c r="D4373" s="978">
        <v>473715854</v>
      </c>
      <c r="E4373" s="977" t="s">
        <v>36131</v>
      </c>
      <c r="F4373" s="964" t="s">
        <v>36132</v>
      </c>
    </row>
    <row r="4374" spans="3:6" ht="27">
      <c r="C4374" s="977" t="s">
        <v>36089</v>
      </c>
      <c r="D4374" s="978">
        <v>97676263</v>
      </c>
      <c r="E4374" s="977" t="s">
        <v>36133</v>
      </c>
      <c r="F4374" s="964" t="s">
        <v>36134</v>
      </c>
    </row>
    <row r="4375" spans="3:6" ht="27">
      <c r="C4375" s="977" t="s">
        <v>36089</v>
      </c>
      <c r="D4375" s="978">
        <v>678827405</v>
      </c>
      <c r="E4375" s="977" t="s">
        <v>36135</v>
      </c>
      <c r="F4375" s="964" t="s">
        <v>36136</v>
      </c>
    </row>
    <row r="4376" spans="3:6" ht="40.5">
      <c r="C4376" s="977" t="s">
        <v>36089</v>
      </c>
      <c r="D4376" s="978">
        <v>749338584</v>
      </c>
      <c r="E4376" s="977" t="s">
        <v>36137</v>
      </c>
      <c r="F4376" s="964" t="s">
        <v>36138</v>
      </c>
    </row>
  </sheetData>
  <mergeCells count="16">
    <mergeCell ref="J3688:J3691"/>
    <mergeCell ref="G3807:G3809"/>
    <mergeCell ref="H24:I24"/>
    <mergeCell ref="B6:C6"/>
    <mergeCell ref="A1:F1"/>
    <mergeCell ref="B2:F2"/>
    <mergeCell ref="A3:A5"/>
    <mergeCell ref="B3:C3"/>
    <mergeCell ref="B4:C4"/>
    <mergeCell ref="B5:C5"/>
    <mergeCell ref="D3:F3"/>
    <mergeCell ref="A6:A7"/>
    <mergeCell ref="D6:F7"/>
    <mergeCell ref="B7:C7"/>
    <mergeCell ref="D5:F5"/>
    <mergeCell ref="G3688:G3691"/>
  </mergeCells>
  <phoneticPr fontId="4"/>
  <conditionalFormatting sqref="D81">
    <cfRule type="duplicateValues" dxfId="23" priority="19"/>
  </conditionalFormatting>
  <conditionalFormatting sqref="D83:D88">
    <cfRule type="duplicateValues" dxfId="22" priority="20"/>
  </conditionalFormatting>
  <conditionalFormatting sqref="D88">
    <cfRule type="duplicateValues" dxfId="21" priority="21"/>
  </conditionalFormatting>
  <conditionalFormatting sqref="D82:D88">
    <cfRule type="duplicateValues" dxfId="20" priority="22"/>
  </conditionalFormatting>
  <conditionalFormatting sqref="D467:D469">
    <cfRule type="duplicateValues" dxfId="19" priority="18"/>
  </conditionalFormatting>
  <conditionalFormatting sqref="D895">
    <cfRule type="duplicateValues" dxfId="18" priority="17"/>
  </conditionalFormatting>
  <conditionalFormatting sqref="D911">
    <cfRule type="duplicateValues" dxfId="17" priority="16"/>
  </conditionalFormatting>
  <conditionalFormatting sqref="D918">
    <cfRule type="duplicateValues" dxfId="16" priority="15"/>
  </conditionalFormatting>
  <conditionalFormatting sqref="D923:D924">
    <cfRule type="duplicateValues" dxfId="15" priority="14"/>
  </conditionalFormatting>
  <conditionalFormatting sqref="D928">
    <cfRule type="duplicateValues" dxfId="14" priority="13"/>
  </conditionalFormatting>
  <conditionalFormatting sqref="D929:D930">
    <cfRule type="duplicateValues" dxfId="13" priority="12"/>
  </conditionalFormatting>
  <conditionalFormatting sqref="D998:D1002">
    <cfRule type="duplicateValues" dxfId="12" priority="11"/>
  </conditionalFormatting>
  <conditionalFormatting sqref="D1017">
    <cfRule type="duplicateValues" dxfId="11" priority="10"/>
  </conditionalFormatting>
  <conditionalFormatting sqref="D1019">
    <cfRule type="duplicateValues" dxfId="10" priority="9"/>
  </conditionalFormatting>
  <conditionalFormatting sqref="D2446">
    <cfRule type="duplicateValues" dxfId="9" priority="8"/>
  </conditionalFormatting>
  <conditionalFormatting sqref="D2486:D2487">
    <cfRule type="duplicateValues" dxfId="8" priority="7"/>
  </conditionalFormatting>
  <conditionalFormatting sqref="D2487">
    <cfRule type="duplicateValues" dxfId="7" priority="6"/>
  </conditionalFormatting>
  <conditionalFormatting sqref="D2546">
    <cfRule type="duplicateValues" dxfId="6" priority="5"/>
  </conditionalFormatting>
  <conditionalFormatting sqref="D2769">
    <cfRule type="duplicateValues" dxfId="5" priority="4"/>
  </conditionalFormatting>
  <conditionalFormatting sqref="D3851">
    <cfRule type="duplicateValues" dxfId="4" priority="3"/>
  </conditionalFormatting>
  <conditionalFormatting sqref="D2843">
    <cfRule type="duplicateValues" dxfId="3" priority="2"/>
  </conditionalFormatting>
  <conditionalFormatting sqref="D2856">
    <cfRule type="duplicateValues" dxfId="2" priority="1"/>
  </conditionalFormatting>
  <conditionalFormatting sqref="D2833:D2842 D2844:D2855 D2857:D2896">
    <cfRule type="duplicateValues" dxfId="1" priority="23"/>
  </conditionalFormatting>
  <conditionalFormatting sqref="D2833:D2842 D2844:D2855 D2857:D2895">
    <cfRule type="duplicateValues" dxfId="0" priority="24"/>
  </conditionalFormatting>
  <hyperlinks>
    <hyperlink ref="B6" r:id="rId1"/>
    <hyperlink ref="C952" r:id="rId2" display="http://www.chemindustry.com/chemicals/9075808.html"/>
    <hyperlink ref="C1396" r:id="rId3" display="http://www.chemindustry.com/chemicals/183267.html"/>
    <hyperlink ref="C1398" r:id="rId4" display="http://www.chemindustry.com/chemicals/118270.html"/>
    <hyperlink ref="C1408" r:id="rId5" display="http://www.chemindustry.com/chemicals/180839.html"/>
    <hyperlink ref="C1409" r:id="rId6" display="http://www.chemindustry.com/chemicals/199887.html"/>
    <hyperlink ref="D1417" r:id="rId7" display="see list of substances reported in IMDS: _x000a__x000a_https://public.mdsystem.com/web/imds-public-pages/gadsl-crm"/>
    <hyperlink ref="B7:C7" r:id="rId8" display="https://public.mdsystem.com/en/web/imds-public-pages/gadsl-crm"/>
  </hyperlinks>
  <pageMargins left="0.7" right="0.7" top="0.75" bottom="0.75" header="0.3" footer="0.3"/>
  <pageSetup paperSize="9" orientation="portrait" verticalDpi="0" r:id="rId9"/>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890"/>
  <sheetViews>
    <sheetView showGridLines="0" zoomScale="90" zoomScaleNormal="90" workbookViewId="0">
      <selection activeCell="E5" sqref="E5"/>
    </sheetView>
  </sheetViews>
  <sheetFormatPr defaultColWidth="9" defaultRowHeight="12.75"/>
  <cols>
    <col min="1" max="1" width="8.75" style="15" customWidth="1"/>
    <col min="2" max="2" width="8.75" style="11" bestFit="1" customWidth="1"/>
    <col min="3" max="6" width="26.25" style="11" bestFit="1" customWidth="1"/>
    <col min="7" max="7" width="26.25" style="15" bestFit="1" customWidth="1"/>
    <col min="8" max="16" width="26.25" style="13" bestFit="1" customWidth="1"/>
    <col min="17" max="17" width="9" style="13"/>
    <col min="18" max="16384" width="9" style="15"/>
  </cols>
  <sheetData>
    <row r="1" spans="1:18" s="30" customFormat="1" ht="36.75" customHeight="1" thickBot="1">
      <c r="A1" s="1256" t="s">
        <v>28480</v>
      </c>
      <c r="B1" s="1257"/>
      <c r="C1" s="1257"/>
      <c r="D1" s="1257"/>
      <c r="E1" s="1258"/>
      <c r="F1" s="29"/>
    </row>
    <row r="2" spans="1:18" ht="63" customHeight="1" thickBot="1">
      <c r="A2" s="396" t="s">
        <v>13352</v>
      </c>
      <c r="B2" s="1259" t="s">
        <v>28482</v>
      </c>
      <c r="C2" s="1260"/>
      <c r="D2" s="1260"/>
      <c r="E2" s="1261"/>
    </row>
    <row r="3" spans="1:18" ht="27" customHeight="1" thickBot="1">
      <c r="A3" s="69" t="s">
        <v>13388</v>
      </c>
      <c r="B3" s="1262" t="s">
        <v>37461</v>
      </c>
      <c r="C3" s="1263"/>
      <c r="D3" s="1263"/>
      <c r="E3" s="1264"/>
    </row>
    <row r="4" spans="1:18" ht="20.25" customHeight="1" thickBot="1">
      <c r="A4" s="397" t="s">
        <v>13353</v>
      </c>
      <c r="B4" s="921" t="s">
        <v>28479</v>
      </c>
      <c r="C4" s="398"/>
      <c r="D4" s="398"/>
      <c r="E4" s="399"/>
      <c r="F4" s="49"/>
      <c r="K4" s="1"/>
    </row>
    <row r="5" spans="1:18">
      <c r="B5" s="15"/>
      <c r="K5" s="1"/>
    </row>
    <row r="6" spans="1:18" ht="15.75">
      <c r="B6" s="400" t="s">
        <v>34103</v>
      </c>
    </row>
    <row r="7" spans="1:18" s="395" customFormat="1" ht="14.25">
      <c r="B7" s="942" t="s">
        <v>6814</v>
      </c>
      <c r="C7" s="942" t="s">
        <v>6815</v>
      </c>
      <c r="D7" s="942" t="s">
        <v>6816</v>
      </c>
      <c r="E7" s="942" t="s">
        <v>26966</v>
      </c>
      <c r="F7" s="942" t="s">
        <v>6817</v>
      </c>
      <c r="G7" s="942" t="s">
        <v>6818</v>
      </c>
      <c r="H7" s="942" t="s">
        <v>6819</v>
      </c>
      <c r="I7" s="942" t="s">
        <v>6820</v>
      </c>
      <c r="J7" s="942" t="s">
        <v>6821</v>
      </c>
      <c r="K7" s="942" t="s">
        <v>6822</v>
      </c>
      <c r="L7" s="942" t="s">
        <v>6823</v>
      </c>
      <c r="M7" s="942" t="s">
        <v>6824</v>
      </c>
      <c r="N7" s="942" t="s">
        <v>6825</v>
      </c>
      <c r="O7" s="942" t="s">
        <v>26967</v>
      </c>
      <c r="P7" s="942" t="s">
        <v>6826</v>
      </c>
      <c r="Q7" s="942" t="s">
        <v>6827</v>
      </c>
      <c r="R7" s="942" t="s">
        <v>6828</v>
      </c>
    </row>
    <row r="8" spans="1:18" s="395" customFormat="1" ht="14.25">
      <c r="B8" s="943" t="s">
        <v>6829</v>
      </c>
      <c r="C8" s="943" t="s">
        <v>0</v>
      </c>
      <c r="D8" s="943" t="s">
        <v>6830</v>
      </c>
      <c r="E8" s="943" t="s">
        <v>0</v>
      </c>
      <c r="F8" s="943" t="s">
        <v>554</v>
      </c>
      <c r="G8" s="943" t="s">
        <v>26968</v>
      </c>
      <c r="H8" s="943" t="s">
        <v>6831</v>
      </c>
      <c r="I8" s="943" t="s">
        <v>6832</v>
      </c>
      <c r="J8" s="943" t="s">
        <v>14207</v>
      </c>
      <c r="K8" s="943" t="s">
        <v>6833</v>
      </c>
      <c r="L8" s="943" t="s">
        <v>6834</v>
      </c>
      <c r="M8" s="943" t="s">
        <v>6835</v>
      </c>
      <c r="N8" s="943" t="s">
        <v>6836</v>
      </c>
      <c r="O8" s="943" t="s">
        <v>26969</v>
      </c>
      <c r="P8" s="943" t="s">
        <v>6837</v>
      </c>
      <c r="Q8" s="943" t="s">
        <v>6838</v>
      </c>
      <c r="R8" s="943" t="s">
        <v>33986</v>
      </c>
    </row>
    <row r="9" spans="1:18" s="395" customFormat="1" ht="14.25">
      <c r="B9" s="943" t="s">
        <v>6839</v>
      </c>
      <c r="C9" s="943" t="s">
        <v>0</v>
      </c>
      <c r="D9" s="943" t="s">
        <v>555</v>
      </c>
      <c r="E9" s="943" t="s">
        <v>0</v>
      </c>
      <c r="F9" s="943" t="s">
        <v>557</v>
      </c>
      <c r="G9" s="943" t="s">
        <v>26970</v>
      </c>
      <c r="H9" s="943" t="s">
        <v>6831</v>
      </c>
      <c r="I9" s="943" t="s">
        <v>6832</v>
      </c>
      <c r="J9" s="943" t="s">
        <v>14207</v>
      </c>
      <c r="K9" s="943" t="s">
        <v>6833</v>
      </c>
      <c r="L9" s="943" t="s">
        <v>6834</v>
      </c>
      <c r="M9" s="943" t="s">
        <v>6835</v>
      </c>
      <c r="N9" s="943" t="s">
        <v>6836</v>
      </c>
      <c r="O9" s="943" t="s">
        <v>26969</v>
      </c>
      <c r="P9" s="943" t="s">
        <v>6837</v>
      </c>
      <c r="Q9" s="943" t="s">
        <v>6838</v>
      </c>
      <c r="R9" s="943" t="s">
        <v>33986</v>
      </c>
    </row>
    <row r="10" spans="1:18" s="395" customFormat="1" ht="14.25">
      <c r="B10" s="943" t="s">
        <v>6840</v>
      </c>
      <c r="C10" s="943" t="s">
        <v>1045</v>
      </c>
      <c r="D10" s="943" t="s">
        <v>6841</v>
      </c>
      <c r="E10" s="943" t="s">
        <v>26971</v>
      </c>
      <c r="F10" s="943" t="s">
        <v>6841</v>
      </c>
      <c r="G10" s="943" t="s">
        <v>0</v>
      </c>
      <c r="H10" s="943" t="s">
        <v>6842</v>
      </c>
      <c r="I10" s="943" t="s">
        <v>6832</v>
      </c>
      <c r="J10" s="943" t="s">
        <v>26972</v>
      </c>
      <c r="K10" s="943" t="s">
        <v>6833</v>
      </c>
      <c r="L10" s="943" t="s">
        <v>6843</v>
      </c>
      <c r="M10" s="943" t="s">
        <v>6844</v>
      </c>
      <c r="N10" s="943" t="s">
        <v>6836</v>
      </c>
      <c r="O10" s="943" t="s">
        <v>26973</v>
      </c>
      <c r="P10" s="943" t="s">
        <v>6837</v>
      </c>
      <c r="Q10" s="943" t="s">
        <v>6838</v>
      </c>
      <c r="R10" s="943" t="s">
        <v>33987</v>
      </c>
    </row>
    <row r="11" spans="1:18" s="395" customFormat="1" ht="14.25">
      <c r="B11" s="943" t="s">
        <v>6845</v>
      </c>
      <c r="C11" s="943" t="s">
        <v>26974</v>
      </c>
      <c r="D11" s="943" t="s">
        <v>6841</v>
      </c>
      <c r="E11" s="943" t="s">
        <v>33988</v>
      </c>
      <c r="F11" s="943" t="s">
        <v>6841</v>
      </c>
      <c r="G11" s="943" t="s">
        <v>0</v>
      </c>
      <c r="H11" s="943" t="s">
        <v>6846</v>
      </c>
      <c r="I11" s="943" t="s">
        <v>6832</v>
      </c>
      <c r="J11" s="943" t="s">
        <v>26975</v>
      </c>
      <c r="K11" s="943" t="s">
        <v>6847</v>
      </c>
      <c r="L11" s="943" t="s">
        <v>6848</v>
      </c>
      <c r="M11" s="943" t="s">
        <v>6849</v>
      </c>
      <c r="N11" s="943" t="s">
        <v>6836</v>
      </c>
      <c r="O11" s="943" t="s">
        <v>26976</v>
      </c>
      <c r="P11" s="943" t="s">
        <v>6837</v>
      </c>
      <c r="Q11" s="943" t="s">
        <v>6838</v>
      </c>
      <c r="R11" s="943" t="s">
        <v>33989</v>
      </c>
    </row>
    <row r="12" spans="1:18" s="395" customFormat="1" ht="14.25">
      <c r="B12" s="943" t="s">
        <v>6850</v>
      </c>
      <c r="C12" s="943" t="s">
        <v>0</v>
      </c>
      <c r="D12" s="943" t="s">
        <v>6851</v>
      </c>
      <c r="E12" s="943" t="s">
        <v>0</v>
      </c>
      <c r="F12" s="943" t="s">
        <v>1526</v>
      </c>
      <c r="G12" s="943" t="s">
        <v>26977</v>
      </c>
      <c r="H12" s="943" t="s">
        <v>6852</v>
      </c>
      <c r="I12" s="943" t="s">
        <v>6853</v>
      </c>
      <c r="J12" s="943" t="s">
        <v>26978</v>
      </c>
      <c r="K12" s="943" t="s">
        <v>6833</v>
      </c>
      <c r="L12" s="943" t="s">
        <v>6854</v>
      </c>
      <c r="M12" s="943" t="s">
        <v>6844</v>
      </c>
      <c r="N12" s="943" t="s">
        <v>6855</v>
      </c>
      <c r="O12" s="943" t="s">
        <v>26979</v>
      </c>
      <c r="P12" s="943" t="s">
        <v>6837</v>
      </c>
      <c r="Q12" s="943" t="s">
        <v>6838</v>
      </c>
      <c r="R12" s="943" t="s">
        <v>6856</v>
      </c>
    </row>
    <row r="13" spans="1:18" s="395" customFormat="1" ht="14.25">
      <c r="B13" s="943" t="s">
        <v>6857</v>
      </c>
      <c r="C13" s="943" t="s">
        <v>0</v>
      </c>
      <c r="D13" s="943" t="s">
        <v>469</v>
      </c>
      <c r="E13" s="943" t="s">
        <v>26980</v>
      </c>
      <c r="F13" s="943" t="s">
        <v>26981</v>
      </c>
      <c r="G13" s="943" t="s">
        <v>26982</v>
      </c>
      <c r="H13" s="943" t="s">
        <v>6858</v>
      </c>
      <c r="I13" s="943" t="s">
        <v>6832</v>
      </c>
      <c r="J13" s="943" t="s">
        <v>14207</v>
      </c>
      <c r="K13" s="943" t="s">
        <v>6833</v>
      </c>
      <c r="L13" s="943" t="s">
        <v>6834</v>
      </c>
      <c r="M13" s="943" t="s">
        <v>6835</v>
      </c>
      <c r="N13" s="943" t="s">
        <v>6836</v>
      </c>
      <c r="O13" s="943" t="s">
        <v>26969</v>
      </c>
      <c r="P13" s="943" t="s">
        <v>6859</v>
      </c>
      <c r="Q13" s="943" t="s">
        <v>13790</v>
      </c>
      <c r="R13" s="943" t="s">
        <v>33990</v>
      </c>
    </row>
    <row r="14" spans="1:18" s="395" customFormat="1" ht="14.25">
      <c r="B14" s="943" t="s">
        <v>6860</v>
      </c>
      <c r="C14" s="943" t="s">
        <v>6861</v>
      </c>
      <c r="D14" s="943" t="s">
        <v>6841</v>
      </c>
      <c r="E14" s="943" t="s">
        <v>0</v>
      </c>
      <c r="F14" s="943" t="s">
        <v>6841</v>
      </c>
      <c r="G14" s="943" t="s">
        <v>0</v>
      </c>
      <c r="H14" s="943" t="s">
        <v>6862</v>
      </c>
      <c r="I14" s="943" t="s">
        <v>6853</v>
      </c>
      <c r="J14" s="943" t="s">
        <v>26983</v>
      </c>
      <c r="K14" s="943" t="s">
        <v>6863</v>
      </c>
      <c r="L14" s="943" t="s">
        <v>6864</v>
      </c>
      <c r="M14" s="943" t="s">
        <v>6849</v>
      </c>
      <c r="N14" s="943" t="s">
        <v>6855</v>
      </c>
      <c r="O14" s="943" t="s">
        <v>26984</v>
      </c>
      <c r="P14" s="943" t="s">
        <v>6837</v>
      </c>
      <c r="Q14" s="943" t="s">
        <v>6838</v>
      </c>
      <c r="R14" s="943" t="s">
        <v>33991</v>
      </c>
    </row>
    <row r="15" spans="1:18" s="395" customFormat="1" ht="14.25">
      <c r="B15" s="943" t="s">
        <v>6865</v>
      </c>
      <c r="C15" s="943" t="s">
        <v>6861</v>
      </c>
      <c r="D15" s="943" t="s">
        <v>6841</v>
      </c>
      <c r="E15" s="943" t="s">
        <v>0</v>
      </c>
      <c r="F15" s="943" t="s">
        <v>6841</v>
      </c>
      <c r="G15" s="943" t="s">
        <v>0</v>
      </c>
      <c r="H15" s="943" t="s">
        <v>6866</v>
      </c>
      <c r="I15" s="943" t="s">
        <v>6853</v>
      </c>
      <c r="J15" s="943" t="s">
        <v>26985</v>
      </c>
      <c r="K15" s="943" t="s">
        <v>6867</v>
      </c>
      <c r="L15" s="943" t="s">
        <v>6868</v>
      </c>
      <c r="M15" s="943" t="s">
        <v>6849</v>
      </c>
      <c r="N15" s="943" t="s">
        <v>6855</v>
      </c>
      <c r="O15" s="943" t="s">
        <v>26986</v>
      </c>
      <c r="P15" s="943" t="s">
        <v>6859</v>
      </c>
      <c r="Q15" s="943" t="s">
        <v>6838</v>
      </c>
      <c r="R15" s="943" t="s">
        <v>33992</v>
      </c>
    </row>
    <row r="16" spans="1:18" s="395" customFormat="1" ht="14.25">
      <c r="B16" s="943" t="s">
        <v>6869</v>
      </c>
      <c r="C16" s="943" t="s">
        <v>6870</v>
      </c>
      <c r="D16" s="943" t="s">
        <v>6841</v>
      </c>
      <c r="E16" s="943" t="s">
        <v>0</v>
      </c>
      <c r="F16" s="943" t="s">
        <v>6841</v>
      </c>
      <c r="G16" s="943" t="s">
        <v>0</v>
      </c>
      <c r="H16" s="943" t="s">
        <v>6871</v>
      </c>
      <c r="I16" s="943" t="s">
        <v>6832</v>
      </c>
      <c r="J16" s="943" t="s">
        <v>31109</v>
      </c>
      <c r="K16" s="943" t="s">
        <v>6872</v>
      </c>
      <c r="L16" s="943" t="s">
        <v>6873</v>
      </c>
      <c r="M16" s="943" t="s">
        <v>6849</v>
      </c>
      <c r="N16" s="943" t="s">
        <v>6836</v>
      </c>
      <c r="O16" s="943" t="s">
        <v>26987</v>
      </c>
      <c r="P16" s="943" t="s">
        <v>6837</v>
      </c>
      <c r="Q16" s="943" t="s">
        <v>31110</v>
      </c>
      <c r="R16" s="943" t="s">
        <v>33993</v>
      </c>
    </row>
    <row r="17" spans="2:18" s="395" customFormat="1" ht="14.25">
      <c r="B17" s="943" t="s">
        <v>6874</v>
      </c>
      <c r="C17" s="943" t="s">
        <v>6870</v>
      </c>
      <c r="D17" s="943" t="s">
        <v>6841</v>
      </c>
      <c r="E17" s="943" t="s">
        <v>0</v>
      </c>
      <c r="F17" s="943" t="s">
        <v>6841</v>
      </c>
      <c r="G17" s="943" t="s">
        <v>0</v>
      </c>
      <c r="H17" s="943" t="s">
        <v>6875</v>
      </c>
      <c r="I17" s="943" t="s">
        <v>6832</v>
      </c>
      <c r="J17" s="943" t="s">
        <v>26988</v>
      </c>
      <c r="K17" s="943" t="s">
        <v>6876</v>
      </c>
      <c r="L17" s="943" t="s">
        <v>6877</v>
      </c>
      <c r="M17" s="943" t="s">
        <v>6878</v>
      </c>
      <c r="N17" s="943" t="s">
        <v>6836</v>
      </c>
      <c r="O17" s="943" t="s">
        <v>26979</v>
      </c>
      <c r="P17" s="943" t="s">
        <v>6837</v>
      </c>
      <c r="Q17" s="943" t="s">
        <v>6838</v>
      </c>
      <c r="R17" s="943" t="s">
        <v>33994</v>
      </c>
    </row>
    <row r="18" spans="2:18" s="395" customFormat="1" ht="14.25">
      <c r="B18" s="943" t="s">
        <v>31111</v>
      </c>
      <c r="C18" s="943" t="s">
        <v>6870</v>
      </c>
      <c r="D18" s="943" t="s">
        <v>6841</v>
      </c>
      <c r="E18" s="943" t="s">
        <v>0</v>
      </c>
      <c r="F18" s="943" t="s">
        <v>6841</v>
      </c>
      <c r="G18" s="943" t="s">
        <v>0</v>
      </c>
      <c r="H18" s="943" t="s">
        <v>6871</v>
      </c>
      <c r="I18" s="943" t="s">
        <v>6832</v>
      </c>
      <c r="J18" s="943" t="s">
        <v>31112</v>
      </c>
      <c r="K18" s="943" t="s">
        <v>31113</v>
      </c>
      <c r="L18" s="943" t="s">
        <v>6873</v>
      </c>
      <c r="M18" s="943" t="s">
        <v>6849</v>
      </c>
      <c r="N18" s="943" t="s">
        <v>6836</v>
      </c>
      <c r="O18" s="943" t="s">
        <v>31114</v>
      </c>
      <c r="P18" s="943" t="s">
        <v>31110</v>
      </c>
      <c r="Q18" s="943" t="s">
        <v>31110</v>
      </c>
      <c r="R18" s="943" t="s">
        <v>33995</v>
      </c>
    </row>
    <row r="19" spans="2:18" s="395" customFormat="1" ht="14.25">
      <c r="B19" s="943" t="s">
        <v>6879</v>
      </c>
      <c r="C19" s="943" t="s">
        <v>6880</v>
      </c>
      <c r="D19" s="943" t="s">
        <v>6841</v>
      </c>
      <c r="E19" s="943" t="s">
        <v>0</v>
      </c>
      <c r="F19" s="943" t="s">
        <v>6841</v>
      </c>
      <c r="G19" s="943" t="s">
        <v>0</v>
      </c>
      <c r="H19" s="943" t="s">
        <v>6881</v>
      </c>
      <c r="I19" s="943" t="s">
        <v>6832</v>
      </c>
      <c r="J19" s="943" t="s">
        <v>31115</v>
      </c>
      <c r="K19" s="943" t="s">
        <v>6833</v>
      </c>
      <c r="L19" s="943" t="s">
        <v>6882</v>
      </c>
      <c r="M19" s="943" t="s">
        <v>6849</v>
      </c>
      <c r="N19" s="943" t="s">
        <v>6836</v>
      </c>
      <c r="O19" s="943" t="s">
        <v>26989</v>
      </c>
      <c r="P19" s="943" t="s">
        <v>6837</v>
      </c>
      <c r="Q19" s="943" t="s">
        <v>31110</v>
      </c>
      <c r="R19" s="943" t="s">
        <v>33996</v>
      </c>
    </row>
    <row r="20" spans="2:18" s="395" customFormat="1" ht="14.25">
      <c r="B20" s="943" t="s">
        <v>31116</v>
      </c>
      <c r="C20" s="943" t="s">
        <v>6880</v>
      </c>
      <c r="D20" s="943" t="s">
        <v>6841</v>
      </c>
      <c r="E20" s="943" t="s">
        <v>0</v>
      </c>
      <c r="F20" s="943" t="s">
        <v>6841</v>
      </c>
      <c r="G20" s="943" t="s">
        <v>0</v>
      </c>
      <c r="H20" s="943" t="s">
        <v>6881</v>
      </c>
      <c r="I20" s="943" t="s">
        <v>6832</v>
      </c>
      <c r="J20" s="943" t="s">
        <v>31112</v>
      </c>
      <c r="K20" s="943" t="s">
        <v>31113</v>
      </c>
      <c r="L20" s="943" t="s">
        <v>6882</v>
      </c>
      <c r="M20" s="943" t="s">
        <v>6849</v>
      </c>
      <c r="N20" s="943" t="s">
        <v>6836</v>
      </c>
      <c r="O20" s="943" t="s">
        <v>31117</v>
      </c>
      <c r="P20" s="943" t="s">
        <v>31110</v>
      </c>
      <c r="Q20" s="943" t="s">
        <v>31110</v>
      </c>
      <c r="R20" s="943" t="s">
        <v>33995</v>
      </c>
    </row>
    <row r="21" spans="2:18" s="395" customFormat="1" ht="14.25">
      <c r="B21" s="943" t="s">
        <v>6883</v>
      </c>
      <c r="C21" s="943" t="s">
        <v>0</v>
      </c>
      <c r="D21" s="943" t="s">
        <v>549</v>
      </c>
      <c r="E21" s="943" t="s">
        <v>0</v>
      </c>
      <c r="F21" s="943" t="s">
        <v>551</v>
      </c>
      <c r="G21" s="943" t="s">
        <v>26990</v>
      </c>
      <c r="H21" s="943" t="s">
        <v>6884</v>
      </c>
      <c r="I21" s="943" t="s">
        <v>6832</v>
      </c>
      <c r="J21" s="943" t="s">
        <v>14207</v>
      </c>
      <c r="K21" s="943" t="s">
        <v>6833</v>
      </c>
      <c r="L21" s="943" t="s">
        <v>6834</v>
      </c>
      <c r="M21" s="943" t="s">
        <v>6835</v>
      </c>
      <c r="N21" s="943" t="s">
        <v>6836</v>
      </c>
      <c r="O21" s="943" t="s">
        <v>26969</v>
      </c>
      <c r="P21" s="943" t="s">
        <v>6837</v>
      </c>
      <c r="Q21" s="943" t="s">
        <v>6838</v>
      </c>
      <c r="R21" s="943" t="s">
        <v>33997</v>
      </c>
    </row>
    <row r="22" spans="2:18" s="395" customFormat="1" ht="14.25">
      <c r="B22" s="943" t="s">
        <v>6885</v>
      </c>
      <c r="C22" s="943" t="s">
        <v>6886</v>
      </c>
      <c r="D22" s="943" t="s">
        <v>6841</v>
      </c>
      <c r="E22" s="943" t="s">
        <v>0</v>
      </c>
      <c r="F22" s="943" t="s">
        <v>6841</v>
      </c>
      <c r="G22" s="943" t="s">
        <v>6887</v>
      </c>
      <c r="H22" s="943" t="s">
        <v>6888</v>
      </c>
      <c r="I22" s="943" t="s">
        <v>6832</v>
      </c>
      <c r="J22" s="943" t="s">
        <v>26975</v>
      </c>
      <c r="K22" s="943" t="s">
        <v>6833</v>
      </c>
      <c r="L22" s="943" t="s">
        <v>6889</v>
      </c>
      <c r="M22" s="943" t="s">
        <v>6878</v>
      </c>
      <c r="N22" s="943" t="s">
        <v>6836</v>
      </c>
      <c r="O22" s="943" t="s">
        <v>26991</v>
      </c>
      <c r="P22" s="943" t="s">
        <v>6837</v>
      </c>
      <c r="Q22" s="943" t="s">
        <v>6838</v>
      </c>
      <c r="R22" s="943" t="s">
        <v>33998</v>
      </c>
    </row>
    <row r="23" spans="2:18" s="395" customFormat="1" ht="14.25">
      <c r="B23" s="943" t="s">
        <v>6890</v>
      </c>
      <c r="C23" s="943" t="s">
        <v>6891</v>
      </c>
      <c r="D23" s="943" t="s">
        <v>6841</v>
      </c>
      <c r="E23" s="943" t="s">
        <v>0</v>
      </c>
      <c r="F23" s="943" t="s">
        <v>6841</v>
      </c>
      <c r="G23" s="943" t="s">
        <v>6892</v>
      </c>
      <c r="H23" s="943" t="s">
        <v>6888</v>
      </c>
      <c r="I23" s="943" t="s">
        <v>6832</v>
      </c>
      <c r="J23" s="943" t="s">
        <v>26975</v>
      </c>
      <c r="K23" s="943" t="s">
        <v>26992</v>
      </c>
      <c r="L23" s="943" t="s">
        <v>6889</v>
      </c>
      <c r="M23" s="943" t="s">
        <v>6878</v>
      </c>
      <c r="N23" s="943" t="s">
        <v>6836</v>
      </c>
      <c r="O23" s="943" t="s">
        <v>26991</v>
      </c>
      <c r="P23" s="943" t="s">
        <v>6837</v>
      </c>
      <c r="Q23" s="943" t="s">
        <v>6838</v>
      </c>
      <c r="R23" s="943" t="s">
        <v>33998</v>
      </c>
    </row>
    <row r="24" spans="2:18" s="395" customFormat="1" ht="14.25">
      <c r="B24" s="943" t="s">
        <v>6893</v>
      </c>
      <c r="C24" s="943" t="s">
        <v>0</v>
      </c>
      <c r="D24" s="943" t="s">
        <v>26993</v>
      </c>
      <c r="E24" s="943" t="s">
        <v>0</v>
      </c>
      <c r="F24" s="943" t="s">
        <v>1755</v>
      </c>
      <c r="G24" s="943" t="s">
        <v>26994</v>
      </c>
      <c r="H24" s="943" t="s">
        <v>6894</v>
      </c>
      <c r="I24" s="943" t="s">
        <v>6832</v>
      </c>
      <c r="J24" s="943" t="s">
        <v>26975</v>
      </c>
      <c r="K24" s="943" t="s">
        <v>6833</v>
      </c>
      <c r="L24" s="943" t="s">
        <v>6895</v>
      </c>
      <c r="M24" s="943" t="s">
        <v>6878</v>
      </c>
      <c r="N24" s="943" t="s">
        <v>6836</v>
      </c>
      <c r="O24" s="943" t="s">
        <v>26979</v>
      </c>
      <c r="P24" s="943" t="s">
        <v>6837</v>
      </c>
      <c r="Q24" s="943" t="s">
        <v>26995</v>
      </c>
      <c r="R24" s="943" t="s">
        <v>33999</v>
      </c>
    </row>
    <row r="25" spans="2:18" s="395" customFormat="1" ht="14.25">
      <c r="B25" s="943" t="s">
        <v>6896</v>
      </c>
      <c r="C25" s="943" t="s">
        <v>471</v>
      </c>
      <c r="D25" s="943" t="s">
        <v>6841</v>
      </c>
      <c r="E25" s="943" t="s">
        <v>28478</v>
      </c>
      <c r="F25" s="943" t="s">
        <v>6841</v>
      </c>
      <c r="G25" s="943" t="s">
        <v>0</v>
      </c>
      <c r="H25" s="943" t="s">
        <v>28475</v>
      </c>
      <c r="I25" s="943" t="s">
        <v>6832</v>
      </c>
      <c r="J25" s="943" t="s">
        <v>14207</v>
      </c>
      <c r="K25" s="943" t="s">
        <v>6833</v>
      </c>
      <c r="L25" s="943" t="s">
        <v>6834</v>
      </c>
      <c r="M25" s="943" t="s">
        <v>6835</v>
      </c>
      <c r="N25" s="943" t="s">
        <v>6836</v>
      </c>
      <c r="O25" s="943" t="s">
        <v>26969</v>
      </c>
      <c r="P25" s="943" t="s">
        <v>6859</v>
      </c>
      <c r="Q25" s="943" t="s">
        <v>28459</v>
      </c>
      <c r="R25" s="943" t="s">
        <v>31118</v>
      </c>
    </row>
    <row r="26" spans="2:18" s="395" customFormat="1" ht="14.25">
      <c r="B26" s="943" t="s">
        <v>6897</v>
      </c>
      <c r="C26" s="943" t="s">
        <v>6898</v>
      </c>
      <c r="D26" s="943" t="s">
        <v>6841</v>
      </c>
      <c r="E26" s="943" t="s">
        <v>0</v>
      </c>
      <c r="F26" s="943" t="s">
        <v>6841</v>
      </c>
      <c r="G26" s="943" t="s">
        <v>0</v>
      </c>
      <c r="H26" s="943" t="s">
        <v>6899</v>
      </c>
      <c r="I26" s="943" t="s">
        <v>6832</v>
      </c>
      <c r="J26" s="943" t="s">
        <v>26996</v>
      </c>
      <c r="K26" s="943" t="s">
        <v>6833</v>
      </c>
      <c r="L26" s="943" t="s">
        <v>6900</v>
      </c>
      <c r="M26" s="943" t="s">
        <v>6844</v>
      </c>
      <c r="N26" s="943" t="s">
        <v>6836</v>
      </c>
      <c r="O26" s="943" t="s">
        <v>26979</v>
      </c>
      <c r="P26" s="943" t="s">
        <v>6837</v>
      </c>
      <c r="Q26" s="943" t="s">
        <v>6838</v>
      </c>
      <c r="R26" s="943" t="s">
        <v>34000</v>
      </c>
    </row>
    <row r="27" spans="2:18" s="395" customFormat="1" ht="14.25">
      <c r="B27" s="943" t="s">
        <v>6901</v>
      </c>
      <c r="C27" s="943" t="s">
        <v>0</v>
      </c>
      <c r="D27" s="943" t="s">
        <v>1803</v>
      </c>
      <c r="E27" s="943" t="s">
        <v>0</v>
      </c>
      <c r="F27" s="943" t="s">
        <v>1804</v>
      </c>
      <c r="G27" s="943" t="s">
        <v>0</v>
      </c>
      <c r="H27" s="943" t="s">
        <v>6902</v>
      </c>
      <c r="I27" s="943" t="s">
        <v>6832</v>
      </c>
      <c r="J27" s="943" t="s">
        <v>26997</v>
      </c>
      <c r="K27" s="943" t="s">
        <v>6902</v>
      </c>
      <c r="L27" s="943" t="s">
        <v>6903</v>
      </c>
      <c r="M27" s="943" t="s">
        <v>6849</v>
      </c>
      <c r="N27" s="943" t="s">
        <v>6836</v>
      </c>
      <c r="O27" s="943" t="s">
        <v>26979</v>
      </c>
      <c r="P27" s="943" t="s">
        <v>6837</v>
      </c>
      <c r="Q27" s="943" t="s">
        <v>6838</v>
      </c>
      <c r="R27" s="943" t="s">
        <v>6856</v>
      </c>
    </row>
    <row r="28" spans="2:18" s="395" customFormat="1" ht="14.25">
      <c r="B28" s="943" t="s">
        <v>6904</v>
      </c>
      <c r="C28" s="943" t="s">
        <v>561</v>
      </c>
      <c r="D28" s="943" t="s">
        <v>6841</v>
      </c>
      <c r="E28" s="943" t="s">
        <v>34001</v>
      </c>
      <c r="F28" s="943" t="s">
        <v>6841</v>
      </c>
      <c r="G28" s="943" t="s">
        <v>26998</v>
      </c>
      <c r="H28" s="943" t="s">
        <v>6905</v>
      </c>
      <c r="I28" s="943" t="s">
        <v>6832</v>
      </c>
      <c r="J28" s="943" t="s">
        <v>26999</v>
      </c>
      <c r="K28" s="943" t="s">
        <v>6833</v>
      </c>
      <c r="L28" s="943" t="s">
        <v>13694</v>
      </c>
      <c r="M28" s="943" t="s">
        <v>6835</v>
      </c>
      <c r="N28" s="943" t="s">
        <v>6836</v>
      </c>
      <c r="O28" s="943" t="s">
        <v>26969</v>
      </c>
      <c r="P28" s="943" t="s">
        <v>6837</v>
      </c>
      <c r="Q28" s="943" t="s">
        <v>13790</v>
      </c>
      <c r="R28" s="943" t="s">
        <v>34002</v>
      </c>
    </row>
    <row r="29" spans="2:18" s="395" customFormat="1" ht="14.25">
      <c r="B29" s="943" t="s">
        <v>6907</v>
      </c>
      <c r="C29" s="943" t="s">
        <v>6908</v>
      </c>
      <c r="D29" s="943" t="s">
        <v>6841</v>
      </c>
      <c r="E29" s="943" t="s">
        <v>0</v>
      </c>
      <c r="F29" s="943" t="s">
        <v>6841</v>
      </c>
      <c r="G29" s="943" t="s">
        <v>0</v>
      </c>
      <c r="H29" s="943" t="s">
        <v>6909</v>
      </c>
      <c r="I29" s="943" t="s">
        <v>6832</v>
      </c>
      <c r="J29" s="943" t="s">
        <v>31109</v>
      </c>
      <c r="K29" s="943" t="s">
        <v>6872</v>
      </c>
      <c r="L29" s="943" t="s">
        <v>6910</v>
      </c>
      <c r="M29" s="943" t="s">
        <v>6849</v>
      </c>
      <c r="N29" s="943" t="s">
        <v>6836</v>
      </c>
      <c r="O29" s="943" t="s">
        <v>27000</v>
      </c>
      <c r="P29" s="943" t="s">
        <v>6837</v>
      </c>
      <c r="Q29" s="943" t="s">
        <v>31110</v>
      </c>
      <c r="R29" s="943" t="s">
        <v>34003</v>
      </c>
    </row>
    <row r="30" spans="2:18" s="395" customFormat="1" ht="14.25">
      <c r="B30" s="943" t="s">
        <v>6912</v>
      </c>
      <c r="C30" s="943" t="s">
        <v>6908</v>
      </c>
      <c r="D30" s="943" t="s">
        <v>6841</v>
      </c>
      <c r="E30" s="943" t="s">
        <v>0</v>
      </c>
      <c r="F30" s="943" t="s">
        <v>6841</v>
      </c>
      <c r="G30" s="943" t="s">
        <v>0</v>
      </c>
      <c r="H30" s="943" t="s">
        <v>6913</v>
      </c>
      <c r="I30" s="943" t="s">
        <v>6832</v>
      </c>
      <c r="J30" s="943" t="s">
        <v>27001</v>
      </c>
      <c r="K30" s="943" t="s">
        <v>6914</v>
      </c>
      <c r="L30" s="943" t="s">
        <v>6915</v>
      </c>
      <c r="M30" s="943" t="s">
        <v>6844</v>
      </c>
      <c r="N30" s="943" t="s">
        <v>6836</v>
      </c>
      <c r="O30" s="943" t="s">
        <v>26979</v>
      </c>
      <c r="P30" s="943" t="s">
        <v>6837</v>
      </c>
      <c r="Q30" s="943" t="s">
        <v>6838</v>
      </c>
      <c r="R30" s="943" t="s">
        <v>34004</v>
      </c>
    </row>
    <row r="31" spans="2:18" s="395" customFormat="1" ht="14.25">
      <c r="B31" s="943" t="s">
        <v>6916</v>
      </c>
      <c r="C31" s="943" t="s">
        <v>6908</v>
      </c>
      <c r="D31" s="943" t="s">
        <v>6841</v>
      </c>
      <c r="E31" s="943" t="s">
        <v>0</v>
      </c>
      <c r="F31" s="943" t="s">
        <v>6841</v>
      </c>
      <c r="G31" s="943" t="s">
        <v>0</v>
      </c>
      <c r="H31" s="943" t="s">
        <v>6913</v>
      </c>
      <c r="I31" s="943" t="s">
        <v>6832</v>
      </c>
      <c r="J31" s="943" t="s">
        <v>27001</v>
      </c>
      <c r="K31" s="943" t="s">
        <v>6917</v>
      </c>
      <c r="L31" s="943" t="s">
        <v>6918</v>
      </c>
      <c r="M31" s="943" t="s">
        <v>6849</v>
      </c>
      <c r="N31" s="943" t="s">
        <v>6836</v>
      </c>
      <c r="O31" s="943" t="s">
        <v>27002</v>
      </c>
      <c r="P31" s="943" t="s">
        <v>6837</v>
      </c>
      <c r="Q31" s="943" t="s">
        <v>6838</v>
      </c>
      <c r="R31" s="943" t="s">
        <v>34005</v>
      </c>
    </row>
    <row r="32" spans="2:18" s="395" customFormat="1" ht="14.25">
      <c r="B32" s="943" t="s">
        <v>6919</v>
      </c>
      <c r="C32" s="943" t="s">
        <v>6908</v>
      </c>
      <c r="D32" s="943" t="s">
        <v>6841</v>
      </c>
      <c r="E32" s="943" t="s">
        <v>0</v>
      </c>
      <c r="F32" s="943" t="s">
        <v>6841</v>
      </c>
      <c r="G32" s="943" t="s">
        <v>0</v>
      </c>
      <c r="H32" s="943" t="s">
        <v>6920</v>
      </c>
      <c r="I32" s="943" t="s">
        <v>6832</v>
      </c>
      <c r="J32" s="943" t="s">
        <v>27003</v>
      </c>
      <c r="K32" s="943" t="s">
        <v>6921</v>
      </c>
      <c r="L32" s="943" t="s">
        <v>6922</v>
      </c>
      <c r="M32" s="943" t="s">
        <v>6849</v>
      </c>
      <c r="N32" s="943" t="s">
        <v>6836</v>
      </c>
      <c r="O32" s="943" t="s">
        <v>27002</v>
      </c>
      <c r="P32" s="943" t="s">
        <v>6837</v>
      </c>
      <c r="Q32" s="943" t="s">
        <v>6838</v>
      </c>
      <c r="R32" s="943" t="s">
        <v>34005</v>
      </c>
    </row>
    <row r="33" spans="2:18" s="395" customFormat="1" ht="14.25">
      <c r="B33" s="943" t="s">
        <v>6923</v>
      </c>
      <c r="C33" s="943" t="s">
        <v>6908</v>
      </c>
      <c r="D33" s="943" t="s">
        <v>6841</v>
      </c>
      <c r="E33" s="943" t="s">
        <v>0</v>
      </c>
      <c r="F33" s="943" t="s">
        <v>6841</v>
      </c>
      <c r="G33" s="943" t="s">
        <v>0</v>
      </c>
      <c r="H33" s="943" t="s">
        <v>6924</v>
      </c>
      <c r="I33" s="943" t="s">
        <v>6832</v>
      </c>
      <c r="J33" s="943" t="s">
        <v>27004</v>
      </c>
      <c r="K33" s="943" t="s">
        <v>6876</v>
      </c>
      <c r="L33" s="943" t="s">
        <v>6925</v>
      </c>
      <c r="M33" s="943" t="s">
        <v>6878</v>
      </c>
      <c r="N33" s="943" t="s">
        <v>6836</v>
      </c>
      <c r="O33" s="943" t="s">
        <v>26979</v>
      </c>
      <c r="P33" s="943" t="s">
        <v>6837</v>
      </c>
      <c r="Q33" s="943" t="s">
        <v>6838</v>
      </c>
      <c r="R33" s="943" t="s">
        <v>34006</v>
      </c>
    </row>
    <row r="34" spans="2:18" s="395" customFormat="1" ht="14.25">
      <c r="B34" s="943" t="s">
        <v>31119</v>
      </c>
      <c r="C34" s="943" t="s">
        <v>6908</v>
      </c>
      <c r="D34" s="943" t="s">
        <v>6841</v>
      </c>
      <c r="E34" s="943" t="s">
        <v>0</v>
      </c>
      <c r="F34" s="943" t="s">
        <v>6841</v>
      </c>
      <c r="G34" s="943" t="s">
        <v>0</v>
      </c>
      <c r="H34" s="943" t="s">
        <v>6909</v>
      </c>
      <c r="I34" s="943" t="s">
        <v>6832</v>
      </c>
      <c r="J34" s="943" t="s">
        <v>31112</v>
      </c>
      <c r="K34" s="943" t="s">
        <v>31113</v>
      </c>
      <c r="L34" s="943" t="s">
        <v>6910</v>
      </c>
      <c r="M34" s="943" t="s">
        <v>6849</v>
      </c>
      <c r="N34" s="943" t="s">
        <v>6836</v>
      </c>
      <c r="O34" s="943" t="s">
        <v>31120</v>
      </c>
      <c r="P34" s="943" t="s">
        <v>31110</v>
      </c>
      <c r="Q34" s="943" t="s">
        <v>31110</v>
      </c>
      <c r="R34" s="943" t="s">
        <v>33995</v>
      </c>
    </row>
    <row r="35" spans="2:18" s="395" customFormat="1" ht="14.25">
      <c r="B35" s="943" t="s">
        <v>6926</v>
      </c>
      <c r="C35" s="943" t="s">
        <v>0</v>
      </c>
      <c r="D35" s="943" t="s">
        <v>512</v>
      </c>
      <c r="E35" s="943" t="s">
        <v>27005</v>
      </c>
      <c r="F35" s="943" t="s">
        <v>514</v>
      </c>
      <c r="G35" s="943" t="s">
        <v>27006</v>
      </c>
      <c r="H35" s="943" t="s">
        <v>6928</v>
      </c>
      <c r="I35" s="943" t="s">
        <v>6832</v>
      </c>
      <c r="J35" s="943" t="s">
        <v>14207</v>
      </c>
      <c r="K35" s="943" t="s">
        <v>6833</v>
      </c>
      <c r="L35" s="943" t="s">
        <v>6834</v>
      </c>
      <c r="M35" s="943" t="s">
        <v>6835</v>
      </c>
      <c r="N35" s="943" t="s">
        <v>6836</v>
      </c>
      <c r="O35" s="943" t="s">
        <v>26969</v>
      </c>
      <c r="P35" s="943" t="s">
        <v>6837</v>
      </c>
      <c r="Q35" s="943" t="s">
        <v>6838</v>
      </c>
      <c r="R35" s="943" t="s">
        <v>34007</v>
      </c>
    </row>
    <row r="36" spans="2:18" s="395" customFormat="1" ht="14.25">
      <c r="B36" s="943" t="s">
        <v>6929</v>
      </c>
      <c r="C36" s="943" t="s">
        <v>0</v>
      </c>
      <c r="D36" s="943" t="s">
        <v>515</v>
      </c>
      <c r="E36" s="943" t="s">
        <v>0</v>
      </c>
      <c r="F36" s="943" t="s">
        <v>517</v>
      </c>
      <c r="G36" s="943" t="s">
        <v>27007</v>
      </c>
      <c r="H36" s="943" t="s">
        <v>6931</v>
      </c>
      <c r="I36" s="943" t="s">
        <v>6832</v>
      </c>
      <c r="J36" s="943" t="s">
        <v>14207</v>
      </c>
      <c r="K36" s="943" t="s">
        <v>6833</v>
      </c>
      <c r="L36" s="943" t="s">
        <v>6834</v>
      </c>
      <c r="M36" s="943" t="s">
        <v>6835</v>
      </c>
      <c r="N36" s="943" t="s">
        <v>6836</v>
      </c>
      <c r="O36" s="943" t="s">
        <v>26969</v>
      </c>
      <c r="P36" s="943" t="s">
        <v>6837</v>
      </c>
      <c r="Q36" s="943" t="s">
        <v>6838</v>
      </c>
      <c r="R36" s="943" t="s">
        <v>34008</v>
      </c>
    </row>
    <row r="37" spans="2:18" s="395" customFormat="1" ht="14.25">
      <c r="B37" s="943" t="s">
        <v>6932</v>
      </c>
      <c r="C37" s="943" t="s">
        <v>0</v>
      </c>
      <c r="D37" s="943" t="s">
        <v>518</v>
      </c>
      <c r="E37" s="943" t="s">
        <v>0</v>
      </c>
      <c r="F37" s="943" t="s">
        <v>520</v>
      </c>
      <c r="G37" s="943" t="s">
        <v>27008</v>
      </c>
      <c r="H37" s="943" t="s">
        <v>6934</v>
      </c>
      <c r="I37" s="943" t="s">
        <v>6832</v>
      </c>
      <c r="J37" s="943" t="s">
        <v>14207</v>
      </c>
      <c r="K37" s="943" t="s">
        <v>6833</v>
      </c>
      <c r="L37" s="943" t="s">
        <v>6834</v>
      </c>
      <c r="M37" s="943" t="s">
        <v>6835</v>
      </c>
      <c r="N37" s="943" t="s">
        <v>6836</v>
      </c>
      <c r="O37" s="943" t="s">
        <v>26969</v>
      </c>
      <c r="P37" s="943" t="s">
        <v>6837</v>
      </c>
      <c r="Q37" s="943" t="s">
        <v>6838</v>
      </c>
      <c r="R37" s="943" t="s">
        <v>34009</v>
      </c>
    </row>
    <row r="38" spans="2:18" s="395" customFormat="1" ht="14.25">
      <c r="B38" s="943" t="s">
        <v>6935</v>
      </c>
      <c r="C38" s="943" t="s">
        <v>6936</v>
      </c>
      <c r="D38" s="943" t="s">
        <v>6841</v>
      </c>
      <c r="E38" s="943" t="s">
        <v>27009</v>
      </c>
      <c r="F38" s="943" t="s">
        <v>6841</v>
      </c>
      <c r="G38" s="943" t="s">
        <v>0</v>
      </c>
      <c r="H38" s="943" t="s">
        <v>6937</v>
      </c>
      <c r="I38" s="943" t="s">
        <v>6832</v>
      </c>
      <c r="J38" s="943" t="s">
        <v>31121</v>
      </c>
      <c r="K38" s="943" t="s">
        <v>6872</v>
      </c>
      <c r="L38" s="943" t="s">
        <v>6938</v>
      </c>
      <c r="M38" s="943" t="s">
        <v>6849</v>
      </c>
      <c r="N38" s="943" t="s">
        <v>6836</v>
      </c>
      <c r="O38" s="943" t="s">
        <v>27010</v>
      </c>
      <c r="P38" s="943" t="s">
        <v>6837</v>
      </c>
      <c r="Q38" s="943" t="s">
        <v>31110</v>
      </c>
      <c r="R38" s="943" t="s">
        <v>34010</v>
      </c>
    </row>
    <row r="39" spans="2:18" s="395" customFormat="1" ht="14.25">
      <c r="B39" s="943" t="s">
        <v>6939</v>
      </c>
      <c r="C39" s="943" t="s">
        <v>6936</v>
      </c>
      <c r="D39" s="943" t="s">
        <v>6841</v>
      </c>
      <c r="E39" s="943" t="s">
        <v>0</v>
      </c>
      <c r="F39" s="943" t="s">
        <v>6841</v>
      </c>
      <c r="G39" s="943" t="s">
        <v>0</v>
      </c>
      <c r="H39" s="943" t="s">
        <v>6940</v>
      </c>
      <c r="I39" s="943" t="s">
        <v>6832</v>
      </c>
      <c r="J39" s="943" t="s">
        <v>27011</v>
      </c>
      <c r="K39" s="943" t="s">
        <v>6876</v>
      </c>
      <c r="L39" s="943" t="s">
        <v>6941</v>
      </c>
      <c r="M39" s="943" t="s">
        <v>6878</v>
      </c>
      <c r="N39" s="943" t="s">
        <v>6836</v>
      </c>
      <c r="O39" s="943" t="s">
        <v>26979</v>
      </c>
      <c r="P39" s="943" t="s">
        <v>6837</v>
      </c>
      <c r="Q39" s="943" t="s">
        <v>6838</v>
      </c>
      <c r="R39" s="943" t="s">
        <v>34011</v>
      </c>
    </row>
    <row r="40" spans="2:18" s="395" customFormat="1" ht="14.25">
      <c r="B40" s="943" t="s">
        <v>6942</v>
      </c>
      <c r="C40" s="943" t="s">
        <v>6936</v>
      </c>
      <c r="D40" s="943" t="s">
        <v>6841</v>
      </c>
      <c r="E40" s="943" t="s">
        <v>0</v>
      </c>
      <c r="F40" s="943" t="s">
        <v>6841</v>
      </c>
      <c r="G40" s="943" t="s">
        <v>0</v>
      </c>
      <c r="H40" s="943" t="s">
        <v>6940</v>
      </c>
      <c r="I40" s="943" t="s">
        <v>6832</v>
      </c>
      <c r="J40" s="943" t="s">
        <v>27012</v>
      </c>
      <c r="K40" s="943" t="s">
        <v>6876</v>
      </c>
      <c r="L40" s="943" t="s">
        <v>6943</v>
      </c>
      <c r="M40" s="943" t="s">
        <v>6849</v>
      </c>
      <c r="N40" s="943" t="s">
        <v>6836</v>
      </c>
      <c r="O40" s="943" t="s">
        <v>27010</v>
      </c>
      <c r="P40" s="943" t="s">
        <v>6944</v>
      </c>
      <c r="Q40" s="943" t="s">
        <v>6838</v>
      </c>
      <c r="R40" s="943" t="s">
        <v>34012</v>
      </c>
    </row>
    <row r="41" spans="2:18" s="395" customFormat="1" ht="14.25">
      <c r="B41" s="943" t="s">
        <v>31122</v>
      </c>
      <c r="C41" s="943" t="s">
        <v>6936</v>
      </c>
      <c r="D41" s="943" t="s">
        <v>6841</v>
      </c>
      <c r="E41" s="943" t="s">
        <v>31123</v>
      </c>
      <c r="F41" s="943" t="s">
        <v>6841</v>
      </c>
      <c r="G41" s="943" t="s">
        <v>0</v>
      </c>
      <c r="H41" s="943" t="s">
        <v>6937</v>
      </c>
      <c r="I41" s="943" t="s">
        <v>6832</v>
      </c>
      <c r="J41" s="943" t="s">
        <v>31112</v>
      </c>
      <c r="K41" s="943" t="s">
        <v>31113</v>
      </c>
      <c r="L41" s="943" t="s">
        <v>31124</v>
      </c>
      <c r="M41" s="943" t="s">
        <v>6849</v>
      </c>
      <c r="N41" s="943" t="s">
        <v>6836</v>
      </c>
      <c r="O41" s="943" t="s">
        <v>31125</v>
      </c>
      <c r="P41" s="943" t="s">
        <v>31110</v>
      </c>
      <c r="Q41" s="943" t="s">
        <v>31110</v>
      </c>
      <c r="R41" s="943" t="s">
        <v>33995</v>
      </c>
    </row>
    <row r="42" spans="2:18" s="395" customFormat="1" ht="14.25">
      <c r="B42" s="943" t="s">
        <v>6945</v>
      </c>
      <c r="C42" s="943" t="s">
        <v>13696</v>
      </c>
      <c r="D42" s="943" t="s">
        <v>6841</v>
      </c>
      <c r="E42" s="943" t="s">
        <v>0</v>
      </c>
      <c r="F42" s="943" t="s">
        <v>6841</v>
      </c>
      <c r="G42" s="943" t="s">
        <v>0</v>
      </c>
      <c r="H42" s="943" t="s">
        <v>6946</v>
      </c>
      <c r="I42" s="943" t="s">
        <v>6832</v>
      </c>
      <c r="J42" s="943" t="s">
        <v>26975</v>
      </c>
      <c r="K42" s="943" t="s">
        <v>6947</v>
      </c>
      <c r="L42" s="943" t="s">
        <v>6900</v>
      </c>
      <c r="M42" s="943" t="s">
        <v>6844</v>
      </c>
      <c r="N42" s="943" t="s">
        <v>6836</v>
      </c>
      <c r="O42" s="943" t="s">
        <v>26973</v>
      </c>
      <c r="P42" s="943" t="s">
        <v>6837</v>
      </c>
      <c r="Q42" s="943" t="s">
        <v>13695</v>
      </c>
      <c r="R42" s="943" t="s">
        <v>34013</v>
      </c>
    </row>
    <row r="43" spans="2:18" s="395" customFormat="1" ht="14.25">
      <c r="B43" s="943" t="s">
        <v>6948</v>
      </c>
      <c r="C43" s="943" t="s">
        <v>6949</v>
      </c>
      <c r="D43" s="943" t="s">
        <v>6841</v>
      </c>
      <c r="E43" s="943" t="s">
        <v>0</v>
      </c>
      <c r="F43" s="943" t="s">
        <v>6841</v>
      </c>
      <c r="G43" s="943" t="s">
        <v>0</v>
      </c>
      <c r="H43" s="943" t="s">
        <v>6950</v>
      </c>
      <c r="I43" s="943" t="s">
        <v>6832</v>
      </c>
      <c r="J43" s="943" t="s">
        <v>27013</v>
      </c>
      <c r="K43" s="943" t="s">
        <v>6833</v>
      </c>
      <c r="L43" s="943" t="s">
        <v>6900</v>
      </c>
      <c r="M43" s="943" t="s">
        <v>6844</v>
      </c>
      <c r="N43" s="943" t="s">
        <v>6836</v>
      </c>
      <c r="O43" s="943" t="s">
        <v>26979</v>
      </c>
      <c r="P43" s="943" t="s">
        <v>6837</v>
      </c>
      <c r="Q43" s="943" t="s">
        <v>6838</v>
      </c>
      <c r="R43" s="943" t="s">
        <v>34014</v>
      </c>
    </row>
    <row r="44" spans="2:18" s="395" customFormat="1" ht="14.25">
      <c r="B44" s="943" t="s">
        <v>6951</v>
      </c>
      <c r="C44" s="943" t="s">
        <v>6952</v>
      </c>
      <c r="D44" s="943" t="s">
        <v>6841</v>
      </c>
      <c r="E44" s="943" t="s">
        <v>0</v>
      </c>
      <c r="F44" s="943" t="s">
        <v>6841</v>
      </c>
      <c r="G44" s="943" t="s">
        <v>0</v>
      </c>
      <c r="H44" s="943" t="s">
        <v>6953</v>
      </c>
      <c r="I44" s="943" t="s">
        <v>6832</v>
      </c>
      <c r="J44" s="943" t="s">
        <v>27014</v>
      </c>
      <c r="K44" s="943" t="s">
        <v>6833</v>
      </c>
      <c r="L44" s="943" t="s">
        <v>6954</v>
      </c>
      <c r="M44" s="943" t="s">
        <v>6878</v>
      </c>
      <c r="N44" s="943" t="s">
        <v>6836</v>
      </c>
      <c r="O44" s="943" t="s">
        <v>26979</v>
      </c>
      <c r="P44" s="943" t="s">
        <v>6837</v>
      </c>
      <c r="Q44" s="943" t="s">
        <v>6838</v>
      </c>
      <c r="R44" s="943" t="s">
        <v>34015</v>
      </c>
    </row>
    <row r="45" spans="2:18" s="395" customFormat="1" ht="14.25">
      <c r="B45" s="943" t="s">
        <v>6955</v>
      </c>
      <c r="C45" s="943" t="s">
        <v>0</v>
      </c>
      <c r="D45" s="943" t="s">
        <v>110</v>
      </c>
      <c r="E45" s="943" t="s">
        <v>0</v>
      </c>
      <c r="F45" s="943" t="s">
        <v>112</v>
      </c>
      <c r="G45" s="943" t="s">
        <v>27015</v>
      </c>
      <c r="H45" s="943" t="s">
        <v>6956</v>
      </c>
      <c r="I45" s="943" t="s">
        <v>6832</v>
      </c>
      <c r="J45" s="943" t="s">
        <v>27016</v>
      </c>
      <c r="K45" s="943" t="s">
        <v>6833</v>
      </c>
      <c r="L45" s="943" t="s">
        <v>6906</v>
      </c>
      <c r="M45" s="943" t="s">
        <v>6835</v>
      </c>
      <c r="N45" s="943" t="s">
        <v>6836</v>
      </c>
      <c r="O45" s="943" t="s">
        <v>26969</v>
      </c>
      <c r="P45" s="943" t="s">
        <v>6837</v>
      </c>
      <c r="Q45" s="943" t="s">
        <v>6838</v>
      </c>
      <c r="R45" s="943" t="s">
        <v>34016</v>
      </c>
    </row>
    <row r="46" spans="2:18" s="395" customFormat="1" ht="14.25">
      <c r="B46" s="943" t="s">
        <v>6957</v>
      </c>
      <c r="C46" s="943" t="s">
        <v>27017</v>
      </c>
      <c r="D46" s="943" t="s">
        <v>6841</v>
      </c>
      <c r="E46" s="943" t="s">
        <v>26971</v>
      </c>
      <c r="F46" s="943" t="s">
        <v>6841</v>
      </c>
      <c r="G46" s="943" t="s">
        <v>27018</v>
      </c>
      <c r="H46" s="943" t="s">
        <v>6958</v>
      </c>
      <c r="I46" s="943" t="s">
        <v>6832</v>
      </c>
      <c r="J46" s="943" t="s">
        <v>27019</v>
      </c>
      <c r="K46" s="943" t="s">
        <v>6959</v>
      </c>
      <c r="L46" s="943" t="s">
        <v>6963</v>
      </c>
      <c r="M46" s="943" t="s">
        <v>6849</v>
      </c>
      <c r="N46" s="943" t="s">
        <v>6836</v>
      </c>
      <c r="O46" s="943" t="s">
        <v>27020</v>
      </c>
      <c r="P46" s="943" t="s">
        <v>6837</v>
      </c>
      <c r="Q46" s="943" t="s">
        <v>26995</v>
      </c>
      <c r="R46" s="943" t="s">
        <v>34017</v>
      </c>
    </row>
    <row r="47" spans="2:18" s="395" customFormat="1" ht="14.25">
      <c r="B47" s="943" t="s">
        <v>6960</v>
      </c>
      <c r="C47" s="943" t="s">
        <v>6961</v>
      </c>
      <c r="D47" s="943" t="s">
        <v>6841</v>
      </c>
      <c r="E47" s="943" t="s">
        <v>26971</v>
      </c>
      <c r="F47" s="943" t="s">
        <v>6841</v>
      </c>
      <c r="G47" s="943" t="s">
        <v>27021</v>
      </c>
      <c r="H47" s="943" t="s">
        <v>6958</v>
      </c>
      <c r="I47" s="943" t="s">
        <v>6832</v>
      </c>
      <c r="J47" s="943" t="s">
        <v>27019</v>
      </c>
      <c r="K47" s="943" t="s">
        <v>6962</v>
      </c>
      <c r="L47" s="943" t="s">
        <v>6963</v>
      </c>
      <c r="M47" s="943" t="s">
        <v>6849</v>
      </c>
      <c r="N47" s="943" t="s">
        <v>6836</v>
      </c>
      <c r="O47" s="943" t="s">
        <v>27020</v>
      </c>
      <c r="P47" s="943" t="s">
        <v>6837</v>
      </c>
      <c r="Q47" s="943" t="s">
        <v>6838</v>
      </c>
      <c r="R47" s="943" t="s">
        <v>6856</v>
      </c>
    </row>
    <row r="48" spans="2:18" s="395" customFormat="1" ht="14.25">
      <c r="B48" s="943" t="s">
        <v>6964</v>
      </c>
      <c r="C48" s="943" t="s">
        <v>0</v>
      </c>
      <c r="D48" s="943" t="s">
        <v>543</v>
      </c>
      <c r="E48" s="943" t="s">
        <v>0</v>
      </c>
      <c r="F48" s="943" t="s">
        <v>545</v>
      </c>
      <c r="G48" s="943" t="s">
        <v>27022</v>
      </c>
      <c r="H48" s="943" t="s">
        <v>6958</v>
      </c>
      <c r="I48" s="943" t="s">
        <v>6832</v>
      </c>
      <c r="J48" s="943" t="s">
        <v>27023</v>
      </c>
      <c r="K48" s="943" t="s">
        <v>6833</v>
      </c>
      <c r="L48" s="943" t="s">
        <v>6965</v>
      </c>
      <c r="M48" s="943" t="s">
        <v>6849</v>
      </c>
      <c r="N48" s="943" t="s">
        <v>6836</v>
      </c>
      <c r="O48" s="943" t="s">
        <v>27024</v>
      </c>
      <c r="P48" s="943" t="s">
        <v>6837</v>
      </c>
      <c r="Q48" s="943" t="s">
        <v>6838</v>
      </c>
      <c r="R48" s="943" t="s">
        <v>34018</v>
      </c>
    </row>
    <row r="49" spans="2:18" s="395" customFormat="1" ht="14.25">
      <c r="B49" s="943" t="s">
        <v>6966</v>
      </c>
      <c r="C49" s="943" t="s">
        <v>0</v>
      </c>
      <c r="D49" s="943" t="s">
        <v>558</v>
      </c>
      <c r="E49" s="943" t="s">
        <v>0</v>
      </c>
      <c r="F49" s="943" t="s">
        <v>560</v>
      </c>
      <c r="G49" s="943" t="s">
        <v>27025</v>
      </c>
      <c r="H49" s="943" t="s">
        <v>6958</v>
      </c>
      <c r="I49" s="943" t="s">
        <v>6832</v>
      </c>
      <c r="J49" s="943" t="s">
        <v>27023</v>
      </c>
      <c r="K49" s="943" t="s">
        <v>6833</v>
      </c>
      <c r="L49" s="943" t="s">
        <v>6965</v>
      </c>
      <c r="M49" s="943" t="s">
        <v>6849</v>
      </c>
      <c r="N49" s="943" t="s">
        <v>6836</v>
      </c>
      <c r="O49" s="943" t="s">
        <v>27024</v>
      </c>
      <c r="P49" s="943" t="s">
        <v>6837</v>
      </c>
      <c r="Q49" s="943" t="s">
        <v>6838</v>
      </c>
      <c r="R49" s="943" t="s">
        <v>34018</v>
      </c>
    </row>
    <row r="50" spans="2:18" s="395" customFormat="1" ht="14.25">
      <c r="B50" s="943" t="s">
        <v>6967</v>
      </c>
      <c r="C50" s="943" t="s">
        <v>0</v>
      </c>
      <c r="D50" s="943" t="s">
        <v>540</v>
      </c>
      <c r="E50" s="943" t="s">
        <v>0</v>
      </c>
      <c r="F50" s="943" t="s">
        <v>542</v>
      </c>
      <c r="G50" s="943" t="s">
        <v>27026</v>
      </c>
      <c r="H50" s="943" t="s">
        <v>6958</v>
      </c>
      <c r="I50" s="943" t="s">
        <v>6832</v>
      </c>
      <c r="J50" s="943" t="s">
        <v>27023</v>
      </c>
      <c r="K50" s="943" t="s">
        <v>6833</v>
      </c>
      <c r="L50" s="943" t="s">
        <v>6965</v>
      </c>
      <c r="M50" s="943" t="s">
        <v>6849</v>
      </c>
      <c r="N50" s="943" t="s">
        <v>6836</v>
      </c>
      <c r="O50" s="943" t="s">
        <v>27024</v>
      </c>
      <c r="P50" s="943" t="s">
        <v>6837</v>
      </c>
      <c r="Q50" s="943" t="s">
        <v>6838</v>
      </c>
      <c r="R50" s="943" t="s">
        <v>34018</v>
      </c>
    </row>
    <row r="51" spans="2:18" s="395" customFormat="1" ht="14.25">
      <c r="B51" s="943" t="s">
        <v>6968</v>
      </c>
      <c r="C51" s="943" t="s">
        <v>0</v>
      </c>
      <c r="D51" s="943" t="s">
        <v>509</v>
      </c>
      <c r="E51" s="943" t="s">
        <v>0</v>
      </c>
      <c r="F51" s="943" t="s">
        <v>511</v>
      </c>
      <c r="G51" s="943" t="s">
        <v>27027</v>
      </c>
      <c r="H51" s="943" t="s">
        <v>6958</v>
      </c>
      <c r="I51" s="943" t="s">
        <v>6832</v>
      </c>
      <c r="J51" s="943" t="s">
        <v>27023</v>
      </c>
      <c r="K51" s="943" t="s">
        <v>6833</v>
      </c>
      <c r="L51" s="943" t="s">
        <v>6965</v>
      </c>
      <c r="M51" s="943" t="s">
        <v>6849</v>
      </c>
      <c r="N51" s="943" t="s">
        <v>6836</v>
      </c>
      <c r="O51" s="943" t="s">
        <v>27024</v>
      </c>
      <c r="P51" s="943" t="s">
        <v>6837</v>
      </c>
      <c r="Q51" s="943" t="s">
        <v>6838</v>
      </c>
      <c r="R51" s="943" t="s">
        <v>34018</v>
      </c>
    </row>
    <row r="52" spans="2:18" s="395" customFormat="1" ht="14.25">
      <c r="B52" s="943" t="s">
        <v>6970</v>
      </c>
      <c r="C52" s="943" t="s">
        <v>0</v>
      </c>
      <c r="D52" s="943" t="s">
        <v>426</v>
      </c>
      <c r="E52" s="943" t="s">
        <v>0</v>
      </c>
      <c r="F52" s="943" t="s">
        <v>428</v>
      </c>
      <c r="G52" s="943" t="s">
        <v>27028</v>
      </c>
      <c r="H52" s="943" t="s">
        <v>6958</v>
      </c>
      <c r="I52" s="943" t="s">
        <v>6832</v>
      </c>
      <c r="J52" s="943" t="s">
        <v>14207</v>
      </c>
      <c r="K52" s="943" t="s">
        <v>6833</v>
      </c>
      <c r="L52" s="943" t="s">
        <v>6834</v>
      </c>
      <c r="M52" s="943" t="s">
        <v>6835</v>
      </c>
      <c r="N52" s="943" t="s">
        <v>6836</v>
      </c>
      <c r="O52" s="943" t="s">
        <v>26969</v>
      </c>
      <c r="P52" s="943" t="s">
        <v>6859</v>
      </c>
      <c r="Q52" s="943" t="s">
        <v>6838</v>
      </c>
      <c r="R52" s="943" t="s">
        <v>34019</v>
      </c>
    </row>
    <row r="53" spans="2:18" s="395" customFormat="1" ht="14.25">
      <c r="B53" s="943" t="s">
        <v>6971</v>
      </c>
      <c r="C53" s="943" t="s">
        <v>0</v>
      </c>
      <c r="D53" s="943" t="s">
        <v>429</v>
      </c>
      <c r="E53" s="943" t="s">
        <v>0</v>
      </c>
      <c r="F53" s="943" t="s">
        <v>431</v>
      </c>
      <c r="G53" s="943" t="s">
        <v>27029</v>
      </c>
      <c r="H53" s="943" t="s">
        <v>6958</v>
      </c>
      <c r="I53" s="943" t="s">
        <v>6832</v>
      </c>
      <c r="J53" s="943" t="s">
        <v>14207</v>
      </c>
      <c r="K53" s="943" t="s">
        <v>6833</v>
      </c>
      <c r="L53" s="943" t="s">
        <v>6834</v>
      </c>
      <c r="M53" s="943" t="s">
        <v>6835</v>
      </c>
      <c r="N53" s="943" t="s">
        <v>6836</v>
      </c>
      <c r="O53" s="943" t="s">
        <v>26969</v>
      </c>
      <c r="P53" s="943" t="s">
        <v>6859</v>
      </c>
      <c r="Q53" s="943" t="s">
        <v>6838</v>
      </c>
      <c r="R53" s="943" t="s">
        <v>34019</v>
      </c>
    </row>
    <row r="54" spans="2:18" s="395" customFormat="1" ht="14.25">
      <c r="B54" s="943" t="s">
        <v>6972</v>
      </c>
      <c r="C54" s="943" t="s">
        <v>27030</v>
      </c>
      <c r="D54" s="943" t="s">
        <v>6841</v>
      </c>
      <c r="E54" s="943" t="s">
        <v>0</v>
      </c>
      <c r="F54" s="943" t="s">
        <v>6841</v>
      </c>
      <c r="G54" s="943" t="s">
        <v>27031</v>
      </c>
      <c r="H54" s="943" t="s">
        <v>3312</v>
      </c>
      <c r="I54" s="943" t="s">
        <v>6832</v>
      </c>
      <c r="J54" s="943" t="s">
        <v>27032</v>
      </c>
      <c r="K54" s="943" t="s">
        <v>6833</v>
      </c>
      <c r="L54" s="943" t="s">
        <v>6965</v>
      </c>
      <c r="M54" s="943" t="s">
        <v>6849</v>
      </c>
      <c r="N54" s="943" t="s">
        <v>6836</v>
      </c>
      <c r="O54" s="943" t="s">
        <v>27033</v>
      </c>
      <c r="P54" s="943" t="s">
        <v>6837</v>
      </c>
      <c r="Q54" s="943" t="s">
        <v>26995</v>
      </c>
      <c r="R54" s="943" t="s">
        <v>34020</v>
      </c>
    </row>
    <row r="55" spans="2:18" s="395" customFormat="1" ht="14.25">
      <c r="B55" s="943" t="s">
        <v>6973</v>
      </c>
      <c r="C55" s="943" t="s">
        <v>27034</v>
      </c>
      <c r="D55" s="943" t="s">
        <v>6841</v>
      </c>
      <c r="E55" s="943" t="s">
        <v>0</v>
      </c>
      <c r="F55" s="943" t="s">
        <v>6841</v>
      </c>
      <c r="G55" s="943" t="s">
        <v>27035</v>
      </c>
      <c r="H55" s="943" t="s">
        <v>3312</v>
      </c>
      <c r="I55" s="943" t="s">
        <v>6832</v>
      </c>
      <c r="J55" s="943" t="s">
        <v>27036</v>
      </c>
      <c r="K55" s="943" t="s">
        <v>6833</v>
      </c>
      <c r="L55" s="943" t="s">
        <v>6965</v>
      </c>
      <c r="M55" s="943" t="s">
        <v>6849</v>
      </c>
      <c r="N55" s="943" t="s">
        <v>6836</v>
      </c>
      <c r="O55" s="943" t="s">
        <v>27037</v>
      </c>
      <c r="P55" s="943" t="s">
        <v>6837</v>
      </c>
      <c r="Q55" s="943" t="s">
        <v>26995</v>
      </c>
      <c r="R55" s="943" t="s">
        <v>34020</v>
      </c>
    </row>
    <row r="56" spans="2:18" s="395" customFormat="1" ht="14.25">
      <c r="B56" s="943" t="s">
        <v>6974</v>
      </c>
      <c r="C56" s="943" t="s">
        <v>6975</v>
      </c>
      <c r="D56" s="943" t="s">
        <v>6841</v>
      </c>
      <c r="E56" s="943" t="s">
        <v>28477</v>
      </c>
      <c r="F56" s="943" t="s">
        <v>6841</v>
      </c>
      <c r="G56" s="943" t="s">
        <v>27038</v>
      </c>
      <c r="H56" s="943" t="s">
        <v>6976</v>
      </c>
      <c r="I56" s="943" t="s">
        <v>6832</v>
      </c>
      <c r="J56" s="943" t="s">
        <v>27039</v>
      </c>
      <c r="K56" s="943" t="s">
        <v>6833</v>
      </c>
      <c r="L56" s="943" t="s">
        <v>6843</v>
      </c>
      <c r="M56" s="943" t="s">
        <v>6844</v>
      </c>
      <c r="N56" s="943" t="s">
        <v>6836</v>
      </c>
      <c r="O56" s="943" t="s">
        <v>26979</v>
      </c>
      <c r="P56" s="943" t="s">
        <v>6837</v>
      </c>
      <c r="Q56" s="943" t="s">
        <v>28459</v>
      </c>
      <c r="R56" s="943" t="s">
        <v>34021</v>
      </c>
    </row>
    <row r="57" spans="2:18" s="395" customFormat="1" ht="14.25">
      <c r="B57" s="943" t="s">
        <v>6977</v>
      </c>
      <c r="C57" s="943" t="s">
        <v>6978</v>
      </c>
      <c r="D57" s="943" t="s">
        <v>6841</v>
      </c>
      <c r="E57" s="943" t="s">
        <v>0</v>
      </c>
      <c r="F57" s="943" t="s">
        <v>6841</v>
      </c>
      <c r="G57" s="943" t="s">
        <v>27040</v>
      </c>
      <c r="H57" s="943" t="s">
        <v>6979</v>
      </c>
      <c r="I57" s="943" t="s">
        <v>6832</v>
      </c>
      <c r="J57" s="943" t="s">
        <v>26975</v>
      </c>
      <c r="K57" s="943" t="s">
        <v>6833</v>
      </c>
      <c r="L57" s="943" t="s">
        <v>6980</v>
      </c>
      <c r="M57" s="943" t="s">
        <v>6849</v>
      </c>
      <c r="N57" s="943" t="s">
        <v>6836</v>
      </c>
      <c r="O57" s="943" t="s">
        <v>26976</v>
      </c>
      <c r="P57" s="943" t="s">
        <v>6837</v>
      </c>
      <c r="Q57" s="943" t="s">
        <v>6838</v>
      </c>
      <c r="R57" s="943" t="s">
        <v>34022</v>
      </c>
    </row>
    <row r="58" spans="2:18" s="395" customFormat="1" ht="14.25">
      <c r="B58" s="943" t="s">
        <v>6981</v>
      </c>
      <c r="C58" s="943" t="s">
        <v>27041</v>
      </c>
      <c r="D58" s="943" t="s">
        <v>6841</v>
      </c>
      <c r="E58" s="943" t="s">
        <v>0</v>
      </c>
      <c r="F58" s="943" t="s">
        <v>6841</v>
      </c>
      <c r="G58" s="943" t="s">
        <v>27042</v>
      </c>
      <c r="H58" s="943" t="s">
        <v>27043</v>
      </c>
      <c r="I58" s="943" t="s">
        <v>6832</v>
      </c>
      <c r="J58" s="943" t="s">
        <v>27044</v>
      </c>
      <c r="K58" s="943" t="s">
        <v>6833</v>
      </c>
      <c r="L58" s="943" t="s">
        <v>6843</v>
      </c>
      <c r="M58" s="943" t="s">
        <v>6844</v>
      </c>
      <c r="N58" s="943" t="s">
        <v>6836</v>
      </c>
      <c r="O58" s="943" t="s">
        <v>26979</v>
      </c>
      <c r="P58" s="943" t="s">
        <v>6837</v>
      </c>
      <c r="Q58" s="943" t="s">
        <v>26995</v>
      </c>
      <c r="R58" s="943" t="s">
        <v>34023</v>
      </c>
    </row>
    <row r="59" spans="2:18" s="395" customFormat="1" ht="14.25">
      <c r="B59" s="943" t="s">
        <v>6982</v>
      </c>
      <c r="C59" s="943" t="s">
        <v>6983</v>
      </c>
      <c r="D59" s="943" t="s">
        <v>6841</v>
      </c>
      <c r="E59" s="943" t="s">
        <v>0</v>
      </c>
      <c r="F59" s="943" t="s">
        <v>6841</v>
      </c>
      <c r="G59" s="943" t="s">
        <v>0</v>
      </c>
      <c r="H59" s="943" t="s">
        <v>6984</v>
      </c>
      <c r="I59" s="943" t="s">
        <v>6832</v>
      </c>
      <c r="J59" s="943" t="s">
        <v>27045</v>
      </c>
      <c r="K59" s="943" t="s">
        <v>6833</v>
      </c>
      <c r="L59" s="943" t="s">
        <v>6843</v>
      </c>
      <c r="M59" s="943" t="s">
        <v>6844</v>
      </c>
      <c r="N59" s="943" t="s">
        <v>6836</v>
      </c>
      <c r="O59" s="943" t="s">
        <v>26979</v>
      </c>
      <c r="P59" s="943" t="s">
        <v>6837</v>
      </c>
      <c r="Q59" s="943" t="s">
        <v>6838</v>
      </c>
      <c r="R59" s="943" t="s">
        <v>34024</v>
      </c>
    </row>
    <row r="60" spans="2:18" s="395" customFormat="1" ht="14.25">
      <c r="B60" s="943" t="s">
        <v>6985</v>
      </c>
      <c r="C60" s="943" t="s">
        <v>377</v>
      </c>
      <c r="D60" s="943" t="s">
        <v>0</v>
      </c>
      <c r="E60" s="943" t="s">
        <v>27046</v>
      </c>
      <c r="F60" s="943" t="s">
        <v>0</v>
      </c>
      <c r="G60" s="943" t="s">
        <v>0</v>
      </c>
      <c r="H60" s="943" t="s">
        <v>6986</v>
      </c>
      <c r="I60" s="943" t="s">
        <v>6832</v>
      </c>
      <c r="J60" s="943" t="s">
        <v>14207</v>
      </c>
      <c r="K60" s="943" t="s">
        <v>6833</v>
      </c>
      <c r="L60" s="943" t="s">
        <v>6834</v>
      </c>
      <c r="M60" s="943" t="s">
        <v>6835</v>
      </c>
      <c r="N60" s="943" t="s">
        <v>6836</v>
      </c>
      <c r="O60" s="943" t="s">
        <v>26969</v>
      </c>
      <c r="P60" s="943" t="s">
        <v>6837</v>
      </c>
      <c r="Q60" s="943" t="s">
        <v>6838</v>
      </c>
      <c r="R60" s="943" t="s">
        <v>34019</v>
      </c>
    </row>
    <row r="61" spans="2:18" s="395" customFormat="1" ht="14.25">
      <c r="B61" s="943" t="s">
        <v>6987</v>
      </c>
      <c r="C61" s="943" t="s">
        <v>420</v>
      </c>
      <c r="D61" s="943" t="s">
        <v>0</v>
      </c>
      <c r="E61" s="943" t="s">
        <v>27047</v>
      </c>
      <c r="F61" s="943" t="s">
        <v>0</v>
      </c>
      <c r="G61" s="943" t="s">
        <v>0</v>
      </c>
      <c r="H61" s="943" t="s">
        <v>6986</v>
      </c>
      <c r="I61" s="943" t="s">
        <v>6832</v>
      </c>
      <c r="J61" s="943" t="s">
        <v>14207</v>
      </c>
      <c r="K61" s="943" t="s">
        <v>6833</v>
      </c>
      <c r="L61" s="943" t="s">
        <v>6834</v>
      </c>
      <c r="M61" s="943" t="s">
        <v>6835</v>
      </c>
      <c r="N61" s="943" t="s">
        <v>6836</v>
      </c>
      <c r="O61" s="943" t="s">
        <v>26969</v>
      </c>
      <c r="P61" s="943" t="s">
        <v>6837</v>
      </c>
      <c r="Q61" s="943" t="s">
        <v>13790</v>
      </c>
      <c r="R61" s="943" t="s">
        <v>34025</v>
      </c>
    </row>
    <row r="62" spans="2:18" s="395" customFormat="1" ht="14.25">
      <c r="B62" s="943" t="s">
        <v>6988</v>
      </c>
      <c r="C62" s="943" t="s">
        <v>534</v>
      </c>
      <c r="D62" s="943" t="s">
        <v>6841</v>
      </c>
      <c r="E62" s="943" t="s">
        <v>0</v>
      </c>
      <c r="F62" s="943" t="s">
        <v>6841</v>
      </c>
      <c r="G62" s="943" t="s">
        <v>27048</v>
      </c>
      <c r="H62" s="943" t="s">
        <v>6989</v>
      </c>
      <c r="I62" s="943" t="s">
        <v>6832</v>
      </c>
      <c r="J62" s="943" t="s">
        <v>27049</v>
      </c>
      <c r="K62" s="943" t="s">
        <v>6833</v>
      </c>
      <c r="L62" s="943" t="s">
        <v>6906</v>
      </c>
      <c r="M62" s="943" t="s">
        <v>6835</v>
      </c>
      <c r="N62" s="943" t="s">
        <v>6836</v>
      </c>
      <c r="O62" s="943" t="s">
        <v>26969</v>
      </c>
      <c r="P62" s="943" t="s">
        <v>6837</v>
      </c>
      <c r="Q62" s="943" t="s">
        <v>6838</v>
      </c>
      <c r="R62" s="943" t="s">
        <v>34026</v>
      </c>
    </row>
    <row r="63" spans="2:18" s="395" customFormat="1" ht="14.25">
      <c r="B63" s="943" t="s">
        <v>6990</v>
      </c>
      <c r="C63" s="943" t="s">
        <v>0</v>
      </c>
      <c r="D63" s="943" t="s">
        <v>441</v>
      </c>
      <c r="E63" s="943" t="s">
        <v>0</v>
      </c>
      <c r="F63" s="943" t="s">
        <v>2386</v>
      </c>
      <c r="G63" s="943" t="s">
        <v>27050</v>
      </c>
      <c r="H63" s="943" t="s">
        <v>6991</v>
      </c>
      <c r="I63" s="943" t="s">
        <v>6832</v>
      </c>
      <c r="J63" s="943" t="s">
        <v>14207</v>
      </c>
      <c r="K63" s="943" t="s">
        <v>6833</v>
      </c>
      <c r="L63" s="943" t="s">
        <v>6834</v>
      </c>
      <c r="M63" s="943" t="s">
        <v>6835</v>
      </c>
      <c r="N63" s="943" t="s">
        <v>6836</v>
      </c>
      <c r="O63" s="943" t="s">
        <v>26969</v>
      </c>
      <c r="P63" s="943" t="s">
        <v>6859</v>
      </c>
      <c r="Q63" s="943" t="s">
        <v>6838</v>
      </c>
      <c r="R63" s="943" t="s">
        <v>34027</v>
      </c>
    </row>
    <row r="64" spans="2:18" s="395" customFormat="1" ht="14.25">
      <c r="B64" s="943" t="s">
        <v>6992</v>
      </c>
      <c r="C64" s="943" t="s">
        <v>0</v>
      </c>
      <c r="D64" s="943" t="s">
        <v>546</v>
      </c>
      <c r="E64" s="943" t="s">
        <v>0</v>
      </c>
      <c r="F64" s="943" t="s">
        <v>548</v>
      </c>
      <c r="G64" s="943" t="s">
        <v>27051</v>
      </c>
      <c r="H64" s="943" t="s">
        <v>6993</v>
      </c>
      <c r="I64" s="943" t="s">
        <v>6832</v>
      </c>
      <c r="J64" s="943" t="s">
        <v>27016</v>
      </c>
      <c r="K64" s="943" t="s">
        <v>6833</v>
      </c>
      <c r="L64" s="943" t="s">
        <v>6906</v>
      </c>
      <c r="M64" s="943" t="s">
        <v>6835</v>
      </c>
      <c r="N64" s="943" t="s">
        <v>6836</v>
      </c>
      <c r="O64" s="943" t="s">
        <v>26969</v>
      </c>
      <c r="P64" s="943" t="s">
        <v>6837</v>
      </c>
      <c r="Q64" s="943" t="s">
        <v>6838</v>
      </c>
      <c r="R64" s="943" t="s">
        <v>34028</v>
      </c>
    </row>
    <row r="65" spans="2:18" s="395" customFormat="1" ht="14.25">
      <c r="B65" s="943" t="s">
        <v>6994</v>
      </c>
      <c r="C65" s="943" t="s">
        <v>6995</v>
      </c>
      <c r="D65" s="943" t="s">
        <v>6841</v>
      </c>
      <c r="E65" s="943" t="s">
        <v>0</v>
      </c>
      <c r="F65" s="943" t="s">
        <v>6841</v>
      </c>
      <c r="G65" s="943" t="s">
        <v>0</v>
      </c>
      <c r="H65" s="943" t="s">
        <v>6996</v>
      </c>
      <c r="I65" s="943" t="s">
        <v>6832</v>
      </c>
      <c r="J65" s="943" t="s">
        <v>27052</v>
      </c>
      <c r="K65" s="943" t="s">
        <v>6833</v>
      </c>
      <c r="L65" s="943" t="s">
        <v>6997</v>
      </c>
      <c r="M65" s="943" t="s">
        <v>6878</v>
      </c>
      <c r="N65" s="943" t="s">
        <v>6836</v>
      </c>
      <c r="O65" s="943" t="s">
        <v>26991</v>
      </c>
      <c r="P65" s="943" t="s">
        <v>6998</v>
      </c>
      <c r="Q65" s="943" t="s">
        <v>6838</v>
      </c>
      <c r="R65" s="943" t="s">
        <v>33998</v>
      </c>
    </row>
    <row r="66" spans="2:18" s="395" customFormat="1" ht="14.25">
      <c r="B66" s="943" t="s">
        <v>6999</v>
      </c>
      <c r="C66" s="943" t="s">
        <v>0</v>
      </c>
      <c r="D66" s="943" t="s">
        <v>524</v>
      </c>
      <c r="E66" s="943" t="s">
        <v>0</v>
      </c>
      <c r="F66" s="943" t="s">
        <v>526</v>
      </c>
      <c r="G66" s="943" t="s">
        <v>27053</v>
      </c>
      <c r="H66" s="943" t="s">
        <v>3312</v>
      </c>
      <c r="I66" s="943" t="s">
        <v>6832</v>
      </c>
      <c r="J66" s="943" t="s">
        <v>14207</v>
      </c>
      <c r="K66" s="943" t="s">
        <v>6833</v>
      </c>
      <c r="L66" s="943" t="s">
        <v>6834</v>
      </c>
      <c r="M66" s="943" t="s">
        <v>6835</v>
      </c>
      <c r="N66" s="943" t="s">
        <v>6836</v>
      </c>
      <c r="O66" s="943" t="s">
        <v>26969</v>
      </c>
      <c r="P66" s="943" t="s">
        <v>6837</v>
      </c>
      <c r="Q66" s="943" t="s">
        <v>26995</v>
      </c>
      <c r="R66" s="943" t="s">
        <v>34029</v>
      </c>
    </row>
    <row r="67" spans="2:18" s="395" customFormat="1" ht="14.25">
      <c r="B67" s="943" t="s">
        <v>7000</v>
      </c>
      <c r="C67" s="943" t="s">
        <v>0</v>
      </c>
      <c r="D67" s="943" t="s">
        <v>374</v>
      </c>
      <c r="E67" s="943" t="s">
        <v>0</v>
      </c>
      <c r="F67" s="943" t="s">
        <v>376</v>
      </c>
      <c r="G67" s="943" t="s">
        <v>27054</v>
      </c>
      <c r="H67" s="943" t="s">
        <v>7001</v>
      </c>
      <c r="I67" s="943" t="s">
        <v>6832</v>
      </c>
      <c r="J67" s="943" t="s">
        <v>14207</v>
      </c>
      <c r="K67" s="943" t="s">
        <v>6833</v>
      </c>
      <c r="L67" s="943" t="s">
        <v>6834</v>
      </c>
      <c r="M67" s="943" t="s">
        <v>6835</v>
      </c>
      <c r="N67" s="943" t="s">
        <v>6836</v>
      </c>
      <c r="O67" s="943" t="s">
        <v>26969</v>
      </c>
      <c r="P67" s="943" t="s">
        <v>7002</v>
      </c>
      <c r="Q67" s="943" t="s">
        <v>6838</v>
      </c>
      <c r="R67" s="943" t="s">
        <v>34030</v>
      </c>
    </row>
    <row r="68" spans="2:18" s="395" customFormat="1" ht="14.25">
      <c r="B68" s="943" t="s">
        <v>7003</v>
      </c>
      <c r="C68" s="943" t="s">
        <v>0</v>
      </c>
      <c r="D68" s="943" t="s">
        <v>382</v>
      </c>
      <c r="E68" s="943" t="s">
        <v>0</v>
      </c>
      <c r="F68" s="943" t="s">
        <v>384</v>
      </c>
      <c r="G68" s="943" t="s">
        <v>27055</v>
      </c>
      <c r="H68" s="943" t="s">
        <v>7004</v>
      </c>
      <c r="I68" s="943" t="s">
        <v>6832</v>
      </c>
      <c r="J68" s="943" t="s">
        <v>14207</v>
      </c>
      <c r="K68" s="943" t="s">
        <v>6833</v>
      </c>
      <c r="L68" s="943" t="s">
        <v>6834</v>
      </c>
      <c r="M68" s="943" t="s">
        <v>6835</v>
      </c>
      <c r="N68" s="943" t="s">
        <v>6836</v>
      </c>
      <c r="O68" s="943" t="s">
        <v>26969</v>
      </c>
      <c r="P68" s="943" t="s">
        <v>7002</v>
      </c>
      <c r="Q68" s="943" t="s">
        <v>6838</v>
      </c>
      <c r="R68" s="943" t="s">
        <v>34031</v>
      </c>
    </row>
    <row r="69" spans="2:18" s="395" customFormat="1" ht="14.25">
      <c r="B69" s="943" t="s">
        <v>7005</v>
      </c>
      <c r="C69" s="943" t="s">
        <v>0</v>
      </c>
      <c r="D69" s="943" t="s">
        <v>385</v>
      </c>
      <c r="E69" s="943" t="s">
        <v>0</v>
      </c>
      <c r="F69" s="943" t="s">
        <v>387</v>
      </c>
      <c r="G69" s="943" t="s">
        <v>27056</v>
      </c>
      <c r="H69" s="943" t="s">
        <v>6193</v>
      </c>
      <c r="I69" s="943" t="s">
        <v>6832</v>
      </c>
      <c r="J69" s="943" t="s">
        <v>14207</v>
      </c>
      <c r="K69" s="943" t="s">
        <v>6833</v>
      </c>
      <c r="L69" s="943" t="s">
        <v>6834</v>
      </c>
      <c r="M69" s="943" t="s">
        <v>6835</v>
      </c>
      <c r="N69" s="943" t="s">
        <v>6836</v>
      </c>
      <c r="O69" s="943" t="s">
        <v>26969</v>
      </c>
      <c r="P69" s="943" t="s">
        <v>7002</v>
      </c>
      <c r="Q69" s="943" t="s">
        <v>6838</v>
      </c>
      <c r="R69" s="943" t="s">
        <v>34032</v>
      </c>
    </row>
    <row r="70" spans="2:18" s="395" customFormat="1" ht="14.25">
      <c r="B70" s="943" t="s">
        <v>7006</v>
      </c>
      <c r="C70" s="943" t="s">
        <v>0</v>
      </c>
      <c r="D70" s="943" t="s">
        <v>409</v>
      </c>
      <c r="E70" s="943" t="s">
        <v>0</v>
      </c>
      <c r="F70" s="943" t="s">
        <v>411</v>
      </c>
      <c r="G70" s="943" t="s">
        <v>27057</v>
      </c>
      <c r="H70" s="943" t="s">
        <v>7007</v>
      </c>
      <c r="I70" s="943" t="s">
        <v>6832</v>
      </c>
      <c r="J70" s="943" t="s">
        <v>14207</v>
      </c>
      <c r="K70" s="943" t="s">
        <v>6833</v>
      </c>
      <c r="L70" s="943" t="s">
        <v>6834</v>
      </c>
      <c r="M70" s="943" t="s">
        <v>6835</v>
      </c>
      <c r="N70" s="943" t="s">
        <v>6836</v>
      </c>
      <c r="O70" s="943" t="s">
        <v>26969</v>
      </c>
      <c r="P70" s="943" t="s">
        <v>7002</v>
      </c>
      <c r="Q70" s="943" t="s">
        <v>6838</v>
      </c>
      <c r="R70" s="943" t="s">
        <v>34033</v>
      </c>
    </row>
    <row r="71" spans="2:18" s="395" customFormat="1" ht="14.25">
      <c r="B71" s="943" t="s">
        <v>7008</v>
      </c>
      <c r="C71" s="943" t="s">
        <v>0</v>
      </c>
      <c r="D71" s="943" t="s">
        <v>414</v>
      </c>
      <c r="E71" s="943" t="s">
        <v>0</v>
      </c>
      <c r="F71" s="943" t="s">
        <v>416</v>
      </c>
      <c r="G71" s="943" t="s">
        <v>27058</v>
      </c>
      <c r="H71" s="943" t="s">
        <v>7009</v>
      </c>
      <c r="I71" s="943" t="s">
        <v>6832</v>
      </c>
      <c r="J71" s="943" t="s">
        <v>14207</v>
      </c>
      <c r="K71" s="943" t="s">
        <v>6833</v>
      </c>
      <c r="L71" s="943" t="s">
        <v>6834</v>
      </c>
      <c r="M71" s="943" t="s">
        <v>6835</v>
      </c>
      <c r="N71" s="943" t="s">
        <v>6836</v>
      </c>
      <c r="O71" s="943" t="s">
        <v>26969</v>
      </c>
      <c r="P71" s="943" t="s">
        <v>7002</v>
      </c>
      <c r="Q71" s="943" t="s">
        <v>6838</v>
      </c>
      <c r="R71" s="943" t="s">
        <v>34034</v>
      </c>
    </row>
    <row r="72" spans="2:18" s="395" customFormat="1" ht="14.25">
      <c r="B72" s="943" t="s">
        <v>7010</v>
      </c>
      <c r="C72" s="943" t="s">
        <v>7011</v>
      </c>
      <c r="D72" s="943" t="s">
        <v>6841</v>
      </c>
      <c r="E72" s="943" t="s">
        <v>0</v>
      </c>
      <c r="F72" s="943" t="s">
        <v>6841</v>
      </c>
      <c r="G72" s="943" t="s">
        <v>27059</v>
      </c>
      <c r="H72" s="943" t="s">
        <v>7012</v>
      </c>
      <c r="I72" s="943" t="s">
        <v>6853</v>
      </c>
      <c r="J72" s="943" t="s">
        <v>26985</v>
      </c>
      <c r="K72" s="943" t="s">
        <v>6867</v>
      </c>
      <c r="L72" s="943" t="s">
        <v>7013</v>
      </c>
      <c r="M72" s="943" t="s">
        <v>6849</v>
      </c>
      <c r="N72" s="943" t="s">
        <v>6855</v>
      </c>
      <c r="O72" s="943" t="s">
        <v>27060</v>
      </c>
      <c r="P72" s="943" t="s">
        <v>7002</v>
      </c>
      <c r="Q72" s="943" t="s">
        <v>6838</v>
      </c>
      <c r="R72" s="943" t="s">
        <v>34035</v>
      </c>
    </row>
    <row r="73" spans="2:18" s="395" customFormat="1" ht="14.25">
      <c r="B73" s="943" t="s">
        <v>7014</v>
      </c>
      <c r="C73" s="943" t="s">
        <v>7011</v>
      </c>
      <c r="D73" s="943" t="s">
        <v>6841</v>
      </c>
      <c r="E73" s="943" t="s">
        <v>0</v>
      </c>
      <c r="F73" s="943" t="s">
        <v>6841</v>
      </c>
      <c r="G73" s="943" t="s">
        <v>27059</v>
      </c>
      <c r="H73" s="943" t="s">
        <v>7015</v>
      </c>
      <c r="I73" s="943" t="s">
        <v>6853</v>
      </c>
      <c r="J73" s="943" t="s">
        <v>26983</v>
      </c>
      <c r="K73" s="943" t="s">
        <v>7016</v>
      </c>
      <c r="L73" s="943" t="s">
        <v>7017</v>
      </c>
      <c r="M73" s="943" t="s">
        <v>6849</v>
      </c>
      <c r="N73" s="943" t="s">
        <v>6855</v>
      </c>
      <c r="O73" s="943" t="s">
        <v>27061</v>
      </c>
      <c r="P73" s="943" t="s">
        <v>7002</v>
      </c>
      <c r="Q73" s="943" t="s">
        <v>6838</v>
      </c>
      <c r="R73" s="943" t="s">
        <v>34036</v>
      </c>
    </row>
    <row r="74" spans="2:18" s="395" customFormat="1" ht="14.25">
      <c r="B74" s="943" t="s">
        <v>7018</v>
      </c>
      <c r="C74" s="943" t="s">
        <v>0</v>
      </c>
      <c r="D74" s="943" t="s">
        <v>210</v>
      </c>
      <c r="E74" s="943" t="s">
        <v>0</v>
      </c>
      <c r="F74" s="943" t="s">
        <v>212</v>
      </c>
      <c r="G74" s="943" t="s">
        <v>27062</v>
      </c>
      <c r="H74" s="943" t="s">
        <v>3312</v>
      </c>
      <c r="I74" s="943" t="s">
        <v>6832</v>
      </c>
      <c r="J74" s="943" t="s">
        <v>34037</v>
      </c>
      <c r="K74" s="943" t="s">
        <v>6833</v>
      </c>
      <c r="L74" s="943" t="s">
        <v>6906</v>
      </c>
      <c r="M74" s="943" t="s">
        <v>6835</v>
      </c>
      <c r="N74" s="943" t="s">
        <v>6836</v>
      </c>
      <c r="O74" s="943" t="s">
        <v>26969</v>
      </c>
      <c r="P74" s="943" t="s">
        <v>7019</v>
      </c>
      <c r="Q74" s="943" t="s">
        <v>34038</v>
      </c>
      <c r="R74" s="943" t="s">
        <v>34039</v>
      </c>
    </row>
    <row r="75" spans="2:18" s="395" customFormat="1" ht="14.25">
      <c r="B75" s="943" t="s">
        <v>7020</v>
      </c>
      <c r="C75" s="943" t="s">
        <v>0</v>
      </c>
      <c r="D75" s="943" t="s">
        <v>309</v>
      </c>
      <c r="E75" s="943" t="s">
        <v>0</v>
      </c>
      <c r="F75" s="943" t="s">
        <v>311</v>
      </c>
      <c r="G75" s="943" t="s">
        <v>27063</v>
      </c>
      <c r="H75" s="943" t="s">
        <v>7021</v>
      </c>
      <c r="I75" s="943" t="s">
        <v>6832</v>
      </c>
      <c r="J75" s="943" t="s">
        <v>14207</v>
      </c>
      <c r="K75" s="943" t="s">
        <v>6833</v>
      </c>
      <c r="L75" s="943" t="s">
        <v>6834</v>
      </c>
      <c r="M75" s="943" t="s">
        <v>6835</v>
      </c>
      <c r="N75" s="943" t="s">
        <v>6836</v>
      </c>
      <c r="O75" s="943" t="s">
        <v>26969</v>
      </c>
      <c r="P75" s="943" t="s">
        <v>7019</v>
      </c>
      <c r="Q75" s="943" t="s">
        <v>6838</v>
      </c>
      <c r="R75" s="943" t="s">
        <v>34040</v>
      </c>
    </row>
    <row r="76" spans="2:18" s="395" customFormat="1" ht="14.25">
      <c r="B76" s="943" t="s">
        <v>7022</v>
      </c>
      <c r="C76" s="943" t="s">
        <v>0</v>
      </c>
      <c r="D76" s="943" t="s">
        <v>7023</v>
      </c>
      <c r="E76" s="943" t="s">
        <v>0</v>
      </c>
      <c r="F76" s="943" t="s">
        <v>328</v>
      </c>
      <c r="G76" s="943" t="s">
        <v>27064</v>
      </c>
      <c r="H76" s="943" t="s">
        <v>7024</v>
      </c>
      <c r="I76" s="943" t="s">
        <v>6832</v>
      </c>
      <c r="J76" s="943" t="s">
        <v>14207</v>
      </c>
      <c r="K76" s="943" t="s">
        <v>6833</v>
      </c>
      <c r="L76" s="943" t="s">
        <v>6834</v>
      </c>
      <c r="M76" s="943" t="s">
        <v>6835</v>
      </c>
      <c r="N76" s="943" t="s">
        <v>6836</v>
      </c>
      <c r="O76" s="943" t="s">
        <v>26969</v>
      </c>
      <c r="P76" s="943" t="s">
        <v>7019</v>
      </c>
      <c r="Q76" s="943" t="s">
        <v>6838</v>
      </c>
      <c r="R76" s="943" t="s">
        <v>34041</v>
      </c>
    </row>
    <row r="77" spans="2:18" s="395" customFormat="1" ht="14.25">
      <c r="B77" s="943" t="s">
        <v>7025</v>
      </c>
      <c r="C77" s="943" t="s">
        <v>0</v>
      </c>
      <c r="D77" s="943" t="s">
        <v>324</v>
      </c>
      <c r="E77" s="943" t="s">
        <v>0</v>
      </c>
      <c r="F77" s="943" t="s">
        <v>326</v>
      </c>
      <c r="G77" s="943" t="s">
        <v>4321</v>
      </c>
      <c r="H77" s="943" t="s">
        <v>7021</v>
      </c>
      <c r="I77" s="943" t="s">
        <v>6832</v>
      </c>
      <c r="J77" s="943" t="s">
        <v>14207</v>
      </c>
      <c r="K77" s="943" t="s">
        <v>6833</v>
      </c>
      <c r="L77" s="943" t="s">
        <v>6834</v>
      </c>
      <c r="M77" s="943" t="s">
        <v>6835</v>
      </c>
      <c r="N77" s="943" t="s">
        <v>6836</v>
      </c>
      <c r="O77" s="943" t="s">
        <v>26969</v>
      </c>
      <c r="P77" s="943" t="s">
        <v>7019</v>
      </c>
      <c r="Q77" s="943" t="s">
        <v>6838</v>
      </c>
      <c r="R77" s="943" t="s">
        <v>34042</v>
      </c>
    </row>
    <row r="78" spans="2:18" s="395" customFormat="1" ht="14.25">
      <c r="B78" s="943" t="s">
        <v>7026</v>
      </c>
      <c r="C78" s="943" t="s">
        <v>0</v>
      </c>
      <c r="D78" s="943" t="s">
        <v>7027</v>
      </c>
      <c r="E78" s="943" t="s">
        <v>0</v>
      </c>
      <c r="F78" s="943" t="s">
        <v>331</v>
      </c>
      <c r="G78" s="943" t="s">
        <v>27065</v>
      </c>
      <c r="H78" s="943" t="s">
        <v>7028</v>
      </c>
      <c r="I78" s="943" t="s">
        <v>6832</v>
      </c>
      <c r="J78" s="943" t="s">
        <v>14207</v>
      </c>
      <c r="K78" s="943" t="s">
        <v>6833</v>
      </c>
      <c r="L78" s="943" t="s">
        <v>6834</v>
      </c>
      <c r="M78" s="943" t="s">
        <v>6835</v>
      </c>
      <c r="N78" s="943" t="s">
        <v>6836</v>
      </c>
      <c r="O78" s="943" t="s">
        <v>26969</v>
      </c>
      <c r="P78" s="943" t="s">
        <v>7019</v>
      </c>
      <c r="Q78" s="943" t="s">
        <v>6838</v>
      </c>
      <c r="R78" s="943" t="s">
        <v>34043</v>
      </c>
    </row>
    <row r="79" spans="2:18" s="395" customFormat="1" ht="14.25">
      <c r="B79" s="943" t="s">
        <v>7029</v>
      </c>
      <c r="C79" s="943" t="s">
        <v>0</v>
      </c>
      <c r="D79" s="943" t="s">
        <v>191</v>
      </c>
      <c r="E79" s="943" t="s">
        <v>0</v>
      </c>
      <c r="F79" s="943" t="s">
        <v>574</v>
      </c>
      <c r="G79" s="943" t="s">
        <v>27066</v>
      </c>
      <c r="H79" s="943" t="s">
        <v>7031</v>
      </c>
      <c r="I79" s="943" t="s">
        <v>6832</v>
      </c>
      <c r="J79" s="943" t="s">
        <v>14207</v>
      </c>
      <c r="K79" s="943" t="s">
        <v>6833</v>
      </c>
      <c r="L79" s="943" t="s">
        <v>6834</v>
      </c>
      <c r="M79" s="943" t="s">
        <v>6835</v>
      </c>
      <c r="N79" s="943" t="s">
        <v>6836</v>
      </c>
      <c r="O79" s="943" t="s">
        <v>26969</v>
      </c>
      <c r="P79" s="943" t="s">
        <v>7019</v>
      </c>
      <c r="Q79" s="943" t="s">
        <v>6838</v>
      </c>
      <c r="R79" s="943" t="s">
        <v>34044</v>
      </c>
    </row>
    <row r="80" spans="2:18" s="395" customFormat="1" ht="14.25">
      <c r="B80" s="943" t="s">
        <v>7032</v>
      </c>
      <c r="C80" s="943" t="s">
        <v>0</v>
      </c>
      <c r="D80" s="943" t="s">
        <v>315</v>
      </c>
      <c r="E80" s="943" t="s">
        <v>0</v>
      </c>
      <c r="F80" s="943" t="s">
        <v>317</v>
      </c>
      <c r="G80" s="943" t="s">
        <v>4326</v>
      </c>
      <c r="H80" s="943" t="s">
        <v>7021</v>
      </c>
      <c r="I80" s="943" t="s">
        <v>6832</v>
      </c>
      <c r="J80" s="943" t="s">
        <v>14207</v>
      </c>
      <c r="K80" s="943" t="s">
        <v>6833</v>
      </c>
      <c r="L80" s="943" t="s">
        <v>6834</v>
      </c>
      <c r="M80" s="943" t="s">
        <v>6835</v>
      </c>
      <c r="N80" s="943" t="s">
        <v>6836</v>
      </c>
      <c r="O80" s="943" t="s">
        <v>26969</v>
      </c>
      <c r="P80" s="943" t="s">
        <v>7019</v>
      </c>
      <c r="Q80" s="943" t="s">
        <v>6838</v>
      </c>
      <c r="R80" s="943" t="s">
        <v>34045</v>
      </c>
    </row>
    <row r="81" spans="2:18" s="395" customFormat="1" ht="14.25">
      <c r="B81" s="943" t="s">
        <v>7033</v>
      </c>
      <c r="C81" s="943" t="s">
        <v>0</v>
      </c>
      <c r="D81" s="943" t="s">
        <v>290</v>
      </c>
      <c r="E81" s="943" t="s">
        <v>0</v>
      </c>
      <c r="F81" s="943" t="s">
        <v>292</v>
      </c>
      <c r="G81" s="943" t="s">
        <v>27067</v>
      </c>
      <c r="H81" s="943" t="s">
        <v>7034</v>
      </c>
      <c r="I81" s="943" t="s">
        <v>6832</v>
      </c>
      <c r="J81" s="943" t="s">
        <v>14207</v>
      </c>
      <c r="K81" s="943" t="s">
        <v>6833</v>
      </c>
      <c r="L81" s="943" t="s">
        <v>6834</v>
      </c>
      <c r="M81" s="943" t="s">
        <v>6835</v>
      </c>
      <c r="N81" s="943" t="s">
        <v>6836</v>
      </c>
      <c r="O81" s="943" t="s">
        <v>26969</v>
      </c>
      <c r="P81" s="943" t="s">
        <v>7019</v>
      </c>
      <c r="Q81" s="943" t="s">
        <v>6838</v>
      </c>
      <c r="R81" s="943" t="s">
        <v>34046</v>
      </c>
    </row>
    <row r="82" spans="2:18" s="395" customFormat="1" ht="14.25">
      <c r="B82" s="943" t="s">
        <v>7035</v>
      </c>
      <c r="C82" s="943" t="s">
        <v>0</v>
      </c>
      <c r="D82" s="943" t="s">
        <v>299</v>
      </c>
      <c r="E82" s="943" t="s">
        <v>0</v>
      </c>
      <c r="F82" s="943" t="s">
        <v>301</v>
      </c>
      <c r="G82" s="943" t="s">
        <v>27068</v>
      </c>
      <c r="H82" s="943" t="s">
        <v>7036</v>
      </c>
      <c r="I82" s="943" t="s">
        <v>6832</v>
      </c>
      <c r="J82" s="943" t="s">
        <v>14207</v>
      </c>
      <c r="K82" s="943" t="s">
        <v>6833</v>
      </c>
      <c r="L82" s="943" t="s">
        <v>6834</v>
      </c>
      <c r="M82" s="943" t="s">
        <v>6835</v>
      </c>
      <c r="N82" s="943" t="s">
        <v>6836</v>
      </c>
      <c r="O82" s="943" t="s">
        <v>26969</v>
      </c>
      <c r="P82" s="943" t="s">
        <v>7019</v>
      </c>
      <c r="Q82" s="943" t="s">
        <v>6838</v>
      </c>
      <c r="R82" s="943" t="s">
        <v>34047</v>
      </c>
    </row>
    <row r="83" spans="2:18" s="395" customFormat="1" ht="14.25">
      <c r="B83" s="943" t="s">
        <v>7037</v>
      </c>
      <c r="C83" s="943" t="s">
        <v>0</v>
      </c>
      <c r="D83" s="943" t="s">
        <v>296</v>
      </c>
      <c r="E83" s="943" t="s">
        <v>0</v>
      </c>
      <c r="F83" s="943" t="s">
        <v>298</v>
      </c>
      <c r="G83" s="943" t="s">
        <v>4327</v>
      </c>
      <c r="H83" s="943" t="s">
        <v>7038</v>
      </c>
      <c r="I83" s="943" t="s">
        <v>6832</v>
      </c>
      <c r="J83" s="943" t="s">
        <v>14207</v>
      </c>
      <c r="K83" s="943" t="s">
        <v>6833</v>
      </c>
      <c r="L83" s="943" t="s">
        <v>6834</v>
      </c>
      <c r="M83" s="943" t="s">
        <v>6835</v>
      </c>
      <c r="N83" s="943" t="s">
        <v>6836</v>
      </c>
      <c r="O83" s="943" t="s">
        <v>26969</v>
      </c>
      <c r="P83" s="943" t="s">
        <v>7019</v>
      </c>
      <c r="Q83" s="943" t="s">
        <v>6838</v>
      </c>
      <c r="R83" s="943" t="s">
        <v>34048</v>
      </c>
    </row>
    <row r="84" spans="2:18" s="395" customFormat="1" ht="14.25">
      <c r="B84" s="943" t="s">
        <v>7039</v>
      </c>
      <c r="C84" s="943" t="s">
        <v>0</v>
      </c>
      <c r="D84" s="943" t="s">
        <v>176</v>
      </c>
      <c r="E84" s="943" t="s">
        <v>0</v>
      </c>
      <c r="F84" s="943" t="s">
        <v>178</v>
      </c>
      <c r="G84" s="943" t="s">
        <v>27069</v>
      </c>
      <c r="H84" s="943" t="s">
        <v>7041</v>
      </c>
      <c r="I84" s="943" t="s">
        <v>6832</v>
      </c>
      <c r="J84" s="943" t="s">
        <v>14207</v>
      </c>
      <c r="K84" s="943" t="s">
        <v>6833</v>
      </c>
      <c r="L84" s="943" t="s">
        <v>6834</v>
      </c>
      <c r="M84" s="943" t="s">
        <v>6835</v>
      </c>
      <c r="N84" s="943" t="s">
        <v>6836</v>
      </c>
      <c r="O84" s="943" t="s">
        <v>26969</v>
      </c>
      <c r="P84" s="943" t="s">
        <v>7019</v>
      </c>
      <c r="Q84" s="943" t="s">
        <v>6838</v>
      </c>
      <c r="R84" s="943" t="s">
        <v>34049</v>
      </c>
    </row>
    <row r="85" spans="2:18" s="395" customFormat="1" ht="14.25">
      <c r="B85" s="943" t="s">
        <v>7042</v>
      </c>
      <c r="C85" s="943" t="s">
        <v>0</v>
      </c>
      <c r="D85" s="943" t="s">
        <v>350</v>
      </c>
      <c r="E85" s="943" t="s">
        <v>0</v>
      </c>
      <c r="F85" s="943" t="s">
        <v>352</v>
      </c>
      <c r="G85" s="943" t="s">
        <v>27070</v>
      </c>
      <c r="H85" s="943" t="s">
        <v>27071</v>
      </c>
      <c r="I85" s="943" t="s">
        <v>6832</v>
      </c>
      <c r="J85" s="943" t="s">
        <v>14207</v>
      </c>
      <c r="K85" s="943" t="s">
        <v>6833</v>
      </c>
      <c r="L85" s="943" t="s">
        <v>6834</v>
      </c>
      <c r="M85" s="943" t="s">
        <v>6835</v>
      </c>
      <c r="N85" s="943" t="s">
        <v>6836</v>
      </c>
      <c r="O85" s="943" t="s">
        <v>26969</v>
      </c>
      <c r="P85" s="943" t="s">
        <v>7019</v>
      </c>
      <c r="Q85" s="943" t="s">
        <v>6838</v>
      </c>
      <c r="R85" s="943" t="s">
        <v>34050</v>
      </c>
    </row>
    <row r="86" spans="2:18" s="395" customFormat="1" ht="14.25">
      <c r="B86" s="943" t="s">
        <v>7043</v>
      </c>
      <c r="C86" s="943" t="s">
        <v>0</v>
      </c>
      <c r="D86" s="943" t="s">
        <v>218</v>
      </c>
      <c r="E86" s="943" t="s">
        <v>0</v>
      </c>
      <c r="F86" s="943" t="s">
        <v>220</v>
      </c>
      <c r="G86" s="943" t="s">
        <v>27072</v>
      </c>
      <c r="H86" s="943" t="s">
        <v>7044</v>
      </c>
      <c r="I86" s="943" t="s">
        <v>6832</v>
      </c>
      <c r="J86" s="943" t="s">
        <v>14207</v>
      </c>
      <c r="K86" s="943" t="s">
        <v>6833</v>
      </c>
      <c r="L86" s="943" t="s">
        <v>6834</v>
      </c>
      <c r="M86" s="943" t="s">
        <v>6835</v>
      </c>
      <c r="N86" s="943" t="s">
        <v>6836</v>
      </c>
      <c r="O86" s="943" t="s">
        <v>26969</v>
      </c>
      <c r="P86" s="943" t="s">
        <v>7019</v>
      </c>
      <c r="Q86" s="943" t="s">
        <v>6838</v>
      </c>
      <c r="R86" s="943" t="s">
        <v>34051</v>
      </c>
    </row>
    <row r="87" spans="2:18" s="395" customFormat="1" ht="14.25">
      <c r="B87" s="943" t="s">
        <v>7045</v>
      </c>
      <c r="C87" s="943" t="s">
        <v>0</v>
      </c>
      <c r="D87" s="943" t="s">
        <v>253</v>
      </c>
      <c r="E87" s="943" t="s">
        <v>0</v>
      </c>
      <c r="F87" s="943" t="s">
        <v>255</v>
      </c>
      <c r="G87" s="943" t="s">
        <v>27073</v>
      </c>
      <c r="H87" s="943" t="s">
        <v>7046</v>
      </c>
      <c r="I87" s="943" t="s">
        <v>6832</v>
      </c>
      <c r="J87" s="943" t="s">
        <v>14207</v>
      </c>
      <c r="K87" s="943" t="s">
        <v>6833</v>
      </c>
      <c r="L87" s="943" t="s">
        <v>6834</v>
      </c>
      <c r="M87" s="943" t="s">
        <v>6835</v>
      </c>
      <c r="N87" s="943" t="s">
        <v>6836</v>
      </c>
      <c r="O87" s="943" t="s">
        <v>26969</v>
      </c>
      <c r="P87" s="943" t="s">
        <v>7019</v>
      </c>
      <c r="Q87" s="943" t="s">
        <v>6838</v>
      </c>
      <c r="R87" s="943" t="s">
        <v>34052</v>
      </c>
    </row>
    <row r="88" spans="2:18" s="395" customFormat="1" ht="14.25">
      <c r="B88" s="943" t="s">
        <v>7047</v>
      </c>
      <c r="C88" s="943" t="s">
        <v>0</v>
      </c>
      <c r="D88" s="943" t="s">
        <v>277</v>
      </c>
      <c r="E88" s="943" t="s">
        <v>0</v>
      </c>
      <c r="F88" s="943" t="s">
        <v>575</v>
      </c>
      <c r="G88" s="943" t="s">
        <v>27074</v>
      </c>
      <c r="H88" s="943" t="s">
        <v>7048</v>
      </c>
      <c r="I88" s="943" t="s">
        <v>6832</v>
      </c>
      <c r="J88" s="943" t="s">
        <v>14207</v>
      </c>
      <c r="K88" s="943" t="s">
        <v>6833</v>
      </c>
      <c r="L88" s="943" t="s">
        <v>6834</v>
      </c>
      <c r="M88" s="943" t="s">
        <v>6835</v>
      </c>
      <c r="N88" s="943" t="s">
        <v>6836</v>
      </c>
      <c r="O88" s="943" t="s">
        <v>26969</v>
      </c>
      <c r="P88" s="943" t="s">
        <v>7019</v>
      </c>
      <c r="Q88" s="943" t="s">
        <v>6838</v>
      </c>
      <c r="R88" s="943" t="s">
        <v>34053</v>
      </c>
    </row>
    <row r="89" spans="2:18" s="395" customFormat="1" ht="14.25">
      <c r="B89" s="943" t="s">
        <v>7049</v>
      </c>
      <c r="C89" s="943" t="s">
        <v>0</v>
      </c>
      <c r="D89" s="943" t="s">
        <v>302</v>
      </c>
      <c r="E89" s="943" t="s">
        <v>27075</v>
      </c>
      <c r="F89" s="943" t="s">
        <v>305</v>
      </c>
      <c r="G89" s="943" t="s">
        <v>27076</v>
      </c>
      <c r="H89" s="943" t="s">
        <v>7050</v>
      </c>
      <c r="I89" s="943" t="s">
        <v>6832</v>
      </c>
      <c r="J89" s="943" t="s">
        <v>14207</v>
      </c>
      <c r="K89" s="943" t="s">
        <v>6833</v>
      </c>
      <c r="L89" s="943" t="s">
        <v>6834</v>
      </c>
      <c r="M89" s="943" t="s">
        <v>6835</v>
      </c>
      <c r="N89" s="943" t="s">
        <v>6836</v>
      </c>
      <c r="O89" s="943" t="s">
        <v>26969</v>
      </c>
      <c r="P89" s="943" t="s">
        <v>7019</v>
      </c>
      <c r="Q89" s="943" t="s">
        <v>13790</v>
      </c>
      <c r="R89" s="943" t="s">
        <v>34054</v>
      </c>
    </row>
    <row r="90" spans="2:18" s="395" customFormat="1" ht="14.25">
      <c r="B90" s="943" t="s">
        <v>7051</v>
      </c>
      <c r="C90" s="943" t="s">
        <v>0</v>
      </c>
      <c r="D90" s="943" t="s">
        <v>172</v>
      </c>
      <c r="E90" s="943" t="s">
        <v>0</v>
      </c>
      <c r="F90" s="943" t="s">
        <v>174</v>
      </c>
      <c r="G90" s="943" t="s">
        <v>7053</v>
      </c>
      <c r="H90" s="943" t="s">
        <v>7054</v>
      </c>
      <c r="I90" s="943" t="s">
        <v>6832</v>
      </c>
      <c r="J90" s="943" t="s">
        <v>14207</v>
      </c>
      <c r="K90" s="943" t="s">
        <v>6833</v>
      </c>
      <c r="L90" s="943" t="s">
        <v>6834</v>
      </c>
      <c r="M90" s="943" t="s">
        <v>6835</v>
      </c>
      <c r="N90" s="943" t="s">
        <v>6836</v>
      </c>
      <c r="O90" s="943" t="s">
        <v>26969</v>
      </c>
      <c r="P90" s="943" t="s">
        <v>7019</v>
      </c>
      <c r="Q90" s="943" t="s">
        <v>26995</v>
      </c>
      <c r="R90" s="943" t="s">
        <v>34055</v>
      </c>
    </row>
    <row r="91" spans="2:18" s="395" customFormat="1" ht="14.25">
      <c r="B91" s="943" t="s">
        <v>7055</v>
      </c>
      <c r="C91" s="943" t="s">
        <v>0</v>
      </c>
      <c r="D91" s="943" t="s">
        <v>224</v>
      </c>
      <c r="E91" s="943" t="s">
        <v>0</v>
      </c>
      <c r="F91" s="943" t="s">
        <v>226</v>
      </c>
      <c r="G91" s="943" t="s">
        <v>27077</v>
      </c>
      <c r="H91" s="943" t="s">
        <v>7054</v>
      </c>
      <c r="I91" s="943" t="s">
        <v>6832</v>
      </c>
      <c r="J91" s="943" t="s">
        <v>14207</v>
      </c>
      <c r="K91" s="943" t="s">
        <v>6833</v>
      </c>
      <c r="L91" s="943" t="s">
        <v>6834</v>
      </c>
      <c r="M91" s="943" t="s">
        <v>6835</v>
      </c>
      <c r="N91" s="943" t="s">
        <v>6836</v>
      </c>
      <c r="O91" s="943" t="s">
        <v>26969</v>
      </c>
      <c r="P91" s="943" t="s">
        <v>7019</v>
      </c>
      <c r="Q91" s="943" t="s">
        <v>26995</v>
      </c>
      <c r="R91" s="943" t="s">
        <v>34056</v>
      </c>
    </row>
    <row r="92" spans="2:18" s="395" customFormat="1" ht="14.25">
      <c r="B92" s="943" t="s">
        <v>7057</v>
      </c>
      <c r="C92" s="943" t="s">
        <v>0</v>
      </c>
      <c r="D92" s="943" t="s">
        <v>282</v>
      </c>
      <c r="E92" s="943" t="s">
        <v>0</v>
      </c>
      <c r="F92" s="943" t="s">
        <v>283</v>
      </c>
      <c r="G92" s="943" t="s">
        <v>27078</v>
      </c>
      <c r="H92" s="943" t="s">
        <v>7054</v>
      </c>
      <c r="I92" s="943" t="s">
        <v>6832</v>
      </c>
      <c r="J92" s="943" t="s">
        <v>14207</v>
      </c>
      <c r="K92" s="943" t="s">
        <v>6833</v>
      </c>
      <c r="L92" s="943" t="s">
        <v>6834</v>
      </c>
      <c r="M92" s="943" t="s">
        <v>6835</v>
      </c>
      <c r="N92" s="943" t="s">
        <v>6836</v>
      </c>
      <c r="O92" s="943" t="s">
        <v>26969</v>
      </c>
      <c r="P92" s="943" t="s">
        <v>7019</v>
      </c>
      <c r="Q92" s="943" t="s">
        <v>6838</v>
      </c>
      <c r="R92" s="943" t="s">
        <v>34057</v>
      </c>
    </row>
    <row r="93" spans="2:18" s="395" customFormat="1" ht="14.25">
      <c r="B93" s="943" t="s">
        <v>7058</v>
      </c>
      <c r="C93" s="943" t="s">
        <v>0</v>
      </c>
      <c r="D93" s="943" t="s">
        <v>265</v>
      </c>
      <c r="E93" s="943" t="s">
        <v>0</v>
      </c>
      <c r="F93" s="943" t="s">
        <v>267</v>
      </c>
      <c r="G93" s="943" t="s">
        <v>27079</v>
      </c>
      <c r="H93" s="943" t="s">
        <v>7059</v>
      </c>
      <c r="I93" s="943" t="s">
        <v>6832</v>
      </c>
      <c r="J93" s="943" t="s">
        <v>14207</v>
      </c>
      <c r="K93" s="943" t="s">
        <v>6833</v>
      </c>
      <c r="L93" s="943" t="s">
        <v>6834</v>
      </c>
      <c r="M93" s="943" t="s">
        <v>6835</v>
      </c>
      <c r="N93" s="943" t="s">
        <v>6836</v>
      </c>
      <c r="O93" s="943" t="s">
        <v>26969</v>
      </c>
      <c r="P93" s="943" t="s">
        <v>7019</v>
      </c>
      <c r="Q93" s="943" t="s">
        <v>6838</v>
      </c>
      <c r="R93" s="943" t="s">
        <v>34058</v>
      </c>
    </row>
    <row r="94" spans="2:18" s="395" customFormat="1" ht="14.25">
      <c r="B94" s="943" t="s">
        <v>7060</v>
      </c>
      <c r="C94" s="943" t="s">
        <v>0</v>
      </c>
      <c r="D94" s="943" t="s">
        <v>268</v>
      </c>
      <c r="E94" s="943" t="s">
        <v>0</v>
      </c>
      <c r="F94" s="943" t="s">
        <v>270</v>
      </c>
      <c r="G94" s="943" t="s">
        <v>27080</v>
      </c>
      <c r="H94" s="943" t="s">
        <v>7059</v>
      </c>
      <c r="I94" s="943" t="s">
        <v>6832</v>
      </c>
      <c r="J94" s="943" t="s">
        <v>14207</v>
      </c>
      <c r="K94" s="943" t="s">
        <v>6833</v>
      </c>
      <c r="L94" s="943" t="s">
        <v>6834</v>
      </c>
      <c r="M94" s="943" t="s">
        <v>6835</v>
      </c>
      <c r="N94" s="943" t="s">
        <v>6836</v>
      </c>
      <c r="O94" s="943" t="s">
        <v>26969</v>
      </c>
      <c r="P94" s="943" t="s">
        <v>7019</v>
      </c>
      <c r="Q94" s="943" t="s">
        <v>6838</v>
      </c>
      <c r="R94" s="943" t="s">
        <v>34059</v>
      </c>
    </row>
    <row r="95" spans="2:18" s="395" customFormat="1" ht="14.25">
      <c r="B95" s="943" t="s">
        <v>7061</v>
      </c>
      <c r="C95" s="943" t="s">
        <v>0</v>
      </c>
      <c r="D95" s="943" t="s">
        <v>262</v>
      </c>
      <c r="E95" s="943" t="s">
        <v>0</v>
      </c>
      <c r="F95" s="943" t="s">
        <v>264</v>
      </c>
      <c r="G95" s="943" t="s">
        <v>27081</v>
      </c>
      <c r="H95" s="943" t="s">
        <v>7062</v>
      </c>
      <c r="I95" s="943" t="s">
        <v>6832</v>
      </c>
      <c r="J95" s="943" t="s">
        <v>14207</v>
      </c>
      <c r="K95" s="943" t="s">
        <v>6833</v>
      </c>
      <c r="L95" s="943" t="s">
        <v>6834</v>
      </c>
      <c r="M95" s="943" t="s">
        <v>6835</v>
      </c>
      <c r="N95" s="943" t="s">
        <v>6836</v>
      </c>
      <c r="O95" s="943" t="s">
        <v>26969</v>
      </c>
      <c r="P95" s="943" t="s">
        <v>7019</v>
      </c>
      <c r="Q95" s="943" t="s">
        <v>6838</v>
      </c>
      <c r="R95" s="943" t="s">
        <v>34060</v>
      </c>
    </row>
    <row r="96" spans="2:18" s="395" customFormat="1" ht="14.25">
      <c r="B96" s="943" t="s">
        <v>7063</v>
      </c>
      <c r="C96" s="943" t="s">
        <v>0</v>
      </c>
      <c r="D96" s="943" t="s">
        <v>201</v>
      </c>
      <c r="E96" s="943" t="s">
        <v>0</v>
      </c>
      <c r="F96" s="943" t="s">
        <v>203</v>
      </c>
      <c r="G96" s="943" t="s">
        <v>27082</v>
      </c>
      <c r="H96" s="943" t="s">
        <v>7064</v>
      </c>
      <c r="I96" s="943" t="s">
        <v>6832</v>
      </c>
      <c r="J96" s="943" t="s">
        <v>14207</v>
      </c>
      <c r="K96" s="943" t="s">
        <v>6833</v>
      </c>
      <c r="L96" s="943" t="s">
        <v>6834</v>
      </c>
      <c r="M96" s="943" t="s">
        <v>6835</v>
      </c>
      <c r="N96" s="943" t="s">
        <v>6836</v>
      </c>
      <c r="O96" s="943" t="s">
        <v>26969</v>
      </c>
      <c r="P96" s="943" t="s">
        <v>7019</v>
      </c>
      <c r="Q96" s="943" t="s">
        <v>6838</v>
      </c>
      <c r="R96" s="943" t="s">
        <v>34061</v>
      </c>
    </row>
    <row r="97" spans="2:18" s="395" customFormat="1" ht="14.25">
      <c r="B97" s="943" t="s">
        <v>7065</v>
      </c>
      <c r="C97" s="943" t="s">
        <v>0</v>
      </c>
      <c r="D97" s="943" t="s">
        <v>233</v>
      </c>
      <c r="E97" s="943" t="s">
        <v>0</v>
      </c>
      <c r="F97" s="943" t="s">
        <v>235</v>
      </c>
      <c r="G97" s="943" t="s">
        <v>27083</v>
      </c>
      <c r="H97" s="943" t="s">
        <v>7064</v>
      </c>
      <c r="I97" s="943" t="s">
        <v>6832</v>
      </c>
      <c r="J97" s="943" t="s">
        <v>14207</v>
      </c>
      <c r="K97" s="943" t="s">
        <v>6833</v>
      </c>
      <c r="L97" s="943" t="s">
        <v>6834</v>
      </c>
      <c r="M97" s="943" t="s">
        <v>6835</v>
      </c>
      <c r="N97" s="943" t="s">
        <v>6836</v>
      </c>
      <c r="O97" s="943" t="s">
        <v>26969</v>
      </c>
      <c r="P97" s="943" t="s">
        <v>7019</v>
      </c>
      <c r="Q97" s="943" t="s">
        <v>6838</v>
      </c>
      <c r="R97" s="943" t="s">
        <v>34062</v>
      </c>
    </row>
    <row r="98" spans="2:18" s="395" customFormat="1" ht="14.25">
      <c r="B98" s="943" t="s">
        <v>7066</v>
      </c>
      <c r="C98" s="943" t="s">
        <v>0</v>
      </c>
      <c r="D98" s="943" t="s">
        <v>236</v>
      </c>
      <c r="E98" s="943" t="s">
        <v>0</v>
      </c>
      <c r="F98" s="943" t="s">
        <v>238</v>
      </c>
      <c r="G98" s="943" t="s">
        <v>27084</v>
      </c>
      <c r="H98" s="943" t="s">
        <v>7064</v>
      </c>
      <c r="I98" s="943" t="s">
        <v>6832</v>
      </c>
      <c r="J98" s="943" t="s">
        <v>14207</v>
      </c>
      <c r="K98" s="943" t="s">
        <v>6833</v>
      </c>
      <c r="L98" s="943" t="s">
        <v>6834</v>
      </c>
      <c r="M98" s="943" t="s">
        <v>6835</v>
      </c>
      <c r="N98" s="943" t="s">
        <v>6836</v>
      </c>
      <c r="O98" s="943" t="s">
        <v>26969</v>
      </c>
      <c r="P98" s="943" t="s">
        <v>7019</v>
      </c>
      <c r="Q98" s="943" t="s">
        <v>6838</v>
      </c>
      <c r="R98" s="943" t="s">
        <v>34063</v>
      </c>
    </row>
    <row r="99" spans="2:18" s="395" customFormat="1" ht="14.25">
      <c r="B99" s="943" t="s">
        <v>7067</v>
      </c>
      <c r="C99" s="943" t="s">
        <v>0</v>
      </c>
      <c r="D99" s="943" t="s">
        <v>256</v>
      </c>
      <c r="E99" s="943" t="s">
        <v>0</v>
      </c>
      <c r="F99" s="943" t="s">
        <v>258</v>
      </c>
      <c r="G99" s="943" t="s">
        <v>27085</v>
      </c>
      <c r="H99" s="943" t="s">
        <v>7068</v>
      </c>
      <c r="I99" s="943" t="s">
        <v>6832</v>
      </c>
      <c r="J99" s="943" t="s">
        <v>14207</v>
      </c>
      <c r="K99" s="943" t="s">
        <v>6833</v>
      </c>
      <c r="L99" s="943" t="s">
        <v>6834</v>
      </c>
      <c r="M99" s="943" t="s">
        <v>6835</v>
      </c>
      <c r="N99" s="943" t="s">
        <v>6836</v>
      </c>
      <c r="O99" s="943" t="s">
        <v>26969</v>
      </c>
      <c r="P99" s="943" t="s">
        <v>7019</v>
      </c>
      <c r="Q99" s="943" t="s">
        <v>6838</v>
      </c>
      <c r="R99" s="943" t="s">
        <v>34064</v>
      </c>
    </row>
    <row r="100" spans="2:18" s="395" customFormat="1" ht="14.25">
      <c r="B100" s="943" t="s">
        <v>7069</v>
      </c>
      <c r="C100" s="943" t="s">
        <v>0</v>
      </c>
      <c r="D100" s="943" t="s">
        <v>7070</v>
      </c>
      <c r="E100" s="943" t="s">
        <v>0</v>
      </c>
      <c r="F100" s="943" t="s">
        <v>27086</v>
      </c>
      <c r="G100" s="943" t="s">
        <v>27087</v>
      </c>
      <c r="H100" s="943" t="s">
        <v>6958</v>
      </c>
      <c r="I100" s="943" t="s">
        <v>6832</v>
      </c>
      <c r="J100" s="943" t="s">
        <v>27003</v>
      </c>
      <c r="K100" s="943" t="s">
        <v>6833</v>
      </c>
      <c r="L100" s="943" t="s">
        <v>6843</v>
      </c>
      <c r="M100" s="943" t="s">
        <v>6844</v>
      </c>
      <c r="N100" s="943" t="s">
        <v>6836</v>
      </c>
      <c r="O100" s="943" t="s">
        <v>26979</v>
      </c>
      <c r="P100" s="943" t="s">
        <v>7019</v>
      </c>
      <c r="Q100" s="943" t="s">
        <v>6838</v>
      </c>
      <c r="R100" s="943" t="s">
        <v>34065</v>
      </c>
    </row>
    <row r="101" spans="2:18" s="395" customFormat="1" ht="14.25">
      <c r="B101" s="943" t="s">
        <v>7071</v>
      </c>
      <c r="C101" s="943" t="s">
        <v>0</v>
      </c>
      <c r="D101" s="943" t="s">
        <v>14193</v>
      </c>
      <c r="E101" s="943" t="s">
        <v>0</v>
      </c>
      <c r="F101" s="943" t="s">
        <v>138</v>
      </c>
      <c r="G101" s="943" t="s">
        <v>27088</v>
      </c>
      <c r="H101" s="943" t="s">
        <v>6958</v>
      </c>
      <c r="I101" s="943" t="s">
        <v>6832</v>
      </c>
      <c r="J101" s="943" t="s">
        <v>27089</v>
      </c>
      <c r="K101" s="943" t="s">
        <v>6833</v>
      </c>
      <c r="L101" s="943" t="s">
        <v>6906</v>
      </c>
      <c r="M101" s="943" t="s">
        <v>6835</v>
      </c>
      <c r="N101" s="943" t="s">
        <v>6836</v>
      </c>
      <c r="O101" s="943" t="s">
        <v>26969</v>
      </c>
      <c r="P101" s="943" t="s">
        <v>7019</v>
      </c>
      <c r="Q101" s="943" t="s">
        <v>6838</v>
      </c>
      <c r="R101" s="943" t="s">
        <v>34066</v>
      </c>
    </row>
    <row r="102" spans="2:18" s="395" customFormat="1" ht="14.25">
      <c r="B102" s="943" t="s">
        <v>7072</v>
      </c>
      <c r="C102" s="943" t="s">
        <v>248</v>
      </c>
      <c r="D102" s="943" t="s">
        <v>6841</v>
      </c>
      <c r="E102" s="943" t="s">
        <v>34067</v>
      </c>
      <c r="F102" s="943" t="s">
        <v>6841</v>
      </c>
      <c r="G102" s="943" t="s">
        <v>0</v>
      </c>
      <c r="H102" s="943" t="s">
        <v>7073</v>
      </c>
      <c r="I102" s="943" t="s">
        <v>6832</v>
      </c>
      <c r="J102" s="943" t="s">
        <v>14207</v>
      </c>
      <c r="K102" s="943" t="s">
        <v>6833</v>
      </c>
      <c r="L102" s="943" t="s">
        <v>6834</v>
      </c>
      <c r="M102" s="943" t="s">
        <v>6835</v>
      </c>
      <c r="N102" s="943" t="s">
        <v>6836</v>
      </c>
      <c r="O102" s="943" t="s">
        <v>26969</v>
      </c>
      <c r="P102" s="943" t="s">
        <v>7074</v>
      </c>
      <c r="Q102" s="943" t="s">
        <v>13790</v>
      </c>
      <c r="R102" s="943" t="s">
        <v>34068</v>
      </c>
    </row>
    <row r="103" spans="2:18" s="395" customFormat="1" ht="14.25">
      <c r="B103" s="943" t="s">
        <v>7075</v>
      </c>
      <c r="C103" s="943" t="s">
        <v>0</v>
      </c>
      <c r="D103" s="943" t="s">
        <v>160</v>
      </c>
      <c r="E103" s="943" t="s">
        <v>0</v>
      </c>
      <c r="F103" s="943" t="s">
        <v>162</v>
      </c>
      <c r="G103" s="943" t="s">
        <v>0</v>
      </c>
      <c r="H103" s="943" t="s">
        <v>6871</v>
      </c>
      <c r="I103" s="943" t="s">
        <v>6832</v>
      </c>
      <c r="J103" s="943" t="s">
        <v>14207</v>
      </c>
      <c r="K103" s="943" t="s">
        <v>6833</v>
      </c>
      <c r="L103" s="943" t="s">
        <v>6834</v>
      </c>
      <c r="M103" s="943" t="s">
        <v>6835</v>
      </c>
      <c r="N103" s="943" t="s">
        <v>6836</v>
      </c>
      <c r="O103" s="943" t="s">
        <v>26969</v>
      </c>
      <c r="P103" s="943" t="s">
        <v>7074</v>
      </c>
      <c r="Q103" s="943" t="s">
        <v>6838</v>
      </c>
      <c r="R103" s="943" t="s">
        <v>34069</v>
      </c>
    </row>
    <row r="104" spans="2:18" s="395" customFormat="1" ht="14.25">
      <c r="B104" s="943" t="s">
        <v>7076</v>
      </c>
      <c r="C104" s="943" t="s">
        <v>0</v>
      </c>
      <c r="D104" s="943" t="s">
        <v>163</v>
      </c>
      <c r="E104" s="943" t="s">
        <v>0</v>
      </c>
      <c r="F104" s="943" t="s">
        <v>165</v>
      </c>
      <c r="G104" s="943" t="s">
        <v>27090</v>
      </c>
      <c r="H104" s="943" t="s">
        <v>6875</v>
      </c>
      <c r="I104" s="943" t="s">
        <v>6832</v>
      </c>
      <c r="J104" s="943" t="s">
        <v>14207</v>
      </c>
      <c r="K104" s="943" t="s">
        <v>6833</v>
      </c>
      <c r="L104" s="943" t="s">
        <v>6834</v>
      </c>
      <c r="M104" s="943" t="s">
        <v>6835</v>
      </c>
      <c r="N104" s="943" t="s">
        <v>6836</v>
      </c>
      <c r="O104" s="943" t="s">
        <v>26969</v>
      </c>
      <c r="P104" s="943" t="s">
        <v>7074</v>
      </c>
      <c r="Q104" s="943" t="s">
        <v>6838</v>
      </c>
      <c r="R104" s="943" t="s">
        <v>34069</v>
      </c>
    </row>
    <row r="105" spans="2:18" s="395" customFormat="1" ht="14.25">
      <c r="B105" s="943" t="s">
        <v>7077</v>
      </c>
      <c r="C105" s="943" t="s">
        <v>0</v>
      </c>
      <c r="D105" s="943" t="s">
        <v>166</v>
      </c>
      <c r="E105" s="943" t="s">
        <v>0</v>
      </c>
      <c r="F105" s="943" t="s">
        <v>168</v>
      </c>
      <c r="G105" s="943" t="s">
        <v>27091</v>
      </c>
      <c r="H105" s="943" t="s">
        <v>7078</v>
      </c>
      <c r="I105" s="943" t="s">
        <v>6832</v>
      </c>
      <c r="J105" s="943" t="s">
        <v>14207</v>
      </c>
      <c r="K105" s="943" t="s">
        <v>6833</v>
      </c>
      <c r="L105" s="943" t="s">
        <v>6834</v>
      </c>
      <c r="M105" s="943" t="s">
        <v>6835</v>
      </c>
      <c r="N105" s="943" t="s">
        <v>6836</v>
      </c>
      <c r="O105" s="943" t="s">
        <v>26969</v>
      </c>
      <c r="P105" s="943" t="s">
        <v>7074</v>
      </c>
      <c r="Q105" s="943" t="s">
        <v>6838</v>
      </c>
      <c r="R105" s="943" t="s">
        <v>34069</v>
      </c>
    </row>
    <row r="106" spans="2:18" s="395" customFormat="1" ht="14.25">
      <c r="B106" s="943" t="s">
        <v>7079</v>
      </c>
      <c r="C106" s="943" t="s">
        <v>0</v>
      </c>
      <c r="D106" s="943" t="s">
        <v>169</v>
      </c>
      <c r="E106" s="943" t="s">
        <v>0</v>
      </c>
      <c r="F106" s="943" t="s">
        <v>171</v>
      </c>
      <c r="G106" s="943" t="s">
        <v>27092</v>
      </c>
      <c r="H106" s="943" t="s">
        <v>27093</v>
      </c>
      <c r="I106" s="943" t="s">
        <v>6832</v>
      </c>
      <c r="J106" s="943" t="s">
        <v>14207</v>
      </c>
      <c r="K106" s="943" t="s">
        <v>6833</v>
      </c>
      <c r="L106" s="943" t="s">
        <v>6834</v>
      </c>
      <c r="M106" s="943" t="s">
        <v>6835</v>
      </c>
      <c r="N106" s="943" t="s">
        <v>6836</v>
      </c>
      <c r="O106" s="943" t="s">
        <v>26969</v>
      </c>
      <c r="P106" s="943" t="s">
        <v>7074</v>
      </c>
      <c r="Q106" s="943" t="s">
        <v>6838</v>
      </c>
      <c r="R106" s="943" t="s">
        <v>34070</v>
      </c>
    </row>
    <row r="107" spans="2:18" s="395" customFormat="1" ht="14.25">
      <c r="B107" s="943" t="s">
        <v>7080</v>
      </c>
      <c r="C107" s="943" t="s">
        <v>0</v>
      </c>
      <c r="D107" s="943" t="s">
        <v>157</v>
      </c>
      <c r="E107" s="943" t="s">
        <v>0</v>
      </c>
      <c r="F107" s="943" t="s">
        <v>159</v>
      </c>
      <c r="G107" s="943" t="s">
        <v>27094</v>
      </c>
      <c r="H107" s="943" t="s">
        <v>27095</v>
      </c>
      <c r="I107" s="943" t="s">
        <v>6832</v>
      </c>
      <c r="J107" s="943" t="s">
        <v>14207</v>
      </c>
      <c r="K107" s="943" t="s">
        <v>6833</v>
      </c>
      <c r="L107" s="943" t="s">
        <v>6834</v>
      </c>
      <c r="M107" s="943" t="s">
        <v>6835</v>
      </c>
      <c r="N107" s="943" t="s">
        <v>6836</v>
      </c>
      <c r="O107" s="943" t="s">
        <v>26969</v>
      </c>
      <c r="P107" s="943" t="s">
        <v>7074</v>
      </c>
      <c r="Q107" s="943" t="s">
        <v>6838</v>
      </c>
      <c r="R107" s="943" t="s">
        <v>34071</v>
      </c>
    </row>
    <row r="108" spans="2:18" s="395" customFormat="1" ht="14.25">
      <c r="B108" s="943" t="s">
        <v>7081</v>
      </c>
      <c r="C108" s="943" t="s">
        <v>154</v>
      </c>
      <c r="D108" s="943" t="s">
        <v>6841</v>
      </c>
      <c r="E108" s="943" t="s">
        <v>27096</v>
      </c>
      <c r="F108" s="943" t="s">
        <v>6841</v>
      </c>
      <c r="G108" s="943" t="s">
        <v>0</v>
      </c>
      <c r="H108" s="943" t="s">
        <v>7082</v>
      </c>
      <c r="I108" s="943" t="s">
        <v>6832</v>
      </c>
      <c r="J108" s="943" t="s">
        <v>14207</v>
      </c>
      <c r="K108" s="943" t="s">
        <v>6833</v>
      </c>
      <c r="L108" s="943" t="s">
        <v>6834</v>
      </c>
      <c r="M108" s="943" t="s">
        <v>6835</v>
      </c>
      <c r="N108" s="943" t="s">
        <v>6836</v>
      </c>
      <c r="O108" s="943" t="s">
        <v>26969</v>
      </c>
      <c r="P108" s="943" t="s">
        <v>7074</v>
      </c>
      <c r="Q108" s="943" t="s">
        <v>13790</v>
      </c>
      <c r="R108" s="943" t="s">
        <v>34072</v>
      </c>
    </row>
    <row r="109" spans="2:18" s="395" customFormat="1" ht="14.25">
      <c r="B109" s="943" t="s">
        <v>7083</v>
      </c>
      <c r="C109" s="943" t="s">
        <v>0</v>
      </c>
      <c r="D109" s="943" t="s">
        <v>132</v>
      </c>
      <c r="E109" s="943" t="s">
        <v>0</v>
      </c>
      <c r="F109" s="943" t="s">
        <v>134</v>
      </c>
      <c r="G109" s="943" t="s">
        <v>27097</v>
      </c>
      <c r="H109" s="943" t="s">
        <v>7084</v>
      </c>
      <c r="I109" s="943" t="s">
        <v>6832</v>
      </c>
      <c r="J109" s="943" t="s">
        <v>14207</v>
      </c>
      <c r="K109" s="943" t="s">
        <v>6833</v>
      </c>
      <c r="L109" s="943" t="s">
        <v>6834</v>
      </c>
      <c r="M109" s="943" t="s">
        <v>6835</v>
      </c>
      <c r="N109" s="943" t="s">
        <v>6836</v>
      </c>
      <c r="O109" s="943" t="s">
        <v>26969</v>
      </c>
      <c r="P109" s="943" t="s">
        <v>7085</v>
      </c>
      <c r="Q109" s="943" t="s">
        <v>6838</v>
      </c>
      <c r="R109" s="943" t="s">
        <v>34073</v>
      </c>
    </row>
    <row r="110" spans="2:18" s="395" customFormat="1" ht="14.25">
      <c r="B110" s="943" t="s">
        <v>7086</v>
      </c>
      <c r="C110" s="943" t="s">
        <v>0</v>
      </c>
      <c r="D110" s="943" t="s">
        <v>151</v>
      </c>
      <c r="E110" s="943" t="s">
        <v>0</v>
      </c>
      <c r="F110" s="943" t="s">
        <v>153</v>
      </c>
      <c r="G110" s="943" t="s">
        <v>27098</v>
      </c>
      <c r="H110" s="943" t="s">
        <v>7087</v>
      </c>
      <c r="I110" s="943" t="s">
        <v>6832</v>
      </c>
      <c r="J110" s="943" t="s">
        <v>14207</v>
      </c>
      <c r="K110" s="943" t="s">
        <v>6833</v>
      </c>
      <c r="L110" s="943" t="s">
        <v>6834</v>
      </c>
      <c r="M110" s="943" t="s">
        <v>6835</v>
      </c>
      <c r="N110" s="943" t="s">
        <v>6836</v>
      </c>
      <c r="O110" s="943" t="s">
        <v>26969</v>
      </c>
      <c r="P110" s="943" t="s">
        <v>7085</v>
      </c>
      <c r="Q110" s="943" t="s">
        <v>6838</v>
      </c>
      <c r="R110" s="943" t="s">
        <v>34074</v>
      </c>
    </row>
    <row r="111" spans="2:18" s="395" customFormat="1" ht="14.25">
      <c r="B111" s="943" t="s">
        <v>7088</v>
      </c>
      <c r="C111" s="943" t="s">
        <v>0</v>
      </c>
      <c r="D111" s="943" t="s">
        <v>139</v>
      </c>
      <c r="E111" s="943" t="s">
        <v>0</v>
      </c>
      <c r="F111" s="943" t="s">
        <v>141</v>
      </c>
      <c r="G111" s="943" t="s">
        <v>27099</v>
      </c>
      <c r="H111" s="943" t="s">
        <v>7089</v>
      </c>
      <c r="I111" s="943" t="s">
        <v>6832</v>
      </c>
      <c r="J111" s="943" t="s">
        <v>14207</v>
      </c>
      <c r="K111" s="943" t="s">
        <v>6833</v>
      </c>
      <c r="L111" s="943" t="s">
        <v>6834</v>
      </c>
      <c r="M111" s="943" t="s">
        <v>6835</v>
      </c>
      <c r="N111" s="943" t="s">
        <v>6836</v>
      </c>
      <c r="O111" s="943" t="s">
        <v>26969</v>
      </c>
      <c r="P111" s="943" t="s">
        <v>7085</v>
      </c>
      <c r="Q111" s="943" t="s">
        <v>6838</v>
      </c>
      <c r="R111" s="943" t="s">
        <v>34074</v>
      </c>
    </row>
    <row r="112" spans="2:18" s="395" customFormat="1" ht="14.25">
      <c r="B112" s="943" t="s">
        <v>7090</v>
      </c>
      <c r="C112" s="943" t="s">
        <v>7091</v>
      </c>
      <c r="D112" s="943" t="s">
        <v>6841</v>
      </c>
      <c r="E112" s="943" t="s">
        <v>26971</v>
      </c>
      <c r="F112" s="943" t="s">
        <v>6841</v>
      </c>
      <c r="G112" s="943" t="s">
        <v>0</v>
      </c>
      <c r="H112" s="943" t="s">
        <v>7092</v>
      </c>
      <c r="I112" s="943" t="s">
        <v>6832</v>
      </c>
      <c r="J112" s="943" t="s">
        <v>27100</v>
      </c>
      <c r="K112" s="943" t="s">
        <v>7092</v>
      </c>
      <c r="L112" s="943" t="s">
        <v>7093</v>
      </c>
      <c r="M112" s="943" t="s">
        <v>6849</v>
      </c>
      <c r="N112" s="943" t="s">
        <v>6836</v>
      </c>
      <c r="O112" s="943" t="s">
        <v>27101</v>
      </c>
      <c r="P112" s="943" t="s">
        <v>7085</v>
      </c>
      <c r="Q112" s="943" t="s">
        <v>6838</v>
      </c>
      <c r="R112" s="943" t="s">
        <v>34075</v>
      </c>
    </row>
    <row r="113" spans="2:18" s="395" customFormat="1" ht="14.25">
      <c r="B113" s="943" t="s">
        <v>7094</v>
      </c>
      <c r="C113" s="943" t="s">
        <v>7091</v>
      </c>
      <c r="D113" s="943" t="s">
        <v>6841</v>
      </c>
      <c r="E113" s="943" t="s">
        <v>26971</v>
      </c>
      <c r="F113" s="943" t="s">
        <v>6841</v>
      </c>
      <c r="G113" s="943" t="s">
        <v>0</v>
      </c>
      <c r="H113" s="943" t="s">
        <v>7092</v>
      </c>
      <c r="I113" s="943" t="s">
        <v>6832</v>
      </c>
      <c r="J113" s="943" t="s">
        <v>27100</v>
      </c>
      <c r="K113" s="943" t="s">
        <v>7095</v>
      </c>
      <c r="L113" s="943" t="s">
        <v>7096</v>
      </c>
      <c r="M113" s="943" t="s">
        <v>6849</v>
      </c>
      <c r="N113" s="943" t="s">
        <v>6836</v>
      </c>
      <c r="O113" s="943" t="s">
        <v>27102</v>
      </c>
      <c r="P113" s="943" t="s">
        <v>7085</v>
      </c>
      <c r="Q113" s="943" t="s">
        <v>6838</v>
      </c>
      <c r="R113" s="943" t="s">
        <v>34075</v>
      </c>
    </row>
    <row r="114" spans="2:18" s="395" customFormat="1" ht="14.25">
      <c r="B114" s="943" t="s">
        <v>7097</v>
      </c>
      <c r="C114" s="943" t="s">
        <v>0</v>
      </c>
      <c r="D114" s="943" t="s">
        <v>145</v>
      </c>
      <c r="E114" s="943" t="s">
        <v>0</v>
      </c>
      <c r="F114" s="943" t="s">
        <v>147</v>
      </c>
      <c r="G114" s="943" t="s">
        <v>27103</v>
      </c>
      <c r="H114" s="943" t="s">
        <v>7098</v>
      </c>
      <c r="I114" s="943" t="s">
        <v>6832</v>
      </c>
      <c r="J114" s="943" t="s">
        <v>14207</v>
      </c>
      <c r="K114" s="943" t="s">
        <v>6833</v>
      </c>
      <c r="L114" s="943" t="s">
        <v>6834</v>
      </c>
      <c r="M114" s="943" t="s">
        <v>6835</v>
      </c>
      <c r="N114" s="943" t="s">
        <v>6836</v>
      </c>
      <c r="O114" s="943" t="s">
        <v>26969</v>
      </c>
      <c r="P114" s="943" t="s">
        <v>7085</v>
      </c>
      <c r="Q114" s="943" t="s">
        <v>26995</v>
      </c>
      <c r="R114" s="943" t="s">
        <v>34076</v>
      </c>
    </row>
    <row r="115" spans="2:18" s="395" customFormat="1" ht="14.25">
      <c r="B115" s="943" t="s">
        <v>7099</v>
      </c>
      <c r="C115" s="943" t="s">
        <v>0</v>
      </c>
      <c r="D115" s="943" t="s">
        <v>122</v>
      </c>
      <c r="E115" s="943" t="s">
        <v>0</v>
      </c>
      <c r="F115" s="943" t="s">
        <v>124</v>
      </c>
      <c r="G115" s="943" t="s">
        <v>27104</v>
      </c>
      <c r="H115" s="943" t="s">
        <v>7100</v>
      </c>
      <c r="I115" s="943" t="s">
        <v>6832</v>
      </c>
      <c r="J115" s="943" t="s">
        <v>14207</v>
      </c>
      <c r="K115" s="943" t="s">
        <v>6833</v>
      </c>
      <c r="L115" s="943" t="s">
        <v>6834</v>
      </c>
      <c r="M115" s="943" t="s">
        <v>6835</v>
      </c>
      <c r="N115" s="943" t="s">
        <v>6836</v>
      </c>
      <c r="O115" s="943" t="s">
        <v>26969</v>
      </c>
      <c r="P115" s="943" t="s">
        <v>7101</v>
      </c>
      <c r="Q115" s="943" t="s">
        <v>6838</v>
      </c>
      <c r="R115" s="943" t="s">
        <v>34077</v>
      </c>
    </row>
    <row r="116" spans="2:18" s="395" customFormat="1" ht="14.25">
      <c r="B116" s="943" t="s">
        <v>7102</v>
      </c>
      <c r="C116" s="943" t="s">
        <v>0</v>
      </c>
      <c r="D116" s="943" t="s">
        <v>7103</v>
      </c>
      <c r="E116" s="943" t="s">
        <v>0</v>
      </c>
      <c r="F116" s="943" t="s">
        <v>27105</v>
      </c>
      <c r="G116" s="943" t="s">
        <v>27106</v>
      </c>
      <c r="H116" s="943" t="s">
        <v>7104</v>
      </c>
      <c r="I116" s="943" t="s">
        <v>6832</v>
      </c>
      <c r="J116" s="943" t="s">
        <v>27003</v>
      </c>
      <c r="K116" s="943" t="s">
        <v>6833</v>
      </c>
      <c r="L116" s="943" t="s">
        <v>6843</v>
      </c>
      <c r="M116" s="943" t="s">
        <v>6844</v>
      </c>
      <c r="N116" s="943" t="s">
        <v>6836</v>
      </c>
      <c r="O116" s="943" t="s">
        <v>26979</v>
      </c>
      <c r="P116" s="943" t="s">
        <v>7101</v>
      </c>
      <c r="Q116" s="943" t="s">
        <v>6838</v>
      </c>
      <c r="R116" s="943" t="s">
        <v>34078</v>
      </c>
    </row>
    <row r="117" spans="2:18" s="395" customFormat="1" ht="14.25">
      <c r="B117" s="943" t="s">
        <v>7105</v>
      </c>
      <c r="C117" s="943" t="s">
        <v>0</v>
      </c>
      <c r="D117" s="943" t="s">
        <v>27107</v>
      </c>
      <c r="E117" s="943" t="s">
        <v>27108</v>
      </c>
      <c r="F117" s="943" t="s">
        <v>84</v>
      </c>
      <c r="G117" s="943" t="s">
        <v>27109</v>
      </c>
      <c r="H117" s="943" t="s">
        <v>7106</v>
      </c>
      <c r="I117" s="943" t="s">
        <v>6832</v>
      </c>
      <c r="J117" s="943" t="s">
        <v>26975</v>
      </c>
      <c r="K117" s="943" t="s">
        <v>7107</v>
      </c>
      <c r="L117" s="943" t="s">
        <v>7108</v>
      </c>
      <c r="M117" s="943" t="s">
        <v>6849</v>
      </c>
      <c r="N117" s="943" t="s">
        <v>6836</v>
      </c>
      <c r="O117" s="943" t="s">
        <v>26976</v>
      </c>
      <c r="P117" s="943" t="s">
        <v>7101</v>
      </c>
      <c r="Q117" s="943" t="s">
        <v>26995</v>
      </c>
      <c r="R117" s="943" t="s">
        <v>34079</v>
      </c>
    </row>
    <row r="118" spans="2:18" s="395" customFormat="1" ht="14.25">
      <c r="B118" s="943" t="s">
        <v>7109</v>
      </c>
      <c r="C118" s="943" t="s">
        <v>0</v>
      </c>
      <c r="D118" s="943" t="s">
        <v>27110</v>
      </c>
      <c r="E118" s="943" t="s">
        <v>27108</v>
      </c>
      <c r="F118" s="943" t="s">
        <v>6442</v>
      </c>
      <c r="G118" s="943" t="s">
        <v>27111</v>
      </c>
      <c r="H118" s="943" t="s">
        <v>7106</v>
      </c>
      <c r="I118" s="943" t="s">
        <v>6832</v>
      </c>
      <c r="J118" s="943" t="s">
        <v>26975</v>
      </c>
      <c r="K118" s="943" t="s">
        <v>7107</v>
      </c>
      <c r="L118" s="943" t="s">
        <v>7108</v>
      </c>
      <c r="M118" s="943" t="s">
        <v>6849</v>
      </c>
      <c r="N118" s="943" t="s">
        <v>6836</v>
      </c>
      <c r="O118" s="943" t="s">
        <v>26976</v>
      </c>
      <c r="P118" s="943" t="s">
        <v>7101</v>
      </c>
      <c r="Q118" s="943" t="s">
        <v>26995</v>
      </c>
      <c r="R118" s="943" t="s">
        <v>34079</v>
      </c>
    </row>
    <row r="119" spans="2:18" s="395" customFormat="1" ht="14.25">
      <c r="B119" s="943" t="s">
        <v>7110</v>
      </c>
      <c r="C119" s="943" t="s">
        <v>0</v>
      </c>
      <c r="D119" s="943" t="s">
        <v>27112</v>
      </c>
      <c r="E119" s="943" t="s">
        <v>27108</v>
      </c>
      <c r="F119" s="943" t="s">
        <v>6437</v>
      </c>
      <c r="G119" s="943" t="s">
        <v>27113</v>
      </c>
      <c r="H119" s="943" t="s">
        <v>7106</v>
      </c>
      <c r="I119" s="943" t="s">
        <v>6832</v>
      </c>
      <c r="J119" s="943" t="s">
        <v>26975</v>
      </c>
      <c r="K119" s="943" t="s">
        <v>7107</v>
      </c>
      <c r="L119" s="943" t="s">
        <v>7108</v>
      </c>
      <c r="M119" s="943" t="s">
        <v>6849</v>
      </c>
      <c r="N119" s="943" t="s">
        <v>6836</v>
      </c>
      <c r="O119" s="943" t="s">
        <v>26976</v>
      </c>
      <c r="P119" s="943" t="s">
        <v>7101</v>
      </c>
      <c r="Q119" s="943" t="s">
        <v>26995</v>
      </c>
      <c r="R119" s="943" t="s">
        <v>34080</v>
      </c>
    </row>
    <row r="120" spans="2:18" s="395" customFormat="1" ht="14.25">
      <c r="B120" s="943" t="s">
        <v>7112</v>
      </c>
      <c r="C120" s="943" t="s">
        <v>0</v>
      </c>
      <c r="D120" s="943" t="s">
        <v>27114</v>
      </c>
      <c r="E120" s="943" t="s">
        <v>27108</v>
      </c>
      <c r="F120" s="943" t="s">
        <v>6448</v>
      </c>
      <c r="G120" s="943" t="s">
        <v>27115</v>
      </c>
      <c r="H120" s="943" t="s">
        <v>7106</v>
      </c>
      <c r="I120" s="943" t="s">
        <v>6832</v>
      </c>
      <c r="J120" s="943" t="s">
        <v>26975</v>
      </c>
      <c r="K120" s="943" t="s">
        <v>7107</v>
      </c>
      <c r="L120" s="943" t="s">
        <v>7108</v>
      </c>
      <c r="M120" s="943" t="s">
        <v>6849</v>
      </c>
      <c r="N120" s="943" t="s">
        <v>6836</v>
      </c>
      <c r="O120" s="943" t="s">
        <v>26976</v>
      </c>
      <c r="P120" s="943" t="s">
        <v>7101</v>
      </c>
      <c r="Q120" s="943" t="s">
        <v>26995</v>
      </c>
      <c r="R120" s="943" t="s">
        <v>34080</v>
      </c>
    </row>
    <row r="121" spans="2:18" s="395" customFormat="1" ht="14.25">
      <c r="B121" s="943" t="s">
        <v>7113</v>
      </c>
      <c r="C121" s="943" t="s">
        <v>0</v>
      </c>
      <c r="D121" s="943" t="s">
        <v>27116</v>
      </c>
      <c r="E121" s="943" t="s">
        <v>27108</v>
      </c>
      <c r="F121" s="943" t="s">
        <v>6439</v>
      </c>
      <c r="G121" s="943" t="s">
        <v>27117</v>
      </c>
      <c r="H121" s="943" t="s">
        <v>7106</v>
      </c>
      <c r="I121" s="943" t="s">
        <v>6832</v>
      </c>
      <c r="J121" s="943" t="s">
        <v>26975</v>
      </c>
      <c r="K121" s="943" t="s">
        <v>7107</v>
      </c>
      <c r="L121" s="943" t="s">
        <v>7108</v>
      </c>
      <c r="M121" s="943" t="s">
        <v>6849</v>
      </c>
      <c r="N121" s="943" t="s">
        <v>6836</v>
      </c>
      <c r="O121" s="943" t="s">
        <v>26976</v>
      </c>
      <c r="P121" s="943" t="s">
        <v>7101</v>
      </c>
      <c r="Q121" s="943" t="s">
        <v>26995</v>
      </c>
      <c r="R121" s="943" t="s">
        <v>34080</v>
      </c>
    </row>
    <row r="122" spans="2:18" s="395" customFormat="1" ht="14.25">
      <c r="B122" s="943" t="s">
        <v>7114</v>
      </c>
      <c r="C122" s="943" t="s">
        <v>0</v>
      </c>
      <c r="D122" s="943" t="s">
        <v>27118</v>
      </c>
      <c r="E122" s="943" t="s">
        <v>27108</v>
      </c>
      <c r="F122" s="943" t="s">
        <v>6444</v>
      </c>
      <c r="G122" s="943" t="s">
        <v>27119</v>
      </c>
      <c r="H122" s="943" t="s">
        <v>7106</v>
      </c>
      <c r="I122" s="943" t="s">
        <v>6832</v>
      </c>
      <c r="J122" s="943" t="s">
        <v>26975</v>
      </c>
      <c r="K122" s="943" t="s">
        <v>7107</v>
      </c>
      <c r="L122" s="943" t="s">
        <v>7108</v>
      </c>
      <c r="M122" s="943" t="s">
        <v>6849</v>
      </c>
      <c r="N122" s="943" t="s">
        <v>6836</v>
      </c>
      <c r="O122" s="943" t="s">
        <v>26976</v>
      </c>
      <c r="P122" s="943" t="s">
        <v>7101</v>
      </c>
      <c r="Q122" s="943" t="s">
        <v>26995</v>
      </c>
      <c r="R122" s="943" t="s">
        <v>34080</v>
      </c>
    </row>
    <row r="123" spans="2:18" s="395" customFormat="1" ht="14.25">
      <c r="B123" s="943" t="s">
        <v>7116</v>
      </c>
      <c r="C123" s="943" t="s">
        <v>0</v>
      </c>
      <c r="D123" s="943" t="s">
        <v>27120</v>
      </c>
      <c r="E123" s="943" t="s">
        <v>27108</v>
      </c>
      <c r="F123" s="943" t="s">
        <v>6446</v>
      </c>
      <c r="G123" s="943" t="s">
        <v>27121</v>
      </c>
      <c r="H123" s="943" t="s">
        <v>7106</v>
      </c>
      <c r="I123" s="943" t="s">
        <v>6832</v>
      </c>
      <c r="J123" s="943" t="s">
        <v>26975</v>
      </c>
      <c r="K123" s="943" t="s">
        <v>7107</v>
      </c>
      <c r="L123" s="943" t="s">
        <v>7108</v>
      </c>
      <c r="M123" s="943" t="s">
        <v>6849</v>
      </c>
      <c r="N123" s="943" t="s">
        <v>6836</v>
      </c>
      <c r="O123" s="943" t="s">
        <v>26976</v>
      </c>
      <c r="P123" s="943" t="s">
        <v>7101</v>
      </c>
      <c r="Q123" s="943" t="s">
        <v>26995</v>
      </c>
      <c r="R123" s="943" t="s">
        <v>34080</v>
      </c>
    </row>
    <row r="124" spans="2:18" s="395" customFormat="1" ht="14.25">
      <c r="B124" s="943" t="s">
        <v>7118</v>
      </c>
      <c r="C124" s="943" t="s">
        <v>0</v>
      </c>
      <c r="D124" s="943" t="s">
        <v>27122</v>
      </c>
      <c r="E124" s="943" t="s">
        <v>27108</v>
      </c>
      <c r="F124" s="943" t="s">
        <v>6450</v>
      </c>
      <c r="G124" s="943" t="s">
        <v>27123</v>
      </c>
      <c r="H124" s="943" t="s">
        <v>7106</v>
      </c>
      <c r="I124" s="943" t="s">
        <v>6832</v>
      </c>
      <c r="J124" s="943" t="s">
        <v>26975</v>
      </c>
      <c r="K124" s="943" t="s">
        <v>7107</v>
      </c>
      <c r="L124" s="943" t="s">
        <v>7108</v>
      </c>
      <c r="M124" s="943" t="s">
        <v>6849</v>
      </c>
      <c r="N124" s="943" t="s">
        <v>6836</v>
      </c>
      <c r="O124" s="943" t="s">
        <v>26976</v>
      </c>
      <c r="P124" s="943" t="s">
        <v>7101</v>
      </c>
      <c r="Q124" s="943" t="s">
        <v>26995</v>
      </c>
      <c r="R124" s="943" t="s">
        <v>34080</v>
      </c>
    </row>
    <row r="125" spans="2:18" s="395" customFormat="1" ht="14.25">
      <c r="B125" s="943" t="s">
        <v>7119</v>
      </c>
      <c r="C125" s="943" t="s">
        <v>0</v>
      </c>
      <c r="D125" s="943" t="s">
        <v>27107</v>
      </c>
      <c r="E125" s="943" t="s">
        <v>27108</v>
      </c>
      <c r="F125" s="943" t="s">
        <v>84</v>
      </c>
      <c r="G125" s="943" t="s">
        <v>27109</v>
      </c>
      <c r="H125" s="943" t="s">
        <v>7106</v>
      </c>
      <c r="I125" s="943" t="s">
        <v>6832</v>
      </c>
      <c r="J125" s="943" t="s">
        <v>26975</v>
      </c>
      <c r="K125" s="943" t="s">
        <v>7120</v>
      </c>
      <c r="L125" s="943" t="s">
        <v>7121</v>
      </c>
      <c r="M125" s="943" t="s">
        <v>6849</v>
      </c>
      <c r="N125" s="943" t="s">
        <v>6836</v>
      </c>
      <c r="O125" s="943" t="s">
        <v>26976</v>
      </c>
      <c r="P125" s="943" t="s">
        <v>7101</v>
      </c>
      <c r="Q125" s="943" t="s">
        <v>26995</v>
      </c>
      <c r="R125" s="943" t="s">
        <v>34080</v>
      </c>
    </row>
    <row r="126" spans="2:18" s="395" customFormat="1" ht="14.25">
      <c r="B126" s="943" t="s">
        <v>7122</v>
      </c>
      <c r="C126" s="943" t="s">
        <v>0</v>
      </c>
      <c r="D126" s="943" t="s">
        <v>27110</v>
      </c>
      <c r="E126" s="943" t="s">
        <v>27108</v>
      </c>
      <c r="F126" s="943" t="s">
        <v>6442</v>
      </c>
      <c r="G126" s="943" t="s">
        <v>27111</v>
      </c>
      <c r="H126" s="943" t="s">
        <v>7106</v>
      </c>
      <c r="I126" s="943" t="s">
        <v>6832</v>
      </c>
      <c r="J126" s="943" t="s">
        <v>26975</v>
      </c>
      <c r="K126" s="943" t="s">
        <v>7120</v>
      </c>
      <c r="L126" s="943" t="s">
        <v>7121</v>
      </c>
      <c r="M126" s="943" t="s">
        <v>6849</v>
      </c>
      <c r="N126" s="943" t="s">
        <v>6836</v>
      </c>
      <c r="O126" s="943" t="s">
        <v>26976</v>
      </c>
      <c r="P126" s="943" t="s">
        <v>7101</v>
      </c>
      <c r="Q126" s="943" t="s">
        <v>26995</v>
      </c>
      <c r="R126" s="943" t="s">
        <v>34080</v>
      </c>
    </row>
    <row r="127" spans="2:18" s="395" customFormat="1" ht="14.25">
      <c r="B127" s="943" t="s">
        <v>7123</v>
      </c>
      <c r="C127" s="943" t="s">
        <v>0</v>
      </c>
      <c r="D127" s="943" t="s">
        <v>27112</v>
      </c>
      <c r="E127" s="943" t="s">
        <v>27108</v>
      </c>
      <c r="F127" s="943" t="s">
        <v>6437</v>
      </c>
      <c r="G127" s="943" t="s">
        <v>27113</v>
      </c>
      <c r="H127" s="943" t="s">
        <v>7106</v>
      </c>
      <c r="I127" s="943" t="s">
        <v>6832</v>
      </c>
      <c r="J127" s="943" t="s">
        <v>26975</v>
      </c>
      <c r="K127" s="943" t="s">
        <v>7120</v>
      </c>
      <c r="L127" s="943" t="s">
        <v>7121</v>
      </c>
      <c r="M127" s="943" t="s">
        <v>6849</v>
      </c>
      <c r="N127" s="943" t="s">
        <v>6836</v>
      </c>
      <c r="O127" s="943" t="s">
        <v>26976</v>
      </c>
      <c r="P127" s="943" t="s">
        <v>7101</v>
      </c>
      <c r="Q127" s="943" t="s">
        <v>26995</v>
      </c>
      <c r="R127" s="943" t="s">
        <v>34080</v>
      </c>
    </row>
    <row r="128" spans="2:18" s="395" customFormat="1" ht="14.25">
      <c r="B128" s="943" t="s">
        <v>7124</v>
      </c>
      <c r="C128" s="943" t="s">
        <v>0</v>
      </c>
      <c r="D128" s="943" t="s">
        <v>27114</v>
      </c>
      <c r="E128" s="943" t="s">
        <v>27108</v>
      </c>
      <c r="F128" s="943" t="s">
        <v>6448</v>
      </c>
      <c r="G128" s="943" t="s">
        <v>27115</v>
      </c>
      <c r="H128" s="943" t="s">
        <v>7106</v>
      </c>
      <c r="I128" s="943" t="s">
        <v>6832</v>
      </c>
      <c r="J128" s="943" t="s">
        <v>26975</v>
      </c>
      <c r="K128" s="943" t="s">
        <v>7120</v>
      </c>
      <c r="L128" s="943" t="s">
        <v>7121</v>
      </c>
      <c r="M128" s="943" t="s">
        <v>6849</v>
      </c>
      <c r="N128" s="943" t="s">
        <v>6836</v>
      </c>
      <c r="O128" s="943" t="s">
        <v>26976</v>
      </c>
      <c r="P128" s="943" t="s">
        <v>7101</v>
      </c>
      <c r="Q128" s="943" t="s">
        <v>26995</v>
      </c>
      <c r="R128" s="943" t="s">
        <v>34080</v>
      </c>
    </row>
    <row r="129" spans="2:18" s="395" customFormat="1" ht="14.25">
      <c r="B129" s="943" t="s">
        <v>7125</v>
      </c>
      <c r="C129" s="943" t="s">
        <v>0</v>
      </c>
      <c r="D129" s="943" t="s">
        <v>27116</v>
      </c>
      <c r="E129" s="943" t="s">
        <v>27108</v>
      </c>
      <c r="F129" s="943" t="s">
        <v>6439</v>
      </c>
      <c r="G129" s="943" t="s">
        <v>27117</v>
      </c>
      <c r="H129" s="943" t="s">
        <v>7106</v>
      </c>
      <c r="I129" s="943" t="s">
        <v>6832</v>
      </c>
      <c r="J129" s="943" t="s">
        <v>26975</v>
      </c>
      <c r="K129" s="943" t="s">
        <v>7120</v>
      </c>
      <c r="L129" s="943" t="s">
        <v>7121</v>
      </c>
      <c r="M129" s="943" t="s">
        <v>6849</v>
      </c>
      <c r="N129" s="943" t="s">
        <v>6836</v>
      </c>
      <c r="O129" s="943" t="s">
        <v>26976</v>
      </c>
      <c r="P129" s="943" t="s">
        <v>7101</v>
      </c>
      <c r="Q129" s="943" t="s">
        <v>26995</v>
      </c>
      <c r="R129" s="943" t="s">
        <v>34080</v>
      </c>
    </row>
    <row r="130" spans="2:18" s="395" customFormat="1" ht="14.25">
      <c r="B130" s="943" t="s">
        <v>7126</v>
      </c>
      <c r="C130" s="943" t="s">
        <v>0</v>
      </c>
      <c r="D130" s="943" t="s">
        <v>27118</v>
      </c>
      <c r="E130" s="943" t="s">
        <v>27108</v>
      </c>
      <c r="F130" s="943" t="s">
        <v>6444</v>
      </c>
      <c r="G130" s="943" t="s">
        <v>27119</v>
      </c>
      <c r="H130" s="943" t="s">
        <v>7106</v>
      </c>
      <c r="I130" s="943" t="s">
        <v>6832</v>
      </c>
      <c r="J130" s="943" t="s">
        <v>26975</v>
      </c>
      <c r="K130" s="943" t="s">
        <v>7120</v>
      </c>
      <c r="L130" s="943" t="s">
        <v>7121</v>
      </c>
      <c r="M130" s="943" t="s">
        <v>6849</v>
      </c>
      <c r="N130" s="943" t="s">
        <v>6836</v>
      </c>
      <c r="O130" s="943" t="s">
        <v>26976</v>
      </c>
      <c r="P130" s="943" t="s">
        <v>7101</v>
      </c>
      <c r="Q130" s="943" t="s">
        <v>26995</v>
      </c>
      <c r="R130" s="943" t="s">
        <v>34080</v>
      </c>
    </row>
    <row r="131" spans="2:18" s="395" customFormat="1" ht="14.25">
      <c r="B131" s="943" t="s">
        <v>7127</v>
      </c>
      <c r="C131" s="943" t="s">
        <v>0</v>
      </c>
      <c r="D131" s="943" t="s">
        <v>27120</v>
      </c>
      <c r="E131" s="943" t="s">
        <v>27108</v>
      </c>
      <c r="F131" s="943" t="s">
        <v>6446</v>
      </c>
      <c r="G131" s="943" t="s">
        <v>27121</v>
      </c>
      <c r="H131" s="943" t="s">
        <v>7106</v>
      </c>
      <c r="I131" s="943" t="s">
        <v>6832</v>
      </c>
      <c r="J131" s="943" t="s">
        <v>26975</v>
      </c>
      <c r="K131" s="943" t="s">
        <v>7120</v>
      </c>
      <c r="L131" s="943" t="s">
        <v>7121</v>
      </c>
      <c r="M131" s="943" t="s">
        <v>6849</v>
      </c>
      <c r="N131" s="943" t="s">
        <v>6836</v>
      </c>
      <c r="O131" s="943" t="s">
        <v>26976</v>
      </c>
      <c r="P131" s="943" t="s">
        <v>7101</v>
      </c>
      <c r="Q131" s="943" t="s">
        <v>26995</v>
      </c>
      <c r="R131" s="943" t="s">
        <v>34080</v>
      </c>
    </row>
    <row r="132" spans="2:18" s="395" customFormat="1" ht="14.25">
      <c r="B132" s="943" t="s">
        <v>7128</v>
      </c>
      <c r="C132" s="943" t="s">
        <v>0</v>
      </c>
      <c r="D132" s="943" t="s">
        <v>27122</v>
      </c>
      <c r="E132" s="943" t="s">
        <v>27108</v>
      </c>
      <c r="F132" s="943" t="s">
        <v>6450</v>
      </c>
      <c r="G132" s="943" t="s">
        <v>27123</v>
      </c>
      <c r="H132" s="943" t="s">
        <v>7106</v>
      </c>
      <c r="I132" s="943" t="s">
        <v>6832</v>
      </c>
      <c r="J132" s="943" t="s">
        <v>26975</v>
      </c>
      <c r="K132" s="943" t="s">
        <v>7120</v>
      </c>
      <c r="L132" s="943" t="s">
        <v>7121</v>
      </c>
      <c r="M132" s="943" t="s">
        <v>6849</v>
      </c>
      <c r="N132" s="943" t="s">
        <v>6836</v>
      </c>
      <c r="O132" s="943" t="s">
        <v>26976</v>
      </c>
      <c r="P132" s="943" t="s">
        <v>7101</v>
      </c>
      <c r="Q132" s="943" t="s">
        <v>26995</v>
      </c>
      <c r="R132" s="943" t="s">
        <v>34080</v>
      </c>
    </row>
    <row r="133" spans="2:18" s="395" customFormat="1" ht="14.25">
      <c r="B133" s="943" t="s">
        <v>7129</v>
      </c>
      <c r="C133" s="943" t="s">
        <v>7130</v>
      </c>
      <c r="D133" s="943" t="s">
        <v>6841</v>
      </c>
      <c r="E133" s="943" t="s">
        <v>27124</v>
      </c>
      <c r="F133" s="943" t="s">
        <v>6841</v>
      </c>
      <c r="G133" s="943" t="s">
        <v>27125</v>
      </c>
      <c r="H133" s="943" t="s">
        <v>7131</v>
      </c>
      <c r="I133" s="943" t="s">
        <v>6832</v>
      </c>
      <c r="J133" s="943" t="s">
        <v>27126</v>
      </c>
      <c r="K133" s="943" t="s">
        <v>7132</v>
      </c>
      <c r="L133" s="943" t="s">
        <v>7133</v>
      </c>
      <c r="M133" s="943" t="s">
        <v>6849</v>
      </c>
      <c r="N133" s="943" t="s">
        <v>6836</v>
      </c>
      <c r="O133" s="943" t="s">
        <v>27101</v>
      </c>
      <c r="P133" s="943" t="s">
        <v>7101</v>
      </c>
      <c r="Q133" s="943" t="s">
        <v>6838</v>
      </c>
      <c r="R133" s="943" t="s">
        <v>34081</v>
      </c>
    </row>
    <row r="134" spans="2:18" s="395" customFormat="1" ht="14.25">
      <c r="B134" s="943" t="s">
        <v>7134</v>
      </c>
      <c r="C134" s="943" t="s">
        <v>7130</v>
      </c>
      <c r="D134" s="943" t="s">
        <v>6841</v>
      </c>
      <c r="E134" s="943" t="s">
        <v>27127</v>
      </c>
      <c r="F134" s="943" t="s">
        <v>6841</v>
      </c>
      <c r="G134" s="943" t="s">
        <v>27125</v>
      </c>
      <c r="H134" s="943" t="s">
        <v>7131</v>
      </c>
      <c r="I134" s="943" t="s">
        <v>6832</v>
      </c>
      <c r="J134" s="943" t="s">
        <v>27126</v>
      </c>
      <c r="K134" s="943" t="s">
        <v>7135</v>
      </c>
      <c r="L134" s="943" t="s">
        <v>7136</v>
      </c>
      <c r="M134" s="943" t="s">
        <v>6849</v>
      </c>
      <c r="N134" s="943" t="s">
        <v>6836</v>
      </c>
      <c r="O134" s="943" t="s">
        <v>27101</v>
      </c>
      <c r="P134" s="943" t="s">
        <v>7101</v>
      </c>
      <c r="Q134" s="943" t="s">
        <v>6838</v>
      </c>
      <c r="R134" s="943" t="s">
        <v>34082</v>
      </c>
    </row>
    <row r="135" spans="2:18" s="395" customFormat="1" ht="14.25">
      <c r="B135" s="943" t="s">
        <v>7137</v>
      </c>
      <c r="C135" s="943" t="s">
        <v>0</v>
      </c>
      <c r="D135" s="943" t="s">
        <v>7138</v>
      </c>
      <c r="E135" s="943" t="s">
        <v>0</v>
      </c>
      <c r="F135" s="943" t="s">
        <v>144</v>
      </c>
      <c r="G135" s="943" t="s">
        <v>27128</v>
      </c>
      <c r="H135" s="943" t="s">
        <v>7139</v>
      </c>
      <c r="I135" s="943" t="s">
        <v>6832</v>
      </c>
      <c r="J135" s="943" t="s">
        <v>14207</v>
      </c>
      <c r="K135" s="943" t="s">
        <v>6833</v>
      </c>
      <c r="L135" s="943" t="s">
        <v>6834</v>
      </c>
      <c r="M135" s="943" t="s">
        <v>6835</v>
      </c>
      <c r="N135" s="943" t="s">
        <v>6836</v>
      </c>
      <c r="O135" s="943" t="s">
        <v>26969</v>
      </c>
      <c r="P135" s="943" t="s">
        <v>7101</v>
      </c>
      <c r="Q135" s="943" t="s">
        <v>6838</v>
      </c>
      <c r="R135" s="943" t="s">
        <v>34083</v>
      </c>
    </row>
    <row r="136" spans="2:18" s="395" customFormat="1" ht="14.25">
      <c r="B136" s="943" t="s">
        <v>7141</v>
      </c>
      <c r="C136" s="943" t="s">
        <v>0</v>
      </c>
      <c r="D136" s="943" t="s">
        <v>113</v>
      </c>
      <c r="E136" s="943" t="s">
        <v>0</v>
      </c>
      <c r="F136" s="943" t="s">
        <v>115</v>
      </c>
      <c r="G136" s="943" t="s">
        <v>27129</v>
      </c>
      <c r="H136" s="943" t="s">
        <v>7142</v>
      </c>
      <c r="I136" s="943" t="s">
        <v>6832</v>
      </c>
      <c r="J136" s="943" t="s">
        <v>14207</v>
      </c>
      <c r="K136" s="943" t="s">
        <v>6833</v>
      </c>
      <c r="L136" s="943" t="s">
        <v>6834</v>
      </c>
      <c r="M136" s="943" t="s">
        <v>6835</v>
      </c>
      <c r="N136" s="943" t="s">
        <v>6836</v>
      </c>
      <c r="O136" s="943" t="s">
        <v>26969</v>
      </c>
      <c r="P136" s="943" t="s">
        <v>7140</v>
      </c>
      <c r="Q136" s="943" t="s">
        <v>6838</v>
      </c>
      <c r="R136" s="943" t="s">
        <v>34084</v>
      </c>
    </row>
    <row r="137" spans="2:18" s="395" customFormat="1" ht="14.25">
      <c r="B137" s="943" t="s">
        <v>7143</v>
      </c>
      <c r="C137" s="943" t="s">
        <v>0</v>
      </c>
      <c r="D137" s="943" t="s">
        <v>18</v>
      </c>
      <c r="E137" s="943" t="s">
        <v>0</v>
      </c>
      <c r="F137" s="943" t="s">
        <v>0</v>
      </c>
      <c r="G137" s="943" t="s">
        <v>27130</v>
      </c>
      <c r="H137" s="943" t="s">
        <v>7142</v>
      </c>
      <c r="I137" s="943" t="s">
        <v>6832</v>
      </c>
      <c r="J137" s="943" t="s">
        <v>14207</v>
      </c>
      <c r="K137" s="943" t="s">
        <v>6833</v>
      </c>
      <c r="L137" s="943" t="s">
        <v>6834</v>
      </c>
      <c r="M137" s="943" t="s">
        <v>6835</v>
      </c>
      <c r="N137" s="943" t="s">
        <v>6836</v>
      </c>
      <c r="O137" s="943" t="s">
        <v>26969</v>
      </c>
      <c r="P137" s="943" t="s">
        <v>7140</v>
      </c>
      <c r="Q137" s="943" t="s">
        <v>6838</v>
      </c>
      <c r="R137" s="943" t="s">
        <v>34084</v>
      </c>
    </row>
    <row r="138" spans="2:18" s="395" customFormat="1" ht="14.25">
      <c r="B138" s="943" t="s">
        <v>7144</v>
      </c>
      <c r="C138" s="943" t="s">
        <v>0</v>
      </c>
      <c r="D138" s="943" t="s">
        <v>106</v>
      </c>
      <c r="E138" s="943" t="s">
        <v>0</v>
      </c>
      <c r="F138" s="943" t="s">
        <v>108</v>
      </c>
      <c r="G138" s="943" t="s">
        <v>27131</v>
      </c>
      <c r="H138" s="943" t="s">
        <v>1483</v>
      </c>
      <c r="I138" s="943" t="s">
        <v>6832</v>
      </c>
      <c r="J138" s="943" t="s">
        <v>14207</v>
      </c>
      <c r="K138" s="943" t="s">
        <v>6833</v>
      </c>
      <c r="L138" s="943" t="s">
        <v>6834</v>
      </c>
      <c r="M138" s="943" t="s">
        <v>6835</v>
      </c>
      <c r="N138" s="943" t="s">
        <v>6836</v>
      </c>
      <c r="O138" s="943" t="s">
        <v>26969</v>
      </c>
      <c r="P138" s="943" t="s">
        <v>7140</v>
      </c>
      <c r="Q138" s="943" t="s">
        <v>6838</v>
      </c>
      <c r="R138" s="943" t="s">
        <v>34084</v>
      </c>
    </row>
    <row r="139" spans="2:18" s="395" customFormat="1" ht="14.25">
      <c r="B139" s="943" t="s">
        <v>7145</v>
      </c>
      <c r="C139" s="943" t="s">
        <v>0</v>
      </c>
      <c r="D139" s="943" t="s">
        <v>102</v>
      </c>
      <c r="E139" s="943" t="s">
        <v>27132</v>
      </c>
      <c r="F139" s="943" t="s">
        <v>27133</v>
      </c>
      <c r="G139" s="943" t="s">
        <v>27134</v>
      </c>
      <c r="H139" s="943" t="s">
        <v>7146</v>
      </c>
      <c r="I139" s="943" t="s">
        <v>6832</v>
      </c>
      <c r="J139" s="943" t="s">
        <v>14207</v>
      </c>
      <c r="K139" s="943" t="s">
        <v>6833</v>
      </c>
      <c r="L139" s="943" t="s">
        <v>6834</v>
      </c>
      <c r="M139" s="943" t="s">
        <v>6835</v>
      </c>
      <c r="N139" s="943" t="s">
        <v>6836</v>
      </c>
      <c r="O139" s="943" t="s">
        <v>26969</v>
      </c>
      <c r="P139" s="943" t="s">
        <v>6944</v>
      </c>
      <c r="Q139" s="943" t="s">
        <v>13790</v>
      </c>
      <c r="R139" s="943" t="s">
        <v>34085</v>
      </c>
    </row>
    <row r="140" spans="2:18" s="395" customFormat="1" ht="14.25">
      <c r="B140" s="943" t="s">
        <v>7147</v>
      </c>
      <c r="C140" s="943" t="s">
        <v>0</v>
      </c>
      <c r="D140" s="943" t="s">
        <v>88</v>
      </c>
      <c r="E140" s="943" t="s">
        <v>0</v>
      </c>
      <c r="F140" s="943" t="s">
        <v>90</v>
      </c>
      <c r="G140" s="943" t="s">
        <v>27135</v>
      </c>
      <c r="H140" s="943" t="s">
        <v>7148</v>
      </c>
      <c r="I140" s="943" t="s">
        <v>6832</v>
      </c>
      <c r="J140" s="943" t="s">
        <v>14207</v>
      </c>
      <c r="K140" s="943" t="s">
        <v>6833</v>
      </c>
      <c r="L140" s="943" t="s">
        <v>6834</v>
      </c>
      <c r="M140" s="943" t="s">
        <v>6835</v>
      </c>
      <c r="N140" s="943" t="s">
        <v>6836</v>
      </c>
      <c r="O140" s="943" t="s">
        <v>26969</v>
      </c>
      <c r="P140" s="943" t="s">
        <v>7149</v>
      </c>
      <c r="Q140" s="943" t="s">
        <v>6838</v>
      </c>
      <c r="R140" s="943" t="s">
        <v>34086</v>
      </c>
    </row>
    <row r="141" spans="2:18" s="395" customFormat="1" ht="14.25">
      <c r="B141" s="943" t="s">
        <v>7150</v>
      </c>
      <c r="C141" s="943" t="s">
        <v>0</v>
      </c>
      <c r="D141" s="943" t="s">
        <v>92</v>
      </c>
      <c r="E141" s="943" t="s">
        <v>0</v>
      </c>
      <c r="F141" s="943" t="s">
        <v>94</v>
      </c>
      <c r="G141" s="943" t="s">
        <v>27136</v>
      </c>
      <c r="H141" s="943" t="s">
        <v>1483</v>
      </c>
      <c r="I141" s="943" t="s">
        <v>6832</v>
      </c>
      <c r="J141" s="943" t="s">
        <v>14207</v>
      </c>
      <c r="K141" s="943" t="s">
        <v>6833</v>
      </c>
      <c r="L141" s="943" t="s">
        <v>6834</v>
      </c>
      <c r="M141" s="943" t="s">
        <v>6835</v>
      </c>
      <c r="N141" s="943" t="s">
        <v>6836</v>
      </c>
      <c r="O141" s="943" t="s">
        <v>26969</v>
      </c>
      <c r="P141" s="943" t="s">
        <v>7149</v>
      </c>
      <c r="Q141" s="943" t="s">
        <v>6838</v>
      </c>
      <c r="R141" s="943" t="s">
        <v>34086</v>
      </c>
    </row>
    <row r="142" spans="2:18" s="395" customFormat="1" ht="14.25">
      <c r="B142" s="943" t="s">
        <v>7151</v>
      </c>
      <c r="C142" s="943" t="s">
        <v>0</v>
      </c>
      <c r="D142" s="943" t="s">
        <v>95</v>
      </c>
      <c r="E142" s="943" t="s">
        <v>0</v>
      </c>
      <c r="F142" s="943" t="s">
        <v>97</v>
      </c>
      <c r="G142" s="943" t="s">
        <v>27137</v>
      </c>
      <c r="H142" s="943" t="s">
        <v>1483</v>
      </c>
      <c r="I142" s="943" t="s">
        <v>6832</v>
      </c>
      <c r="J142" s="943" t="s">
        <v>14207</v>
      </c>
      <c r="K142" s="943" t="s">
        <v>6833</v>
      </c>
      <c r="L142" s="943" t="s">
        <v>6834</v>
      </c>
      <c r="M142" s="943" t="s">
        <v>6835</v>
      </c>
      <c r="N142" s="943" t="s">
        <v>6836</v>
      </c>
      <c r="O142" s="943" t="s">
        <v>26969</v>
      </c>
      <c r="P142" s="943" t="s">
        <v>7149</v>
      </c>
      <c r="Q142" s="943" t="s">
        <v>6838</v>
      </c>
      <c r="R142" s="943" t="s">
        <v>34086</v>
      </c>
    </row>
    <row r="143" spans="2:18" s="395" customFormat="1" ht="14.25">
      <c r="B143" s="943" t="s">
        <v>7152</v>
      </c>
      <c r="C143" s="943" t="s">
        <v>101</v>
      </c>
      <c r="D143" s="943" t="s">
        <v>6841</v>
      </c>
      <c r="E143" s="943" t="s">
        <v>26971</v>
      </c>
      <c r="F143" s="943" t="s">
        <v>6841</v>
      </c>
      <c r="G143" s="943" t="s">
        <v>0</v>
      </c>
      <c r="H143" s="943" t="s">
        <v>7153</v>
      </c>
      <c r="I143" s="943" t="s">
        <v>6832</v>
      </c>
      <c r="J143" s="943" t="s">
        <v>14207</v>
      </c>
      <c r="K143" s="943" t="s">
        <v>6833</v>
      </c>
      <c r="L143" s="943" t="s">
        <v>6834</v>
      </c>
      <c r="M143" s="943" t="s">
        <v>6835</v>
      </c>
      <c r="N143" s="943" t="s">
        <v>6836</v>
      </c>
      <c r="O143" s="943" t="s">
        <v>26969</v>
      </c>
      <c r="P143" s="943" t="s">
        <v>7149</v>
      </c>
      <c r="Q143" s="943" t="s">
        <v>7154</v>
      </c>
      <c r="R143" s="943" t="s">
        <v>34087</v>
      </c>
    </row>
    <row r="144" spans="2:18" s="395" customFormat="1" ht="14.25">
      <c r="B144" s="943" t="s">
        <v>7155</v>
      </c>
      <c r="C144" s="943" t="s">
        <v>0</v>
      </c>
      <c r="D144" s="943" t="s">
        <v>82</v>
      </c>
      <c r="E144" s="943" t="s">
        <v>27108</v>
      </c>
      <c r="F144" s="943" t="s">
        <v>84</v>
      </c>
      <c r="G144" s="943" t="s">
        <v>27138</v>
      </c>
      <c r="H144" s="943" t="s">
        <v>7106</v>
      </c>
      <c r="I144" s="943" t="s">
        <v>6832</v>
      </c>
      <c r="J144" s="943" t="s">
        <v>14207</v>
      </c>
      <c r="K144" s="943" t="s">
        <v>6833</v>
      </c>
      <c r="L144" s="943" t="s">
        <v>6834</v>
      </c>
      <c r="M144" s="943" t="s">
        <v>6835</v>
      </c>
      <c r="N144" s="943" t="s">
        <v>6836</v>
      </c>
      <c r="O144" s="943" t="s">
        <v>26969</v>
      </c>
      <c r="P144" s="943" t="s">
        <v>7154</v>
      </c>
      <c r="Q144" s="943" t="s">
        <v>28459</v>
      </c>
      <c r="R144" s="943" t="s">
        <v>34088</v>
      </c>
    </row>
    <row r="145" spans="2:18" s="395" customFormat="1" ht="14.25">
      <c r="B145" s="943" t="s">
        <v>7156</v>
      </c>
      <c r="C145" s="943" t="s">
        <v>0</v>
      </c>
      <c r="D145" s="943" t="s">
        <v>70</v>
      </c>
      <c r="E145" s="943" t="s">
        <v>0</v>
      </c>
      <c r="F145" s="943" t="s">
        <v>573</v>
      </c>
      <c r="G145" s="943" t="s">
        <v>27139</v>
      </c>
      <c r="H145" s="943" t="s">
        <v>7157</v>
      </c>
      <c r="I145" s="943" t="s">
        <v>6832</v>
      </c>
      <c r="J145" s="943" t="s">
        <v>27089</v>
      </c>
      <c r="K145" s="943" t="s">
        <v>6833</v>
      </c>
      <c r="L145" s="943" t="s">
        <v>6906</v>
      </c>
      <c r="M145" s="943" t="s">
        <v>6835</v>
      </c>
      <c r="N145" s="943" t="s">
        <v>6836</v>
      </c>
      <c r="O145" s="943" t="s">
        <v>26969</v>
      </c>
      <c r="P145" s="943" t="s">
        <v>6911</v>
      </c>
      <c r="Q145" s="943" t="s">
        <v>13790</v>
      </c>
      <c r="R145" s="943" t="s">
        <v>34089</v>
      </c>
    </row>
    <row r="146" spans="2:18" s="395" customFormat="1" ht="14.25">
      <c r="B146" s="943" t="s">
        <v>7158</v>
      </c>
      <c r="C146" s="943" t="s">
        <v>78</v>
      </c>
      <c r="D146" s="943" t="s">
        <v>6841</v>
      </c>
      <c r="E146" s="943" t="s">
        <v>26971</v>
      </c>
      <c r="F146" s="943" t="s">
        <v>6841</v>
      </c>
      <c r="G146" s="943" t="s">
        <v>8338</v>
      </c>
      <c r="H146" s="943" t="s">
        <v>7159</v>
      </c>
      <c r="I146" s="943" t="s">
        <v>6832</v>
      </c>
      <c r="J146" s="943" t="s">
        <v>14207</v>
      </c>
      <c r="K146" s="943" t="s">
        <v>6833</v>
      </c>
      <c r="L146" s="943" t="s">
        <v>6834</v>
      </c>
      <c r="M146" s="943" t="s">
        <v>6835</v>
      </c>
      <c r="N146" s="943" t="s">
        <v>6836</v>
      </c>
      <c r="O146" s="943" t="s">
        <v>26969</v>
      </c>
      <c r="P146" s="943" t="s">
        <v>6911</v>
      </c>
      <c r="Q146" s="943" t="s">
        <v>6911</v>
      </c>
      <c r="R146" s="943" t="s">
        <v>27140</v>
      </c>
    </row>
    <row r="147" spans="2:18" s="395" customFormat="1" ht="14.25">
      <c r="B147" s="943" t="s">
        <v>13697</v>
      </c>
      <c r="C147" s="943" t="s">
        <v>13390</v>
      </c>
      <c r="D147" s="943" t="s">
        <v>6841</v>
      </c>
      <c r="E147" s="943" t="s">
        <v>27141</v>
      </c>
      <c r="F147" s="943" t="s">
        <v>6841</v>
      </c>
      <c r="G147" s="943" t="s">
        <v>0</v>
      </c>
      <c r="H147" s="943" t="s">
        <v>13698</v>
      </c>
      <c r="I147" s="943" t="s">
        <v>6832</v>
      </c>
      <c r="J147" s="943" t="s">
        <v>14207</v>
      </c>
      <c r="K147" s="943" t="s">
        <v>6833</v>
      </c>
      <c r="L147" s="943" t="s">
        <v>6834</v>
      </c>
      <c r="M147" s="943" t="s">
        <v>6835</v>
      </c>
      <c r="N147" s="943" t="s">
        <v>6836</v>
      </c>
      <c r="O147" s="943" t="s">
        <v>26969</v>
      </c>
      <c r="P147" s="943" t="s">
        <v>13695</v>
      </c>
      <c r="Q147" s="943" t="s">
        <v>13695</v>
      </c>
      <c r="R147" s="943" t="s">
        <v>27142</v>
      </c>
    </row>
    <row r="148" spans="2:18" s="395" customFormat="1" ht="14.25">
      <c r="B148" s="943" t="s">
        <v>13792</v>
      </c>
      <c r="C148" s="943" t="s">
        <v>0</v>
      </c>
      <c r="D148" s="943" t="s">
        <v>10287</v>
      </c>
      <c r="E148" s="943" t="s">
        <v>27108</v>
      </c>
      <c r="F148" s="943" t="s">
        <v>6448</v>
      </c>
      <c r="G148" s="943" t="s">
        <v>27143</v>
      </c>
      <c r="H148" s="943" t="s">
        <v>7106</v>
      </c>
      <c r="I148" s="943" t="s">
        <v>6832</v>
      </c>
      <c r="J148" s="943" t="s">
        <v>14207</v>
      </c>
      <c r="K148" s="943" t="s">
        <v>6833</v>
      </c>
      <c r="L148" s="943" t="s">
        <v>6834</v>
      </c>
      <c r="M148" s="943" t="s">
        <v>6835</v>
      </c>
      <c r="N148" s="943" t="s">
        <v>6836</v>
      </c>
      <c r="O148" s="943" t="s">
        <v>26969</v>
      </c>
      <c r="P148" s="943" t="s">
        <v>13790</v>
      </c>
      <c r="Q148" s="943" t="s">
        <v>28459</v>
      </c>
      <c r="R148" s="943" t="s">
        <v>34090</v>
      </c>
    </row>
    <row r="149" spans="2:18" s="395" customFormat="1" ht="14.25">
      <c r="B149" s="943" t="s">
        <v>13794</v>
      </c>
      <c r="C149" s="943" t="s">
        <v>0</v>
      </c>
      <c r="D149" s="943" t="s">
        <v>13791</v>
      </c>
      <c r="E149" s="943" t="s">
        <v>27108</v>
      </c>
      <c r="F149" s="943" t="s">
        <v>6437</v>
      </c>
      <c r="G149" s="943" t="s">
        <v>27144</v>
      </c>
      <c r="H149" s="943" t="s">
        <v>7106</v>
      </c>
      <c r="I149" s="943" t="s">
        <v>6832</v>
      </c>
      <c r="J149" s="943" t="s">
        <v>14207</v>
      </c>
      <c r="K149" s="943" t="s">
        <v>6833</v>
      </c>
      <c r="L149" s="943" t="s">
        <v>6834</v>
      </c>
      <c r="M149" s="943" t="s">
        <v>6835</v>
      </c>
      <c r="N149" s="943" t="s">
        <v>6836</v>
      </c>
      <c r="O149" s="943" t="s">
        <v>26969</v>
      </c>
      <c r="P149" s="943" t="s">
        <v>13790</v>
      </c>
      <c r="Q149" s="943" t="s">
        <v>28459</v>
      </c>
      <c r="R149" s="943" t="s">
        <v>34090</v>
      </c>
    </row>
    <row r="150" spans="2:18" s="395" customFormat="1" ht="14.25">
      <c r="B150" s="943" t="s">
        <v>13795</v>
      </c>
      <c r="C150" s="943" t="s">
        <v>0</v>
      </c>
      <c r="D150" s="943" t="s">
        <v>13796</v>
      </c>
      <c r="E150" s="943" t="s">
        <v>0</v>
      </c>
      <c r="F150" s="943" t="s">
        <v>2083</v>
      </c>
      <c r="G150" s="943" t="s">
        <v>27145</v>
      </c>
      <c r="H150" s="943" t="s">
        <v>13797</v>
      </c>
      <c r="I150" s="943" t="s">
        <v>6832</v>
      </c>
      <c r="J150" s="943" t="s">
        <v>14207</v>
      </c>
      <c r="K150" s="943" t="s">
        <v>6833</v>
      </c>
      <c r="L150" s="943" t="s">
        <v>6834</v>
      </c>
      <c r="M150" s="943" t="s">
        <v>6835</v>
      </c>
      <c r="N150" s="943" t="s">
        <v>6836</v>
      </c>
      <c r="O150" s="943" t="s">
        <v>26969</v>
      </c>
      <c r="P150" s="943" t="s">
        <v>13790</v>
      </c>
      <c r="Q150" s="943" t="s">
        <v>13790</v>
      </c>
      <c r="R150" s="943" t="s">
        <v>13793</v>
      </c>
    </row>
    <row r="151" spans="2:18" s="395" customFormat="1" ht="14.25">
      <c r="B151" s="943" t="s">
        <v>13798</v>
      </c>
      <c r="C151" s="943" t="s">
        <v>14118</v>
      </c>
      <c r="D151" s="943" t="s">
        <v>6841</v>
      </c>
      <c r="E151" s="943" t="s">
        <v>34091</v>
      </c>
      <c r="F151" s="943" t="s">
        <v>6841</v>
      </c>
      <c r="G151" s="943" t="s">
        <v>27146</v>
      </c>
      <c r="H151" s="943" t="s">
        <v>13800</v>
      </c>
      <c r="I151" s="943" t="s">
        <v>6832</v>
      </c>
      <c r="J151" s="943" t="s">
        <v>14207</v>
      </c>
      <c r="K151" s="943" t="s">
        <v>6833</v>
      </c>
      <c r="L151" s="943" t="s">
        <v>6834</v>
      </c>
      <c r="M151" s="943" t="s">
        <v>6835</v>
      </c>
      <c r="N151" s="943" t="s">
        <v>6836</v>
      </c>
      <c r="O151" s="943" t="s">
        <v>26969</v>
      </c>
      <c r="P151" s="943" t="s">
        <v>13790</v>
      </c>
      <c r="Q151" s="943" t="s">
        <v>14119</v>
      </c>
      <c r="R151" s="943" t="s">
        <v>34092</v>
      </c>
    </row>
    <row r="152" spans="2:18" s="395" customFormat="1" ht="14.25">
      <c r="B152" s="943" t="s">
        <v>14120</v>
      </c>
      <c r="C152" s="943" t="s">
        <v>0</v>
      </c>
      <c r="D152" s="943" t="s">
        <v>14098</v>
      </c>
      <c r="E152" s="943" t="s">
        <v>27108</v>
      </c>
      <c r="F152" s="943" t="s">
        <v>14100</v>
      </c>
      <c r="G152" s="943" t="s">
        <v>0</v>
      </c>
      <c r="H152" s="943" t="s">
        <v>7106</v>
      </c>
      <c r="I152" s="943" t="s">
        <v>6832</v>
      </c>
      <c r="J152" s="943" t="s">
        <v>14207</v>
      </c>
      <c r="K152" s="943" t="s">
        <v>6833</v>
      </c>
      <c r="L152" s="943" t="s">
        <v>6834</v>
      </c>
      <c r="M152" s="943" t="s">
        <v>6835</v>
      </c>
      <c r="N152" s="943" t="s">
        <v>6836</v>
      </c>
      <c r="O152" s="943" t="s">
        <v>26969</v>
      </c>
      <c r="P152" s="943" t="s">
        <v>14121</v>
      </c>
      <c r="Q152" s="943" t="s">
        <v>28459</v>
      </c>
      <c r="R152" s="943" t="s">
        <v>34093</v>
      </c>
    </row>
    <row r="153" spans="2:18" s="395" customFormat="1" ht="14.25">
      <c r="B153" s="943" t="s">
        <v>14123</v>
      </c>
      <c r="C153" s="943" t="s">
        <v>0</v>
      </c>
      <c r="D153" s="943" t="s">
        <v>14046</v>
      </c>
      <c r="E153" s="943" t="s">
        <v>0</v>
      </c>
      <c r="F153" s="943" t="s">
        <v>14047</v>
      </c>
      <c r="G153" s="943" t="s">
        <v>27147</v>
      </c>
      <c r="H153" s="943" t="s">
        <v>14124</v>
      </c>
      <c r="I153" s="943" t="s">
        <v>6832</v>
      </c>
      <c r="J153" s="943" t="s">
        <v>14207</v>
      </c>
      <c r="K153" s="943" t="s">
        <v>6833</v>
      </c>
      <c r="L153" s="943" t="s">
        <v>6834</v>
      </c>
      <c r="M153" s="943" t="s">
        <v>6835</v>
      </c>
      <c r="N153" s="943" t="s">
        <v>6836</v>
      </c>
      <c r="O153" s="943" t="s">
        <v>26969</v>
      </c>
      <c r="P153" s="943" t="s">
        <v>14121</v>
      </c>
      <c r="Q153" s="943" t="s">
        <v>14121</v>
      </c>
      <c r="R153" s="943" t="s">
        <v>14122</v>
      </c>
    </row>
    <row r="154" spans="2:18" s="395" customFormat="1" ht="14.25">
      <c r="B154" s="943" t="s">
        <v>14125</v>
      </c>
      <c r="C154" s="943" t="s">
        <v>0</v>
      </c>
      <c r="D154" s="943" t="s">
        <v>13998</v>
      </c>
      <c r="E154" s="943" t="s">
        <v>0</v>
      </c>
      <c r="F154" s="943" t="s">
        <v>13999</v>
      </c>
      <c r="G154" s="943" t="s">
        <v>27148</v>
      </c>
      <c r="H154" s="943" t="s">
        <v>14126</v>
      </c>
      <c r="I154" s="943" t="s">
        <v>6832</v>
      </c>
      <c r="J154" s="943" t="s">
        <v>14207</v>
      </c>
      <c r="K154" s="943" t="s">
        <v>6833</v>
      </c>
      <c r="L154" s="943" t="s">
        <v>6834</v>
      </c>
      <c r="M154" s="943" t="s">
        <v>6835</v>
      </c>
      <c r="N154" s="943" t="s">
        <v>6836</v>
      </c>
      <c r="O154" s="943" t="s">
        <v>26969</v>
      </c>
      <c r="P154" s="943" t="s">
        <v>14121</v>
      </c>
      <c r="Q154" s="943" t="s">
        <v>14121</v>
      </c>
      <c r="R154" s="943" t="s">
        <v>14122</v>
      </c>
    </row>
    <row r="155" spans="2:18" s="395" customFormat="1" ht="14.25">
      <c r="B155" s="943" t="s">
        <v>14127</v>
      </c>
      <c r="C155" s="943" t="s">
        <v>0</v>
      </c>
      <c r="D155" s="943" t="s">
        <v>14105</v>
      </c>
      <c r="E155" s="943" t="s">
        <v>0</v>
      </c>
      <c r="F155" s="943" t="s">
        <v>14107</v>
      </c>
      <c r="G155" s="943" t="s">
        <v>27149</v>
      </c>
      <c r="H155" s="943" t="s">
        <v>14124</v>
      </c>
      <c r="I155" s="943" t="s">
        <v>6832</v>
      </c>
      <c r="J155" s="943" t="s">
        <v>14207</v>
      </c>
      <c r="K155" s="943" t="s">
        <v>6833</v>
      </c>
      <c r="L155" s="943" t="s">
        <v>6834</v>
      </c>
      <c r="M155" s="943" t="s">
        <v>6835</v>
      </c>
      <c r="N155" s="943" t="s">
        <v>6836</v>
      </c>
      <c r="O155" s="943" t="s">
        <v>26969</v>
      </c>
      <c r="P155" s="943" t="s">
        <v>14121</v>
      </c>
      <c r="Q155" s="943" t="s">
        <v>14121</v>
      </c>
      <c r="R155" s="943" t="s">
        <v>14122</v>
      </c>
    </row>
    <row r="156" spans="2:18" s="395" customFormat="1" ht="14.25">
      <c r="B156" s="943" t="s">
        <v>14128</v>
      </c>
      <c r="C156" s="943" t="s">
        <v>0</v>
      </c>
      <c r="D156" s="943" t="s">
        <v>14022</v>
      </c>
      <c r="E156" s="943" t="s">
        <v>0</v>
      </c>
      <c r="F156" s="943" t="s">
        <v>14023</v>
      </c>
      <c r="G156" s="943" t="s">
        <v>27150</v>
      </c>
      <c r="H156" s="943" t="s">
        <v>14129</v>
      </c>
      <c r="I156" s="943" t="s">
        <v>6832</v>
      </c>
      <c r="J156" s="943" t="s">
        <v>14207</v>
      </c>
      <c r="K156" s="943" t="s">
        <v>6833</v>
      </c>
      <c r="L156" s="943" t="s">
        <v>6834</v>
      </c>
      <c r="M156" s="943" t="s">
        <v>6835</v>
      </c>
      <c r="N156" s="943" t="s">
        <v>6836</v>
      </c>
      <c r="O156" s="943" t="s">
        <v>26969</v>
      </c>
      <c r="P156" s="943" t="s">
        <v>14121</v>
      </c>
      <c r="Q156" s="943" t="s">
        <v>14121</v>
      </c>
      <c r="R156" s="943" t="s">
        <v>14122</v>
      </c>
    </row>
    <row r="157" spans="2:18" s="395" customFormat="1" ht="14.25">
      <c r="B157" s="943" t="s">
        <v>14130</v>
      </c>
      <c r="C157" s="943" t="s">
        <v>0</v>
      </c>
      <c r="D157" s="943" t="s">
        <v>14115</v>
      </c>
      <c r="E157" s="943" t="s">
        <v>0</v>
      </c>
      <c r="F157" s="943" t="s">
        <v>14117</v>
      </c>
      <c r="G157" s="943" t="s">
        <v>0</v>
      </c>
      <c r="H157" s="943" t="s">
        <v>14131</v>
      </c>
      <c r="I157" s="943" t="s">
        <v>6832</v>
      </c>
      <c r="J157" s="943" t="s">
        <v>14207</v>
      </c>
      <c r="K157" s="943" t="s">
        <v>6833</v>
      </c>
      <c r="L157" s="943" t="s">
        <v>6834</v>
      </c>
      <c r="M157" s="943" t="s">
        <v>6835</v>
      </c>
      <c r="N157" s="943" t="s">
        <v>6836</v>
      </c>
      <c r="O157" s="943" t="s">
        <v>26969</v>
      </c>
      <c r="P157" s="943" t="s">
        <v>14121</v>
      </c>
      <c r="Q157" s="943" t="s">
        <v>14121</v>
      </c>
      <c r="R157" s="943" t="s">
        <v>14122</v>
      </c>
    </row>
    <row r="158" spans="2:18" s="395" customFormat="1" ht="14.25">
      <c r="B158" s="943" t="s">
        <v>14132</v>
      </c>
      <c r="C158" s="943" t="s">
        <v>0</v>
      </c>
      <c r="D158" s="943" t="s">
        <v>4144</v>
      </c>
      <c r="E158" s="943" t="s">
        <v>0</v>
      </c>
      <c r="F158" s="943" t="s">
        <v>4145</v>
      </c>
      <c r="G158" s="943" t="s">
        <v>0</v>
      </c>
      <c r="H158" s="943" t="s">
        <v>14133</v>
      </c>
      <c r="I158" s="943" t="s">
        <v>6832</v>
      </c>
      <c r="J158" s="943" t="s">
        <v>14207</v>
      </c>
      <c r="K158" s="943" t="s">
        <v>6833</v>
      </c>
      <c r="L158" s="943" t="s">
        <v>6834</v>
      </c>
      <c r="M158" s="943" t="s">
        <v>6835</v>
      </c>
      <c r="N158" s="943" t="s">
        <v>6836</v>
      </c>
      <c r="O158" s="943" t="s">
        <v>26969</v>
      </c>
      <c r="P158" s="943" t="s">
        <v>14121</v>
      </c>
      <c r="Q158" s="943" t="s">
        <v>14121</v>
      </c>
      <c r="R158" s="943" t="s">
        <v>14122</v>
      </c>
    </row>
    <row r="159" spans="2:18" s="395" customFormat="1" ht="14.25">
      <c r="B159" s="943" t="s">
        <v>14134</v>
      </c>
      <c r="C159" s="943" t="s">
        <v>0</v>
      </c>
      <c r="D159" s="943" t="s">
        <v>13918</v>
      </c>
      <c r="E159" s="943" t="s">
        <v>0</v>
      </c>
      <c r="F159" s="943" t="s">
        <v>13788</v>
      </c>
      <c r="G159" s="943" t="s">
        <v>27151</v>
      </c>
      <c r="H159" s="943" t="s">
        <v>14135</v>
      </c>
      <c r="I159" s="943" t="s">
        <v>6832</v>
      </c>
      <c r="J159" s="943" t="s">
        <v>14207</v>
      </c>
      <c r="K159" s="943" t="s">
        <v>6833</v>
      </c>
      <c r="L159" s="943" t="s">
        <v>6834</v>
      </c>
      <c r="M159" s="943" t="s">
        <v>6835</v>
      </c>
      <c r="N159" s="943" t="s">
        <v>6836</v>
      </c>
      <c r="O159" s="943" t="s">
        <v>26969</v>
      </c>
      <c r="P159" s="943" t="s">
        <v>14121</v>
      </c>
      <c r="Q159" s="943" t="s">
        <v>14121</v>
      </c>
      <c r="R159" s="943" t="s">
        <v>14122</v>
      </c>
    </row>
    <row r="160" spans="2:18" s="395" customFormat="1" ht="14.25">
      <c r="B160" s="943" t="s">
        <v>14220</v>
      </c>
      <c r="C160" s="943" t="s">
        <v>0</v>
      </c>
      <c r="D160" s="943" t="s">
        <v>14219</v>
      </c>
      <c r="E160" s="943" t="s">
        <v>0</v>
      </c>
      <c r="F160" s="943" t="s">
        <v>13073</v>
      </c>
      <c r="G160" s="943" t="s">
        <v>14218</v>
      </c>
      <c r="H160" s="943" t="s">
        <v>14217</v>
      </c>
      <c r="I160" s="943" t="s">
        <v>6832</v>
      </c>
      <c r="J160" s="943" t="s">
        <v>14207</v>
      </c>
      <c r="K160" s="943" t="s">
        <v>6833</v>
      </c>
      <c r="L160" s="943" t="s">
        <v>6834</v>
      </c>
      <c r="M160" s="943" t="s">
        <v>6835</v>
      </c>
      <c r="N160" s="943" t="s">
        <v>6836</v>
      </c>
      <c r="O160" s="943" t="s">
        <v>26969</v>
      </c>
      <c r="P160" s="943" t="s">
        <v>14206</v>
      </c>
      <c r="Q160" s="943" t="s">
        <v>14206</v>
      </c>
      <c r="R160" s="943" t="s">
        <v>14216</v>
      </c>
    </row>
    <row r="161" spans="2:18" s="395" customFormat="1" ht="14.25">
      <c r="B161" s="943" t="s">
        <v>14215</v>
      </c>
      <c r="C161" s="943" t="s">
        <v>0</v>
      </c>
      <c r="D161" s="943" t="s">
        <v>7117</v>
      </c>
      <c r="E161" s="943" t="s">
        <v>27108</v>
      </c>
      <c r="F161" s="943" t="s">
        <v>6446</v>
      </c>
      <c r="G161" s="943" t="s">
        <v>0</v>
      </c>
      <c r="H161" s="943" t="s">
        <v>7106</v>
      </c>
      <c r="I161" s="943" t="s">
        <v>6832</v>
      </c>
      <c r="J161" s="943" t="s">
        <v>14207</v>
      </c>
      <c r="K161" s="943" t="s">
        <v>6833</v>
      </c>
      <c r="L161" s="943" t="s">
        <v>6834</v>
      </c>
      <c r="M161" s="943" t="s">
        <v>6835</v>
      </c>
      <c r="N161" s="943" t="s">
        <v>6836</v>
      </c>
      <c r="O161" s="943" t="s">
        <v>26969</v>
      </c>
      <c r="P161" s="943" t="s">
        <v>14206</v>
      </c>
      <c r="Q161" s="943" t="s">
        <v>14206</v>
      </c>
      <c r="R161" s="943" t="s">
        <v>27152</v>
      </c>
    </row>
    <row r="162" spans="2:18" s="395" customFormat="1" ht="14.25">
      <c r="B162" s="943" t="s">
        <v>14214</v>
      </c>
      <c r="C162" s="943" t="s">
        <v>0</v>
      </c>
      <c r="D162" s="943" t="s">
        <v>14213</v>
      </c>
      <c r="E162" s="943" t="s">
        <v>27108</v>
      </c>
      <c r="F162" s="943" t="s">
        <v>26957</v>
      </c>
      <c r="G162" s="943" t="s">
        <v>0</v>
      </c>
      <c r="H162" s="943" t="s">
        <v>7106</v>
      </c>
      <c r="I162" s="943" t="s">
        <v>6832</v>
      </c>
      <c r="J162" s="943" t="s">
        <v>14207</v>
      </c>
      <c r="K162" s="943" t="s">
        <v>6833</v>
      </c>
      <c r="L162" s="943" t="s">
        <v>6834</v>
      </c>
      <c r="M162" s="943" t="s">
        <v>6835</v>
      </c>
      <c r="N162" s="943" t="s">
        <v>6836</v>
      </c>
      <c r="O162" s="943" t="s">
        <v>26969</v>
      </c>
      <c r="P162" s="943" t="s">
        <v>14206</v>
      </c>
      <c r="Q162" s="943" t="s">
        <v>28459</v>
      </c>
      <c r="R162" s="943" t="s">
        <v>34094</v>
      </c>
    </row>
    <row r="163" spans="2:18" s="395" customFormat="1" ht="14.25">
      <c r="B163" s="943" t="s">
        <v>14212</v>
      </c>
      <c r="C163" s="943" t="s">
        <v>0</v>
      </c>
      <c r="D163" s="943" t="s">
        <v>14211</v>
      </c>
      <c r="E163" s="943" t="s">
        <v>27108</v>
      </c>
      <c r="F163" s="943" t="s">
        <v>14210</v>
      </c>
      <c r="G163" s="943" t="s">
        <v>0</v>
      </c>
      <c r="H163" s="943" t="s">
        <v>7106</v>
      </c>
      <c r="I163" s="943" t="s">
        <v>6832</v>
      </c>
      <c r="J163" s="943" t="s">
        <v>14207</v>
      </c>
      <c r="K163" s="943" t="s">
        <v>6833</v>
      </c>
      <c r="L163" s="943" t="s">
        <v>6834</v>
      </c>
      <c r="M163" s="943" t="s">
        <v>6835</v>
      </c>
      <c r="N163" s="943" t="s">
        <v>6836</v>
      </c>
      <c r="O163" s="943" t="s">
        <v>26969</v>
      </c>
      <c r="P163" s="943" t="s">
        <v>14206</v>
      </c>
      <c r="Q163" s="943" t="s">
        <v>14206</v>
      </c>
      <c r="R163" s="943" t="s">
        <v>27152</v>
      </c>
    </row>
    <row r="164" spans="2:18" s="395" customFormat="1" ht="14.25">
      <c r="B164" s="943" t="s">
        <v>14209</v>
      </c>
      <c r="C164" s="943" t="s">
        <v>0</v>
      </c>
      <c r="D164" s="943" t="s">
        <v>14208</v>
      </c>
      <c r="E164" s="943" t="s">
        <v>27108</v>
      </c>
      <c r="F164" s="943" t="s">
        <v>26889</v>
      </c>
      <c r="G164" s="943" t="s">
        <v>0</v>
      </c>
      <c r="H164" s="943" t="s">
        <v>7106</v>
      </c>
      <c r="I164" s="943" t="s">
        <v>6832</v>
      </c>
      <c r="J164" s="943" t="s">
        <v>14207</v>
      </c>
      <c r="K164" s="943" t="s">
        <v>6833</v>
      </c>
      <c r="L164" s="943" t="s">
        <v>6834</v>
      </c>
      <c r="M164" s="943" t="s">
        <v>6835</v>
      </c>
      <c r="N164" s="943" t="s">
        <v>6836</v>
      </c>
      <c r="O164" s="943" t="s">
        <v>26969</v>
      </c>
      <c r="P164" s="943" t="s">
        <v>14206</v>
      </c>
      <c r="Q164" s="943" t="s">
        <v>28459</v>
      </c>
      <c r="R164" s="943" t="s">
        <v>34094</v>
      </c>
    </row>
    <row r="165" spans="2:18" s="395" customFormat="1" ht="14.25">
      <c r="B165" s="943" t="s">
        <v>27153</v>
      </c>
      <c r="C165" s="943" t="s">
        <v>27154</v>
      </c>
      <c r="D165" s="943" t="s">
        <v>6841</v>
      </c>
      <c r="E165" s="943" t="s">
        <v>0</v>
      </c>
      <c r="F165" s="943" t="s">
        <v>6841</v>
      </c>
      <c r="G165" s="943" t="s">
        <v>27155</v>
      </c>
      <c r="H165" s="943" t="s">
        <v>27156</v>
      </c>
      <c r="I165" s="943" t="s">
        <v>6832</v>
      </c>
      <c r="J165" s="943" t="s">
        <v>35399</v>
      </c>
      <c r="K165" s="943" t="s">
        <v>6833</v>
      </c>
      <c r="L165" s="943" t="s">
        <v>27157</v>
      </c>
      <c r="M165" s="943" t="s">
        <v>27158</v>
      </c>
      <c r="N165" s="943" t="s">
        <v>6836</v>
      </c>
      <c r="O165" s="943" t="s">
        <v>27159</v>
      </c>
      <c r="P165" s="943" t="s">
        <v>26995</v>
      </c>
      <c r="Q165" s="943" t="s">
        <v>35400</v>
      </c>
      <c r="R165" s="943" t="s">
        <v>35401</v>
      </c>
    </row>
    <row r="166" spans="2:18" s="395" customFormat="1" ht="14.25">
      <c r="B166" s="943" t="s">
        <v>27160</v>
      </c>
      <c r="C166" s="943" t="s">
        <v>35402</v>
      </c>
      <c r="D166" s="943" t="s">
        <v>6841</v>
      </c>
      <c r="E166" s="943" t="s">
        <v>35403</v>
      </c>
      <c r="F166" s="943" t="s">
        <v>6841</v>
      </c>
      <c r="G166" s="943" t="s">
        <v>27155</v>
      </c>
      <c r="H166" s="943" t="s">
        <v>27156</v>
      </c>
      <c r="I166" s="943" t="s">
        <v>6832</v>
      </c>
      <c r="J166" s="943" t="s">
        <v>35399</v>
      </c>
      <c r="K166" s="943" t="s">
        <v>6833</v>
      </c>
      <c r="L166" s="943" t="s">
        <v>35404</v>
      </c>
      <c r="M166" s="943" t="s">
        <v>27158</v>
      </c>
      <c r="N166" s="943" t="s">
        <v>6836</v>
      </c>
      <c r="O166" s="943" t="s">
        <v>27159</v>
      </c>
      <c r="P166" s="943" t="s">
        <v>26995</v>
      </c>
      <c r="Q166" s="943" t="s">
        <v>35400</v>
      </c>
      <c r="R166" s="943" t="s">
        <v>35405</v>
      </c>
    </row>
    <row r="167" spans="2:18" s="395" customFormat="1" ht="14.25">
      <c r="B167" s="943" t="s">
        <v>27161</v>
      </c>
      <c r="C167" s="943" t="s">
        <v>26956</v>
      </c>
      <c r="D167" s="943" t="s">
        <v>6841</v>
      </c>
      <c r="E167" s="943" t="s">
        <v>34095</v>
      </c>
      <c r="F167" s="943" t="s">
        <v>6841</v>
      </c>
      <c r="G167" s="943" t="s">
        <v>27162</v>
      </c>
      <c r="H167" s="943" t="s">
        <v>27163</v>
      </c>
      <c r="I167" s="943" t="s">
        <v>6832</v>
      </c>
      <c r="J167" s="943" t="s">
        <v>14207</v>
      </c>
      <c r="K167" s="943" t="s">
        <v>6833</v>
      </c>
      <c r="L167" s="943" t="s">
        <v>6834</v>
      </c>
      <c r="M167" s="943" t="s">
        <v>6835</v>
      </c>
      <c r="N167" s="943" t="s">
        <v>6836</v>
      </c>
      <c r="O167" s="943" t="s">
        <v>26969</v>
      </c>
      <c r="P167" s="943" t="s">
        <v>26995</v>
      </c>
      <c r="Q167" s="943" t="s">
        <v>26995</v>
      </c>
      <c r="R167" s="943" t="s">
        <v>27164</v>
      </c>
    </row>
    <row r="168" spans="2:18" s="395" customFormat="1" ht="14.25">
      <c r="B168" s="943" t="s">
        <v>28476</v>
      </c>
      <c r="C168" s="943" t="s">
        <v>0</v>
      </c>
      <c r="D168" s="943" t="s">
        <v>482</v>
      </c>
      <c r="E168" s="943" t="s">
        <v>0</v>
      </c>
      <c r="F168" s="943" t="s">
        <v>484</v>
      </c>
      <c r="G168" s="943" t="s">
        <v>0</v>
      </c>
      <c r="H168" s="943" t="s">
        <v>28475</v>
      </c>
      <c r="I168" s="943" t="s">
        <v>6832</v>
      </c>
      <c r="J168" s="943" t="s">
        <v>14207</v>
      </c>
      <c r="K168" s="943" t="s">
        <v>6833</v>
      </c>
      <c r="L168" s="943" t="s">
        <v>6834</v>
      </c>
      <c r="M168" s="943" t="s">
        <v>6835</v>
      </c>
      <c r="N168" s="943" t="s">
        <v>6836</v>
      </c>
      <c r="O168" s="943" t="s">
        <v>26969</v>
      </c>
      <c r="P168" s="943" t="s">
        <v>28459</v>
      </c>
      <c r="Q168" s="943" t="s">
        <v>28459</v>
      </c>
      <c r="R168" s="943" t="s">
        <v>28474</v>
      </c>
    </row>
    <row r="169" spans="2:18" s="395" customFormat="1" ht="14.25">
      <c r="B169" s="943" t="s">
        <v>28473</v>
      </c>
      <c r="C169" s="943" t="s">
        <v>0</v>
      </c>
      <c r="D169" s="943" t="s">
        <v>28456</v>
      </c>
      <c r="E169" s="943" t="s">
        <v>0</v>
      </c>
      <c r="F169" s="943" t="s">
        <v>28454</v>
      </c>
      <c r="G169" s="943" t="s">
        <v>0</v>
      </c>
      <c r="H169" s="943" t="s">
        <v>7100</v>
      </c>
      <c r="I169" s="943" t="s">
        <v>6832</v>
      </c>
      <c r="J169" s="943" t="s">
        <v>14207</v>
      </c>
      <c r="K169" s="943" t="s">
        <v>6833</v>
      </c>
      <c r="L169" s="943" t="s">
        <v>6834</v>
      </c>
      <c r="M169" s="943" t="s">
        <v>6835</v>
      </c>
      <c r="N169" s="943" t="s">
        <v>6836</v>
      </c>
      <c r="O169" s="943" t="s">
        <v>26969</v>
      </c>
      <c r="P169" s="943" t="s">
        <v>28459</v>
      </c>
      <c r="Q169" s="943" t="s">
        <v>28459</v>
      </c>
      <c r="R169" s="943" t="s">
        <v>28468</v>
      </c>
    </row>
    <row r="170" spans="2:18" s="395" customFormat="1" ht="14.25">
      <c r="B170" s="943" t="s">
        <v>28472</v>
      </c>
      <c r="C170" s="943" t="s">
        <v>28457</v>
      </c>
      <c r="D170" s="943" t="s">
        <v>6841</v>
      </c>
      <c r="E170" s="943" t="s">
        <v>28471</v>
      </c>
      <c r="F170" s="943" t="s">
        <v>6841</v>
      </c>
      <c r="G170" s="943" t="s">
        <v>28470</v>
      </c>
      <c r="H170" s="943" t="s">
        <v>28469</v>
      </c>
      <c r="I170" s="943" t="s">
        <v>6832</v>
      </c>
      <c r="J170" s="943" t="s">
        <v>14207</v>
      </c>
      <c r="K170" s="943" t="s">
        <v>6833</v>
      </c>
      <c r="L170" s="943" t="s">
        <v>6834</v>
      </c>
      <c r="M170" s="943" t="s">
        <v>6835</v>
      </c>
      <c r="N170" s="943" t="s">
        <v>6836</v>
      </c>
      <c r="O170" s="943" t="s">
        <v>26969</v>
      </c>
      <c r="P170" s="943" t="s">
        <v>28459</v>
      </c>
      <c r="Q170" s="943" t="s">
        <v>28459</v>
      </c>
      <c r="R170" s="943" t="s">
        <v>28468</v>
      </c>
    </row>
    <row r="171" spans="2:18" s="395" customFormat="1" ht="14.25">
      <c r="B171" s="943" t="s">
        <v>31126</v>
      </c>
      <c r="C171" s="943" t="s">
        <v>0</v>
      </c>
      <c r="D171" s="943" t="s">
        <v>31105</v>
      </c>
      <c r="E171" s="943" t="s">
        <v>0</v>
      </c>
      <c r="F171" s="943" t="s">
        <v>3439</v>
      </c>
      <c r="G171" s="943" t="s">
        <v>0</v>
      </c>
      <c r="H171" s="943" t="s">
        <v>31127</v>
      </c>
      <c r="I171" s="943" t="s">
        <v>6832</v>
      </c>
      <c r="J171" s="943" t="s">
        <v>14207</v>
      </c>
      <c r="K171" s="943" t="s">
        <v>6833</v>
      </c>
      <c r="L171" s="943" t="s">
        <v>6834</v>
      </c>
      <c r="M171" s="943" t="s">
        <v>6835</v>
      </c>
      <c r="N171" s="943" t="s">
        <v>6836</v>
      </c>
      <c r="O171" s="943" t="s">
        <v>26969</v>
      </c>
      <c r="P171" s="943" t="s">
        <v>31110</v>
      </c>
      <c r="Q171" s="943" t="s">
        <v>31110</v>
      </c>
      <c r="R171" s="943" t="s">
        <v>31128</v>
      </c>
    </row>
    <row r="172" spans="2:18" s="395" customFormat="1" ht="14.25">
      <c r="B172" s="943" t="s">
        <v>31656</v>
      </c>
      <c r="C172" s="943" t="s">
        <v>31657</v>
      </c>
      <c r="D172" s="943" t="s">
        <v>6841</v>
      </c>
      <c r="E172" s="943" t="s">
        <v>31658</v>
      </c>
      <c r="F172" s="943" t="s">
        <v>6841</v>
      </c>
      <c r="G172" s="943" t="s">
        <v>0</v>
      </c>
      <c r="H172" s="943" t="s">
        <v>31659</v>
      </c>
      <c r="I172" s="943" t="s">
        <v>6832</v>
      </c>
      <c r="J172" s="943" t="s">
        <v>31660</v>
      </c>
      <c r="K172" s="943" t="s">
        <v>31661</v>
      </c>
      <c r="L172" s="943" t="s">
        <v>6843</v>
      </c>
      <c r="M172" s="943" t="s">
        <v>6844</v>
      </c>
      <c r="N172" s="943" t="s">
        <v>6836</v>
      </c>
      <c r="O172" s="943" t="s">
        <v>26979</v>
      </c>
      <c r="P172" s="943" t="s">
        <v>31655</v>
      </c>
      <c r="Q172" s="943" t="s">
        <v>31655</v>
      </c>
      <c r="R172" s="943" t="s">
        <v>34096</v>
      </c>
    </row>
    <row r="173" spans="2:18" s="395" customFormat="1" ht="14.25">
      <c r="B173" s="943" t="s">
        <v>31662</v>
      </c>
      <c r="C173" s="943" t="s">
        <v>0</v>
      </c>
      <c r="D173" s="943" t="s">
        <v>31663</v>
      </c>
      <c r="E173" s="943" t="s">
        <v>0</v>
      </c>
      <c r="F173" s="943" t="s">
        <v>31230</v>
      </c>
      <c r="G173" s="943" t="s">
        <v>31664</v>
      </c>
      <c r="H173" s="943" t="s">
        <v>31665</v>
      </c>
      <c r="I173" s="943" t="s">
        <v>6832</v>
      </c>
      <c r="J173" s="943" t="s">
        <v>14207</v>
      </c>
      <c r="K173" s="943" t="s">
        <v>6833</v>
      </c>
      <c r="L173" s="943" t="s">
        <v>6834</v>
      </c>
      <c r="M173" s="943" t="s">
        <v>6835</v>
      </c>
      <c r="N173" s="943" t="s">
        <v>6836</v>
      </c>
      <c r="O173" s="943" t="s">
        <v>26969</v>
      </c>
      <c r="P173" s="943" t="s">
        <v>31655</v>
      </c>
      <c r="Q173" s="943" t="s">
        <v>31655</v>
      </c>
      <c r="R173" s="943" t="s">
        <v>31666</v>
      </c>
    </row>
    <row r="174" spans="2:18" s="395" customFormat="1" ht="14.25">
      <c r="B174" s="943" t="s">
        <v>31667</v>
      </c>
      <c r="C174" s="943" t="s">
        <v>31668</v>
      </c>
      <c r="D174" s="943" t="s">
        <v>6841</v>
      </c>
      <c r="E174" s="943" t="s">
        <v>0</v>
      </c>
      <c r="F174" s="943" t="s">
        <v>6841</v>
      </c>
      <c r="G174" s="943" t="s">
        <v>0</v>
      </c>
      <c r="H174" s="943" t="s">
        <v>31669</v>
      </c>
      <c r="I174" s="943" t="s">
        <v>6832</v>
      </c>
      <c r="J174" s="943" t="s">
        <v>14207</v>
      </c>
      <c r="K174" s="943" t="s">
        <v>6833</v>
      </c>
      <c r="L174" s="943" t="s">
        <v>6834</v>
      </c>
      <c r="M174" s="943" t="s">
        <v>6835</v>
      </c>
      <c r="N174" s="943" t="s">
        <v>6836</v>
      </c>
      <c r="O174" s="943" t="s">
        <v>26969</v>
      </c>
      <c r="P174" s="943" t="s">
        <v>31655</v>
      </c>
      <c r="Q174" s="943" t="s">
        <v>31655</v>
      </c>
      <c r="R174" s="943" t="s">
        <v>31666</v>
      </c>
    </row>
    <row r="175" spans="2:18" s="395" customFormat="1" ht="14.25">
      <c r="B175" s="943" t="s">
        <v>34097</v>
      </c>
      <c r="C175" s="943" t="s">
        <v>0</v>
      </c>
      <c r="D175" s="943" t="s">
        <v>34098</v>
      </c>
      <c r="E175" s="943" t="s">
        <v>0</v>
      </c>
      <c r="F175" s="943" t="s">
        <v>3927</v>
      </c>
      <c r="G175" s="943" t="s">
        <v>34099</v>
      </c>
      <c r="H175" s="943" t="s">
        <v>34100</v>
      </c>
      <c r="I175" s="943" t="s">
        <v>6832</v>
      </c>
      <c r="J175" s="943" t="s">
        <v>34101</v>
      </c>
      <c r="K175" s="943" t="s">
        <v>6833</v>
      </c>
      <c r="L175" s="943" t="s">
        <v>6843</v>
      </c>
      <c r="M175" s="943" t="s">
        <v>6844</v>
      </c>
      <c r="N175" s="943" t="s">
        <v>6836</v>
      </c>
      <c r="O175" s="943" t="s">
        <v>26979</v>
      </c>
      <c r="P175" s="943" t="s">
        <v>34038</v>
      </c>
      <c r="Q175" s="943" t="s">
        <v>34038</v>
      </c>
      <c r="R175" s="943" t="s">
        <v>34102</v>
      </c>
    </row>
    <row r="176" spans="2:18" s="395" customFormat="1" ht="14.25">
      <c r="B176" s="943" t="s">
        <v>35406</v>
      </c>
      <c r="C176" s="943" t="s">
        <v>35407</v>
      </c>
      <c r="D176" s="943" t="s">
        <v>0</v>
      </c>
      <c r="E176" s="943" t="s">
        <v>0</v>
      </c>
      <c r="F176" s="943" t="s">
        <v>0</v>
      </c>
      <c r="G176" s="943" t="s">
        <v>0</v>
      </c>
      <c r="H176" s="943" t="s">
        <v>6876</v>
      </c>
      <c r="I176" s="943" t="s">
        <v>6832</v>
      </c>
      <c r="J176" s="943" t="s">
        <v>35408</v>
      </c>
      <c r="K176" s="943" t="s">
        <v>35409</v>
      </c>
      <c r="L176" s="943" t="s">
        <v>6900</v>
      </c>
      <c r="M176" s="943" t="s">
        <v>6878</v>
      </c>
      <c r="N176" s="943" t="s">
        <v>6836</v>
      </c>
      <c r="O176" s="943" t="s">
        <v>35410</v>
      </c>
      <c r="P176" s="943" t="s">
        <v>35400</v>
      </c>
      <c r="Q176" s="943" t="s">
        <v>35400</v>
      </c>
      <c r="R176" s="943" t="s">
        <v>35411</v>
      </c>
    </row>
    <row r="177" spans="2:18" s="395" customFormat="1" ht="14.25">
      <c r="B177" s="943" t="s">
        <v>35412</v>
      </c>
      <c r="C177" s="943" t="s">
        <v>35413</v>
      </c>
      <c r="D177" s="943" t="s">
        <v>0</v>
      </c>
      <c r="E177" s="943" t="s">
        <v>0</v>
      </c>
      <c r="F177" s="943" t="s">
        <v>0</v>
      </c>
      <c r="G177" s="943" t="s">
        <v>0</v>
      </c>
      <c r="H177" s="943" t="s">
        <v>35414</v>
      </c>
      <c r="I177" s="943" t="s">
        <v>6832</v>
      </c>
      <c r="J177" s="943" t="s">
        <v>35408</v>
      </c>
      <c r="K177" s="943" t="s">
        <v>35415</v>
      </c>
      <c r="L177" s="943" t="s">
        <v>6900</v>
      </c>
      <c r="M177" s="943" t="s">
        <v>6878</v>
      </c>
      <c r="N177" s="943" t="s">
        <v>6836</v>
      </c>
      <c r="O177" s="943" t="s">
        <v>35416</v>
      </c>
      <c r="P177" s="943" t="s">
        <v>35400</v>
      </c>
      <c r="Q177" s="943" t="s">
        <v>35400</v>
      </c>
      <c r="R177" s="943" t="s">
        <v>35411</v>
      </c>
    </row>
    <row r="178" spans="2:18" s="395" customFormat="1" ht="14.25">
      <c r="B178" s="943" t="s">
        <v>35417</v>
      </c>
      <c r="C178" s="943" t="s">
        <v>0</v>
      </c>
      <c r="D178" s="943" t="s">
        <v>35418</v>
      </c>
      <c r="E178" s="943" t="s">
        <v>0</v>
      </c>
      <c r="F178" s="943" t="s">
        <v>14030</v>
      </c>
      <c r="G178" s="943" t="s">
        <v>35419</v>
      </c>
      <c r="H178" s="943" t="s">
        <v>7157</v>
      </c>
      <c r="I178" s="943" t="s">
        <v>6832</v>
      </c>
      <c r="J178" s="943" t="s">
        <v>14207</v>
      </c>
      <c r="K178" s="943" t="s">
        <v>6833</v>
      </c>
      <c r="L178" s="943" t="s">
        <v>6834</v>
      </c>
      <c r="M178" s="943" t="s">
        <v>6835</v>
      </c>
      <c r="N178" s="943" t="s">
        <v>6836</v>
      </c>
      <c r="O178" s="943" t="s">
        <v>26969</v>
      </c>
      <c r="P178" s="943" t="s">
        <v>35400</v>
      </c>
      <c r="Q178" s="943" t="s">
        <v>35400</v>
      </c>
      <c r="R178" s="943" t="s">
        <v>35420</v>
      </c>
    </row>
    <row r="179" spans="2:18" s="395" customFormat="1" ht="14.25">
      <c r="B179" s="943" t="s">
        <v>35421</v>
      </c>
      <c r="C179" s="943" t="s">
        <v>35422</v>
      </c>
      <c r="D179" s="943" t="s">
        <v>6841</v>
      </c>
      <c r="E179" s="943" t="s">
        <v>35423</v>
      </c>
      <c r="F179" s="943" t="s">
        <v>6841</v>
      </c>
      <c r="G179" s="943" t="s">
        <v>35424</v>
      </c>
      <c r="H179" s="943" t="s">
        <v>35425</v>
      </c>
      <c r="I179" s="943" t="s">
        <v>6832</v>
      </c>
      <c r="J179" s="943" t="s">
        <v>14207</v>
      </c>
      <c r="K179" s="943" t="s">
        <v>6833</v>
      </c>
      <c r="L179" s="943" t="s">
        <v>6834</v>
      </c>
      <c r="M179" s="943" t="s">
        <v>6835</v>
      </c>
      <c r="N179" s="943" t="s">
        <v>6836</v>
      </c>
      <c r="O179" s="943" t="s">
        <v>26969</v>
      </c>
      <c r="P179" s="943" t="s">
        <v>35400</v>
      </c>
      <c r="Q179" s="943" t="s">
        <v>35400</v>
      </c>
      <c r="R179" s="943" t="s">
        <v>35411</v>
      </c>
    </row>
    <row r="180" spans="2:18" s="395" customFormat="1" ht="14.25">
      <c r="B180" s="943" t="s">
        <v>35426</v>
      </c>
      <c r="C180" s="943" t="s">
        <v>35427</v>
      </c>
      <c r="D180" s="943" t="s">
        <v>6841</v>
      </c>
      <c r="E180" s="943" t="s">
        <v>0</v>
      </c>
      <c r="F180" s="943" t="s">
        <v>6841</v>
      </c>
      <c r="G180" s="943" t="s">
        <v>0</v>
      </c>
      <c r="H180" s="943" t="s">
        <v>35428</v>
      </c>
      <c r="I180" s="943" t="s">
        <v>6832</v>
      </c>
      <c r="J180" s="943" t="s">
        <v>14207</v>
      </c>
      <c r="K180" s="943" t="s">
        <v>6833</v>
      </c>
      <c r="L180" s="943" t="s">
        <v>6834</v>
      </c>
      <c r="M180" s="943" t="s">
        <v>6835</v>
      </c>
      <c r="N180" s="943" t="s">
        <v>6836</v>
      </c>
      <c r="O180" s="943" t="s">
        <v>26969</v>
      </c>
      <c r="P180" s="943" t="s">
        <v>35400</v>
      </c>
      <c r="Q180" s="943" t="s">
        <v>35400</v>
      </c>
      <c r="R180" s="943" t="s">
        <v>35411</v>
      </c>
    </row>
    <row r="181" spans="2:18" s="395" customFormat="1" ht="14.25">
      <c r="B181" s="941"/>
      <c r="C181" s="941"/>
      <c r="D181" s="941"/>
      <c r="E181" s="941"/>
      <c r="F181" s="941"/>
      <c r="G181" s="941"/>
      <c r="H181" s="941"/>
      <c r="I181" s="941"/>
      <c r="J181" s="941"/>
      <c r="K181" s="941"/>
      <c r="L181" s="941"/>
      <c r="M181" s="941"/>
      <c r="N181" s="941"/>
      <c r="O181" s="941"/>
      <c r="P181" s="941"/>
      <c r="Q181" s="941"/>
      <c r="R181" s="941"/>
    </row>
    <row r="182" spans="2:18" ht="13.5">
      <c r="B182" s="114"/>
      <c r="C182" s="114"/>
      <c r="D182" s="114"/>
      <c r="E182" s="114"/>
      <c r="F182" s="114"/>
      <c r="G182" s="114"/>
      <c r="H182" s="114"/>
      <c r="I182" s="114"/>
      <c r="J182" s="114"/>
      <c r="K182" s="114"/>
      <c r="L182" s="114"/>
      <c r="M182" s="114"/>
      <c r="N182" s="114"/>
      <c r="O182" s="114"/>
      <c r="P182" s="114"/>
      <c r="Q182" s="114"/>
      <c r="R182" s="114"/>
    </row>
    <row r="183" spans="2:18" ht="15.75">
      <c r="B183" s="400" t="s">
        <v>34104</v>
      </c>
      <c r="C183" s="114"/>
      <c r="D183" s="114"/>
      <c r="E183" s="114"/>
      <c r="F183" s="114"/>
      <c r="G183" s="114"/>
      <c r="H183" s="114"/>
      <c r="I183" s="114"/>
      <c r="J183" s="114"/>
      <c r="K183" s="114"/>
      <c r="L183" s="114"/>
      <c r="M183" s="114"/>
      <c r="N183" s="114"/>
      <c r="O183" s="114"/>
      <c r="P183" s="114"/>
      <c r="Q183" s="114"/>
      <c r="R183" s="114"/>
    </row>
    <row r="184" spans="2:18" s="395" customFormat="1" ht="15" thickBot="1">
      <c r="B184" s="942" t="s">
        <v>6814</v>
      </c>
      <c r="C184" s="942" t="s">
        <v>6815</v>
      </c>
      <c r="D184" s="942" t="s">
        <v>6816</v>
      </c>
      <c r="E184" s="942" t="s">
        <v>6817</v>
      </c>
      <c r="F184" s="942" t="s">
        <v>6818</v>
      </c>
      <c r="G184" s="942" t="s">
        <v>6820</v>
      </c>
      <c r="H184" s="942" t="s">
        <v>6826</v>
      </c>
      <c r="I184" s="942" t="s">
        <v>6827</v>
      </c>
      <c r="J184" s="942" t="s">
        <v>6828</v>
      </c>
    </row>
    <row r="185" spans="2:18" s="395" customFormat="1" ht="14.25">
      <c r="B185" s="948" t="s">
        <v>7160</v>
      </c>
      <c r="C185" s="949" t="s">
        <v>1045</v>
      </c>
      <c r="D185" s="949" t="s">
        <v>1045</v>
      </c>
      <c r="E185" s="949" t="s">
        <v>1046</v>
      </c>
      <c r="F185" s="949" t="s">
        <v>0</v>
      </c>
      <c r="G185" s="949" t="s">
        <v>7161</v>
      </c>
      <c r="H185" s="949" t="s">
        <v>6837</v>
      </c>
      <c r="I185" s="949" t="s">
        <v>6944</v>
      </c>
      <c r="J185" s="950" t="s">
        <v>7162</v>
      </c>
    </row>
    <row r="186" spans="2:18" s="395" customFormat="1" ht="14.25">
      <c r="B186" s="951" t="s">
        <v>7163</v>
      </c>
      <c r="C186" s="944" t="s">
        <v>1045</v>
      </c>
      <c r="D186" s="944" t="s">
        <v>1047</v>
      </c>
      <c r="E186" s="944" t="s">
        <v>1032</v>
      </c>
      <c r="F186" s="944" t="s">
        <v>0</v>
      </c>
      <c r="G186" s="944" t="s">
        <v>7161</v>
      </c>
      <c r="H186" s="944" t="s">
        <v>6837</v>
      </c>
      <c r="I186" s="944" t="s">
        <v>6944</v>
      </c>
      <c r="J186" s="952" t="s">
        <v>7162</v>
      </c>
    </row>
    <row r="187" spans="2:18" s="395" customFormat="1" ht="14.25">
      <c r="B187" s="951" t="s">
        <v>7164</v>
      </c>
      <c r="C187" s="944" t="s">
        <v>1045</v>
      </c>
      <c r="D187" s="944" t="s">
        <v>7165</v>
      </c>
      <c r="E187" s="944" t="s">
        <v>1034</v>
      </c>
      <c r="F187" s="944" t="s">
        <v>0</v>
      </c>
      <c r="G187" s="944" t="s">
        <v>7161</v>
      </c>
      <c r="H187" s="944" t="s">
        <v>6837</v>
      </c>
      <c r="I187" s="944" t="s">
        <v>6944</v>
      </c>
      <c r="J187" s="952" t="s">
        <v>7162</v>
      </c>
    </row>
    <row r="188" spans="2:18" s="395" customFormat="1" ht="14.25">
      <c r="B188" s="951" t="s">
        <v>7166</v>
      </c>
      <c r="C188" s="944" t="s">
        <v>1045</v>
      </c>
      <c r="D188" s="944" t="s">
        <v>1051</v>
      </c>
      <c r="E188" s="944" t="s">
        <v>1036</v>
      </c>
      <c r="F188" s="944" t="s">
        <v>0</v>
      </c>
      <c r="G188" s="944" t="s">
        <v>7161</v>
      </c>
      <c r="H188" s="944" t="s">
        <v>6837</v>
      </c>
      <c r="I188" s="944" t="s">
        <v>6944</v>
      </c>
      <c r="J188" s="952" t="s">
        <v>7162</v>
      </c>
    </row>
    <row r="189" spans="2:18" s="395" customFormat="1" ht="14.25">
      <c r="B189" s="951" t="s">
        <v>7167</v>
      </c>
      <c r="C189" s="944" t="s">
        <v>1045</v>
      </c>
      <c r="D189" s="944" t="s">
        <v>1054</v>
      </c>
      <c r="E189" s="944" t="s">
        <v>1038</v>
      </c>
      <c r="F189" s="944" t="s">
        <v>0</v>
      </c>
      <c r="G189" s="944" t="s">
        <v>7161</v>
      </c>
      <c r="H189" s="944" t="s">
        <v>6837</v>
      </c>
      <c r="I189" s="944" t="s">
        <v>6944</v>
      </c>
      <c r="J189" s="952" t="s">
        <v>7162</v>
      </c>
    </row>
    <row r="190" spans="2:18" s="395" customFormat="1" ht="14.25">
      <c r="B190" s="951" t="s">
        <v>7168</v>
      </c>
      <c r="C190" s="944" t="s">
        <v>1045</v>
      </c>
      <c r="D190" s="944" t="s">
        <v>1057</v>
      </c>
      <c r="E190" s="944" t="s">
        <v>1040</v>
      </c>
      <c r="F190" s="944" t="s">
        <v>0</v>
      </c>
      <c r="G190" s="944" t="s">
        <v>7161</v>
      </c>
      <c r="H190" s="944" t="s">
        <v>6837</v>
      </c>
      <c r="I190" s="944" t="s">
        <v>6944</v>
      </c>
      <c r="J190" s="952" t="s">
        <v>7162</v>
      </c>
    </row>
    <row r="191" spans="2:18" s="395" customFormat="1" ht="14.25">
      <c r="B191" s="951" t="s">
        <v>7169</v>
      </c>
      <c r="C191" s="944" t="s">
        <v>1045</v>
      </c>
      <c r="D191" s="944" t="s">
        <v>1049</v>
      </c>
      <c r="E191" s="944" t="s">
        <v>1042</v>
      </c>
      <c r="F191" s="944" t="s">
        <v>0</v>
      </c>
      <c r="G191" s="944" t="s">
        <v>7161</v>
      </c>
      <c r="H191" s="944" t="s">
        <v>6837</v>
      </c>
      <c r="I191" s="944" t="s">
        <v>6944</v>
      </c>
      <c r="J191" s="952" t="s">
        <v>7162</v>
      </c>
    </row>
    <row r="192" spans="2:18" s="395" customFormat="1" ht="14.25">
      <c r="B192" s="951" t="s">
        <v>7170</v>
      </c>
      <c r="C192" s="944" t="s">
        <v>26974</v>
      </c>
      <c r="D192" s="944" t="s">
        <v>207</v>
      </c>
      <c r="E192" s="944" t="s">
        <v>209</v>
      </c>
      <c r="F192" s="944" t="s">
        <v>0</v>
      </c>
      <c r="G192" s="944" t="s">
        <v>7161</v>
      </c>
      <c r="H192" s="944" t="s">
        <v>6837</v>
      </c>
      <c r="I192" s="944" t="s">
        <v>26995</v>
      </c>
      <c r="J192" s="952" t="s">
        <v>34105</v>
      </c>
    </row>
    <row r="193" spans="2:10" s="395" customFormat="1" ht="14.25">
      <c r="B193" s="951" t="s">
        <v>7171</v>
      </c>
      <c r="C193" s="944" t="s">
        <v>26974</v>
      </c>
      <c r="D193" s="944" t="s">
        <v>7172</v>
      </c>
      <c r="E193" s="944" t="s">
        <v>1413</v>
      </c>
      <c r="F193" s="944" t="s">
        <v>0</v>
      </c>
      <c r="G193" s="944" t="s">
        <v>7161</v>
      </c>
      <c r="H193" s="944" t="s">
        <v>6837</v>
      </c>
      <c r="I193" s="944" t="s">
        <v>26995</v>
      </c>
      <c r="J193" s="952" t="s">
        <v>34105</v>
      </c>
    </row>
    <row r="194" spans="2:10" s="395" customFormat="1" ht="14.25">
      <c r="B194" s="951" t="s">
        <v>7173</v>
      </c>
      <c r="C194" s="944" t="s">
        <v>26974</v>
      </c>
      <c r="D194" s="944" t="s">
        <v>7174</v>
      </c>
      <c r="E194" s="944" t="s">
        <v>7175</v>
      </c>
      <c r="F194" s="944" t="s">
        <v>0</v>
      </c>
      <c r="G194" s="944" t="s">
        <v>7161</v>
      </c>
      <c r="H194" s="944" t="s">
        <v>6837</v>
      </c>
      <c r="I194" s="944" t="s">
        <v>26995</v>
      </c>
      <c r="J194" s="952" t="s">
        <v>34105</v>
      </c>
    </row>
    <row r="195" spans="2:10" s="395" customFormat="1" ht="14.25">
      <c r="B195" s="951" t="s">
        <v>7176</v>
      </c>
      <c r="C195" s="944" t="s">
        <v>26974</v>
      </c>
      <c r="D195" s="944" t="s">
        <v>7177</v>
      </c>
      <c r="E195" s="944" t="s">
        <v>5163</v>
      </c>
      <c r="F195" s="944" t="s">
        <v>0</v>
      </c>
      <c r="G195" s="944" t="s">
        <v>7161</v>
      </c>
      <c r="H195" s="944" t="s">
        <v>6837</v>
      </c>
      <c r="I195" s="944" t="s">
        <v>26995</v>
      </c>
      <c r="J195" s="952" t="s">
        <v>34105</v>
      </c>
    </row>
    <row r="196" spans="2:10" s="395" customFormat="1" ht="14.25">
      <c r="B196" s="951" t="s">
        <v>7178</v>
      </c>
      <c r="C196" s="944" t="s">
        <v>26974</v>
      </c>
      <c r="D196" s="944" t="s">
        <v>284</v>
      </c>
      <c r="E196" s="944" t="s">
        <v>286</v>
      </c>
      <c r="F196" s="944" t="s">
        <v>0</v>
      </c>
      <c r="G196" s="944" t="s">
        <v>7161</v>
      </c>
      <c r="H196" s="944" t="s">
        <v>6837</v>
      </c>
      <c r="I196" s="944" t="s">
        <v>26995</v>
      </c>
      <c r="J196" s="952" t="s">
        <v>34105</v>
      </c>
    </row>
    <row r="197" spans="2:10" s="395" customFormat="1" ht="14.25">
      <c r="B197" s="951" t="s">
        <v>7179</v>
      </c>
      <c r="C197" s="944" t="s">
        <v>26974</v>
      </c>
      <c r="D197" s="944" t="s">
        <v>7180</v>
      </c>
      <c r="E197" s="944" t="s">
        <v>7181</v>
      </c>
      <c r="F197" s="944" t="s">
        <v>0</v>
      </c>
      <c r="G197" s="944" t="s">
        <v>7161</v>
      </c>
      <c r="H197" s="944" t="s">
        <v>6837</v>
      </c>
      <c r="I197" s="944" t="s">
        <v>26995</v>
      </c>
      <c r="J197" s="952" t="s">
        <v>34105</v>
      </c>
    </row>
    <row r="198" spans="2:10" s="395" customFormat="1" ht="14.25">
      <c r="B198" s="951" t="s">
        <v>7182</v>
      </c>
      <c r="C198" s="944" t="s">
        <v>26974</v>
      </c>
      <c r="D198" s="944" t="s">
        <v>7183</v>
      </c>
      <c r="E198" s="944" t="s">
        <v>7184</v>
      </c>
      <c r="F198" s="944" t="s">
        <v>0</v>
      </c>
      <c r="G198" s="944" t="s">
        <v>7161</v>
      </c>
      <c r="H198" s="944" t="s">
        <v>6837</v>
      </c>
      <c r="I198" s="944" t="s">
        <v>26995</v>
      </c>
      <c r="J198" s="952" t="s">
        <v>34105</v>
      </c>
    </row>
    <row r="199" spans="2:10" s="395" customFormat="1" ht="14.25">
      <c r="B199" s="951" t="s">
        <v>7185</v>
      </c>
      <c r="C199" s="944" t="s">
        <v>26974</v>
      </c>
      <c r="D199" s="944" t="s">
        <v>7186</v>
      </c>
      <c r="E199" s="944" t="s">
        <v>7187</v>
      </c>
      <c r="F199" s="944" t="s">
        <v>0</v>
      </c>
      <c r="G199" s="944" t="s">
        <v>7161</v>
      </c>
      <c r="H199" s="944" t="s">
        <v>6837</v>
      </c>
      <c r="I199" s="944" t="s">
        <v>26995</v>
      </c>
      <c r="J199" s="952" t="s">
        <v>34105</v>
      </c>
    </row>
    <row r="200" spans="2:10" s="395" customFormat="1" ht="14.25">
      <c r="B200" s="951" t="s">
        <v>7188</v>
      </c>
      <c r="C200" s="944" t="s">
        <v>26974</v>
      </c>
      <c r="D200" s="944" t="s">
        <v>7189</v>
      </c>
      <c r="E200" s="944" t="s">
        <v>529</v>
      </c>
      <c r="F200" s="944" t="s">
        <v>0</v>
      </c>
      <c r="G200" s="944" t="s">
        <v>7161</v>
      </c>
      <c r="H200" s="944" t="s">
        <v>6837</v>
      </c>
      <c r="I200" s="944" t="s">
        <v>26995</v>
      </c>
      <c r="J200" s="952" t="s">
        <v>34105</v>
      </c>
    </row>
    <row r="201" spans="2:10" s="395" customFormat="1" ht="14.25">
      <c r="B201" s="951" t="s">
        <v>7190</v>
      </c>
      <c r="C201" s="944" t="s">
        <v>26974</v>
      </c>
      <c r="D201" s="944" t="s">
        <v>7191</v>
      </c>
      <c r="E201" s="944" t="s">
        <v>1462</v>
      </c>
      <c r="F201" s="944" t="s">
        <v>0</v>
      </c>
      <c r="G201" s="944" t="s">
        <v>7161</v>
      </c>
      <c r="H201" s="944" t="s">
        <v>6837</v>
      </c>
      <c r="I201" s="944" t="s">
        <v>26995</v>
      </c>
      <c r="J201" s="952" t="s">
        <v>34105</v>
      </c>
    </row>
    <row r="202" spans="2:10" s="395" customFormat="1" ht="14.25">
      <c r="B202" s="951" t="s">
        <v>7192</v>
      </c>
      <c r="C202" s="944" t="s">
        <v>26974</v>
      </c>
      <c r="D202" s="944" t="s">
        <v>7193</v>
      </c>
      <c r="E202" s="944" t="s">
        <v>1464</v>
      </c>
      <c r="F202" s="944" t="s">
        <v>0</v>
      </c>
      <c r="G202" s="944" t="s">
        <v>7161</v>
      </c>
      <c r="H202" s="944" t="s">
        <v>6837</v>
      </c>
      <c r="I202" s="944" t="s">
        <v>26995</v>
      </c>
      <c r="J202" s="952" t="s">
        <v>34105</v>
      </c>
    </row>
    <row r="203" spans="2:10" s="395" customFormat="1" ht="14.25">
      <c r="B203" s="951" t="s">
        <v>7194</v>
      </c>
      <c r="C203" s="944" t="s">
        <v>26974</v>
      </c>
      <c r="D203" s="944" t="s">
        <v>7195</v>
      </c>
      <c r="E203" s="944" t="s">
        <v>1466</v>
      </c>
      <c r="F203" s="944" t="s">
        <v>0</v>
      </c>
      <c r="G203" s="944" t="s">
        <v>7161</v>
      </c>
      <c r="H203" s="944" t="s">
        <v>6837</v>
      </c>
      <c r="I203" s="944" t="s">
        <v>26995</v>
      </c>
      <c r="J203" s="952" t="s">
        <v>34105</v>
      </c>
    </row>
    <row r="204" spans="2:10" s="395" customFormat="1" ht="14.25">
      <c r="B204" s="951" t="s">
        <v>7196</v>
      </c>
      <c r="C204" s="944" t="s">
        <v>26974</v>
      </c>
      <c r="D204" s="944" t="s">
        <v>185</v>
      </c>
      <c r="E204" s="944" t="s">
        <v>187</v>
      </c>
      <c r="F204" s="944" t="s">
        <v>0</v>
      </c>
      <c r="G204" s="944" t="s">
        <v>7161</v>
      </c>
      <c r="H204" s="944" t="s">
        <v>6837</v>
      </c>
      <c r="I204" s="944" t="s">
        <v>26995</v>
      </c>
      <c r="J204" s="952" t="s">
        <v>34105</v>
      </c>
    </row>
    <row r="205" spans="2:10" s="395" customFormat="1" ht="14.25">
      <c r="B205" s="951" t="s">
        <v>7197</v>
      </c>
      <c r="C205" s="944" t="s">
        <v>26974</v>
      </c>
      <c r="D205" s="944" t="s">
        <v>7198</v>
      </c>
      <c r="E205" s="944" t="s">
        <v>200</v>
      </c>
      <c r="F205" s="944" t="s">
        <v>0</v>
      </c>
      <c r="G205" s="944" t="s">
        <v>7161</v>
      </c>
      <c r="H205" s="944" t="s">
        <v>6837</v>
      </c>
      <c r="I205" s="944" t="s">
        <v>26995</v>
      </c>
      <c r="J205" s="952" t="s">
        <v>34105</v>
      </c>
    </row>
    <row r="206" spans="2:10" s="395" customFormat="1" ht="14.25">
      <c r="B206" s="951" t="s">
        <v>7199</v>
      </c>
      <c r="C206" s="944" t="s">
        <v>26974</v>
      </c>
      <c r="D206" s="944" t="s">
        <v>7200</v>
      </c>
      <c r="E206" s="944" t="s">
        <v>370</v>
      </c>
      <c r="F206" s="944" t="s">
        <v>0</v>
      </c>
      <c r="G206" s="944" t="s">
        <v>7161</v>
      </c>
      <c r="H206" s="944" t="s">
        <v>6837</v>
      </c>
      <c r="I206" s="944" t="s">
        <v>26995</v>
      </c>
      <c r="J206" s="952" t="s">
        <v>34105</v>
      </c>
    </row>
    <row r="207" spans="2:10" s="395" customFormat="1" ht="14.25">
      <c r="B207" s="951" t="s">
        <v>7201</v>
      </c>
      <c r="C207" s="944" t="s">
        <v>26974</v>
      </c>
      <c r="D207" s="944" t="s">
        <v>7202</v>
      </c>
      <c r="E207" s="944" t="s">
        <v>7203</v>
      </c>
      <c r="F207" s="944" t="s">
        <v>0</v>
      </c>
      <c r="G207" s="944" t="s">
        <v>7161</v>
      </c>
      <c r="H207" s="944" t="s">
        <v>6837</v>
      </c>
      <c r="I207" s="944" t="s">
        <v>26995</v>
      </c>
      <c r="J207" s="952" t="s">
        <v>34105</v>
      </c>
    </row>
    <row r="208" spans="2:10" s="395" customFormat="1" ht="14.25">
      <c r="B208" s="951" t="s">
        <v>7204</v>
      </c>
      <c r="C208" s="944" t="s">
        <v>26974</v>
      </c>
      <c r="D208" s="944" t="s">
        <v>7205</v>
      </c>
      <c r="E208" s="944" t="s">
        <v>7206</v>
      </c>
      <c r="F208" s="944" t="s">
        <v>0</v>
      </c>
      <c r="G208" s="944" t="s">
        <v>7161</v>
      </c>
      <c r="H208" s="944" t="s">
        <v>6837</v>
      </c>
      <c r="I208" s="944" t="s">
        <v>26995</v>
      </c>
      <c r="J208" s="952" t="s">
        <v>34105</v>
      </c>
    </row>
    <row r="209" spans="2:10" s="395" customFormat="1" ht="14.25">
      <c r="B209" s="951" t="s">
        <v>7207</v>
      </c>
      <c r="C209" s="944" t="s">
        <v>26974</v>
      </c>
      <c r="D209" s="944" t="s">
        <v>287</v>
      </c>
      <c r="E209" s="944" t="s">
        <v>289</v>
      </c>
      <c r="F209" s="944" t="s">
        <v>0</v>
      </c>
      <c r="G209" s="944" t="s">
        <v>7161</v>
      </c>
      <c r="H209" s="944" t="s">
        <v>6837</v>
      </c>
      <c r="I209" s="944" t="s">
        <v>26995</v>
      </c>
      <c r="J209" s="952" t="s">
        <v>34105</v>
      </c>
    </row>
    <row r="210" spans="2:10" s="395" customFormat="1" ht="14.25">
      <c r="B210" s="951" t="s">
        <v>7208</v>
      </c>
      <c r="C210" s="944" t="s">
        <v>26974</v>
      </c>
      <c r="D210" s="944" t="s">
        <v>7209</v>
      </c>
      <c r="E210" s="944" t="s">
        <v>195</v>
      </c>
      <c r="F210" s="944" t="s">
        <v>0</v>
      </c>
      <c r="G210" s="944" t="s">
        <v>7161</v>
      </c>
      <c r="H210" s="944" t="s">
        <v>6837</v>
      </c>
      <c r="I210" s="944" t="s">
        <v>26995</v>
      </c>
      <c r="J210" s="952" t="s">
        <v>34105</v>
      </c>
    </row>
    <row r="211" spans="2:10" s="395" customFormat="1" ht="14.25">
      <c r="B211" s="951" t="s">
        <v>7210</v>
      </c>
      <c r="C211" s="944" t="s">
        <v>26974</v>
      </c>
      <c r="D211" s="944" t="s">
        <v>7211</v>
      </c>
      <c r="E211" s="944" t="s">
        <v>7212</v>
      </c>
      <c r="F211" s="944" t="s">
        <v>0</v>
      </c>
      <c r="G211" s="944" t="s">
        <v>7161</v>
      </c>
      <c r="H211" s="944" t="s">
        <v>6837</v>
      </c>
      <c r="I211" s="944" t="s">
        <v>26995</v>
      </c>
      <c r="J211" s="952" t="s">
        <v>34105</v>
      </c>
    </row>
    <row r="212" spans="2:10" s="395" customFormat="1" ht="14.25">
      <c r="B212" s="951" t="s">
        <v>7213</v>
      </c>
      <c r="C212" s="944" t="s">
        <v>26974</v>
      </c>
      <c r="D212" s="944" t="s">
        <v>7214</v>
      </c>
      <c r="E212" s="944" t="s">
        <v>373</v>
      </c>
      <c r="F212" s="944" t="s">
        <v>0</v>
      </c>
      <c r="G212" s="944" t="s">
        <v>7161</v>
      </c>
      <c r="H212" s="944" t="s">
        <v>6837</v>
      </c>
      <c r="I212" s="944" t="s">
        <v>26995</v>
      </c>
      <c r="J212" s="952" t="s">
        <v>34105</v>
      </c>
    </row>
    <row r="213" spans="2:10" s="395" customFormat="1" ht="14.25">
      <c r="B213" s="951" t="s">
        <v>7215</v>
      </c>
      <c r="C213" s="944" t="s">
        <v>26974</v>
      </c>
      <c r="D213" s="944" t="s">
        <v>7216</v>
      </c>
      <c r="E213" s="944" t="s">
        <v>7217</v>
      </c>
      <c r="F213" s="944" t="s">
        <v>0</v>
      </c>
      <c r="G213" s="944" t="s">
        <v>7161</v>
      </c>
      <c r="H213" s="944" t="s">
        <v>6837</v>
      </c>
      <c r="I213" s="944" t="s">
        <v>26995</v>
      </c>
      <c r="J213" s="952" t="s">
        <v>34105</v>
      </c>
    </row>
    <row r="214" spans="2:10" s="395" customFormat="1" ht="14.25">
      <c r="B214" s="951" t="s">
        <v>7218</v>
      </c>
      <c r="C214" s="944" t="s">
        <v>6861</v>
      </c>
      <c r="D214" s="944" t="s">
        <v>7219</v>
      </c>
      <c r="E214" s="944" t="s">
        <v>77</v>
      </c>
      <c r="F214" s="944" t="s">
        <v>0</v>
      </c>
      <c r="G214" s="944" t="s">
        <v>7161</v>
      </c>
      <c r="H214" s="944" t="s">
        <v>6837</v>
      </c>
      <c r="I214" s="944" t="s">
        <v>7019</v>
      </c>
      <c r="J214" s="952" t="s">
        <v>0</v>
      </c>
    </row>
    <row r="215" spans="2:10" s="395" customFormat="1" ht="14.25">
      <c r="B215" s="951" t="s">
        <v>7220</v>
      </c>
      <c r="C215" s="944" t="s">
        <v>6861</v>
      </c>
      <c r="D215" s="944" t="s">
        <v>7221</v>
      </c>
      <c r="E215" s="944" t="s">
        <v>77</v>
      </c>
      <c r="F215" s="944" t="s">
        <v>0</v>
      </c>
      <c r="G215" s="944" t="s">
        <v>7161</v>
      </c>
      <c r="H215" s="944" t="s">
        <v>6837</v>
      </c>
      <c r="I215" s="944" t="s">
        <v>7019</v>
      </c>
      <c r="J215" s="952" t="s">
        <v>0</v>
      </c>
    </row>
    <row r="216" spans="2:10" s="395" customFormat="1" ht="14.25">
      <c r="B216" s="951" t="s">
        <v>7222</v>
      </c>
      <c r="C216" s="944" t="s">
        <v>6861</v>
      </c>
      <c r="D216" s="944" t="s">
        <v>7223</v>
      </c>
      <c r="E216" s="944" t="s">
        <v>77</v>
      </c>
      <c r="F216" s="944" t="s">
        <v>0</v>
      </c>
      <c r="G216" s="944" t="s">
        <v>7161</v>
      </c>
      <c r="H216" s="944" t="s">
        <v>6837</v>
      </c>
      <c r="I216" s="944" t="s">
        <v>7019</v>
      </c>
      <c r="J216" s="952" t="s">
        <v>0</v>
      </c>
    </row>
    <row r="217" spans="2:10" s="395" customFormat="1" ht="14.25">
      <c r="B217" s="951" t="s">
        <v>7224</v>
      </c>
      <c r="C217" s="944" t="s">
        <v>6861</v>
      </c>
      <c r="D217" s="944" t="s">
        <v>7225</v>
      </c>
      <c r="E217" s="944" t="s">
        <v>77</v>
      </c>
      <c r="F217" s="944" t="s">
        <v>0</v>
      </c>
      <c r="G217" s="944" t="s">
        <v>7161</v>
      </c>
      <c r="H217" s="944" t="s">
        <v>6837</v>
      </c>
      <c r="I217" s="944" t="s">
        <v>7019</v>
      </c>
      <c r="J217" s="952" t="s">
        <v>0</v>
      </c>
    </row>
    <row r="218" spans="2:10" s="395" customFormat="1" ht="14.25">
      <c r="B218" s="951" t="s">
        <v>7226</v>
      </c>
      <c r="C218" s="944" t="s">
        <v>6861</v>
      </c>
      <c r="D218" s="944" t="s">
        <v>7227</v>
      </c>
      <c r="E218" s="944" t="s">
        <v>77</v>
      </c>
      <c r="F218" s="944" t="s">
        <v>0</v>
      </c>
      <c r="G218" s="944" t="s">
        <v>7161</v>
      </c>
      <c r="H218" s="944" t="s">
        <v>6837</v>
      </c>
      <c r="I218" s="944" t="s">
        <v>7019</v>
      </c>
      <c r="J218" s="952" t="s">
        <v>0</v>
      </c>
    </row>
    <row r="219" spans="2:10" s="395" customFormat="1" ht="14.25">
      <c r="B219" s="951" t="s">
        <v>7228</v>
      </c>
      <c r="C219" s="944" t="s">
        <v>6861</v>
      </c>
      <c r="D219" s="944" t="s">
        <v>7229</v>
      </c>
      <c r="E219" s="944" t="s">
        <v>77</v>
      </c>
      <c r="F219" s="944" t="s">
        <v>0</v>
      </c>
      <c r="G219" s="944" t="s">
        <v>7161</v>
      </c>
      <c r="H219" s="944" t="s">
        <v>6837</v>
      </c>
      <c r="I219" s="944" t="s">
        <v>7019</v>
      </c>
      <c r="J219" s="952" t="s">
        <v>0</v>
      </c>
    </row>
    <row r="220" spans="2:10" s="395" customFormat="1" ht="14.25">
      <c r="B220" s="951" t="s">
        <v>7230</v>
      </c>
      <c r="C220" s="944" t="s">
        <v>6861</v>
      </c>
      <c r="D220" s="944" t="s">
        <v>7231</v>
      </c>
      <c r="E220" s="944" t="s">
        <v>7232</v>
      </c>
      <c r="F220" s="944" t="s">
        <v>0</v>
      </c>
      <c r="G220" s="944" t="s">
        <v>7161</v>
      </c>
      <c r="H220" s="944" t="s">
        <v>6837</v>
      </c>
      <c r="I220" s="944" t="s">
        <v>7019</v>
      </c>
      <c r="J220" s="952" t="s">
        <v>0</v>
      </c>
    </row>
    <row r="221" spans="2:10" s="395" customFormat="1" ht="14.25">
      <c r="B221" s="951" t="s">
        <v>7233</v>
      </c>
      <c r="C221" s="944" t="s">
        <v>6861</v>
      </c>
      <c r="D221" s="944" t="s">
        <v>7234</v>
      </c>
      <c r="E221" s="944" t="s">
        <v>7235</v>
      </c>
      <c r="F221" s="944" t="s">
        <v>0</v>
      </c>
      <c r="G221" s="944" t="s">
        <v>7161</v>
      </c>
      <c r="H221" s="944" t="s">
        <v>6837</v>
      </c>
      <c r="I221" s="944" t="s">
        <v>7019</v>
      </c>
      <c r="J221" s="952" t="s">
        <v>0</v>
      </c>
    </row>
    <row r="222" spans="2:10" s="395" customFormat="1" ht="14.25">
      <c r="B222" s="951" t="s">
        <v>7236</v>
      </c>
      <c r="C222" s="944" t="s">
        <v>6861</v>
      </c>
      <c r="D222" s="944" t="s">
        <v>7237</v>
      </c>
      <c r="E222" s="944" t="s">
        <v>7238</v>
      </c>
      <c r="F222" s="944" t="s">
        <v>0</v>
      </c>
      <c r="G222" s="944" t="s">
        <v>7161</v>
      </c>
      <c r="H222" s="944" t="s">
        <v>6837</v>
      </c>
      <c r="I222" s="944" t="s">
        <v>7019</v>
      </c>
      <c r="J222" s="952" t="s">
        <v>0</v>
      </c>
    </row>
    <row r="223" spans="2:10" s="395" customFormat="1" ht="14.25">
      <c r="B223" s="951" t="s">
        <v>7239</v>
      </c>
      <c r="C223" s="944" t="s">
        <v>6861</v>
      </c>
      <c r="D223" s="944" t="s">
        <v>7240</v>
      </c>
      <c r="E223" s="944" t="s">
        <v>6573</v>
      </c>
      <c r="F223" s="944" t="s">
        <v>0</v>
      </c>
      <c r="G223" s="944" t="s">
        <v>7161</v>
      </c>
      <c r="H223" s="944" t="s">
        <v>6837</v>
      </c>
      <c r="I223" s="944" t="s">
        <v>7019</v>
      </c>
      <c r="J223" s="952" t="s">
        <v>0</v>
      </c>
    </row>
    <row r="224" spans="2:10" s="395" customFormat="1" ht="14.25">
      <c r="B224" s="951" t="s">
        <v>7241</v>
      </c>
      <c r="C224" s="944" t="s">
        <v>6861</v>
      </c>
      <c r="D224" s="944" t="s">
        <v>7242</v>
      </c>
      <c r="E224" s="944" t="s">
        <v>7243</v>
      </c>
      <c r="F224" s="944" t="s">
        <v>0</v>
      </c>
      <c r="G224" s="944" t="s">
        <v>7161</v>
      </c>
      <c r="H224" s="944" t="s">
        <v>6837</v>
      </c>
      <c r="I224" s="944" t="s">
        <v>7019</v>
      </c>
      <c r="J224" s="952" t="s">
        <v>0</v>
      </c>
    </row>
    <row r="225" spans="2:10" s="395" customFormat="1" ht="14.25">
      <c r="B225" s="951" t="s">
        <v>7244</v>
      </c>
      <c r="C225" s="944" t="s">
        <v>6861</v>
      </c>
      <c r="D225" s="944" t="s">
        <v>7245</v>
      </c>
      <c r="E225" s="944" t="s">
        <v>7246</v>
      </c>
      <c r="F225" s="944" t="s">
        <v>0</v>
      </c>
      <c r="G225" s="944" t="s">
        <v>7161</v>
      </c>
      <c r="H225" s="944" t="s">
        <v>6837</v>
      </c>
      <c r="I225" s="944" t="s">
        <v>7019</v>
      </c>
      <c r="J225" s="952" t="s">
        <v>0</v>
      </c>
    </row>
    <row r="226" spans="2:10" s="395" customFormat="1" ht="14.25">
      <c r="B226" s="951" t="s">
        <v>7247</v>
      </c>
      <c r="C226" s="944" t="s">
        <v>6861</v>
      </c>
      <c r="D226" s="944" t="s">
        <v>7248</v>
      </c>
      <c r="E226" s="944" t="s">
        <v>7249</v>
      </c>
      <c r="F226" s="944" t="s">
        <v>0</v>
      </c>
      <c r="G226" s="944" t="s">
        <v>7161</v>
      </c>
      <c r="H226" s="944" t="s">
        <v>6837</v>
      </c>
      <c r="I226" s="944" t="s">
        <v>7019</v>
      </c>
      <c r="J226" s="952" t="s">
        <v>0</v>
      </c>
    </row>
    <row r="227" spans="2:10" s="395" customFormat="1" ht="14.25">
      <c r="B227" s="951" t="s">
        <v>7250</v>
      </c>
      <c r="C227" s="944" t="s">
        <v>6861</v>
      </c>
      <c r="D227" s="944" t="s">
        <v>7251</v>
      </c>
      <c r="E227" s="944" t="s">
        <v>7252</v>
      </c>
      <c r="F227" s="944" t="s">
        <v>0</v>
      </c>
      <c r="G227" s="944" t="s">
        <v>7161</v>
      </c>
      <c r="H227" s="944" t="s">
        <v>6837</v>
      </c>
      <c r="I227" s="944" t="s">
        <v>7019</v>
      </c>
      <c r="J227" s="952" t="s">
        <v>0</v>
      </c>
    </row>
    <row r="228" spans="2:10" s="395" customFormat="1" ht="14.25">
      <c r="B228" s="951" t="s">
        <v>7253</v>
      </c>
      <c r="C228" s="944" t="s">
        <v>6861</v>
      </c>
      <c r="D228" s="944" t="s">
        <v>7254</v>
      </c>
      <c r="E228" s="944" t="s">
        <v>7255</v>
      </c>
      <c r="F228" s="944" t="s">
        <v>0</v>
      </c>
      <c r="G228" s="944" t="s">
        <v>7161</v>
      </c>
      <c r="H228" s="944" t="s">
        <v>6837</v>
      </c>
      <c r="I228" s="944" t="s">
        <v>7019</v>
      </c>
      <c r="J228" s="952" t="s">
        <v>0</v>
      </c>
    </row>
    <row r="229" spans="2:10" s="395" customFormat="1" ht="14.25">
      <c r="B229" s="951" t="s">
        <v>7256</v>
      </c>
      <c r="C229" s="944" t="s">
        <v>6861</v>
      </c>
      <c r="D229" s="944" t="s">
        <v>7257</v>
      </c>
      <c r="E229" s="944" t="s">
        <v>7258</v>
      </c>
      <c r="F229" s="944" t="s">
        <v>0</v>
      </c>
      <c r="G229" s="944" t="s">
        <v>7161</v>
      </c>
      <c r="H229" s="944" t="s">
        <v>6837</v>
      </c>
      <c r="I229" s="944" t="s">
        <v>7019</v>
      </c>
      <c r="J229" s="952" t="s">
        <v>0</v>
      </c>
    </row>
    <row r="230" spans="2:10" s="395" customFormat="1" ht="14.25">
      <c r="B230" s="951" t="s">
        <v>7259</v>
      </c>
      <c r="C230" s="944" t="s">
        <v>6861</v>
      </c>
      <c r="D230" s="944" t="s">
        <v>7260</v>
      </c>
      <c r="E230" s="944" t="s">
        <v>7261</v>
      </c>
      <c r="F230" s="944" t="s">
        <v>0</v>
      </c>
      <c r="G230" s="944" t="s">
        <v>7161</v>
      </c>
      <c r="H230" s="944" t="s">
        <v>6837</v>
      </c>
      <c r="I230" s="944" t="s">
        <v>7019</v>
      </c>
      <c r="J230" s="952" t="s">
        <v>0</v>
      </c>
    </row>
    <row r="231" spans="2:10" s="395" customFormat="1" ht="14.25">
      <c r="B231" s="951" t="s">
        <v>7262</v>
      </c>
      <c r="C231" s="944" t="s">
        <v>6861</v>
      </c>
      <c r="D231" s="944" t="s">
        <v>7263</v>
      </c>
      <c r="E231" s="944" t="s">
        <v>7264</v>
      </c>
      <c r="F231" s="944" t="s">
        <v>0</v>
      </c>
      <c r="G231" s="944" t="s">
        <v>7161</v>
      </c>
      <c r="H231" s="944" t="s">
        <v>6837</v>
      </c>
      <c r="I231" s="944" t="s">
        <v>7019</v>
      </c>
      <c r="J231" s="952" t="s">
        <v>0</v>
      </c>
    </row>
    <row r="232" spans="2:10" s="395" customFormat="1" ht="14.25">
      <c r="B232" s="951" t="s">
        <v>7265</v>
      </c>
      <c r="C232" s="944" t="s">
        <v>6861</v>
      </c>
      <c r="D232" s="944" t="s">
        <v>7263</v>
      </c>
      <c r="E232" s="944" t="s">
        <v>7266</v>
      </c>
      <c r="F232" s="944" t="s">
        <v>0</v>
      </c>
      <c r="G232" s="944" t="s">
        <v>7161</v>
      </c>
      <c r="H232" s="944" t="s">
        <v>6837</v>
      </c>
      <c r="I232" s="944" t="s">
        <v>7019</v>
      </c>
      <c r="J232" s="952" t="s">
        <v>0</v>
      </c>
    </row>
    <row r="233" spans="2:10" s="395" customFormat="1" ht="14.25">
      <c r="B233" s="951" t="s">
        <v>7267</v>
      </c>
      <c r="C233" s="944" t="s">
        <v>6861</v>
      </c>
      <c r="D233" s="944" t="s">
        <v>7268</v>
      </c>
      <c r="E233" s="944" t="s">
        <v>7269</v>
      </c>
      <c r="F233" s="944" t="s">
        <v>0</v>
      </c>
      <c r="G233" s="944" t="s">
        <v>7161</v>
      </c>
      <c r="H233" s="944" t="s">
        <v>6837</v>
      </c>
      <c r="I233" s="944" t="s">
        <v>7019</v>
      </c>
      <c r="J233" s="952" t="s">
        <v>0</v>
      </c>
    </row>
    <row r="234" spans="2:10" s="395" customFormat="1" ht="14.25">
      <c r="B234" s="951" t="s">
        <v>7270</v>
      </c>
      <c r="C234" s="944" t="s">
        <v>6861</v>
      </c>
      <c r="D234" s="944" t="s">
        <v>7271</v>
      </c>
      <c r="E234" s="944" t="s">
        <v>7272</v>
      </c>
      <c r="F234" s="944" t="s">
        <v>0</v>
      </c>
      <c r="G234" s="944" t="s">
        <v>7161</v>
      </c>
      <c r="H234" s="944" t="s">
        <v>6837</v>
      </c>
      <c r="I234" s="944" t="s">
        <v>7019</v>
      </c>
      <c r="J234" s="952" t="s">
        <v>0</v>
      </c>
    </row>
    <row r="235" spans="2:10" s="395" customFormat="1" ht="14.25">
      <c r="B235" s="951" t="s">
        <v>7273</v>
      </c>
      <c r="C235" s="944" t="s">
        <v>6861</v>
      </c>
      <c r="D235" s="944" t="s">
        <v>7274</v>
      </c>
      <c r="E235" s="944" t="s">
        <v>7275</v>
      </c>
      <c r="F235" s="944" t="s">
        <v>0</v>
      </c>
      <c r="G235" s="944" t="s">
        <v>7161</v>
      </c>
      <c r="H235" s="944" t="s">
        <v>6837</v>
      </c>
      <c r="I235" s="944" t="s">
        <v>7019</v>
      </c>
      <c r="J235" s="952" t="s">
        <v>0</v>
      </c>
    </row>
    <row r="236" spans="2:10" s="395" customFormat="1" ht="14.25">
      <c r="B236" s="951" t="s">
        <v>7276</v>
      </c>
      <c r="C236" s="944" t="s">
        <v>6861</v>
      </c>
      <c r="D236" s="944" t="s">
        <v>7277</v>
      </c>
      <c r="E236" s="944" t="s">
        <v>7278</v>
      </c>
      <c r="F236" s="944" t="s">
        <v>0</v>
      </c>
      <c r="G236" s="944" t="s">
        <v>7161</v>
      </c>
      <c r="H236" s="944" t="s">
        <v>6837</v>
      </c>
      <c r="I236" s="944" t="s">
        <v>7019</v>
      </c>
      <c r="J236" s="952" t="s">
        <v>0</v>
      </c>
    </row>
    <row r="237" spans="2:10" s="395" customFormat="1" ht="14.25">
      <c r="B237" s="951" t="s">
        <v>7279</v>
      </c>
      <c r="C237" s="944" t="s">
        <v>6861</v>
      </c>
      <c r="D237" s="944" t="s">
        <v>7280</v>
      </c>
      <c r="E237" s="944" t="s">
        <v>7281</v>
      </c>
      <c r="F237" s="944" t="s">
        <v>0</v>
      </c>
      <c r="G237" s="944" t="s">
        <v>7161</v>
      </c>
      <c r="H237" s="944" t="s">
        <v>6837</v>
      </c>
      <c r="I237" s="944" t="s">
        <v>7019</v>
      </c>
      <c r="J237" s="952" t="s">
        <v>0</v>
      </c>
    </row>
    <row r="238" spans="2:10" s="395" customFormat="1" ht="14.25">
      <c r="B238" s="951" t="s">
        <v>7282</v>
      </c>
      <c r="C238" s="944" t="s">
        <v>6861</v>
      </c>
      <c r="D238" s="944" t="s">
        <v>7283</v>
      </c>
      <c r="E238" s="944" t="s">
        <v>7284</v>
      </c>
      <c r="F238" s="944" t="s">
        <v>0</v>
      </c>
      <c r="G238" s="944" t="s">
        <v>7161</v>
      </c>
      <c r="H238" s="944" t="s">
        <v>6837</v>
      </c>
      <c r="I238" s="944" t="s">
        <v>7019</v>
      </c>
      <c r="J238" s="952" t="s">
        <v>0</v>
      </c>
    </row>
    <row r="239" spans="2:10" s="395" customFormat="1" ht="14.25">
      <c r="B239" s="951" t="s">
        <v>7285</v>
      </c>
      <c r="C239" s="944" t="s">
        <v>6861</v>
      </c>
      <c r="D239" s="944" t="s">
        <v>7286</v>
      </c>
      <c r="E239" s="944" t="s">
        <v>7287</v>
      </c>
      <c r="F239" s="944" t="s">
        <v>0</v>
      </c>
      <c r="G239" s="944" t="s">
        <v>7161</v>
      </c>
      <c r="H239" s="944" t="s">
        <v>6837</v>
      </c>
      <c r="I239" s="944" t="s">
        <v>7019</v>
      </c>
      <c r="J239" s="952" t="s">
        <v>0</v>
      </c>
    </row>
    <row r="240" spans="2:10" s="395" customFormat="1" ht="14.25">
      <c r="B240" s="951" t="s">
        <v>7288</v>
      </c>
      <c r="C240" s="944" t="s">
        <v>6861</v>
      </c>
      <c r="D240" s="944" t="s">
        <v>7289</v>
      </c>
      <c r="E240" s="944" t="s">
        <v>7290</v>
      </c>
      <c r="F240" s="944" t="s">
        <v>0</v>
      </c>
      <c r="G240" s="944" t="s">
        <v>7161</v>
      </c>
      <c r="H240" s="944" t="s">
        <v>6837</v>
      </c>
      <c r="I240" s="944" t="s">
        <v>7019</v>
      </c>
      <c r="J240" s="952" t="s">
        <v>0</v>
      </c>
    </row>
    <row r="241" spans="2:10" s="395" customFormat="1" ht="14.25">
      <c r="B241" s="951" t="s">
        <v>7291</v>
      </c>
      <c r="C241" s="944" t="s">
        <v>6861</v>
      </c>
      <c r="D241" s="944" t="s">
        <v>7292</v>
      </c>
      <c r="E241" s="944" t="s">
        <v>7293</v>
      </c>
      <c r="F241" s="944" t="s">
        <v>0</v>
      </c>
      <c r="G241" s="944" t="s">
        <v>7161</v>
      </c>
      <c r="H241" s="944" t="s">
        <v>6837</v>
      </c>
      <c r="I241" s="944" t="s">
        <v>7019</v>
      </c>
      <c r="J241" s="952" t="s">
        <v>0</v>
      </c>
    </row>
    <row r="242" spans="2:10" s="395" customFormat="1" ht="14.25">
      <c r="B242" s="951" t="s">
        <v>7294</v>
      </c>
      <c r="C242" s="944" t="s">
        <v>6861</v>
      </c>
      <c r="D242" s="944" t="s">
        <v>7295</v>
      </c>
      <c r="E242" s="944" t="s">
        <v>7296</v>
      </c>
      <c r="F242" s="944" t="s">
        <v>0</v>
      </c>
      <c r="G242" s="944" t="s">
        <v>7161</v>
      </c>
      <c r="H242" s="944" t="s">
        <v>6837</v>
      </c>
      <c r="I242" s="944" t="s">
        <v>7019</v>
      </c>
      <c r="J242" s="952" t="s">
        <v>0</v>
      </c>
    </row>
    <row r="243" spans="2:10" s="395" customFormat="1" ht="14.25">
      <c r="B243" s="951" t="s">
        <v>7297</v>
      </c>
      <c r="C243" s="944" t="s">
        <v>6861</v>
      </c>
      <c r="D243" s="944" t="s">
        <v>7298</v>
      </c>
      <c r="E243" s="944" t="s">
        <v>7299</v>
      </c>
      <c r="F243" s="944" t="s">
        <v>0</v>
      </c>
      <c r="G243" s="944" t="s">
        <v>7161</v>
      </c>
      <c r="H243" s="944" t="s">
        <v>6837</v>
      </c>
      <c r="I243" s="944" t="s">
        <v>7019</v>
      </c>
      <c r="J243" s="952" t="s">
        <v>0</v>
      </c>
    </row>
    <row r="244" spans="2:10" s="395" customFormat="1" ht="14.25">
      <c r="B244" s="951" t="s">
        <v>7300</v>
      </c>
      <c r="C244" s="944" t="s">
        <v>6861</v>
      </c>
      <c r="D244" s="944" t="s">
        <v>7301</v>
      </c>
      <c r="E244" s="944" t="s">
        <v>7302</v>
      </c>
      <c r="F244" s="944" t="s">
        <v>0</v>
      </c>
      <c r="G244" s="944" t="s">
        <v>7161</v>
      </c>
      <c r="H244" s="944" t="s">
        <v>6837</v>
      </c>
      <c r="I244" s="944" t="s">
        <v>7019</v>
      </c>
      <c r="J244" s="952" t="s">
        <v>0</v>
      </c>
    </row>
    <row r="245" spans="2:10" s="395" customFormat="1" ht="14.25">
      <c r="B245" s="951" t="s">
        <v>7303</v>
      </c>
      <c r="C245" s="944" t="s">
        <v>6861</v>
      </c>
      <c r="D245" s="944" t="s">
        <v>7304</v>
      </c>
      <c r="E245" s="944" t="s">
        <v>7305</v>
      </c>
      <c r="F245" s="944" t="s">
        <v>0</v>
      </c>
      <c r="G245" s="944" t="s">
        <v>7161</v>
      </c>
      <c r="H245" s="944" t="s">
        <v>6837</v>
      </c>
      <c r="I245" s="944" t="s">
        <v>7019</v>
      </c>
      <c r="J245" s="952" t="s">
        <v>0</v>
      </c>
    </row>
    <row r="246" spans="2:10" s="395" customFormat="1" ht="14.25">
      <c r="B246" s="951" t="s">
        <v>7306</v>
      </c>
      <c r="C246" s="944" t="s">
        <v>6861</v>
      </c>
      <c r="D246" s="944" t="s">
        <v>7307</v>
      </c>
      <c r="E246" s="944" t="s">
        <v>7308</v>
      </c>
      <c r="F246" s="944" t="s">
        <v>0</v>
      </c>
      <c r="G246" s="944" t="s">
        <v>7161</v>
      </c>
      <c r="H246" s="944" t="s">
        <v>6837</v>
      </c>
      <c r="I246" s="944" t="s">
        <v>7019</v>
      </c>
      <c r="J246" s="952" t="s">
        <v>0</v>
      </c>
    </row>
    <row r="247" spans="2:10" s="395" customFormat="1" ht="14.25">
      <c r="B247" s="951" t="s">
        <v>7309</v>
      </c>
      <c r="C247" s="944" t="s">
        <v>6861</v>
      </c>
      <c r="D247" s="944" t="s">
        <v>7310</v>
      </c>
      <c r="E247" s="944" t="s">
        <v>7311</v>
      </c>
      <c r="F247" s="944" t="s">
        <v>0</v>
      </c>
      <c r="G247" s="944" t="s">
        <v>7161</v>
      </c>
      <c r="H247" s="944" t="s">
        <v>6837</v>
      </c>
      <c r="I247" s="944" t="s">
        <v>7019</v>
      </c>
      <c r="J247" s="952" t="s">
        <v>0</v>
      </c>
    </row>
    <row r="248" spans="2:10" s="395" customFormat="1" ht="14.25">
      <c r="B248" s="951" t="s">
        <v>7312</v>
      </c>
      <c r="C248" s="944" t="s">
        <v>6861</v>
      </c>
      <c r="D248" s="944" t="s">
        <v>7313</v>
      </c>
      <c r="E248" s="944" t="s">
        <v>7314</v>
      </c>
      <c r="F248" s="944" t="s">
        <v>0</v>
      </c>
      <c r="G248" s="944" t="s">
        <v>7161</v>
      </c>
      <c r="H248" s="944" t="s">
        <v>6837</v>
      </c>
      <c r="I248" s="944" t="s">
        <v>7019</v>
      </c>
      <c r="J248" s="952" t="s">
        <v>0</v>
      </c>
    </row>
    <row r="249" spans="2:10" s="395" customFormat="1" ht="14.25">
      <c r="B249" s="951" t="s">
        <v>7315</v>
      </c>
      <c r="C249" s="944" t="s">
        <v>6861</v>
      </c>
      <c r="D249" s="944" t="s">
        <v>7316</v>
      </c>
      <c r="E249" s="944" t="s">
        <v>7317</v>
      </c>
      <c r="F249" s="944" t="s">
        <v>0</v>
      </c>
      <c r="G249" s="944" t="s">
        <v>7161</v>
      </c>
      <c r="H249" s="944" t="s">
        <v>6837</v>
      </c>
      <c r="I249" s="944" t="s">
        <v>7019</v>
      </c>
      <c r="J249" s="952" t="s">
        <v>0</v>
      </c>
    </row>
    <row r="250" spans="2:10" s="395" customFormat="1" ht="14.25">
      <c r="B250" s="951" t="s">
        <v>7318</v>
      </c>
      <c r="C250" s="944" t="s">
        <v>6861</v>
      </c>
      <c r="D250" s="944" t="s">
        <v>7319</v>
      </c>
      <c r="E250" s="944" t="s">
        <v>7320</v>
      </c>
      <c r="F250" s="944" t="s">
        <v>0</v>
      </c>
      <c r="G250" s="944" t="s">
        <v>7161</v>
      </c>
      <c r="H250" s="944" t="s">
        <v>6837</v>
      </c>
      <c r="I250" s="944" t="s">
        <v>7019</v>
      </c>
      <c r="J250" s="952" t="s">
        <v>0</v>
      </c>
    </row>
    <row r="251" spans="2:10" s="395" customFormat="1" ht="14.25">
      <c r="B251" s="951" t="s">
        <v>7321</v>
      </c>
      <c r="C251" s="944" t="s">
        <v>6861</v>
      </c>
      <c r="D251" s="944" t="s">
        <v>7322</v>
      </c>
      <c r="E251" s="944" t="s">
        <v>7323</v>
      </c>
      <c r="F251" s="944" t="s">
        <v>0</v>
      </c>
      <c r="G251" s="944" t="s">
        <v>7161</v>
      </c>
      <c r="H251" s="944" t="s">
        <v>6837</v>
      </c>
      <c r="I251" s="944" t="s">
        <v>7019</v>
      </c>
      <c r="J251" s="952" t="s">
        <v>0</v>
      </c>
    </row>
    <row r="252" spans="2:10" s="395" customFormat="1" ht="14.25">
      <c r="B252" s="951" t="s">
        <v>7324</v>
      </c>
      <c r="C252" s="944" t="s">
        <v>6861</v>
      </c>
      <c r="D252" s="944" t="s">
        <v>7325</v>
      </c>
      <c r="E252" s="944" t="s">
        <v>7326</v>
      </c>
      <c r="F252" s="944" t="s">
        <v>0</v>
      </c>
      <c r="G252" s="944" t="s">
        <v>7161</v>
      </c>
      <c r="H252" s="944" t="s">
        <v>6837</v>
      </c>
      <c r="I252" s="944" t="s">
        <v>7019</v>
      </c>
      <c r="J252" s="952" t="s">
        <v>0</v>
      </c>
    </row>
    <row r="253" spans="2:10" s="395" customFormat="1" ht="14.25">
      <c r="B253" s="951" t="s">
        <v>7327</v>
      </c>
      <c r="C253" s="944" t="s">
        <v>6861</v>
      </c>
      <c r="D253" s="944" t="s">
        <v>7328</v>
      </c>
      <c r="E253" s="944" t="s">
        <v>7329</v>
      </c>
      <c r="F253" s="944" t="s">
        <v>0</v>
      </c>
      <c r="G253" s="944" t="s">
        <v>7161</v>
      </c>
      <c r="H253" s="944" t="s">
        <v>6837</v>
      </c>
      <c r="I253" s="944" t="s">
        <v>7019</v>
      </c>
      <c r="J253" s="952" t="s">
        <v>0</v>
      </c>
    </row>
    <row r="254" spans="2:10" s="395" customFormat="1" ht="14.25">
      <c r="B254" s="951" t="s">
        <v>7330</v>
      </c>
      <c r="C254" s="944" t="s">
        <v>6861</v>
      </c>
      <c r="D254" s="944" t="s">
        <v>7331</v>
      </c>
      <c r="E254" s="944" t="s">
        <v>7332</v>
      </c>
      <c r="F254" s="944" t="s">
        <v>0</v>
      </c>
      <c r="G254" s="944" t="s">
        <v>7161</v>
      </c>
      <c r="H254" s="944" t="s">
        <v>6837</v>
      </c>
      <c r="I254" s="944" t="s">
        <v>7019</v>
      </c>
      <c r="J254" s="952" t="s">
        <v>0</v>
      </c>
    </row>
    <row r="255" spans="2:10" s="395" customFormat="1" ht="14.25">
      <c r="B255" s="951" t="s">
        <v>7333</v>
      </c>
      <c r="C255" s="944" t="s">
        <v>6861</v>
      </c>
      <c r="D255" s="944" t="s">
        <v>7334</v>
      </c>
      <c r="E255" s="944" t="s">
        <v>7335</v>
      </c>
      <c r="F255" s="944" t="s">
        <v>0</v>
      </c>
      <c r="G255" s="944" t="s">
        <v>7161</v>
      </c>
      <c r="H255" s="944" t="s">
        <v>6837</v>
      </c>
      <c r="I255" s="944" t="s">
        <v>7019</v>
      </c>
      <c r="J255" s="952" t="s">
        <v>0</v>
      </c>
    </row>
    <row r="256" spans="2:10" s="395" customFormat="1" ht="14.25">
      <c r="B256" s="951" t="s">
        <v>7336</v>
      </c>
      <c r="C256" s="944" t="s">
        <v>6861</v>
      </c>
      <c r="D256" s="944" t="s">
        <v>7337</v>
      </c>
      <c r="E256" s="944" t="s">
        <v>7338</v>
      </c>
      <c r="F256" s="944" t="s">
        <v>0</v>
      </c>
      <c r="G256" s="944" t="s">
        <v>7161</v>
      </c>
      <c r="H256" s="944" t="s">
        <v>6837</v>
      </c>
      <c r="I256" s="944" t="s">
        <v>7019</v>
      </c>
      <c r="J256" s="952" t="s">
        <v>0</v>
      </c>
    </row>
    <row r="257" spans="2:10" s="395" customFormat="1" ht="14.25">
      <c r="B257" s="951" t="s">
        <v>7339</v>
      </c>
      <c r="C257" s="944" t="s">
        <v>6861</v>
      </c>
      <c r="D257" s="944" t="s">
        <v>7340</v>
      </c>
      <c r="E257" s="944" t="s">
        <v>7341</v>
      </c>
      <c r="F257" s="944" t="s">
        <v>0</v>
      </c>
      <c r="G257" s="944" t="s">
        <v>7161</v>
      </c>
      <c r="H257" s="944" t="s">
        <v>6837</v>
      </c>
      <c r="I257" s="944" t="s">
        <v>7019</v>
      </c>
      <c r="J257" s="952" t="s">
        <v>0</v>
      </c>
    </row>
    <row r="258" spans="2:10" s="395" customFormat="1" ht="14.25">
      <c r="B258" s="951" t="s">
        <v>7342</v>
      </c>
      <c r="C258" s="944" t="s">
        <v>6861</v>
      </c>
      <c r="D258" s="944" t="s">
        <v>7343</v>
      </c>
      <c r="E258" s="944" t="s">
        <v>7344</v>
      </c>
      <c r="F258" s="944" t="s">
        <v>0</v>
      </c>
      <c r="G258" s="944" t="s">
        <v>7161</v>
      </c>
      <c r="H258" s="944" t="s">
        <v>6837</v>
      </c>
      <c r="I258" s="944" t="s">
        <v>7019</v>
      </c>
      <c r="J258" s="952" t="s">
        <v>0</v>
      </c>
    </row>
    <row r="259" spans="2:10" s="395" customFormat="1" ht="14.25">
      <c r="B259" s="951" t="s">
        <v>7345</v>
      </c>
      <c r="C259" s="944" t="s">
        <v>6861</v>
      </c>
      <c r="D259" s="944" t="s">
        <v>7346</v>
      </c>
      <c r="E259" s="944" t="s">
        <v>7347</v>
      </c>
      <c r="F259" s="944" t="s">
        <v>0</v>
      </c>
      <c r="G259" s="944" t="s">
        <v>7161</v>
      </c>
      <c r="H259" s="944" t="s">
        <v>6837</v>
      </c>
      <c r="I259" s="944" t="s">
        <v>7019</v>
      </c>
      <c r="J259" s="952" t="s">
        <v>0</v>
      </c>
    </row>
    <row r="260" spans="2:10" s="395" customFormat="1" ht="14.25">
      <c r="B260" s="951" t="s">
        <v>7348</v>
      </c>
      <c r="C260" s="944" t="s">
        <v>6861</v>
      </c>
      <c r="D260" s="944" t="s">
        <v>7349</v>
      </c>
      <c r="E260" s="944" t="s">
        <v>7350</v>
      </c>
      <c r="F260" s="944" t="s">
        <v>0</v>
      </c>
      <c r="G260" s="944" t="s">
        <v>7161</v>
      </c>
      <c r="H260" s="944" t="s">
        <v>6837</v>
      </c>
      <c r="I260" s="944" t="s">
        <v>7019</v>
      </c>
      <c r="J260" s="952" t="s">
        <v>0</v>
      </c>
    </row>
    <row r="261" spans="2:10" s="395" customFormat="1" ht="14.25">
      <c r="B261" s="951" t="s">
        <v>7351</v>
      </c>
      <c r="C261" s="944" t="s">
        <v>6861</v>
      </c>
      <c r="D261" s="944" t="s">
        <v>7352</v>
      </c>
      <c r="E261" s="944" t="s">
        <v>7353</v>
      </c>
      <c r="F261" s="944" t="s">
        <v>0</v>
      </c>
      <c r="G261" s="944" t="s">
        <v>7161</v>
      </c>
      <c r="H261" s="944" t="s">
        <v>6837</v>
      </c>
      <c r="I261" s="944" t="s">
        <v>7019</v>
      </c>
      <c r="J261" s="952" t="s">
        <v>0</v>
      </c>
    </row>
    <row r="262" spans="2:10" s="395" customFormat="1" ht="14.25">
      <c r="B262" s="951" t="s">
        <v>7354</v>
      </c>
      <c r="C262" s="944" t="s">
        <v>6861</v>
      </c>
      <c r="D262" s="944" t="s">
        <v>7355</v>
      </c>
      <c r="E262" s="944" t="s">
        <v>7356</v>
      </c>
      <c r="F262" s="944" t="s">
        <v>0</v>
      </c>
      <c r="G262" s="944" t="s">
        <v>7161</v>
      </c>
      <c r="H262" s="944" t="s">
        <v>6837</v>
      </c>
      <c r="I262" s="944" t="s">
        <v>7019</v>
      </c>
      <c r="J262" s="952" t="s">
        <v>0</v>
      </c>
    </row>
    <row r="263" spans="2:10" s="395" customFormat="1" ht="14.25">
      <c r="B263" s="951" t="s">
        <v>7357</v>
      </c>
      <c r="C263" s="944" t="s">
        <v>6861</v>
      </c>
      <c r="D263" s="944" t="s">
        <v>7358</v>
      </c>
      <c r="E263" s="944" t="s">
        <v>7359</v>
      </c>
      <c r="F263" s="944" t="s">
        <v>0</v>
      </c>
      <c r="G263" s="944" t="s">
        <v>7161</v>
      </c>
      <c r="H263" s="944" t="s">
        <v>6837</v>
      </c>
      <c r="I263" s="944" t="s">
        <v>7019</v>
      </c>
      <c r="J263" s="952" t="s">
        <v>0</v>
      </c>
    </row>
    <row r="264" spans="2:10" s="395" customFormat="1" ht="14.25">
      <c r="B264" s="951" t="s">
        <v>7360</v>
      </c>
      <c r="C264" s="944" t="s">
        <v>6861</v>
      </c>
      <c r="D264" s="944" t="s">
        <v>7361</v>
      </c>
      <c r="E264" s="944" t="s">
        <v>7362</v>
      </c>
      <c r="F264" s="944" t="s">
        <v>0</v>
      </c>
      <c r="G264" s="944" t="s">
        <v>7161</v>
      </c>
      <c r="H264" s="944" t="s">
        <v>6837</v>
      </c>
      <c r="I264" s="944" t="s">
        <v>7019</v>
      </c>
      <c r="J264" s="952" t="s">
        <v>0</v>
      </c>
    </row>
    <row r="265" spans="2:10" s="395" customFormat="1" ht="14.25">
      <c r="B265" s="951" t="s">
        <v>7363</v>
      </c>
      <c r="C265" s="944" t="s">
        <v>6861</v>
      </c>
      <c r="D265" s="944" t="s">
        <v>7364</v>
      </c>
      <c r="E265" s="944" t="s">
        <v>7365</v>
      </c>
      <c r="F265" s="944" t="s">
        <v>0</v>
      </c>
      <c r="G265" s="944" t="s">
        <v>7161</v>
      </c>
      <c r="H265" s="944" t="s">
        <v>6837</v>
      </c>
      <c r="I265" s="944" t="s">
        <v>7019</v>
      </c>
      <c r="J265" s="952" t="s">
        <v>0</v>
      </c>
    </row>
    <row r="266" spans="2:10" s="395" customFormat="1" ht="14.25">
      <c r="B266" s="951" t="s">
        <v>7366</v>
      </c>
      <c r="C266" s="944" t="s">
        <v>6861</v>
      </c>
      <c r="D266" s="944" t="s">
        <v>7367</v>
      </c>
      <c r="E266" s="944" t="s">
        <v>7368</v>
      </c>
      <c r="F266" s="944" t="s">
        <v>0</v>
      </c>
      <c r="G266" s="944" t="s">
        <v>7161</v>
      </c>
      <c r="H266" s="944" t="s">
        <v>6837</v>
      </c>
      <c r="I266" s="944" t="s">
        <v>7019</v>
      </c>
      <c r="J266" s="952" t="s">
        <v>0</v>
      </c>
    </row>
    <row r="267" spans="2:10" s="395" customFormat="1" ht="14.25">
      <c r="B267" s="951" t="s">
        <v>7369</v>
      </c>
      <c r="C267" s="944" t="s">
        <v>6861</v>
      </c>
      <c r="D267" s="944" t="s">
        <v>7370</v>
      </c>
      <c r="E267" s="944" t="s">
        <v>7371</v>
      </c>
      <c r="F267" s="944" t="s">
        <v>0</v>
      </c>
      <c r="G267" s="944" t="s">
        <v>7161</v>
      </c>
      <c r="H267" s="944" t="s">
        <v>6837</v>
      </c>
      <c r="I267" s="944" t="s">
        <v>7019</v>
      </c>
      <c r="J267" s="952" t="s">
        <v>0</v>
      </c>
    </row>
    <row r="268" spans="2:10" s="395" customFormat="1" ht="14.25">
      <c r="B268" s="951" t="s">
        <v>7372</v>
      </c>
      <c r="C268" s="944" t="s">
        <v>6861</v>
      </c>
      <c r="D268" s="944" t="s">
        <v>7373</v>
      </c>
      <c r="E268" s="944" t="s">
        <v>7374</v>
      </c>
      <c r="F268" s="944" t="s">
        <v>0</v>
      </c>
      <c r="G268" s="944" t="s">
        <v>7161</v>
      </c>
      <c r="H268" s="944" t="s">
        <v>6837</v>
      </c>
      <c r="I268" s="944" t="s">
        <v>7019</v>
      </c>
      <c r="J268" s="952" t="s">
        <v>0</v>
      </c>
    </row>
    <row r="269" spans="2:10" s="395" customFormat="1" ht="14.25">
      <c r="B269" s="951" t="s">
        <v>7375</v>
      </c>
      <c r="C269" s="944" t="s">
        <v>6861</v>
      </c>
      <c r="D269" s="944" t="s">
        <v>7376</v>
      </c>
      <c r="E269" s="944" t="s">
        <v>7377</v>
      </c>
      <c r="F269" s="944" t="s">
        <v>0</v>
      </c>
      <c r="G269" s="944" t="s">
        <v>7161</v>
      </c>
      <c r="H269" s="944" t="s">
        <v>6837</v>
      </c>
      <c r="I269" s="944" t="s">
        <v>7019</v>
      </c>
      <c r="J269" s="952" t="s">
        <v>0</v>
      </c>
    </row>
    <row r="270" spans="2:10" s="395" customFormat="1" ht="14.25">
      <c r="B270" s="951" t="s">
        <v>7378</v>
      </c>
      <c r="C270" s="944" t="s">
        <v>6861</v>
      </c>
      <c r="D270" s="944" t="s">
        <v>7379</v>
      </c>
      <c r="E270" s="944" t="s">
        <v>3515</v>
      </c>
      <c r="F270" s="944" t="s">
        <v>0</v>
      </c>
      <c r="G270" s="944" t="s">
        <v>7161</v>
      </c>
      <c r="H270" s="944" t="s">
        <v>6837</v>
      </c>
      <c r="I270" s="944" t="s">
        <v>7019</v>
      </c>
      <c r="J270" s="952" t="s">
        <v>0</v>
      </c>
    </row>
    <row r="271" spans="2:10" s="395" customFormat="1" ht="14.25">
      <c r="B271" s="951" t="s">
        <v>7380</v>
      </c>
      <c r="C271" s="944" t="s">
        <v>6861</v>
      </c>
      <c r="D271" s="944" t="s">
        <v>7381</v>
      </c>
      <c r="E271" s="944" t="s">
        <v>7382</v>
      </c>
      <c r="F271" s="944" t="s">
        <v>0</v>
      </c>
      <c r="G271" s="944" t="s">
        <v>7161</v>
      </c>
      <c r="H271" s="944" t="s">
        <v>6837</v>
      </c>
      <c r="I271" s="944" t="s">
        <v>7019</v>
      </c>
      <c r="J271" s="952" t="s">
        <v>0</v>
      </c>
    </row>
    <row r="272" spans="2:10" s="395" customFormat="1" ht="14.25">
      <c r="B272" s="951" t="s">
        <v>7383</v>
      </c>
      <c r="C272" s="944" t="s">
        <v>6861</v>
      </c>
      <c r="D272" s="944" t="s">
        <v>7384</v>
      </c>
      <c r="E272" s="944" t="s">
        <v>7385</v>
      </c>
      <c r="F272" s="944" t="s">
        <v>0</v>
      </c>
      <c r="G272" s="944" t="s">
        <v>7161</v>
      </c>
      <c r="H272" s="944" t="s">
        <v>6837</v>
      </c>
      <c r="I272" s="944" t="s">
        <v>7019</v>
      </c>
      <c r="J272" s="952" t="s">
        <v>0</v>
      </c>
    </row>
    <row r="273" spans="2:10" s="395" customFormat="1" ht="14.25">
      <c r="B273" s="951" t="s">
        <v>7386</v>
      </c>
      <c r="C273" s="944" t="s">
        <v>6861</v>
      </c>
      <c r="D273" s="944" t="s">
        <v>7387</v>
      </c>
      <c r="E273" s="944" t="s">
        <v>77</v>
      </c>
      <c r="F273" s="944" t="s">
        <v>0</v>
      </c>
      <c r="G273" s="944" t="s">
        <v>7161</v>
      </c>
      <c r="H273" s="944" t="s">
        <v>6837</v>
      </c>
      <c r="I273" s="944" t="s">
        <v>7019</v>
      </c>
      <c r="J273" s="952" t="s">
        <v>0</v>
      </c>
    </row>
    <row r="274" spans="2:10" s="395" customFormat="1" ht="14.25">
      <c r="B274" s="951" t="s">
        <v>7388</v>
      </c>
      <c r="C274" s="944" t="s">
        <v>6861</v>
      </c>
      <c r="D274" s="944" t="s">
        <v>7389</v>
      </c>
      <c r="E274" s="944" t="s">
        <v>7390</v>
      </c>
      <c r="F274" s="944" t="s">
        <v>0</v>
      </c>
      <c r="G274" s="944" t="s">
        <v>7161</v>
      </c>
      <c r="H274" s="944" t="s">
        <v>6837</v>
      </c>
      <c r="I274" s="944" t="s">
        <v>7019</v>
      </c>
      <c r="J274" s="952" t="s">
        <v>0</v>
      </c>
    </row>
    <row r="275" spans="2:10" s="395" customFormat="1" ht="14.25">
      <c r="B275" s="951" t="s">
        <v>7391</v>
      </c>
      <c r="C275" s="944" t="s">
        <v>6861</v>
      </c>
      <c r="D275" s="944" t="s">
        <v>7392</v>
      </c>
      <c r="E275" s="944" t="s">
        <v>7393</v>
      </c>
      <c r="F275" s="944" t="s">
        <v>0</v>
      </c>
      <c r="G275" s="944" t="s">
        <v>7161</v>
      </c>
      <c r="H275" s="944" t="s">
        <v>6837</v>
      </c>
      <c r="I275" s="944" t="s">
        <v>7019</v>
      </c>
      <c r="J275" s="952" t="s">
        <v>7394</v>
      </c>
    </row>
    <row r="276" spans="2:10" s="395" customFormat="1" ht="14.25">
      <c r="B276" s="951" t="s">
        <v>7395</v>
      </c>
      <c r="C276" s="944" t="s">
        <v>6861</v>
      </c>
      <c r="D276" s="944" t="s">
        <v>7396</v>
      </c>
      <c r="E276" s="944" t="s">
        <v>7397</v>
      </c>
      <c r="F276" s="944" t="s">
        <v>0</v>
      </c>
      <c r="G276" s="944" t="s">
        <v>7161</v>
      </c>
      <c r="H276" s="944" t="s">
        <v>6837</v>
      </c>
      <c r="I276" s="944" t="s">
        <v>7019</v>
      </c>
      <c r="J276" s="952" t="s">
        <v>0</v>
      </c>
    </row>
    <row r="277" spans="2:10" s="395" customFormat="1" ht="14.25">
      <c r="B277" s="951" t="s">
        <v>7398</v>
      </c>
      <c r="C277" s="944" t="s">
        <v>6861</v>
      </c>
      <c r="D277" s="944" t="s">
        <v>7399</v>
      </c>
      <c r="E277" s="944" t="s">
        <v>7400</v>
      </c>
      <c r="F277" s="944" t="s">
        <v>0</v>
      </c>
      <c r="G277" s="944" t="s">
        <v>7161</v>
      </c>
      <c r="H277" s="944" t="s">
        <v>6837</v>
      </c>
      <c r="I277" s="944" t="s">
        <v>7019</v>
      </c>
      <c r="J277" s="952" t="s">
        <v>0</v>
      </c>
    </row>
    <row r="278" spans="2:10" s="395" customFormat="1" ht="14.25">
      <c r="B278" s="951" t="s">
        <v>7401</v>
      </c>
      <c r="C278" s="944" t="s">
        <v>6870</v>
      </c>
      <c r="D278" s="944" t="s">
        <v>160</v>
      </c>
      <c r="E278" s="944" t="s">
        <v>162</v>
      </c>
      <c r="F278" s="944" t="s">
        <v>0</v>
      </c>
      <c r="G278" s="944" t="s">
        <v>7161</v>
      </c>
      <c r="H278" s="944" t="s">
        <v>6837</v>
      </c>
      <c r="I278" s="944" t="s">
        <v>0</v>
      </c>
      <c r="J278" s="952" t="s">
        <v>0</v>
      </c>
    </row>
    <row r="279" spans="2:10" s="395" customFormat="1" ht="14.25">
      <c r="B279" s="951" t="s">
        <v>7402</v>
      </c>
      <c r="C279" s="944" t="s">
        <v>6870</v>
      </c>
      <c r="D279" s="944" t="s">
        <v>163</v>
      </c>
      <c r="E279" s="944" t="s">
        <v>165</v>
      </c>
      <c r="F279" s="944" t="s">
        <v>0</v>
      </c>
      <c r="G279" s="944" t="s">
        <v>7161</v>
      </c>
      <c r="H279" s="944" t="s">
        <v>6837</v>
      </c>
      <c r="I279" s="944" t="s">
        <v>0</v>
      </c>
      <c r="J279" s="952" t="s">
        <v>0</v>
      </c>
    </row>
    <row r="280" spans="2:10" s="395" customFormat="1" ht="14.25">
      <c r="B280" s="951" t="s">
        <v>7403</v>
      </c>
      <c r="C280" s="944" t="s">
        <v>6870</v>
      </c>
      <c r="D280" s="944" t="s">
        <v>2142</v>
      </c>
      <c r="E280" s="944" t="s">
        <v>134</v>
      </c>
      <c r="F280" s="944" t="s">
        <v>0</v>
      </c>
      <c r="G280" s="944" t="s">
        <v>7161</v>
      </c>
      <c r="H280" s="944" t="s">
        <v>6837</v>
      </c>
      <c r="I280" s="944" t="s">
        <v>0</v>
      </c>
      <c r="J280" s="952" t="s">
        <v>0</v>
      </c>
    </row>
    <row r="281" spans="2:10" s="395" customFormat="1" ht="14.25">
      <c r="B281" s="951" t="s">
        <v>7404</v>
      </c>
      <c r="C281" s="944" t="s">
        <v>6880</v>
      </c>
      <c r="D281" s="944" t="s">
        <v>2306</v>
      </c>
      <c r="E281" s="944" t="s">
        <v>2307</v>
      </c>
      <c r="F281" s="944" t="s">
        <v>0</v>
      </c>
      <c r="G281" s="944" t="s">
        <v>7161</v>
      </c>
      <c r="H281" s="944" t="s">
        <v>6837</v>
      </c>
      <c r="I281" s="944" t="s">
        <v>0</v>
      </c>
      <c r="J281" s="952" t="s">
        <v>0</v>
      </c>
    </row>
    <row r="282" spans="2:10" s="395" customFormat="1" ht="14.25">
      <c r="B282" s="951" t="s">
        <v>7405</v>
      </c>
      <c r="C282" s="944" t="s">
        <v>6880</v>
      </c>
      <c r="D282" s="944" t="s">
        <v>2311</v>
      </c>
      <c r="E282" s="944" t="s">
        <v>2312</v>
      </c>
      <c r="F282" s="944" t="s">
        <v>0</v>
      </c>
      <c r="G282" s="944" t="s">
        <v>7161</v>
      </c>
      <c r="H282" s="944" t="s">
        <v>6837</v>
      </c>
      <c r="I282" s="944" t="s">
        <v>0</v>
      </c>
      <c r="J282" s="952" t="s">
        <v>0</v>
      </c>
    </row>
    <row r="283" spans="2:10" s="395" customFormat="1" ht="14.25">
      <c r="B283" s="951" t="s">
        <v>7406</v>
      </c>
      <c r="C283" s="944" t="s">
        <v>6880</v>
      </c>
      <c r="D283" s="944" t="s">
        <v>441</v>
      </c>
      <c r="E283" s="944" t="s">
        <v>2386</v>
      </c>
      <c r="F283" s="944" t="s">
        <v>0</v>
      </c>
      <c r="G283" s="944" t="s">
        <v>7161</v>
      </c>
      <c r="H283" s="944" t="s">
        <v>6837</v>
      </c>
      <c r="I283" s="944" t="s">
        <v>0</v>
      </c>
      <c r="J283" s="952" t="s">
        <v>0</v>
      </c>
    </row>
    <row r="284" spans="2:10" s="395" customFormat="1" ht="14.25">
      <c r="B284" s="951" t="s">
        <v>7407</v>
      </c>
      <c r="C284" s="944" t="s">
        <v>6880</v>
      </c>
      <c r="D284" s="944" t="s">
        <v>2389</v>
      </c>
      <c r="E284" s="944" t="s">
        <v>2391</v>
      </c>
      <c r="F284" s="944" t="s">
        <v>0</v>
      </c>
      <c r="G284" s="944" t="s">
        <v>7161</v>
      </c>
      <c r="H284" s="944" t="s">
        <v>6837</v>
      </c>
      <c r="I284" s="944" t="s">
        <v>0</v>
      </c>
      <c r="J284" s="952" t="s">
        <v>0</v>
      </c>
    </row>
    <row r="285" spans="2:10" s="395" customFormat="1" ht="14.25">
      <c r="B285" s="951" t="s">
        <v>7408</v>
      </c>
      <c r="C285" s="944" t="s">
        <v>6886</v>
      </c>
      <c r="D285" s="944" t="s">
        <v>3420</v>
      </c>
      <c r="E285" s="944" t="s">
        <v>3421</v>
      </c>
      <c r="F285" s="944" t="s">
        <v>0</v>
      </c>
      <c r="G285" s="944" t="s">
        <v>7161</v>
      </c>
      <c r="H285" s="944" t="s">
        <v>6837</v>
      </c>
      <c r="I285" s="944" t="s">
        <v>0</v>
      </c>
      <c r="J285" s="952" t="s">
        <v>0</v>
      </c>
    </row>
    <row r="286" spans="2:10" s="395" customFormat="1" ht="14.25">
      <c r="B286" s="951" t="s">
        <v>7409</v>
      </c>
      <c r="C286" s="944" t="s">
        <v>6886</v>
      </c>
      <c r="D286" s="944" t="s">
        <v>3378</v>
      </c>
      <c r="E286" s="944" t="s">
        <v>3379</v>
      </c>
      <c r="F286" s="944" t="s">
        <v>0</v>
      </c>
      <c r="G286" s="944" t="s">
        <v>7161</v>
      </c>
      <c r="H286" s="944" t="s">
        <v>6837</v>
      </c>
      <c r="I286" s="944" t="s">
        <v>0</v>
      </c>
      <c r="J286" s="952" t="s">
        <v>0</v>
      </c>
    </row>
    <row r="287" spans="2:10" s="395" customFormat="1" ht="14.25">
      <c r="B287" s="951" t="s">
        <v>7410</v>
      </c>
      <c r="C287" s="944" t="s">
        <v>6886</v>
      </c>
      <c r="D287" s="944" t="s">
        <v>3388</v>
      </c>
      <c r="E287" s="944" t="s">
        <v>3389</v>
      </c>
      <c r="F287" s="944" t="s">
        <v>0</v>
      </c>
      <c r="G287" s="944" t="s">
        <v>7161</v>
      </c>
      <c r="H287" s="944" t="s">
        <v>6837</v>
      </c>
      <c r="I287" s="944" t="s">
        <v>0</v>
      </c>
      <c r="J287" s="952" t="s">
        <v>0</v>
      </c>
    </row>
    <row r="288" spans="2:10" s="395" customFormat="1" ht="14.25">
      <c r="B288" s="951" t="s">
        <v>7411</v>
      </c>
      <c r="C288" s="944" t="s">
        <v>6886</v>
      </c>
      <c r="D288" s="944" t="s">
        <v>3414</v>
      </c>
      <c r="E288" s="944" t="s">
        <v>3415</v>
      </c>
      <c r="F288" s="944" t="s">
        <v>0</v>
      </c>
      <c r="G288" s="944" t="s">
        <v>7161</v>
      </c>
      <c r="H288" s="944" t="s">
        <v>6837</v>
      </c>
      <c r="I288" s="944" t="s">
        <v>0</v>
      </c>
      <c r="J288" s="952" t="s">
        <v>0</v>
      </c>
    </row>
    <row r="289" spans="2:10" s="395" customFormat="1" ht="14.25">
      <c r="B289" s="951" t="s">
        <v>7412</v>
      </c>
      <c r="C289" s="944" t="s">
        <v>6886</v>
      </c>
      <c r="D289" s="944" t="s">
        <v>7413</v>
      </c>
      <c r="E289" s="944" t="s">
        <v>77</v>
      </c>
      <c r="F289" s="944" t="s">
        <v>0</v>
      </c>
      <c r="G289" s="944" t="s">
        <v>7161</v>
      </c>
      <c r="H289" s="944" t="s">
        <v>6837</v>
      </c>
      <c r="I289" s="944" t="s">
        <v>0</v>
      </c>
      <c r="J289" s="952" t="s">
        <v>0</v>
      </c>
    </row>
    <row r="290" spans="2:10" s="395" customFormat="1" ht="14.25">
      <c r="B290" s="951" t="s">
        <v>7414</v>
      </c>
      <c r="C290" s="944" t="s">
        <v>6891</v>
      </c>
      <c r="D290" s="944" t="s">
        <v>7415</v>
      </c>
      <c r="E290" s="944" t="s">
        <v>3467</v>
      </c>
      <c r="F290" s="944" t="s">
        <v>0</v>
      </c>
      <c r="G290" s="944" t="s">
        <v>7161</v>
      </c>
      <c r="H290" s="944" t="s">
        <v>6837</v>
      </c>
      <c r="I290" s="944" t="s">
        <v>0</v>
      </c>
      <c r="J290" s="952" t="s">
        <v>0</v>
      </c>
    </row>
    <row r="291" spans="2:10" s="395" customFormat="1" ht="14.25">
      <c r="B291" s="951" t="s">
        <v>7416</v>
      </c>
      <c r="C291" s="944" t="s">
        <v>6891</v>
      </c>
      <c r="D291" s="944" t="s">
        <v>3463</v>
      </c>
      <c r="E291" s="944" t="s">
        <v>3464</v>
      </c>
      <c r="F291" s="944" t="s">
        <v>0</v>
      </c>
      <c r="G291" s="944" t="s">
        <v>7161</v>
      </c>
      <c r="H291" s="944" t="s">
        <v>6837</v>
      </c>
      <c r="I291" s="944" t="s">
        <v>0</v>
      </c>
      <c r="J291" s="952" t="s">
        <v>0</v>
      </c>
    </row>
    <row r="292" spans="2:10" s="395" customFormat="1" ht="14.25">
      <c r="B292" s="951" t="s">
        <v>7417</v>
      </c>
      <c r="C292" s="944" t="s">
        <v>6891</v>
      </c>
      <c r="D292" s="944" t="s">
        <v>7418</v>
      </c>
      <c r="E292" s="944" t="s">
        <v>77</v>
      </c>
      <c r="F292" s="944" t="s">
        <v>0</v>
      </c>
      <c r="G292" s="944" t="s">
        <v>7161</v>
      </c>
      <c r="H292" s="944" t="s">
        <v>6837</v>
      </c>
      <c r="I292" s="944" t="s">
        <v>0</v>
      </c>
      <c r="J292" s="952" t="s">
        <v>0</v>
      </c>
    </row>
    <row r="293" spans="2:10" s="395" customFormat="1" ht="14.25">
      <c r="B293" s="951" t="s">
        <v>7419</v>
      </c>
      <c r="C293" s="944" t="s">
        <v>471</v>
      </c>
      <c r="D293" s="944" t="s">
        <v>471</v>
      </c>
      <c r="E293" s="944" t="s">
        <v>1771</v>
      </c>
      <c r="F293" s="944" t="s">
        <v>0</v>
      </c>
      <c r="G293" s="944" t="s">
        <v>7161</v>
      </c>
      <c r="H293" s="944" t="s">
        <v>6859</v>
      </c>
      <c r="I293" s="944" t="s">
        <v>28459</v>
      </c>
      <c r="J293" s="952" t="s">
        <v>28467</v>
      </c>
    </row>
    <row r="294" spans="2:10" s="395" customFormat="1" ht="14.25">
      <c r="B294" s="951" t="s">
        <v>7420</v>
      </c>
      <c r="C294" s="944" t="s">
        <v>471</v>
      </c>
      <c r="D294" s="944" t="s">
        <v>1774</v>
      </c>
      <c r="E294" s="944" t="s">
        <v>1775</v>
      </c>
      <c r="F294" s="944" t="s">
        <v>0</v>
      </c>
      <c r="G294" s="944" t="s">
        <v>7161</v>
      </c>
      <c r="H294" s="944" t="s">
        <v>6859</v>
      </c>
      <c r="I294" s="944" t="s">
        <v>28459</v>
      </c>
      <c r="J294" s="952" t="s">
        <v>34106</v>
      </c>
    </row>
    <row r="295" spans="2:10" s="395" customFormat="1" ht="14.25">
      <c r="B295" s="951" t="s">
        <v>7421</v>
      </c>
      <c r="C295" s="944" t="s">
        <v>471</v>
      </c>
      <c r="D295" s="944" t="s">
        <v>1772</v>
      </c>
      <c r="E295" s="944" t="s">
        <v>1773</v>
      </c>
      <c r="F295" s="944" t="s">
        <v>0</v>
      </c>
      <c r="G295" s="944" t="s">
        <v>7161</v>
      </c>
      <c r="H295" s="944" t="s">
        <v>6859</v>
      </c>
      <c r="I295" s="944" t="s">
        <v>28459</v>
      </c>
      <c r="J295" s="952" t="s">
        <v>34106</v>
      </c>
    </row>
    <row r="296" spans="2:10" s="395" customFormat="1" ht="14.25">
      <c r="B296" s="951" t="s">
        <v>7422</v>
      </c>
      <c r="C296" s="944" t="s">
        <v>6898</v>
      </c>
      <c r="D296" s="944" t="s">
        <v>7423</v>
      </c>
      <c r="E296" s="944" t="s">
        <v>6584</v>
      </c>
      <c r="F296" s="944" t="s">
        <v>7424</v>
      </c>
      <c r="G296" s="944" t="s">
        <v>7161</v>
      </c>
      <c r="H296" s="944" t="s">
        <v>6837</v>
      </c>
      <c r="I296" s="944" t="s">
        <v>0</v>
      </c>
      <c r="J296" s="952" t="s">
        <v>0</v>
      </c>
    </row>
    <row r="297" spans="2:10" s="395" customFormat="1" ht="14.25">
      <c r="B297" s="951" t="s">
        <v>7425</v>
      </c>
      <c r="C297" s="944" t="s">
        <v>6898</v>
      </c>
      <c r="D297" s="944" t="s">
        <v>7426</v>
      </c>
      <c r="E297" s="944" t="s">
        <v>7427</v>
      </c>
      <c r="F297" s="944" t="s">
        <v>7428</v>
      </c>
      <c r="G297" s="944" t="s">
        <v>7161</v>
      </c>
      <c r="H297" s="944" t="s">
        <v>6837</v>
      </c>
      <c r="I297" s="944" t="s">
        <v>0</v>
      </c>
      <c r="J297" s="952" t="s">
        <v>0</v>
      </c>
    </row>
    <row r="298" spans="2:10" s="395" customFormat="1" ht="14.25">
      <c r="B298" s="951" t="s">
        <v>7429</v>
      </c>
      <c r="C298" s="944" t="s">
        <v>6898</v>
      </c>
      <c r="D298" s="944" t="s">
        <v>7430</v>
      </c>
      <c r="E298" s="944" t="s">
        <v>7431</v>
      </c>
      <c r="F298" s="944" t="s">
        <v>7432</v>
      </c>
      <c r="G298" s="944" t="s">
        <v>7161</v>
      </c>
      <c r="H298" s="944" t="s">
        <v>6837</v>
      </c>
      <c r="I298" s="944" t="s">
        <v>0</v>
      </c>
      <c r="J298" s="952" t="s">
        <v>0</v>
      </c>
    </row>
    <row r="299" spans="2:10" s="395" customFormat="1" ht="14.25">
      <c r="B299" s="951" t="s">
        <v>7433</v>
      </c>
      <c r="C299" s="944" t="s">
        <v>6898</v>
      </c>
      <c r="D299" s="944" t="s">
        <v>7434</v>
      </c>
      <c r="E299" s="944" t="s">
        <v>7435</v>
      </c>
      <c r="F299" s="944" t="s">
        <v>7436</v>
      </c>
      <c r="G299" s="944" t="s">
        <v>7161</v>
      </c>
      <c r="H299" s="944" t="s">
        <v>6837</v>
      </c>
      <c r="I299" s="944" t="s">
        <v>0</v>
      </c>
      <c r="J299" s="952" t="s">
        <v>0</v>
      </c>
    </row>
    <row r="300" spans="2:10" s="395" customFormat="1" ht="14.25">
      <c r="B300" s="951" t="s">
        <v>7437</v>
      </c>
      <c r="C300" s="944" t="s">
        <v>6898</v>
      </c>
      <c r="D300" s="944" t="s">
        <v>7438</v>
      </c>
      <c r="E300" s="944" t="s">
        <v>7439</v>
      </c>
      <c r="F300" s="944" t="s">
        <v>7440</v>
      </c>
      <c r="G300" s="944" t="s">
        <v>7161</v>
      </c>
      <c r="H300" s="944" t="s">
        <v>6837</v>
      </c>
      <c r="I300" s="944" t="s">
        <v>0</v>
      </c>
      <c r="J300" s="952" t="s">
        <v>0</v>
      </c>
    </row>
    <row r="301" spans="2:10" s="395" customFormat="1" ht="14.25">
      <c r="B301" s="951" t="s">
        <v>7441</v>
      </c>
      <c r="C301" s="944" t="s">
        <v>6898</v>
      </c>
      <c r="D301" s="944" t="s">
        <v>7442</v>
      </c>
      <c r="E301" s="944" t="s">
        <v>7443</v>
      </c>
      <c r="F301" s="944" t="s">
        <v>7444</v>
      </c>
      <c r="G301" s="944" t="s">
        <v>7161</v>
      </c>
      <c r="H301" s="944" t="s">
        <v>6837</v>
      </c>
      <c r="I301" s="944" t="s">
        <v>0</v>
      </c>
      <c r="J301" s="952" t="s">
        <v>0</v>
      </c>
    </row>
    <row r="302" spans="2:10" s="395" customFormat="1" ht="14.25">
      <c r="B302" s="951" t="s">
        <v>7445</v>
      </c>
      <c r="C302" s="944" t="s">
        <v>6898</v>
      </c>
      <c r="D302" s="944" t="s">
        <v>7446</v>
      </c>
      <c r="E302" s="944" t="s">
        <v>7447</v>
      </c>
      <c r="F302" s="944" t="s">
        <v>7448</v>
      </c>
      <c r="G302" s="944" t="s">
        <v>7161</v>
      </c>
      <c r="H302" s="944" t="s">
        <v>6837</v>
      </c>
      <c r="I302" s="944" t="s">
        <v>0</v>
      </c>
      <c r="J302" s="952" t="s">
        <v>0</v>
      </c>
    </row>
    <row r="303" spans="2:10" s="395" customFormat="1" ht="14.25">
      <c r="B303" s="951" t="s">
        <v>7449</v>
      </c>
      <c r="C303" s="944" t="s">
        <v>6898</v>
      </c>
      <c r="D303" s="944" t="s">
        <v>7450</v>
      </c>
      <c r="E303" s="944" t="s">
        <v>6565</v>
      </c>
      <c r="F303" s="944" t="s">
        <v>7451</v>
      </c>
      <c r="G303" s="944" t="s">
        <v>7161</v>
      </c>
      <c r="H303" s="944" t="s">
        <v>6837</v>
      </c>
      <c r="I303" s="944" t="s">
        <v>0</v>
      </c>
      <c r="J303" s="952" t="s">
        <v>0</v>
      </c>
    </row>
    <row r="304" spans="2:10" s="395" customFormat="1" ht="14.25">
      <c r="B304" s="951" t="s">
        <v>7452</v>
      </c>
      <c r="C304" s="944" t="s">
        <v>6898</v>
      </c>
      <c r="D304" s="944" t="s">
        <v>3917</v>
      </c>
      <c r="E304" s="944" t="s">
        <v>3918</v>
      </c>
      <c r="F304" s="944" t="s">
        <v>7453</v>
      </c>
      <c r="G304" s="944" t="s">
        <v>7161</v>
      </c>
      <c r="H304" s="944" t="s">
        <v>6837</v>
      </c>
      <c r="I304" s="944" t="s">
        <v>0</v>
      </c>
      <c r="J304" s="952" t="s">
        <v>0</v>
      </c>
    </row>
    <row r="305" spans="2:10" s="395" customFormat="1" ht="14.25">
      <c r="B305" s="951" t="s">
        <v>7454</v>
      </c>
      <c r="C305" s="944" t="s">
        <v>6898</v>
      </c>
      <c r="D305" s="944" t="s">
        <v>3891</v>
      </c>
      <c r="E305" s="944" t="s">
        <v>3892</v>
      </c>
      <c r="F305" s="944" t="s">
        <v>7455</v>
      </c>
      <c r="G305" s="944" t="s">
        <v>7161</v>
      </c>
      <c r="H305" s="944" t="s">
        <v>6837</v>
      </c>
      <c r="I305" s="944" t="s">
        <v>0</v>
      </c>
      <c r="J305" s="952" t="s">
        <v>0</v>
      </c>
    </row>
    <row r="306" spans="2:10" s="395" customFormat="1" ht="14.25">
      <c r="B306" s="951" t="s">
        <v>7456</v>
      </c>
      <c r="C306" s="944" t="s">
        <v>6898</v>
      </c>
      <c r="D306" s="944" t="s">
        <v>3899</v>
      </c>
      <c r="E306" s="944" t="s">
        <v>3900</v>
      </c>
      <c r="F306" s="944" t="s">
        <v>7457</v>
      </c>
      <c r="G306" s="944" t="s">
        <v>7161</v>
      </c>
      <c r="H306" s="944" t="s">
        <v>6837</v>
      </c>
      <c r="I306" s="944" t="s">
        <v>0</v>
      </c>
      <c r="J306" s="952" t="s">
        <v>0</v>
      </c>
    </row>
    <row r="307" spans="2:10" s="395" customFormat="1" ht="14.25">
      <c r="B307" s="951" t="s">
        <v>7458</v>
      </c>
      <c r="C307" s="944" t="s">
        <v>6898</v>
      </c>
      <c r="D307" s="944" t="s">
        <v>7459</v>
      </c>
      <c r="E307" s="944" t="s">
        <v>3908</v>
      </c>
      <c r="F307" s="944" t="s">
        <v>7460</v>
      </c>
      <c r="G307" s="944" t="s">
        <v>7161</v>
      </c>
      <c r="H307" s="944" t="s">
        <v>6837</v>
      </c>
      <c r="I307" s="944" t="s">
        <v>0</v>
      </c>
      <c r="J307" s="952" t="s">
        <v>0</v>
      </c>
    </row>
    <row r="308" spans="2:10" s="395" customFormat="1" ht="14.25">
      <c r="B308" s="951" t="s">
        <v>7461</v>
      </c>
      <c r="C308" s="944" t="s">
        <v>6898</v>
      </c>
      <c r="D308" s="944" t="s">
        <v>7462</v>
      </c>
      <c r="E308" s="944" t="s">
        <v>3896</v>
      </c>
      <c r="F308" s="944" t="s">
        <v>7463</v>
      </c>
      <c r="G308" s="944" t="s">
        <v>7161</v>
      </c>
      <c r="H308" s="944" t="s">
        <v>6837</v>
      </c>
      <c r="I308" s="944" t="s">
        <v>0</v>
      </c>
      <c r="J308" s="952" t="s">
        <v>0</v>
      </c>
    </row>
    <row r="309" spans="2:10" s="395" customFormat="1" ht="14.25">
      <c r="B309" s="951" t="s">
        <v>7464</v>
      </c>
      <c r="C309" s="944" t="s">
        <v>6898</v>
      </c>
      <c r="D309" s="944" t="s">
        <v>3881</v>
      </c>
      <c r="E309" s="944" t="s">
        <v>3882</v>
      </c>
      <c r="F309" s="944" t="s">
        <v>7465</v>
      </c>
      <c r="G309" s="944" t="s">
        <v>7161</v>
      </c>
      <c r="H309" s="944" t="s">
        <v>6837</v>
      </c>
      <c r="I309" s="944" t="s">
        <v>0</v>
      </c>
      <c r="J309" s="952" t="s">
        <v>0</v>
      </c>
    </row>
    <row r="310" spans="2:10" s="395" customFormat="1" ht="14.25">
      <c r="B310" s="951" t="s">
        <v>7466</v>
      </c>
      <c r="C310" s="944" t="s">
        <v>6898</v>
      </c>
      <c r="D310" s="944" t="s">
        <v>3879</v>
      </c>
      <c r="E310" s="944" t="s">
        <v>3880</v>
      </c>
      <c r="F310" s="944" t="s">
        <v>7467</v>
      </c>
      <c r="G310" s="944" t="s">
        <v>7161</v>
      </c>
      <c r="H310" s="944" t="s">
        <v>6837</v>
      </c>
      <c r="I310" s="944" t="s">
        <v>0</v>
      </c>
      <c r="J310" s="952" t="s">
        <v>0</v>
      </c>
    </row>
    <row r="311" spans="2:10" s="395" customFormat="1" ht="14.25">
      <c r="B311" s="951" t="s">
        <v>7468</v>
      </c>
      <c r="C311" s="944" t="s">
        <v>6898</v>
      </c>
      <c r="D311" s="944" t="s">
        <v>3885</v>
      </c>
      <c r="E311" s="944" t="s">
        <v>3886</v>
      </c>
      <c r="F311" s="944" t="s">
        <v>7469</v>
      </c>
      <c r="G311" s="944" t="s">
        <v>7161</v>
      </c>
      <c r="H311" s="944" t="s">
        <v>6837</v>
      </c>
      <c r="I311" s="944" t="s">
        <v>0</v>
      </c>
      <c r="J311" s="952" t="s">
        <v>0</v>
      </c>
    </row>
    <row r="312" spans="2:10" s="395" customFormat="1" ht="14.25">
      <c r="B312" s="951" t="s">
        <v>7470</v>
      </c>
      <c r="C312" s="944" t="s">
        <v>6898</v>
      </c>
      <c r="D312" s="944" t="s">
        <v>3883</v>
      </c>
      <c r="E312" s="944" t="s">
        <v>3884</v>
      </c>
      <c r="F312" s="944" t="s">
        <v>7471</v>
      </c>
      <c r="G312" s="944" t="s">
        <v>7161</v>
      </c>
      <c r="H312" s="944" t="s">
        <v>6837</v>
      </c>
      <c r="I312" s="944" t="s">
        <v>0</v>
      </c>
      <c r="J312" s="952" t="s">
        <v>0</v>
      </c>
    </row>
    <row r="313" spans="2:10" s="395" customFormat="1" ht="14.25">
      <c r="B313" s="951" t="s">
        <v>7472</v>
      </c>
      <c r="C313" s="944" t="s">
        <v>6898</v>
      </c>
      <c r="D313" s="944" t="s">
        <v>7473</v>
      </c>
      <c r="E313" s="944" t="s">
        <v>3894</v>
      </c>
      <c r="F313" s="944" t="s">
        <v>7474</v>
      </c>
      <c r="G313" s="944" t="s">
        <v>7161</v>
      </c>
      <c r="H313" s="944" t="s">
        <v>6837</v>
      </c>
      <c r="I313" s="944" t="s">
        <v>0</v>
      </c>
      <c r="J313" s="952" t="s">
        <v>0</v>
      </c>
    </row>
    <row r="314" spans="2:10" s="395" customFormat="1" ht="14.25">
      <c r="B314" s="951" t="s">
        <v>7475</v>
      </c>
      <c r="C314" s="944" t="s">
        <v>6898</v>
      </c>
      <c r="D314" s="944" t="s">
        <v>7476</v>
      </c>
      <c r="E314" s="944" t="s">
        <v>3910</v>
      </c>
      <c r="F314" s="944" t="s">
        <v>7477</v>
      </c>
      <c r="G314" s="944" t="s">
        <v>7161</v>
      </c>
      <c r="H314" s="944" t="s">
        <v>6837</v>
      </c>
      <c r="I314" s="944" t="s">
        <v>0</v>
      </c>
      <c r="J314" s="952" t="s">
        <v>0</v>
      </c>
    </row>
    <row r="315" spans="2:10" s="395" customFormat="1" ht="14.25">
      <c r="B315" s="951" t="s">
        <v>7478</v>
      </c>
      <c r="C315" s="944" t="s">
        <v>6898</v>
      </c>
      <c r="D315" s="944" t="s">
        <v>7479</v>
      </c>
      <c r="E315" s="944" t="s">
        <v>7480</v>
      </c>
      <c r="F315" s="944" t="s">
        <v>7481</v>
      </c>
      <c r="G315" s="944" t="s">
        <v>7161</v>
      </c>
      <c r="H315" s="944" t="s">
        <v>6837</v>
      </c>
      <c r="I315" s="944" t="s">
        <v>0</v>
      </c>
      <c r="J315" s="952" t="s">
        <v>0</v>
      </c>
    </row>
    <row r="316" spans="2:10" s="395" customFormat="1" ht="14.25">
      <c r="B316" s="951" t="s">
        <v>7482</v>
      </c>
      <c r="C316" s="944" t="s">
        <v>6898</v>
      </c>
      <c r="D316" s="944" t="s">
        <v>3877</v>
      </c>
      <c r="E316" s="944" t="s">
        <v>3878</v>
      </c>
      <c r="F316" s="944" t="s">
        <v>7483</v>
      </c>
      <c r="G316" s="944" t="s">
        <v>7161</v>
      </c>
      <c r="H316" s="944" t="s">
        <v>6837</v>
      </c>
      <c r="I316" s="944" t="s">
        <v>0</v>
      </c>
      <c r="J316" s="952" t="s">
        <v>0</v>
      </c>
    </row>
    <row r="317" spans="2:10" s="395" customFormat="1" ht="14.25">
      <c r="B317" s="951" t="s">
        <v>7484</v>
      </c>
      <c r="C317" s="944" t="s">
        <v>6898</v>
      </c>
      <c r="D317" s="944" t="s">
        <v>7485</v>
      </c>
      <c r="E317" s="944" t="s">
        <v>3912</v>
      </c>
      <c r="F317" s="944" t="s">
        <v>7486</v>
      </c>
      <c r="G317" s="944" t="s">
        <v>7161</v>
      </c>
      <c r="H317" s="944" t="s">
        <v>6837</v>
      </c>
      <c r="I317" s="944" t="s">
        <v>0</v>
      </c>
      <c r="J317" s="952" t="s">
        <v>0</v>
      </c>
    </row>
    <row r="318" spans="2:10" s="395" customFormat="1" ht="14.25">
      <c r="B318" s="951" t="s">
        <v>7487</v>
      </c>
      <c r="C318" s="944" t="s">
        <v>6898</v>
      </c>
      <c r="D318" s="944" t="s">
        <v>7488</v>
      </c>
      <c r="E318" s="944" t="s">
        <v>7489</v>
      </c>
      <c r="F318" s="944" t="s">
        <v>7490</v>
      </c>
      <c r="G318" s="944" t="s">
        <v>7161</v>
      </c>
      <c r="H318" s="944" t="s">
        <v>6837</v>
      </c>
      <c r="I318" s="944" t="s">
        <v>0</v>
      </c>
      <c r="J318" s="952" t="s">
        <v>0</v>
      </c>
    </row>
    <row r="319" spans="2:10" s="395" customFormat="1" ht="14.25">
      <c r="B319" s="951" t="s">
        <v>7491</v>
      </c>
      <c r="C319" s="944" t="s">
        <v>6898</v>
      </c>
      <c r="D319" s="944" t="s">
        <v>3903</v>
      </c>
      <c r="E319" s="944" t="s">
        <v>3904</v>
      </c>
      <c r="F319" s="944" t="s">
        <v>7492</v>
      </c>
      <c r="G319" s="944" t="s">
        <v>7161</v>
      </c>
      <c r="H319" s="944" t="s">
        <v>6837</v>
      </c>
      <c r="I319" s="944" t="s">
        <v>0</v>
      </c>
      <c r="J319" s="952" t="s">
        <v>0</v>
      </c>
    </row>
    <row r="320" spans="2:10" s="395" customFormat="1" ht="14.25">
      <c r="B320" s="951" t="s">
        <v>7493</v>
      </c>
      <c r="C320" s="944" t="s">
        <v>6898</v>
      </c>
      <c r="D320" s="944" t="s">
        <v>3905</v>
      </c>
      <c r="E320" s="944" t="s">
        <v>3906</v>
      </c>
      <c r="F320" s="944" t="s">
        <v>7494</v>
      </c>
      <c r="G320" s="944" t="s">
        <v>7161</v>
      </c>
      <c r="H320" s="944" t="s">
        <v>6837</v>
      </c>
      <c r="I320" s="944" t="s">
        <v>0</v>
      </c>
      <c r="J320" s="952" t="s">
        <v>0</v>
      </c>
    </row>
    <row r="321" spans="2:10" s="395" customFormat="1" ht="14.25">
      <c r="B321" s="951" t="s">
        <v>7495</v>
      </c>
      <c r="C321" s="944" t="s">
        <v>561</v>
      </c>
      <c r="D321" s="944" t="s">
        <v>561</v>
      </c>
      <c r="E321" s="944" t="s">
        <v>3314</v>
      </c>
      <c r="F321" s="944" t="s">
        <v>0</v>
      </c>
      <c r="G321" s="944" t="s">
        <v>7161</v>
      </c>
      <c r="H321" s="944" t="s">
        <v>6837</v>
      </c>
      <c r="I321" s="944" t="s">
        <v>14121</v>
      </c>
      <c r="J321" s="952" t="s">
        <v>34107</v>
      </c>
    </row>
    <row r="322" spans="2:10" s="395" customFormat="1" ht="14.25">
      <c r="B322" s="951" t="s">
        <v>7496</v>
      </c>
      <c r="C322" s="944" t="s">
        <v>561</v>
      </c>
      <c r="D322" s="944" t="s">
        <v>7497</v>
      </c>
      <c r="E322" s="944" t="s">
        <v>7501</v>
      </c>
      <c r="F322" s="944" t="s">
        <v>0</v>
      </c>
      <c r="G322" s="944" t="s">
        <v>7161</v>
      </c>
      <c r="H322" s="944" t="s">
        <v>6837</v>
      </c>
      <c r="I322" s="944" t="s">
        <v>13790</v>
      </c>
      <c r="J322" s="952" t="s">
        <v>34108</v>
      </c>
    </row>
    <row r="323" spans="2:10" s="395" customFormat="1" ht="14.25">
      <c r="B323" s="951" t="s">
        <v>7499</v>
      </c>
      <c r="C323" s="944" t="s">
        <v>561</v>
      </c>
      <c r="D323" s="944" t="s">
        <v>7500</v>
      </c>
      <c r="E323" s="944" t="s">
        <v>7498</v>
      </c>
      <c r="F323" s="944" t="s">
        <v>0</v>
      </c>
      <c r="G323" s="944" t="s">
        <v>7161</v>
      </c>
      <c r="H323" s="944" t="s">
        <v>6837</v>
      </c>
      <c r="I323" s="944" t="s">
        <v>13790</v>
      </c>
      <c r="J323" s="952" t="s">
        <v>34108</v>
      </c>
    </row>
    <row r="324" spans="2:10" s="395" customFormat="1" ht="14.25">
      <c r="B324" s="951" t="s">
        <v>7502</v>
      </c>
      <c r="C324" s="944" t="s">
        <v>561</v>
      </c>
      <c r="D324" s="944" t="s">
        <v>7503</v>
      </c>
      <c r="E324" s="944" t="s">
        <v>7504</v>
      </c>
      <c r="F324" s="944" t="s">
        <v>0</v>
      </c>
      <c r="G324" s="944" t="s">
        <v>7161</v>
      </c>
      <c r="H324" s="944" t="s">
        <v>6837</v>
      </c>
      <c r="I324" s="944" t="s">
        <v>13790</v>
      </c>
      <c r="J324" s="952" t="s">
        <v>34109</v>
      </c>
    </row>
    <row r="325" spans="2:10" s="395" customFormat="1" ht="14.25">
      <c r="B325" s="951" t="s">
        <v>13801</v>
      </c>
      <c r="C325" s="944" t="s">
        <v>561</v>
      </c>
      <c r="D325" s="944" t="s">
        <v>13802</v>
      </c>
      <c r="E325" s="944" t="s">
        <v>3316</v>
      </c>
      <c r="F325" s="944" t="s">
        <v>0</v>
      </c>
      <c r="G325" s="944" t="s">
        <v>7161</v>
      </c>
      <c r="H325" s="944" t="s">
        <v>13790</v>
      </c>
      <c r="I325" s="944" t="s">
        <v>13790</v>
      </c>
      <c r="J325" s="952" t="s">
        <v>34110</v>
      </c>
    </row>
    <row r="326" spans="2:10" s="395" customFormat="1" ht="14.25">
      <c r="B326" s="951" t="s">
        <v>7505</v>
      </c>
      <c r="C326" s="944" t="s">
        <v>6908</v>
      </c>
      <c r="D326" s="944" t="s">
        <v>4144</v>
      </c>
      <c r="E326" s="944" t="s">
        <v>4145</v>
      </c>
      <c r="F326" s="944" t="s">
        <v>0</v>
      </c>
      <c r="G326" s="944" t="s">
        <v>7161</v>
      </c>
      <c r="H326" s="944" t="s">
        <v>6837</v>
      </c>
      <c r="I326" s="944" t="s">
        <v>0</v>
      </c>
      <c r="J326" s="952" t="s">
        <v>0</v>
      </c>
    </row>
    <row r="327" spans="2:10" s="395" customFormat="1" ht="14.25">
      <c r="B327" s="951" t="s">
        <v>7506</v>
      </c>
      <c r="C327" s="944" t="s">
        <v>6908</v>
      </c>
      <c r="D327" s="944" t="s">
        <v>7507</v>
      </c>
      <c r="E327" s="944" t="s">
        <v>4373</v>
      </c>
      <c r="F327" s="944" t="s">
        <v>0</v>
      </c>
      <c r="G327" s="944" t="s">
        <v>7161</v>
      </c>
      <c r="H327" s="944" t="s">
        <v>6837</v>
      </c>
      <c r="I327" s="944" t="s">
        <v>0</v>
      </c>
      <c r="J327" s="952" t="s">
        <v>0</v>
      </c>
    </row>
    <row r="328" spans="2:10" s="395" customFormat="1" ht="14.25">
      <c r="B328" s="951" t="s">
        <v>7508</v>
      </c>
      <c r="C328" s="944" t="s">
        <v>6908</v>
      </c>
      <c r="D328" s="944" t="s">
        <v>7509</v>
      </c>
      <c r="E328" s="944" t="s">
        <v>4210</v>
      </c>
      <c r="F328" s="944" t="s">
        <v>0</v>
      </c>
      <c r="G328" s="944" t="s">
        <v>7161</v>
      </c>
      <c r="H328" s="944" t="s">
        <v>6837</v>
      </c>
      <c r="I328" s="944" t="s">
        <v>0</v>
      </c>
      <c r="J328" s="952" t="s">
        <v>0</v>
      </c>
    </row>
    <row r="329" spans="2:10" s="395" customFormat="1" ht="14.25">
      <c r="B329" s="951" t="s">
        <v>7510</v>
      </c>
      <c r="C329" s="944" t="s">
        <v>6908</v>
      </c>
      <c r="D329" s="944" t="s">
        <v>321</v>
      </c>
      <c r="E329" s="944" t="s">
        <v>323</v>
      </c>
      <c r="F329" s="944" t="s">
        <v>0</v>
      </c>
      <c r="G329" s="944" t="s">
        <v>7161</v>
      </c>
      <c r="H329" s="944" t="s">
        <v>6837</v>
      </c>
      <c r="I329" s="944" t="s">
        <v>13695</v>
      </c>
      <c r="J329" s="952" t="s">
        <v>13699</v>
      </c>
    </row>
    <row r="330" spans="2:10" s="395" customFormat="1" ht="14.25">
      <c r="B330" s="951" t="s">
        <v>7511</v>
      </c>
      <c r="C330" s="944" t="s">
        <v>6908</v>
      </c>
      <c r="D330" s="944" t="s">
        <v>4146</v>
      </c>
      <c r="E330" s="944" t="s">
        <v>4147</v>
      </c>
      <c r="F330" s="944" t="s">
        <v>0</v>
      </c>
      <c r="G330" s="944" t="s">
        <v>7161</v>
      </c>
      <c r="H330" s="944" t="s">
        <v>6837</v>
      </c>
      <c r="I330" s="944" t="s">
        <v>0</v>
      </c>
      <c r="J330" s="952" t="s">
        <v>0</v>
      </c>
    </row>
    <row r="331" spans="2:10" s="395" customFormat="1" ht="14.25">
      <c r="B331" s="951" t="s">
        <v>7512</v>
      </c>
      <c r="C331" s="944" t="s">
        <v>6908</v>
      </c>
      <c r="D331" s="944" t="s">
        <v>7513</v>
      </c>
      <c r="E331" s="944" t="s">
        <v>4354</v>
      </c>
      <c r="F331" s="944" t="s">
        <v>0</v>
      </c>
      <c r="G331" s="944" t="s">
        <v>7161</v>
      </c>
      <c r="H331" s="944" t="s">
        <v>6837</v>
      </c>
      <c r="I331" s="944" t="s">
        <v>0</v>
      </c>
      <c r="J331" s="952" t="s">
        <v>0</v>
      </c>
    </row>
    <row r="332" spans="2:10" s="395" customFormat="1" ht="14.25">
      <c r="B332" s="951" t="s">
        <v>7514</v>
      </c>
      <c r="C332" s="944" t="s">
        <v>6908</v>
      </c>
      <c r="D332" s="944" t="s">
        <v>7515</v>
      </c>
      <c r="E332" s="944" t="s">
        <v>4335</v>
      </c>
      <c r="F332" s="944" t="s">
        <v>0</v>
      </c>
      <c r="G332" s="944" t="s">
        <v>7161</v>
      </c>
      <c r="H332" s="944" t="s">
        <v>6837</v>
      </c>
      <c r="I332" s="944" t="s">
        <v>0</v>
      </c>
      <c r="J332" s="952" t="s">
        <v>0</v>
      </c>
    </row>
    <row r="333" spans="2:10" s="395" customFormat="1" ht="14.25">
      <c r="B333" s="951" t="s">
        <v>7516</v>
      </c>
      <c r="C333" s="944" t="s">
        <v>6908</v>
      </c>
      <c r="D333" s="944" t="s">
        <v>7517</v>
      </c>
      <c r="E333" s="944" t="s">
        <v>292</v>
      </c>
      <c r="F333" s="944" t="s">
        <v>0</v>
      </c>
      <c r="G333" s="944" t="s">
        <v>7161</v>
      </c>
      <c r="H333" s="944" t="s">
        <v>6837</v>
      </c>
      <c r="I333" s="944" t="s">
        <v>0</v>
      </c>
      <c r="J333" s="952" t="s">
        <v>0</v>
      </c>
    </row>
    <row r="334" spans="2:10" s="395" customFormat="1" ht="14.25">
      <c r="B334" s="951" t="s">
        <v>7518</v>
      </c>
      <c r="C334" s="944" t="s">
        <v>6908</v>
      </c>
      <c r="D334" s="944" t="s">
        <v>7519</v>
      </c>
      <c r="E334" s="944" t="s">
        <v>4377</v>
      </c>
      <c r="F334" s="944" t="s">
        <v>0</v>
      </c>
      <c r="G334" s="944" t="s">
        <v>7161</v>
      </c>
      <c r="H334" s="944" t="s">
        <v>6837</v>
      </c>
      <c r="I334" s="944" t="s">
        <v>0</v>
      </c>
      <c r="J334" s="952" t="s">
        <v>0</v>
      </c>
    </row>
    <row r="335" spans="2:10" s="395" customFormat="1" ht="14.25">
      <c r="B335" s="951" t="s">
        <v>7520</v>
      </c>
      <c r="C335" s="944" t="s">
        <v>6908</v>
      </c>
      <c r="D335" s="944" t="s">
        <v>7521</v>
      </c>
      <c r="E335" s="944" t="s">
        <v>4337</v>
      </c>
      <c r="F335" s="944" t="s">
        <v>4336</v>
      </c>
      <c r="G335" s="944" t="s">
        <v>7161</v>
      </c>
      <c r="H335" s="944" t="s">
        <v>6837</v>
      </c>
      <c r="I335" s="944" t="s">
        <v>26995</v>
      </c>
      <c r="J335" s="952" t="s">
        <v>27165</v>
      </c>
    </row>
    <row r="336" spans="2:10" s="395" customFormat="1" ht="14.25">
      <c r="B336" s="951" t="s">
        <v>7522</v>
      </c>
      <c r="C336" s="944" t="s">
        <v>6908</v>
      </c>
      <c r="D336" s="944" t="s">
        <v>7523</v>
      </c>
      <c r="E336" s="944" t="s">
        <v>267</v>
      </c>
      <c r="F336" s="944" t="s">
        <v>0</v>
      </c>
      <c r="G336" s="944" t="s">
        <v>7161</v>
      </c>
      <c r="H336" s="944" t="s">
        <v>6837</v>
      </c>
      <c r="I336" s="944" t="s">
        <v>0</v>
      </c>
      <c r="J336" s="952" t="s">
        <v>0</v>
      </c>
    </row>
    <row r="337" spans="2:10" s="395" customFormat="1" ht="14.25">
      <c r="B337" s="951" t="s">
        <v>7524</v>
      </c>
      <c r="C337" s="944" t="s">
        <v>6908</v>
      </c>
      <c r="D337" s="944" t="s">
        <v>7525</v>
      </c>
      <c r="E337" s="944" t="s">
        <v>4372</v>
      </c>
      <c r="F337" s="944" t="s">
        <v>0</v>
      </c>
      <c r="G337" s="944" t="s">
        <v>7161</v>
      </c>
      <c r="H337" s="944" t="s">
        <v>6837</v>
      </c>
      <c r="I337" s="944" t="s">
        <v>0</v>
      </c>
      <c r="J337" s="952" t="s">
        <v>0</v>
      </c>
    </row>
    <row r="338" spans="2:10" s="395" customFormat="1" ht="14.25">
      <c r="B338" s="951" t="s">
        <v>7526</v>
      </c>
      <c r="C338" s="944" t="s">
        <v>6908</v>
      </c>
      <c r="D338" s="944" t="s">
        <v>7527</v>
      </c>
      <c r="E338" s="944" t="s">
        <v>317</v>
      </c>
      <c r="F338" s="944" t="s">
        <v>0</v>
      </c>
      <c r="G338" s="944" t="s">
        <v>7161</v>
      </c>
      <c r="H338" s="944" t="s">
        <v>6837</v>
      </c>
      <c r="I338" s="944" t="s">
        <v>0</v>
      </c>
      <c r="J338" s="952" t="s">
        <v>0</v>
      </c>
    </row>
    <row r="339" spans="2:10" s="395" customFormat="1" ht="14.25">
      <c r="B339" s="951" t="s">
        <v>7528</v>
      </c>
      <c r="C339" s="944" t="s">
        <v>6908</v>
      </c>
      <c r="D339" s="944" t="s">
        <v>4363</v>
      </c>
      <c r="E339" s="944" t="s">
        <v>4668</v>
      </c>
      <c r="F339" s="944" t="s">
        <v>0</v>
      </c>
      <c r="G339" s="944" t="s">
        <v>7161</v>
      </c>
      <c r="H339" s="944" t="s">
        <v>6837</v>
      </c>
      <c r="I339" s="944" t="s">
        <v>0</v>
      </c>
      <c r="J339" s="952" t="s">
        <v>0</v>
      </c>
    </row>
    <row r="340" spans="2:10" s="395" customFormat="1" ht="14.25">
      <c r="B340" s="951" t="s">
        <v>7529</v>
      </c>
      <c r="C340" s="944" t="s">
        <v>6908</v>
      </c>
      <c r="D340" s="944" t="s">
        <v>6927</v>
      </c>
      <c r="E340" s="944" t="s">
        <v>514</v>
      </c>
      <c r="F340" s="944" t="s">
        <v>0</v>
      </c>
      <c r="G340" s="944" t="s">
        <v>7161</v>
      </c>
      <c r="H340" s="944" t="s">
        <v>6837</v>
      </c>
      <c r="I340" s="944" t="s">
        <v>0</v>
      </c>
      <c r="J340" s="952" t="s">
        <v>7530</v>
      </c>
    </row>
    <row r="341" spans="2:10" s="395" customFormat="1" ht="14.25">
      <c r="B341" s="951" t="s">
        <v>7531</v>
      </c>
      <c r="C341" s="944" t="s">
        <v>6908</v>
      </c>
      <c r="D341" s="944" t="s">
        <v>6930</v>
      </c>
      <c r="E341" s="944" t="s">
        <v>517</v>
      </c>
      <c r="F341" s="944" t="s">
        <v>0</v>
      </c>
      <c r="G341" s="944" t="s">
        <v>7161</v>
      </c>
      <c r="H341" s="944" t="s">
        <v>6837</v>
      </c>
      <c r="I341" s="944" t="s">
        <v>0</v>
      </c>
      <c r="J341" s="952" t="s">
        <v>7530</v>
      </c>
    </row>
    <row r="342" spans="2:10" s="395" customFormat="1" ht="14.25">
      <c r="B342" s="951" t="s">
        <v>7532</v>
      </c>
      <c r="C342" s="944" t="s">
        <v>6908</v>
      </c>
      <c r="D342" s="944" t="s">
        <v>6933</v>
      </c>
      <c r="E342" s="944" t="s">
        <v>520</v>
      </c>
      <c r="F342" s="944" t="s">
        <v>0</v>
      </c>
      <c r="G342" s="944" t="s">
        <v>7161</v>
      </c>
      <c r="H342" s="944" t="s">
        <v>6837</v>
      </c>
      <c r="I342" s="944" t="s">
        <v>0</v>
      </c>
      <c r="J342" s="952" t="s">
        <v>7530</v>
      </c>
    </row>
    <row r="343" spans="2:10" s="395" customFormat="1" ht="14.25">
      <c r="B343" s="951" t="s">
        <v>7533</v>
      </c>
      <c r="C343" s="944" t="s">
        <v>6936</v>
      </c>
      <c r="D343" s="944" t="s">
        <v>4914</v>
      </c>
      <c r="E343" s="944" t="s">
        <v>4915</v>
      </c>
      <c r="F343" s="944" t="s">
        <v>0</v>
      </c>
      <c r="G343" s="944" t="s">
        <v>7161</v>
      </c>
      <c r="H343" s="944" t="s">
        <v>6837</v>
      </c>
      <c r="I343" s="944" t="s">
        <v>0</v>
      </c>
      <c r="J343" s="952" t="s">
        <v>0</v>
      </c>
    </row>
    <row r="344" spans="2:10" s="395" customFormat="1" ht="14.25">
      <c r="B344" s="951" t="s">
        <v>7534</v>
      </c>
      <c r="C344" s="944" t="s">
        <v>6936</v>
      </c>
      <c r="D344" s="944" t="s">
        <v>27166</v>
      </c>
      <c r="E344" s="944" t="s">
        <v>7535</v>
      </c>
      <c r="F344" s="944" t="s">
        <v>0</v>
      </c>
      <c r="G344" s="944" t="s">
        <v>7161</v>
      </c>
      <c r="H344" s="944" t="s">
        <v>6837</v>
      </c>
      <c r="I344" s="944" t="s">
        <v>26995</v>
      </c>
      <c r="J344" s="952" t="s">
        <v>27167</v>
      </c>
    </row>
    <row r="345" spans="2:10" s="395" customFormat="1" ht="14.25">
      <c r="B345" s="951" t="s">
        <v>7536</v>
      </c>
      <c r="C345" s="944" t="s">
        <v>6936</v>
      </c>
      <c r="D345" s="944" t="s">
        <v>7537</v>
      </c>
      <c r="E345" s="944" t="s">
        <v>4879</v>
      </c>
      <c r="F345" s="944" t="s">
        <v>0</v>
      </c>
      <c r="G345" s="944" t="s">
        <v>7161</v>
      </c>
      <c r="H345" s="944" t="s">
        <v>6837</v>
      </c>
      <c r="I345" s="944" t="s">
        <v>0</v>
      </c>
      <c r="J345" s="952" t="s">
        <v>0</v>
      </c>
    </row>
    <row r="346" spans="2:10" s="395" customFormat="1" ht="14.25">
      <c r="B346" s="951" t="s">
        <v>7538</v>
      </c>
      <c r="C346" s="944" t="s">
        <v>6936</v>
      </c>
      <c r="D346" s="944" t="s">
        <v>4894</v>
      </c>
      <c r="E346" s="944" t="s">
        <v>4895</v>
      </c>
      <c r="F346" s="944" t="s">
        <v>0</v>
      </c>
      <c r="G346" s="944" t="s">
        <v>7161</v>
      </c>
      <c r="H346" s="944" t="s">
        <v>6837</v>
      </c>
      <c r="I346" s="944" t="s">
        <v>0</v>
      </c>
      <c r="J346" s="952" t="s">
        <v>0</v>
      </c>
    </row>
    <row r="347" spans="2:10" s="395" customFormat="1" ht="14.25">
      <c r="B347" s="951" t="s">
        <v>7539</v>
      </c>
      <c r="C347" s="944" t="s">
        <v>6936</v>
      </c>
      <c r="D347" s="944" t="s">
        <v>4884</v>
      </c>
      <c r="E347" s="944" t="s">
        <v>4885</v>
      </c>
      <c r="F347" s="944" t="s">
        <v>0</v>
      </c>
      <c r="G347" s="944" t="s">
        <v>7161</v>
      </c>
      <c r="H347" s="944" t="s">
        <v>6837</v>
      </c>
      <c r="I347" s="944" t="s">
        <v>0</v>
      </c>
      <c r="J347" s="952" t="s">
        <v>0</v>
      </c>
    </row>
    <row r="348" spans="2:10" s="395" customFormat="1" ht="14.25">
      <c r="B348" s="951" t="s">
        <v>7540</v>
      </c>
      <c r="C348" s="944" t="s">
        <v>6936</v>
      </c>
      <c r="D348" s="944" t="s">
        <v>7541</v>
      </c>
      <c r="E348" s="944" t="s">
        <v>4887</v>
      </c>
      <c r="F348" s="944" t="s">
        <v>0</v>
      </c>
      <c r="G348" s="944" t="s">
        <v>7161</v>
      </c>
      <c r="H348" s="944" t="s">
        <v>6837</v>
      </c>
      <c r="I348" s="944" t="s">
        <v>0</v>
      </c>
      <c r="J348" s="952" t="s">
        <v>0</v>
      </c>
    </row>
    <row r="349" spans="2:10" s="395" customFormat="1" ht="14.25">
      <c r="B349" s="951" t="s">
        <v>7542</v>
      </c>
      <c r="C349" s="944" t="s">
        <v>6936</v>
      </c>
      <c r="D349" s="944" t="s">
        <v>7543</v>
      </c>
      <c r="E349" s="944" t="s">
        <v>4965</v>
      </c>
      <c r="F349" s="944" t="s">
        <v>0</v>
      </c>
      <c r="G349" s="944" t="s">
        <v>7161</v>
      </c>
      <c r="H349" s="944" t="s">
        <v>6837</v>
      </c>
      <c r="I349" s="944" t="s">
        <v>0</v>
      </c>
      <c r="J349" s="952" t="s">
        <v>0</v>
      </c>
    </row>
    <row r="350" spans="2:10" s="395" customFormat="1" ht="14.25">
      <c r="B350" s="951" t="s">
        <v>7544</v>
      </c>
      <c r="C350" s="944" t="s">
        <v>6949</v>
      </c>
      <c r="D350" s="944" t="s">
        <v>6026</v>
      </c>
      <c r="E350" s="944" t="s">
        <v>6027</v>
      </c>
      <c r="F350" s="944" t="s">
        <v>7545</v>
      </c>
      <c r="G350" s="944" t="s">
        <v>7161</v>
      </c>
      <c r="H350" s="944" t="s">
        <v>6837</v>
      </c>
      <c r="I350" s="944" t="s">
        <v>0</v>
      </c>
      <c r="J350" s="952" t="s">
        <v>7546</v>
      </c>
    </row>
    <row r="351" spans="2:10" s="395" customFormat="1" ht="14.25">
      <c r="B351" s="951" t="s">
        <v>7547</v>
      </c>
      <c r="C351" s="944" t="s">
        <v>6949</v>
      </c>
      <c r="D351" s="944" t="s">
        <v>5983</v>
      </c>
      <c r="E351" s="944" t="s">
        <v>5984</v>
      </c>
      <c r="F351" s="944" t="s">
        <v>7548</v>
      </c>
      <c r="G351" s="944" t="s">
        <v>7161</v>
      </c>
      <c r="H351" s="944" t="s">
        <v>6837</v>
      </c>
      <c r="I351" s="944" t="s">
        <v>0</v>
      </c>
      <c r="J351" s="952" t="s">
        <v>7546</v>
      </c>
    </row>
    <row r="352" spans="2:10" s="395" customFormat="1" ht="14.25">
      <c r="B352" s="951" t="s">
        <v>7549</v>
      </c>
      <c r="C352" s="944" t="s">
        <v>6949</v>
      </c>
      <c r="D352" s="944" t="s">
        <v>5971</v>
      </c>
      <c r="E352" s="944" t="s">
        <v>5972</v>
      </c>
      <c r="F352" s="944" t="s">
        <v>7550</v>
      </c>
      <c r="G352" s="944" t="s">
        <v>7161</v>
      </c>
      <c r="H352" s="944" t="s">
        <v>6837</v>
      </c>
      <c r="I352" s="944" t="s">
        <v>0</v>
      </c>
      <c r="J352" s="952" t="s">
        <v>7546</v>
      </c>
    </row>
    <row r="353" spans="2:10" s="395" customFormat="1" ht="14.25">
      <c r="B353" s="951" t="s">
        <v>7551</v>
      </c>
      <c r="C353" s="944" t="s">
        <v>6949</v>
      </c>
      <c r="D353" s="944" t="s">
        <v>6018</v>
      </c>
      <c r="E353" s="944" t="s">
        <v>6019</v>
      </c>
      <c r="F353" s="944" t="s">
        <v>7552</v>
      </c>
      <c r="G353" s="944" t="s">
        <v>7161</v>
      </c>
      <c r="H353" s="944" t="s">
        <v>6837</v>
      </c>
      <c r="I353" s="944" t="s">
        <v>0</v>
      </c>
      <c r="J353" s="952" t="s">
        <v>7546</v>
      </c>
    </row>
    <row r="354" spans="2:10" s="395" customFormat="1" ht="14.25">
      <c r="B354" s="951" t="s">
        <v>7553</v>
      </c>
      <c r="C354" s="944" t="s">
        <v>6949</v>
      </c>
      <c r="D354" s="944" t="s">
        <v>7554</v>
      </c>
      <c r="E354" s="944" t="s">
        <v>7555</v>
      </c>
      <c r="F354" s="944" t="s">
        <v>7556</v>
      </c>
      <c r="G354" s="944" t="s">
        <v>7161</v>
      </c>
      <c r="H354" s="944" t="s">
        <v>6837</v>
      </c>
      <c r="I354" s="944" t="s">
        <v>0</v>
      </c>
      <c r="J354" s="952" t="s">
        <v>7546</v>
      </c>
    </row>
    <row r="355" spans="2:10" s="395" customFormat="1" ht="14.25">
      <c r="B355" s="951" t="s">
        <v>7557</v>
      </c>
      <c r="C355" s="944" t="s">
        <v>6949</v>
      </c>
      <c r="D355" s="944" t="s">
        <v>7558</v>
      </c>
      <c r="E355" s="944" t="s">
        <v>7559</v>
      </c>
      <c r="F355" s="944" t="s">
        <v>7560</v>
      </c>
      <c r="G355" s="944" t="s">
        <v>7161</v>
      </c>
      <c r="H355" s="944" t="s">
        <v>6837</v>
      </c>
      <c r="I355" s="944" t="s">
        <v>0</v>
      </c>
      <c r="J355" s="952" t="s">
        <v>7546</v>
      </c>
    </row>
    <row r="356" spans="2:10" s="395" customFormat="1" ht="14.25">
      <c r="B356" s="951" t="s">
        <v>7561</v>
      </c>
      <c r="C356" s="944" t="s">
        <v>6949</v>
      </c>
      <c r="D356" s="944" t="s">
        <v>7562</v>
      </c>
      <c r="E356" s="944" t="s">
        <v>5974</v>
      </c>
      <c r="F356" s="944" t="s">
        <v>7563</v>
      </c>
      <c r="G356" s="944" t="s">
        <v>7161</v>
      </c>
      <c r="H356" s="944" t="s">
        <v>6837</v>
      </c>
      <c r="I356" s="944" t="s">
        <v>0</v>
      </c>
      <c r="J356" s="952" t="s">
        <v>7546</v>
      </c>
    </row>
    <row r="357" spans="2:10" s="395" customFormat="1" ht="14.25">
      <c r="B357" s="951" t="s">
        <v>7564</v>
      </c>
      <c r="C357" s="944" t="s">
        <v>6949</v>
      </c>
      <c r="D357" s="944" t="s">
        <v>6014</v>
      </c>
      <c r="E357" s="944" t="s">
        <v>6015</v>
      </c>
      <c r="F357" s="944" t="s">
        <v>7565</v>
      </c>
      <c r="G357" s="944" t="s">
        <v>7161</v>
      </c>
      <c r="H357" s="944" t="s">
        <v>6837</v>
      </c>
      <c r="I357" s="944" t="s">
        <v>0</v>
      </c>
      <c r="J357" s="952" t="s">
        <v>7546</v>
      </c>
    </row>
    <row r="358" spans="2:10" s="395" customFormat="1" ht="14.25">
      <c r="B358" s="951" t="s">
        <v>7566</v>
      </c>
      <c r="C358" s="944" t="s">
        <v>6949</v>
      </c>
      <c r="D358" s="944" t="s">
        <v>7567</v>
      </c>
      <c r="E358" s="944" t="s">
        <v>7568</v>
      </c>
      <c r="F358" s="944" t="s">
        <v>7569</v>
      </c>
      <c r="G358" s="944" t="s">
        <v>7161</v>
      </c>
      <c r="H358" s="944" t="s">
        <v>6837</v>
      </c>
      <c r="I358" s="944" t="s">
        <v>0</v>
      </c>
      <c r="J358" s="952" t="s">
        <v>7546</v>
      </c>
    </row>
    <row r="359" spans="2:10" s="395" customFormat="1" ht="14.25">
      <c r="B359" s="951" t="s">
        <v>7570</v>
      </c>
      <c r="C359" s="944" t="s">
        <v>6949</v>
      </c>
      <c r="D359" s="944" t="s">
        <v>6004</v>
      </c>
      <c r="E359" s="944" t="s">
        <v>5912</v>
      </c>
      <c r="F359" s="944" t="s">
        <v>7571</v>
      </c>
      <c r="G359" s="944" t="s">
        <v>7161</v>
      </c>
      <c r="H359" s="944" t="s">
        <v>6837</v>
      </c>
      <c r="I359" s="944" t="s">
        <v>0</v>
      </c>
      <c r="J359" s="952" t="s">
        <v>7546</v>
      </c>
    </row>
    <row r="360" spans="2:10" s="395" customFormat="1" ht="14.25">
      <c r="B360" s="951" t="s">
        <v>7572</v>
      </c>
      <c r="C360" s="944" t="s">
        <v>6949</v>
      </c>
      <c r="D360" s="944" t="s">
        <v>6020</v>
      </c>
      <c r="E360" s="944" t="s">
        <v>7573</v>
      </c>
      <c r="F360" s="944" t="s">
        <v>7574</v>
      </c>
      <c r="G360" s="944" t="s">
        <v>7161</v>
      </c>
      <c r="H360" s="944" t="s">
        <v>6837</v>
      </c>
      <c r="I360" s="944" t="s">
        <v>0</v>
      </c>
      <c r="J360" s="952" t="s">
        <v>7546</v>
      </c>
    </row>
    <row r="361" spans="2:10" s="395" customFormat="1" ht="14.25">
      <c r="B361" s="951" t="s">
        <v>7575</v>
      </c>
      <c r="C361" s="944" t="s">
        <v>6949</v>
      </c>
      <c r="D361" s="944" t="s">
        <v>7576</v>
      </c>
      <c r="E361" s="944" t="s">
        <v>7577</v>
      </c>
      <c r="F361" s="944" t="s">
        <v>7578</v>
      </c>
      <c r="G361" s="944" t="s">
        <v>7161</v>
      </c>
      <c r="H361" s="944" t="s">
        <v>6837</v>
      </c>
      <c r="I361" s="944" t="s">
        <v>0</v>
      </c>
      <c r="J361" s="952" t="s">
        <v>7546</v>
      </c>
    </row>
    <row r="362" spans="2:10" s="395" customFormat="1" ht="14.25">
      <c r="B362" s="951" t="s">
        <v>7579</v>
      </c>
      <c r="C362" s="944" t="s">
        <v>6949</v>
      </c>
      <c r="D362" s="944" t="s">
        <v>7580</v>
      </c>
      <c r="E362" s="944" t="s">
        <v>7581</v>
      </c>
      <c r="F362" s="944" t="s">
        <v>7582</v>
      </c>
      <c r="G362" s="944" t="s">
        <v>7161</v>
      </c>
      <c r="H362" s="944" t="s">
        <v>6837</v>
      </c>
      <c r="I362" s="944" t="s">
        <v>0</v>
      </c>
      <c r="J362" s="952" t="s">
        <v>7546</v>
      </c>
    </row>
    <row r="363" spans="2:10" s="395" customFormat="1" ht="14.25">
      <c r="B363" s="951" t="s">
        <v>7583</v>
      </c>
      <c r="C363" s="944" t="s">
        <v>6949</v>
      </c>
      <c r="D363" s="944" t="s">
        <v>7584</v>
      </c>
      <c r="E363" s="944" t="s">
        <v>5940</v>
      </c>
      <c r="F363" s="944" t="s">
        <v>7585</v>
      </c>
      <c r="G363" s="944" t="s">
        <v>7161</v>
      </c>
      <c r="H363" s="944" t="s">
        <v>6837</v>
      </c>
      <c r="I363" s="944" t="s">
        <v>0</v>
      </c>
      <c r="J363" s="952" t="s">
        <v>7546</v>
      </c>
    </row>
    <row r="364" spans="2:10" s="395" customFormat="1" ht="14.25">
      <c r="B364" s="951" t="s">
        <v>7586</v>
      </c>
      <c r="C364" s="944" t="s">
        <v>6949</v>
      </c>
      <c r="D364" s="944" t="s">
        <v>7587</v>
      </c>
      <c r="E364" s="944" t="s">
        <v>6003</v>
      </c>
      <c r="F364" s="944" t="s">
        <v>7588</v>
      </c>
      <c r="G364" s="944" t="s">
        <v>7161</v>
      </c>
      <c r="H364" s="944" t="s">
        <v>6837</v>
      </c>
      <c r="I364" s="944" t="s">
        <v>0</v>
      </c>
      <c r="J364" s="952" t="s">
        <v>7546</v>
      </c>
    </row>
    <row r="365" spans="2:10" s="395" customFormat="1" ht="14.25">
      <c r="B365" s="951" t="s">
        <v>7589</v>
      </c>
      <c r="C365" s="944" t="s">
        <v>6949</v>
      </c>
      <c r="D365" s="944" t="s">
        <v>7590</v>
      </c>
      <c r="E365" s="944" t="s">
        <v>5964</v>
      </c>
      <c r="F365" s="944" t="s">
        <v>7591</v>
      </c>
      <c r="G365" s="944" t="s">
        <v>7161</v>
      </c>
      <c r="H365" s="944" t="s">
        <v>6837</v>
      </c>
      <c r="I365" s="944" t="s">
        <v>0</v>
      </c>
      <c r="J365" s="952" t="s">
        <v>7546</v>
      </c>
    </row>
    <row r="366" spans="2:10" s="395" customFormat="1" ht="14.25">
      <c r="B366" s="951" t="s">
        <v>7592</v>
      </c>
      <c r="C366" s="944" t="s">
        <v>6949</v>
      </c>
      <c r="D366" s="944" t="s">
        <v>5977</v>
      </c>
      <c r="E366" s="944" t="s">
        <v>5978</v>
      </c>
      <c r="F366" s="944" t="s">
        <v>7593</v>
      </c>
      <c r="G366" s="944" t="s">
        <v>7161</v>
      </c>
      <c r="H366" s="944" t="s">
        <v>6837</v>
      </c>
      <c r="I366" s="944" t="s">
        <v>0</v>
      </c>
      <c r="J366" s="952" t="s">
        <v>7546</v>
      </c>
    </row>
    <row r="367" spans="2:10" s="395" customFormat="1" ht="14.25">
      <c r="B367" s="951" t="s">
        <v>7594</v>
      </c>
      <c r="C367" s="944" t="s">
        <v>6949</v>
      </c>
      <c r="D367" s="944" t="s">
        <v>5947</v>
      </c>
      <c r="E367" s="944" t="s">
        <v>5948</v>
      </c>
      <c r="F367" s="944" t="s">
        <v>7595</v>
      </c>
      <c r="G367" s="944" t="s">
        <v>7161</v>
      </c>
      <c r="H367" s="944" t="s">
        <v>6837</v>
      </c>
      <c r="I367" s="944" t="s">
        <v>0</v>
      </c>
      <c r="J367" s="952" t="s">
        <v>7546</v>
      </c>
    </row>
    <row r="368" spans="2:10" s="395" customFormat="1" ht="14.25">
      <c r="B368" s="951" t="s">
        <v>7596</v>
      </c>
      <c r="C368" s="944" t="s">
        <v>6949</v>
      </c>
      <c r="D368" s="944" t="s">
        <v>5957</v>
      </c>
      <c r="E368" s="944" t="s">
        <v>5958</v>
      </c>
      <c r="F368" s="944" t="s">
        <v>7597</v>
      </c>
      <c r="G368" s="944" t="s">
        <v>7161</v>
      </c>
      <c r="H368" s="944" t="s">
        <v>6837</v>
      </c>
      <c r="I368" s="944" t="s">
        <v>0</v>
      </c>
      <c r="J368" s="952" t="s">
        <v>7546</v>
      </c>
    </row>
    <row r="369" spans="2:10" s="395" customFormat="1" ht="14.25">
      <c r="B369" s="951" t="s">
        <v>7598</v>
      </c>
      <c r="C369" s="944" t="s">
        <v>6949</v>
      </c>
      <c r="D369" s="944" t="s">
        <v>5979</v>
      </c>
      <c r="E369" s="944" t="s">
        <v>5982</v>
      </c>
      <c r="F369" s="944" t="s">
        <v>7599</v>
      </c>
      <c r="G369" s="944" t="s">
        <v>7161</v>
      </c>
      <c r="H369" s="944" t="s">
        <v>6837</v>
      </c>
      <c r="I369" s="944" t="s">
        <v>0</v>
      </c>
      <c r="J369" s="952" t="s">
        <v>7546</v>
      </c>
    </row>
    <row r="370" spans="2:10" s="395" customFormat="1" ht="14.25">
      <c r="B370" s="951" t="s">
        <v>7600</v>
      </c>
      <c r="C370" s="944" t="s">
        <v>6949</v>
      </c>
      <c r="D370" s="944" t="s">
        <v>7601</v>
      </c>
      <c r="E370" s="944" t="s">
        <v>5962</v>
      </c>
      <c r="F370" s="944" t="s">
        <v>7602</v>
      </c>
      <c r="G370" s="944" t="s">
        <v>7161</v>
      </c>
      <c r="H370" s="944" t="s">
        <v>6837</v>
      </c>
      <c r="I370" s="944" t="s">
        <v>0</v>
      </c>
      <c r="J370" s="952" t="s">
        <v>7546</v>
      </c>
    </row>
    <row r="371" spans="2:10" s="395" customFormat="1" ht="14.25">
      <c r="B371" s="951" t="s">
        <v>7603</v>
      </c>
      <c r="C371" s="944" t="s">
        <v>6949</v>
      </c>
      <c r="D371" s="944" t="s">
        <v>7604</v>
      </c>
      <c r="E371" s="944" t="s">
        <v>2212</v>
      </c>
      <c r="F371" s="944" t="s">
        <v>7605</v>
      </c>
      <c r="G371" s="944" t="s">
        <v>7161</v>
      </c>
      <c r="H371" s="944" t="s">
        <v>6837</v>
      </c>
      <c r="I371" s="944" t="s">
        <v>0</v>
      </c>
      <c r="J371" s="952" t="s">
        <v>7546</v>
      </c>
    </row>
    <row r="372" spans="2:10" s="395" customFormat="1" ht="14.25">
      <c r="B372" s="951" t="s">
        <v>7606</v>
      </c>
      <c r="C372" s="944" t="s">
        <v>6949</v>
      </c>
      <c r="D372" s="944" t="s">
        <v>7607</v>
      </c>
      <c r="E372" s="944" t="s">
        <v>6013</v>
      </c>
      <c r="F372" s="944" t="s">
        <v>7608</v>
      </c>
      <c r="G372" s="944" t="s">
        <v>7161</v>
      </c>
      <c r="H372" s="944" t="s">
        <v>6837</v>
      </c>
      <c r="I372" s="944" t="s">
        <v>0</v>
      </c>
      <c r="J372" s="952" t="s">
        <v>7546</v>
      </c>
    </row>
    <row r="373" spans="2:10" s="395" customFormat="1" ht="14.25">
      <c r="B373" s="951" t="s">
        <v>7609</v>
      </c>
      <c r="C373" s="944" t="s">
        <v>6949</v>
      </c>
      <c r="D373" s="944" t="s">
        <v>7610</v>
      </c>
      <c r="E373" s="944" t="s">
        <v>7611</v>
      </c>
      <c r="F373" s="944" t="s">
        <v>7612</v>
      </c>
      <c r="G373" s="944" t="s">
        <v>7161</v>
      </c>
      <c r="H373" s="944" t="s">
        <v>6837</v>
      </c>
      <c r="I373" s="944" t="s">
        <v>0</v>
      </c>
      <c r="J373" s="952" t="s">
        <v>7546</v>
      </c>
    </row>
    <row r="374" spans="2:10" s="395" customFormat="1" ht="14.25">
      <c r="B374" s="951" t="s">
        <v>7614</v>
      </c>
      <c r="C374" s="944" t="s">
        <v>6949</v>
      </c>
      <c r="D374" s="944" t="s">
        <v>7615</v>
      </c>
      <c r="E374" s="944" t="s">
        <v>7616</v>
      </c>
      <c r="F374" s="944" t="s">
        <v>7617</v>
      </c>
      <c r="G374" s="944" t="s">
        <v>7161</v>
      </c>
      <c r="H374" s="944" t="s">
        <v>6837</v>
      </c>
      <c r="I374" s="944" t="s">
        <v>0</v>
      </c>
      <c r="J374" s="952" t="s">
        <v>7546</v>
      </c>
    </row>
    <row r="375" spans="2:10" s="395" customFormat="1" ht="14.25">
      <c r="B375" s="951" t="s">
        <v>7618</v>
      </c>
      <c r="C375" s="944" t="s">
        <v>6949</v>
      </c>
      <c r="D375" s="944" t="s">
        <v>7619</v>
      </c>
      <c r="E375" s="944" t="s">
        <v>7620</v>
      </c>
      <c r="F375" s="944" t="s">
        <v>7621</v>
      </c>
      <c r="G375" s="944" t="s">
        <v>7161</v>
      </c>
      <c r="H375" s="944" t="s">
        <v>6837</v>
      </c>
      <c r="I375" s="944" t="s">
        <v>7019</v>
      </c>
      <c r="J375" s="952" t="s">
        <v>34111</v>
      </c>
    </row>
    <row r="376" spans="2:10" s="395" customFormat="1" ht="14.25">
      <c r="B376" s="951" t="s">
        <v>7622</v>
      </c>
      <c r="C376" s="944" t="s">
        <v>6949</v>
      </c>
      <c r="D376" s="944" t="s">
        <v>3571</v>
      </c>
      <c r="E376" s="944" t="s">
        <v>3572</v>
      </c>
      <c r="F376" s="944" t="s">
        <v>7623</v>
      </c>
      <c r="G376" s="944" t="s">
        <v>7161</v>
      </c>
      <c r="H376" s="944" t="s">
        <v>6837</v>
      </c>
      <c r="I376" s="944" t="s">
        <v>0</v>
      </c>
      <c r="J376" s="952" t="s">
        <v>7546</v>
      </c>
    </row>
    <row r="377" spans="2:10" s="395" customFormat="1" ht="14.25">
      <c r="B377" s="951" t="s">
        <v>7624</v>
      </c>
      <c r="C377" s="944" t="s">
        <v>6949</v>
      </c>
      <c r="D377" s="944" t="s">
        <v>3575</v>
      </c>
      <c r="E377" s="944" t="s">
        <v>3576</v>
      </c>
      <c r="F377" s="944" t="s">
        <v>7625</v>
      </c>
      <c r="G377" s="944" t="s">
        <v>7161</v>
      </c>
      <c r="H377" s="944" t="s">
        <v>6837</v>
      </c>
      <c r="I377" s="944" t="s">
        <v>0</v>
      </c>
      <c r="J377" s="952" t="s">
        <v>7546</v>
      </c>
    </row>
    <row r="378" spans="2:10" s="395" customFormat="1" ht="14.25">
      <c r="B378" s="951" t="s">
        <v>7626</v>
      </c>
      <c r="C378" s="944" t="s">
        <v>6949</v>
      </c>
      <c r="D378" s="944" t="s">
        <v>5951</v>
      </c>
      <c r="E378" s="944" t="s">
        <v>5952</v>
      </c>
      <c r="F378" s="944" t="s">
        <v>7627</v>
      </c>
      <c r="G378" s="944" t="s">
        <v>7161</v>
      </c>
      <c r="H378" s="944" t="s">
        <v>6837</v>
      </c>
      <c r="I378" s="944" t="s">
        <v>0</v>
      </c>
      <c r="J378" s="952" t="s">
        <v>7546</v>
      </c>
    </row>
    <row r="379" spans="2:10" s="395" customFormat="1" ht="14.25">
      <c r="B379" s="951" t="s">
        <v>7628</v>
      </c>
      <c r="C379" s="944" t="s">
        <v>6949</v>
      </c>
      <c r="D379" s="944" t="s">
        <v>7629</v>
      </c>
      <c r="E379" s="944" t="s">
        <v>3594</v>
      </c>
      <c r="F379" s="944" t="s">
        <v>7630</v>
      </c>
      <c r="G379" s="944" t="s">
        <v>7161</v>
      </c>
      <c r="H379" s="944" t="s">
        <v>6837</v>
      </c>
      <c r="I379" s="944" t="s">
        <v>0</v>
      </c>
      <c r="J379" s="952" t="s">
        <v>7546</v>
      </c>
    </row>
    <row r="380" spans="2:10" s="395" customFormat="1" ht="14.25">
      <c r="B380" s="951" t="s">
        <v>7631</v>
      </c>
      <c r="C380" s="944" t="s">
        <v>6949</v>
      </c>
      <c r="D380" s="944" t="s">
        <v>7632</v>
      </c>
      <c r="E380" s="944" t="s">
        <v>77</v>
      </c>
      <c r="F380" s="944" t="s">
        <v>7633</v>
      </c>
      <c r="G380" s="944" t="s">
        <v>7161</v>
      </c>
      <c r="H380" s="944" t="s">
        <v>6837</v>
      </c>
      <c r="I380" s="944" t="s">
        <v>0</v>
      </c>
      <c r="J380" s="952" t="s">
        <v>7546</v>
      </c>
    </row>
    <row r="381" spans="2:10" s="395" customFormat="1" ht="14.25">
      <c r="B381" s="951" t="s">
        <v>7634</v>
      </c>
      <c r="C381" s="944" t="s">
        <v>6949</v>
      </c>
      <c r="D381" s="944" t="s">
        <v>7635</v>
      </c>
      <c r="E381" s="944" t="s">
        <v>3588</v>
      </c>
      <c r="F381" s="944" t="s">
        <v>7636</v>
      </c>
      <c r="G381" s="944" t="s">
        <v>7161</v>
      </c>
      <c r="H381" s="944" t="s">
        <v>6837</v>
      </c>
      <c r="I381" s="944" t="s">
        <v>0</v>
      </c>
      <c r="J381" s="952" t="s">
        <v>7546</v>
      </c>
    </row>
    <row r="382" spans="2:10" s="395" customFormat="1" ht="14.25">
      <c r="B382" s="951" t="s">
        <v>7637</v>
      </c>
      <c r="C382" s="944" t="s">
        <v>6949</v>
      </c>
      <c r="D382" s="944" t="s">
        <v>7638</v>
      </c>
      <c r="E382" s="944" t="s">
        <v>7639</v>
      </c>
      <c r="F382" s="944" t="s">
        <v>7640</v>
      </c>
      <c r="G382" s="944" t="s">
        <v>7161</v>
      </c>
      <c r="H382" s="944" t="s">
        <v>6837</v>
      </c>
      <c r="I382" s="944" t="s">
        <v>0</v>
      </c>
      <c r="J382" s="952" t="s">
        <v>7546</v>
      </c>
    </row>
    <row r="383" spans="2:10" s="395" customFormat="1" ht="14.25">
      <c r="B383" s="951" t="s">
        <v>7641</v>
      </c>
      <c r="C383" s="944" t="s">
        <v>6949</v>
      </c>
      <c r="D383" s="944" t="s">
        <v>7642</v>
      </c>
      <c r="E383" s="944" t="s">
        <v>77</v>
      </c>
      <c r="F383" s="944" t="s">
        <v>7643</v>
      </c>
      <c r="G383" s="944" t="s">
        <v>7161</v>
      </c>
      <c r="H383" s="944" t="s">
        <v>6837</v>
      </c>
      <c r="I383" s="944" t="s">
        <v>0</v>
      </c>
      <c r="J383" s="952" t="s">
        <v>7546</v>
      </c>
    </row>
    <row r="384" spans="2:10" s="395" customFormat="1" ht="14.25">
      <c r="B384" s="951" t="s">
        <v>7644</v>
      </c>
      <c r="C384" s="944" t="s">
        <v>6949</v>
      </c>
      <c r="D384" s="944" t="s">
        <v>7645</v>
      </c>
      <c r="E384" s="944" t="s">
        <v>3570</v>
      </c>
      <c r="F384" s="944" t="s">
        <v>7646</v>
      </c>
      <c r="G384" s="944" t="s">
        <v>7161</v>
      </c>
      <c r="H384" s="944" t="s">
        <v>6837</v>
      </c>
      <c r="I384" s="944" t="s">
        <v>0</v>
      </c>
      <c r="J384" s="952" t="s">
        <v>7546</v>
      </c>
    </row>
    <row r="385" spans="2:10" s="395" customFormat="1" ht="14.25">
      <c r="B385" s="951" t="s">
        <v>7647</v>
      </c>
      <c r="C385" s="944" t="s">
        <v>6949</v>
      </c>
      <c r="D385" s="944" t="s">
        <v>7648</v>
      </c>
      <c r="E385" s="944" t="s">
        <v>3683</v>
      </c>
      <c r="F385" s="944" t="s">
        <v>7649</v>
      </c>
      <c r="G385" s="944" t="s">
        <v>7161</v>
      </c>
      <c r="H385" s="944" t="s">
        <v>6837</v>
      </c>
      <c r="I385" s="944" t="s">
        <v>0</v>
      </c>
      <c r="J385" s="952" t="s">
        <v>7546</v>
      </c>
    </row>
    <row r="386" spans="2:10" s="395" customFormat="1" ht="14.25">
      <c r="B386" s="951" t="s">
        <v>7650</v>
      </c>
      <c r="C386" s="944" t="s">
        <v>6949</v>
      </c>
      <c r="D386" s="944" t="s">
        <v>7651</v>
      </c>
      <c r="E386" s="944" t="s">
        <v>3584</v>
      </c>
      <c r="F386" s="944" t="s">
        <v>7652</v>
      </c>
      <c r="G386" s="944" t="s">
        <v>7161</v>
      </c>
      <c r="H386" s="944" t="s">
        <v>6837</v>
      </c>
      <c r="I386" s="944" t="s">
        <v>0</v>
      </c>
      <c r="J386" s="952" t="s">
        <v>7546</v>
      </c>
    </row>
    <row r="387" spans="2:10" s="395" customFormat="1" ht="14.25">
      <c r="B387" s="951" t="s">
        <v>7653</v>
      </c>
      <c r="C387" s="944" t="s">
        <v>6949</v>
      </c>
      <c r="D387" s="944" t="s">
        <v>7654</v>
      </c>
      <c r="E387" s="944" t="s">
        <v>3679</v>
      </c>
      <c r="F387" s="944" t="s">
        <v>7655</v>
      </c>
      <c r="G387" s="944" t="s">
        <v>7161</v>
      </c>
      <c r="H387" s="944" t="s">
        <v>6837</v>
      </c>
      <c r="I387" s="944" t="s">
        <v>0</v>
      </c>
      <c r="J387" s="952" t="s">
        <v>7546</v>
      </c>
    </row>
    <row r="388" spans="2:10" s="395" customFormat="1" ht="14.25">
      <c r="B388" s="951" t="s">
        <v>7656</v>
      </c>
      <c r="C388" s="944" t="s">
        <v>6949</v>
      </c>
      <c r="D388" s="944" t="s">
        <v>7657</v>
      </c>
      <c r="E388" s="944" t="s">
        <v>3578</v>
      </c>
      <c r="F388" s="944" t="s">
        <v>7658</v>
      </c>
      <c r="G388" s="944" t="s">
        <v>7161</v>
      </c>
      <c r="H388" s="944" t="s">
        <v>6837</v>
      </c>
      <c r="I388" s="944" t="s">
        <v>0</v>
      </c>
      <c r="J388" s="952" t="s">
        <v>7546</v>
      </c>
    </row>
    <row r="389" spans="2:10" s="395" customFormat="1" ht="14.25">
      <c r="B389" s="951" t="s">
        <v>7659</v>
      </c>
      <c r="C389" s="944" t="s">
        <v>6949</v>
      </c>
      <c r="D389" s="944" t="s">
        <v>7660</v>
      </c>
      <c r="E389" s="944" t="s">
        <v>77</v>
      </c>
      <c r="F389" s="944" t="s">
        <v>7661</v>
      </c>
      <c r="G389" s="944" t="s">
        <v>7161</v>
      </c>
      <c r="H389" s="944" t="s">
        <v>6837</v>
      </c>
      <c r="I389" s="944" t="s">
        <v>0</v>
      </c>
      <c r="J389" s="952" t="s">
        <v>7546</v>
      </c>
    </row>
    <row r="390" spans="2:10" s="395" customFormat="1" ht="14.25">
      <c r="B390" s="951" t="s">
        <v>7662</v>
      </c>
      <c r="C390" s="944" t="s">
        <v>6949</v>
      </c>
      <c r="D390" s="944" t="s">
        <v>7663</v>
      </c>
      <c r="E390" s="944" t="s">
        <v>77</v>
      </c>
      <c r="F390" s="944" t="s">
        <v>7664</v>
      </c>
      <c r="G390" s="944" t="s">
        <v>7161</v>
      </c>
      <c r="H390" s="944" t="s">
        <v>6837</v>
      </c>
      <c r="I390" s="944" t="s">
        <v>0</v>
      </c>
      <c r="J390" s="952" t="s">
        <v>7546</v>
      </c>
    </row>
    <row r="391" spans="2:10" s="395" customFormat="1" ht="14.25">
      <c r="B391" s="951" t="s">
        <v>7665</v>
      </c>
      <c r="C391" s="944" t="s">
        <v>6949</v>
      </c>
      <c r="D391" s="944" t="s">
        <v>7666</v>
      </c>
      <c r="E391" s="944" t="s">
        <v>77</v>
      </c>
      <c r="F391" s="944" t="s">
        <v>7667</v>
      </c>
      <c r="G391" s="944" t="s">
        <v>7161</v>
      </c>
      <c r="H391" s="944" t="s">
        <v>6837</v>
      </c>
      <c r="I391" s="944" t="s">
        <v>0</v>
      </c>
      <c r="J391" s="952" t="s">
        <v>7546</v>
      </c>
    </row>
    <row r="392" spans="2:10" s="395" customFormat="1" ht="14.25">
      <c r="B392" s="951" t="s">
        <v>7668</v>
      </c>
      <c r="C392" s="944" t="s">
        <v>6949</v>
      </c>
      <c r="D392" s="944" t="s">
        <v>7669</v>
      </c>
      <c r="E392" s="944" t="s">
        <v>77</v>
      </c>
      <c r="F392" s="944" t="s">
        <v>7670</v>
      </c>
      <c r="G392" s="944" t="s">
        <v>7161</v>
      </c>
      <c r="H392" s="944" t="s">
        <v>6837</v>
      </c>
      <c r="I392" s="944" t="s">
        <v>0</v>
      </c>
      <c r="J392" s="952" t="s">
        <v>7546</v>
      </c>
    </row>
    <row r="393" spans="2:10" s="395" customFormat="1" ht="14.25">
      <c r="B393" s="951" t="s">
        <v>7671</v>
      </c>
      <c r="C393" s="944" t="s">
        <v>6949</v>
      </c>
      <c r="D393" s="944" t="s">
        <v>7672</v>
      </c>
      <c r="E393" s="944" t="s">
        <v>7673</v>
      </c>
      <c r="F393" s="944" t="s">
        <v>7674</v>
      </c>
      <c r="G393" s="944" t="s">
        <v>7161</v>
      </c>
      <c r="H393" s="944" t="s">
        <v>6837</v>
      </c>
      <c r="I393" s="944" t="s">
        <v>0</v>
      </c>
      <c r="J393" s="952" t="s">
        <v>7546</v>
      </c>
    </row>
    <row r="394" spans="2:10" s="395" customFormat="1" ht="14.25">
      <c r="B394" s="951" t="s">
        <v>7675</v>
      </c>
      <c r="C394" s="944" t="s">
        <v>6949</v>
      </c>
      <c r="D394" s="944" t="s">
        <v>7676</v>
      </c>
      <c r="E394" s="944" t="s">
        <v>3681</v>
      </c>
      <c r="F394" s="944" t="s">
        <v>7677</v>
      </c>
      <c r="G394" s="944" t="s">
        <v>7161</v>
      </c>
      <c r="H394" s="944" t="s">
        <v>6837</v>
      </c>
      <c r="I394" s="944" t="s">
        <v>0</v>
      </c>
      <c r="J394" s="952" t="s">
        <v>7546</v>
      </c>
    </row>
    <row r="395" spans="2:10" s="395" customFormat="1" ht="14.25">
      <c r="B395" s="951" t="s">
        <v>7678</v>
      </c>
      <c r="C395" s="944" t="s">
        <v>6949</v>
      </c>
      <c r="D395" s="944" t="s">
        <v>7679</v>
      </c>
      <c r="E395" s="944" t="s">
        <v>77</v>
      </c>
      <c r="F395" s="944" t="s">
        <v>7680</v>
      </c>
      <c r="G395" s="944" t="s">
        <v>7161</v>
      </c>
      <c r="H395" s="944" t="s">
        <v>6837</v>
      </c>
      <c r="I395" s="944" t="s">
        <v>0</v>
      </c>
      <c r="J395" s="952" t="s">
        <v>7546</v>
      </c>
    </row>
    <row r="396" spans="2:10" s="395" customFormat="1" ht="14.25">
      <c r="B396" s="951" t="s">
        <v>7681</v>
      </c>
      <c r="C396" s="944" t="s">
        <v>6949</v>
      </c>
      <c r="D396" s="944" t="s">
        <v>7682</v>
      </c>
      <c r="E396" s="944" t="s">
        <v>77</v>
      </c>
      <c r="F396" s="944" t="s">
        <v>7683</v>
      </c>
      <c r="G396" s="944" t="s">
        <v>7161</v>
      </c>
      <c r="H396" s="944" t="s">
        <v>6837</v>
      </c>
      <c r="I396" s="944" t="s">
        <v>0</v>
      </c>
      <c r="J396" s="952" t="s">
        <v>7546</v>
      </c>
    </row>
    <row r="397" spans="2:10" s="395" customFormat="1" ht="14.25">
      <c r="B397" s="951" t="s">
        <v>7684</v>
      </c>
      <c r="C397" s="944" t="s">
        <v>6949</v>
      </c>
      <c r="D397" s="944" t="s">
        <v>7685</v>
      </c>
      <c r="E397" s="944" t="s">
        <v>77</v>
      </c>
      <c r="F397" s="944" t="s">
        <v>7686</v>
      </c>
      <c r="G397" s="944" t="s">
        <v>7161</v>
      </c>
      <c r="H397" s="944" t="s">
        <v>6837</v>
      </c>
      <c r="I397" s="944" t="s">
        <v>0</v>
      </c>
      <c r="J397" s="952" t="s">
        <v>7546</v>
      </c>
    </row>
    <row r="398" spans="2:10" s="395" customFormat="1" ht="14.25">
      <c r="B398" s="951" t="s">
        <v>7687</v>
      </c>
      <c r="C398" s="944" t="s">
        <v>6949</v>
      </c>
      <c r="D398" s="944" t="s">
        <v>7688</v>
      </c>
      <c r="E398" s="944" t="s">
        <v>77</v>
      </c>
      <c r="F398" s="944" t="s">
        <v>7689</v>
      </c>
      <c r="G398" s="944" t="s">
        <v>7161</v>
      </c>
      <c r="H398" s="944" t="s">
        <v>6837</v>
      </c>
      <c r="I398" s="944" t="s">
        <v>0</v>
      </c>
      <c r="J398" s="952" t="s">
        <v>7546</v>
      </c>
    </row>
    <row r="399" spans="2:10" s="395" customFormat="1" ht="14.25">
      <c r="B399" s="951" t="s">
        <v>7690</v>
      </c>
      <c r="C399" s="944" t="s">
        <v>6949</v>
      </c>
      <c r="D399" s="944" t="s">
        <v>7691</v>
      </c>
      <c r="E399" s="944" t="s">
        <v>3629</v>
      </c>
      <c r="F399" s="944" t="s">
        <v>7692</v>
      </c>
      <c r="G399" s="944" t="s">
        <v>7161</v>
      </c>
      <c r="H399" s="944" t="s">
        <v>6837</v>
      </c>
      <c r="I399" s="944" t="s">
        <v>0</v>
      </c>
      <c r="J399" s="952" t="s">
        <v>7546</v>
      </c>
    </row>
    <row r="400" spans="2:10" s="395" customFormat="1" ht="14.25">
      <c r="B400" s="951" t="s">
        <v>7693</v>
      </c>
      <c r="C400" s="944" t="s">
        <v>6949</v>
      </c>
      <c r="D400" s="944" t="s">
        <v>7694</v>
      </c>
      <c r="E400" s="944" t="s">
        <v>77</v>
      </c>
      <c r="F400" s="944" t="s">
        <v>7695</v>
      </c>
      <c r="G400" s="944" t="s">
        <v>7161</v>
      </c>
      <c r="H400" s="944" t="s">
        <v>6837</v>
      </c>
      <c r="I400" s="944" t="s">
        <v>0</v>
      </c>
      <c r="J400" s="952" t="s">
        <v>7546</v>
      </c>
    </row>
    <row r="401" spans="2:10" s="395" customFormat="1" ht="14.25">
      <c r="B401" s="951" t="s">
        <v>7696</v>
      </c>
      <c r="C401" s="944" t="s">
        <v>6949</v>
      </c>
      <c r="D401" s="944" t="s">
        <v>7697</v>
      </c>
      <c r="E401" s="944" t="s">
        <v>7698</v>
      </c>
      <c r="F401" s="944" t="s">
        <v>7699</v>
      </c>
      <c r="G401" s="944" t="s">
        <v>7161</v>
      </c>
      <c r="H401" s="944" t="s">
        <v>6837</v>
      </c>
      <c r="I401" s="944" t="s">
        <v>0</v>
      </c>
      <c r="J401" s="952" t="s">
        <v>7546</v>
      </c>
    </row>
    <row r="402" spans="2:10" s="395" customFormat="1" ht="14.25">
      <c r="B402" s="951" t="s">
        <v>7700</v>
      </c>
      <c r="C402" s="944" t="s">
        <v>6949</v>
      </c>
      <c r="D402" s="944" t="s">
        <v>7701</v>
      </c>
      <c r="E402" s="944" t="s">
        <v>3590</v>
      </c>
      <c r="F402" s="944" t="s">
        <v>7702</v>
      </c>
      <c r="G402" s="944" t="s">
        <v>7161</v>
      </c>
      <c r="H402" s="944" t="s">
        <v>6837</v>
      </c>
      <c r="I402" s="944" t="s">
        <v>0</v>
      </c>
      <c r="J402" s="952" t="s">
        <v>7546</v>
      </c>
    </row>
    <row r="403" spans="2:10" s="395" customFormat="1" ht="14.25">
      <c r="B403" s="951" t="s">
        <v>7703</v>
      </c>
      <c r="C403" s="944" t="s">
        <v>6949</v>
      </c>
      <c r="D403" s="944" t="s">
        <v>7704</v>
      </c>
      <c r="E403" s="944" t="s">
        <v>3647</v>
      </c>
      <c r="F403" s="944" t="s">
        <v>7705</v>
      </c>
      <c r="G403" s="944" t="s">
        <v>7161</v>
      </c>
      <c r="H403" s="944" t="s">
        <v>6837</v>
      </c>
      <c r="I403" s="944" t="s">
        <v>0</v>
      </c>
      <c r="J403" s="952" t="s">
        <v>7546</v>
      </c>
    </row>
    <row r="404" spans="2:10" s="395" customFormat="1" ht="14.25">
      <c r="B404" s="951" t="s">
        <v>7706</v>
      </c>
      <c r="C404" s="944" t="s">
        <v>6949</v>
      </c>
      <c r="D404" s="944" t="s">
        <v>7707</v>
      </c>
      <c r="E404" s="944" t="s">
        <v>3655</v>
      </c>
      <c r="F404" s="944" t="s">
        <v>7708</v>
      </c>
      <c r="G404" s="944" t="s">
        <v>7161</v>
      </c>
      <c r="H404" s="944" t="s">
        <v>6837</v>
      </c>
      <c r="I404" s="944" t="s">
        <v>0</v>
      </c>
      <c r="J404" s="952" t="s">
        <v>7546</v>
      </c>
    </row>
    <row r="405" spans="2:10" s="395" customFormat="1" ht="14.25">
      <c r="B405" s="951" t="s">
        <v>7709</v>
      </c>
      <c r="C405" s="944" t="s">
        <v>6949</v>
      </c>
      <c r="D405" s="944" t="s">
        <v>7710</v>
      </c>
      <c r="E405" s="944" t="s">
        <v>3586</v>
      </c>
      <c r="F405" s="944" t="s">
        <v>7711</v>
      </c>
      <c r="G405" s="944" t="s">
        <v>7161</v>
      </c>
      <c r="H405" s="944" t="s">
        <v>6837</v>
      </c>
      <c r="I405" s="944" t="s">
        <v>0</v>
      </c>
      <c r="J405" s="952" t="s">
        <v>7546</v>
      </c>
    </row>
    <row r="406" spans="2:10" s="395" customFormat="1" ht="14.25">
      <c r="B406" s="951" t="s">
        <v>7712</v>
      </c>
      <c r="C406" s="944" t="s">
        <v>6949</v>
      </c>
      <c r="D406" s="944" t="s">
        <v>7713</v>
      </c>
      <c r="E406" s="944" t="s">
        <v>7714</v>
      </c>
      <c r="F406" s="944" t="s">
        <v>7715</v>
      </c>
      <c r="G406" s="944" t="s">
        <v>7161</v>
      </c>
      <c r="H406" s="944" t="s">
        <v>6837</v>
      </c>
      <c r="I406" s="944" t="s">
        <v>0</v>
      </c>
      <c r="J406" s="952" t="s">
        <v>7546</v>
      </c>
    </row>
    <row r="407" spans="2:10" s="395" customFormat="1" ht="14.25">
      <c r="B407" s="951" t="s">
        <v>7716</v>
      </c>
      <c r="C407" s="944" t="s">
        <v>6949</v>
      </c>
      <c r="D407" s="944" t="s">
        <v>7717</v>
      </c>
      <c r="E407" s="944" t="s">
        <v>3661</v>
      </c>
      <c r="F407" s="944" t="s">
        <v>7718</v>
      </c>
      <c r="G407" s="944" t="s">
        <v>7161</v>
      </c>
      <c r="H407" s="944" t="s">
        <v>6837</v>
      </c>
      <c r="I407" s="944" t="s">
        <v>0</v>
      </c>
      <c r="J407" s="952" t="s">
        <v>7546</v>
      </c>
    </row>
    <row r="408" spans="2:10" s="395" customFormat="1" ht="14.25">
      <c r="B408" s="951" t="s">
        <v>7719</v>
      </c>
      <c r="C408" s="944" t="s">
        <v>6949</v>
      </c>
      <c r="D408" s="944" t="s">
        <v>7720</v>
      </c>
      <c r="E408" s="944" t="s">
        <v>77</v>
      </c>
      <c r="F408" s="944" t="s">
        <v>7721</v>
      </c>
      <c r="G408" s="944" t="s">
        <v>7161</v>
      </c>
      <c r="H408" s="944" t="s">
        <v>6837</v>
      </c>
      <c r="I408" s="944" t="s">
        <v>0</v>
      </c>
      <c r="J408" s="952" t="s">
        <v>7546</v>
      </c>
    </row>
    <row r="409" spans="2:10" s="395" customFormat="1" ht="14.25">
      <c r="B409" s="951" t="s">
        <v>7722</v>
      </c>
      <c r="C409" s="944" t="s">
        <v>6949</v>
      </c>
      <c r="D409" s="944" t="s">
        <v>7723</v>
      </c>
      <c r="E409" s="944" t="s">
        <v>3687</v>
      </c>
      <c r="F409" s="944" t="s">
        <v>7724</v>
      </c>
      <c r="G409" s="944" t="s">
        <v>7161</v>
      </c>
      <c r="H409" s="944" t="s">
        <v>6837</v>
      </c>
      <c r="I409" s="944" t="s">
        <v>0</v>
      </c>
      <c r="J409" s="952" t="s">
        <v>7546</v>
      </c>
    </row>
    <row r="410" spans="2:10" s="395" customFormat="1" ht="14.25">
      <c r="B410" s="951" t="s">
        <v>7725</v>
      </c>
      <c r="C410" s="944" t="s">
        <v>6949</v>
      </c>
      <c r="D410" s="944" t="s">
        <v>3818</v>
      </c>
      <c r="E410" s="944" t="s">
        <v>3819</v>
      </c>
      <c r="F410" s="944" t="s">
        <v>7726</v>
      </c>
      <c r="G410" s="944" t="s">
        <v>7161</v>
      </c>
      <c r="H410" s="944" t="s">
        <v>6837</v>
      </c>
      <c r="I410" s="944" t="s">
        <v>0</v>
      </c>
      <c r="J410" s="952" t="s">
        <v>7546</v>
      </c>
    </row>
    <row r="411" spans="2:10" s="395" customFormat="1" ht="14.25">
      <c r="B411" s="951" t="s">
        <v>7727</v>
      </c>
      <c r="C411" s="944" t="s">
        <v>6949</v>
      </c>
      <c r="D411" s="944" t="s">
        <v>3812</v>
      </c>
      <c r="E411" s="944" t="s">
        <v>3813</v>
      </c>
      <c r="F411" s="944" t="s">
        <v>7728</v>
      </c>
      <c r="G411" s="944" t="s">
        <v>7161</v>
      </c>
      <c r="H411" s="944" t="s">
        <v>6837</v>
      </c>
      <c r="I411" s="944" t="s">
        <v>0</v>
      </c>
      <c r="J411" s="952" t="s">
        <v>7546</v>
      </c>
    </row>
    <row r="412" spans="2:10" s="395" customFormat="1" ht="14.25">
      <c r="B412" s="951" t="s">
        <v>7729</v>
      </c>
      <c r="C412" s="944" t="s">
        <v>6949</v>
      </c>
      <c r="D412" s="944" t="s">
        <v>3814</v>
      </c>
      <c r="E412" s="944" t="s">
        <v>3815</v>
      </c>
      <c r="F412" s="944" t="s">
        <v>7730</v>
      </c>
      <c r="G412" s="944" t="s">
        <v>7161</v>
      </c>
      <c r="H412" s="944" t="s">
        <v>6837</v>
      </c>
      <c r="I412" s="944" t="s">
        <v>0</v>
      </c>
      <c r="J412" s="952" t="s">
        <v>7546</v>
      </c>
    </row>
    <row r="413" spans="2:10" s="395" customFormat="1" ht="14.25">
      <c r="B413" s="951" t="s">
        <v>7731</v>
      </c>
      <c r="C413" s="944" t="s">
        <v>6949</v>
      </c>
      <c r="D413" s="944" t="s">
        <v>7732</v>
      </c>
      <c r="E413" s="944" t="s">
        <v>7733</v>
      </c>
      <c r="F413" s="944" t="s">
        <v>7734</v>
      </c>
      <c r="G413" s="944" t="s">
        <v>7161</v>
      </c>
      <c r="H413" s="944" t="s">
        <v>6837</v>
      </c>
      <c r="I413" s="944" t="s">
        <v>0</v>
      </c>
      <c r="J413" s="952" t="s">
        <v>7546</v>
      </c>
    </row>
    <row r="414" spans="2:10" s="395" customFormat="1" ht="14.25">
      <c r="B414" s="951" t="s">
        <v>7735</v>
      </c>
      <c r="C414" s="944" t="s">
        <v>6949</v>
      </c>
      <c r="D414" s="944" t="s">
        <v>7736</v>
      </c>
      <c r="E414" s="944" t="s">
        <v>7737</v>
      </c>
      <c r="F414" s="944" t="s">
        <v>7738</v>
      </c>
      <c r="G414" s="944" t="s">
        <v>7161</v>
      </c>
      <c r="H414" s="944" t="s">
        <v>6837</v>
      </c>
      <c r="I414" s="944" t="s">
        <v>0</v>
      </c>
      <c r="J414" s="952" t="s">
        <v>7546</v>
      </c>
    </row>
    <row r="415" spans="2:10" s="395" customFormat="1" ht="14.25">
      <c r="B415" s="951" t="s">
        <v>7739</v>
      </c>
      <c r="C415" s="944" t="s">
        <v>6949</v>
      </c>
      <c r="D415" s="944" t="s">
        <v>7740</v>
      </c>
      <c r="E415" s="944" t="s">
        <v>7741</v>
      </c>
      <c r="F415" s="944" t="s">
        <v>7742</v>
      </c>
      <c r="G415" s="944" t="s">
        <v>7161</v>
      </c>
      <c r="H415" s="944" t="s">
        <v>6837</v>
      </c>
      <c r="I415" s="944" t="s">
        <v>0</v>
      </c>
      <c r="J415" s="952" t="s">
        <v>7546</v>
      </c>
    </row>
    <row r="416" spans="2:10" s="395" customFormat="1" ht="14.25">
      <c r="B416" s="951" t="s">
        <v>7743</v>
      </c>
      <c r="C416" s="944" t="s">
        <v>6949</v>
      </c>
      <c r="D416" s="944" t="s">
        <v>7744</v>
      </c>
      <c r="E416" s="944" t="s">
        <v>7745</v>
      </c>
      <c r="F416" s="944" t="s">
        <v>7746</v>
      </c>
      <c r="G416" s="944" t="s">
        <v>7161</v>
      </c>
      <c r="H416" s="944" t="s">
        <v>6837</v>
      </c>
      <c r="I416" s="944" t="s">
        <v>0</v>
      </c>
      <c r="J416" s="952" t="s">
        <v>7546</v>
      </c>
    </row>
    <row r="417" spans="2:10" s="395" customFormat="1" ht="14.25">
      <c r="B417" s="951" t="s">
        <v>7747</v>
      </c>
      <c r="C417" s="944" t="s">
        <v>6949</v>
      </c>
      <c r="D417" s="944" t="s">
        <v>7748</v>
      </c>
      <c r="E417" s="944" t="s">
        <v>7749</v>
      </c>
      <c r="F417" s="944" t="s">
        <v>7750</v>
      </c>
      <c r="G417" s="944" t="s">
        <v>7161</v>
      </c>
      <c r="H417" s="944" t="s">
        <v>6837</v>
      </c>
      <c r="I417" s="944" t="s">
        <v>0</v>
      </c>
      <c r="J417" s="952" t="s">
        <v>7546</v>
      </c>
    </row>
    <row r="418" spans="2:10" s="395" customFormat="1" ht="14.25">
      <c r="B418" s="951" t="s">
        <v>7751</v>
      </c>
      <c r="C418" s="944" t="s">
        <v>6949</v>
      </c>
      <c r="D418" s="944" t="s">
        <v>7752</v>
      </c>
      <c r="E418" s="944" t="s">
        <v>7753</v>
      </c>
      <c r="F418" s="944" t="s">
        <v>7754</v>
      </c>
      <c r="G418" s="944" t="s">
        <v>7161</v>
      </c>
      <c r="H418" s="944" t="s">
        <v>6837</v>
      </c>
      <c r="I418" s="944" t="s">
        <v>0</v>
      </c>
      <c r="J418" s="952" t="s">
        <v>7546</v>
      </c>
    </row>
    <row r="419" spans="2:10" s="395" customFormat="1" ht="14.25">
      <c r="B419" s="951" t="s">
        <v>7755</v>
      </c>
      <c r="C419" s="944" t="s">
        <v>6949</v>
      </c>
      <c r="D419" s="944" t="s">
        <v>7756</v>
      </c>
      <c r="E419" s="944" t="s">
        <v>7757</v>
      </c>
      <c r="F419" s="944" t="s">
        <v>7758</v>
      </c>
      <c r="G419" s="944" t="s">
        <v>7161</v>
      </c>
      <c r="H419" s="944" t="s">
        <v>6837</v>
      </c>
      <c r="I419" s="944" t="s">
        <v>0</v>
      </c>
      <c r="J419" s="952" t="s">
        <v>7546</v>
      </c>
    </row>
    <row r="420" spans="2:10" s="395" customFormat="1" ht="14.25">
      <c r="B420" s="951" t="s">
        <v>7759</v>
      </c>
      <c r="C420" s="944" t="s">
        <v>6949</v>
      </c>
      <c r="D420" s="944" t="s">
        <v>7760</v>
      </c>
      <c r="E420" s="944" t="s">
        <v>7761</v>
      </c>
      <c r="F420" s="944" t="s">
        <v>7762</v>
      </c>
      <c r="G420" s="944" t="s">
        <v>7161</v>
      </c>
      <c r="H420" s="944" t="s">
        <v>6837</v>
      </c>
      <c r="I420" s="944" t="s">
        <v>0</v>
      </c>
      <c r="J420" s="952" t="s">
        <v>7546</v>
      </c>
    </row>
    <row r="421" spans="2:10" s="395" customFormat="1" ht="14.25">
      <c r="B421" s="951" t="s">
        <v>7763</v>
      </c>
      <c r="C421" s="944" t="s">
        <v>6949</v>
      </c>
      <c r="D421" s="944" t="s">
        <v>7764</v>
      </c>
      <c r="E421" s="944" t="s">
        <v>7765</v>
      </c>
      <c r="F421" s="944" t="s">
        <v>7766</v>
      </c>
      <c r="G421" s="944" t="s">
        <v>7161</v>
      </c>
      <c r="H421" s="944" t="s">
        <v>6837</v>
      </c>
      <c r="I421" s="944" t="s">
        <v>0</v>
      </c>
      <c r="J421" s="952" t="s">
        <v>7546</v>
      </c>
    </row>
    <row r="422" spans="2:10" s="395" customFormat="1" ht="14.25">
      <c r="B422" s="951" t="s">
        <v>7767</v>
      </c>
      <c r="C422" s="944" t="s">
        <v>6949</v>
      </c>
      <c r="D422" s="944" t="s">
        <v>7768</v>
      </c>
      <c r="E422" s="944" t="s">
        <v>7769</v>
      </c>
      <c r="F422" s="944" t="s">
        <v>7770</v>
      </c>
      <c r="G422" s="944" t="s">
        <v>7161</v>
      </c>
      <c r="H422" s="944" t="s">
        <v>6837</v>
      </c>
      <c r="I422" s="944" t="s">
        <v>0</v>
      </c>
      <c r="J422" s="952" t="s">
        <v>7546</v>
      </c>
    </row>
    <row r="423" spans="2:10" s="395" customFormat="1" ht="14.25">
      <c r="B423" s="951" t="s">
        <v>7771</v>
      </c>
      <c r="C423" s="944" t="s">
        <v>6949</v>
      </c>
      <c r="D423" s="944" t="s">
        <v>7772</v>
      </c>
      <c r="E423" s="944" t="s">
        <v>7773</v>
      </c>
      <c r="F423" s="944" t="s">
        <v>7774</v>
      </c>
      <c r="G423" s="944" t="s">
        <v>7161</v>
      </c>
      <c r="H423" s="944" t="s">
        <v>6837</v>
      </c>
      <c r="I423" s="944" t="s">
        <v>0</v>
      </c>
      <c r="J423" s="952" t="s">
        <v>7546</v>
      </c>
    </row>
    <row r="424" spans="2:10" s="395" customFormat="1" ht="14.25">
      <c r="B424" s="951" t="s">
        <v>7775</v>
      </c>
      <c r="C424" s="944" t="s">
        <v>6949</v>
      </c>
      <c r="D424" s="944" t="s">
        <v>7776</v>
      </c>
      <c r="E424" s="944" t="s">
        <v>7777</v>
      </c>
      <c r="F424" s="944" t="s">
        <v>7778</v>
      </c>
      <c r="G424" s="944" t="s">
        <v>7161</v>
      </c>
      <c r="H424" s="944" t="s">
        <v>6837</v>
      </c>
      <c r="I424" s="944" t="s">
        <v>0</v>
      </c>
      <c r="J424" s="952" t="s">
        <v>7546</v>
      </c>
    </row>
    <row r="425" spans="2:10" s="395" customFormat="1" ht="14.25">
      <c r="B425" s="951" t="s">
        <v>7779</v>
      </c>
      <c r="C425" s="944" t="s">
        <v>6949</v>
      </c>
      <c r="D425" s="944" t="s">
        <v>7780</v>
      </c>
      <c r="E425" s="944" t="s">
        <v>7781</v>
      </c>
      <c r="F425" s="944" t="s">
        <v>7782</v>
      </c>
      <c r="G425" s="944" t="s">
        <v>7161</v>
      </c>
      <c r="H425" s="944" t="s">
        <v>6837</v>
      </c>
      <c r="I425" s="944" t="s">
        <v>0</v>
      </c>
      <c r="J425" s="952" t="s">
        <v>7546</v>
      </c>
    </row>
    <row r="426" spans="2:10" s="395" customFormat="1" ht="14.25">
      <c r="B426" s="951" t="s">
        <v>7783</v>
      </c>
      <c r="C426" s="944" t="s">
        <v>6949</v>
      </c>
      <c r="D426" s="944" t="s">
        <v>7784</v>
      </c>
      <c r="E426" s="944" t="s">
        <v>34112</v>
      </c>
      <c r="F426" s="944" t="s">
        <v>7785</v>
      </c>
      <c r="G426" s="944" t="s">
        <v>7161</v>
      </c>
      <c r="H426" s="944" t="s">
        <v>6837</v>
      </c>
      <c r="I426" s="944" t="s">
        <v>6944</v>
      </c>
      <c r="J426" s="952" t="s">
        <v>34113</v>
      </c>
    </row>
    <row r="427" spans="2:10" s="395" customFormat="1" ht="14.25">
      <c r="B427" s="951" t="s">
        <v>7786</v>
      </c>
      <c r="C427" s="944" t="s">
        <v>6949</v>
      </c>
      <c r="D427" s="944" t="s">
        <v>7787</v>
      </c>
      <c r="E427" s="944" t="s">
        <v>7788</v>
      </c>
      <c r="F427" s="944" t="s">
        <v>7789</v>
      </c>
      <c r="G427" s="944" t="s">
        <v>7161</v>
      </c>
      <c r="H427" s="944" t="s">
        <v>6837</v>
      </c>
      <c r="I427" s="944" t="s">
        <v>0</v>
      </c>
      <c r="J427" s="952" t="s">
        <v>7546</v>
      </c>
    </row>
    <row r="428" spans="2:10" s="395" customFormat="1" ht="14.25">
      <c r="B428" s="951" t="s">
        <v>7790</v>
      </c>
      <c r="C428" s="944" t="s">
        <v>6949</v>
      </c>
      <c r="D428" s="944" t="s">
        <v>7791</v>
      </c>
      <c r="E428" s="944" t="s">
        <v>7792</v>
      </c>
      <c r="F428" s="944" t="s">
        <v>7793</v>
      </c>
      <c r="G428" s="944" t="s">
        <v>7161</v>
      </c>
      <c r="H428" s="944" t="s">
        <v>6837</v>
      </c>
      <c r="I428" s="944" t="s">
        <v>0</v>
      </c>
      <c r="J428" s="952" t="s">
        <v>7546</v>
      </c>
    </row>
    <row r="429" spans="2:10" s="395" customFormat="1" ht="14.25">
      <c r="B429" s="951" t="s">
        <v>7794</v>
      </c>
      <c r="C429" s="944" t="s">
        <v>6949</v>
      </c>
      <c r="D429" s="944" t="s">
        <v>7795</v>
      </c>
      <c r="E429" s="944" t="s">
        <v>7796</v>
      </c>
      <c r="F429" s="944" t="s">
        <v>7797</v>
      </c>
      <c r="G429" s="944" t="s">
        <v>7161</v>
      </c>
      <c r="H429" s="944" t="s">
        <v>6837</v>
      </c>
      <c r="I429" s="944" t="s">
        <v>0</v>
      </c>
      <c r="J429" s="952" t="s">
        <v>7546</v>
      </c>
    </row>
    <row r="430" spans="2:10" s="395" customFormat="1" ht="14.25">
      <c r="B430" s="951" t="s">
        <v>7798</v>
      </c>
      <c r="C430" s="944" t="s">
        <v>6949</v>
      </c>
      <c r="D430" s="944" t="s">
        <v>7799</v>
      </c>
      <c r="E430" s="944" t="s">
        <v>7800</v>
      </c>
      <c r="F430" s="944" t="s">
        <v>7801</v>
      </c>
      <c r="G430" s="944" t="s">
        <v>7161</v>
      </c>
      <c r="H430" s="944" t="s">
        <v>6837</v>
      </c>
      <c r="I430" s="944" t="s">
        <v>0</v>
      </c>
      <c r="J430" s="952" t="s">
        <v>7546</v>
      </c>
    </row>
    <row r="431" spans="2:10" s="395" customFormat="1" ht="14.25">
      <c r="B431" s="951" t="s">
        <v>7802</v>
      </c>
      <c r="C431" s="944" t="s">
        <v>6949</v>
      </c>
      <c r="D431" s="944" t="s">
        <v>7803</v>
      </c>
      <c r="E431" s="944" t="s">
        <v>7804</v>
      </c>
      <c r="F431" s="944" t="s">
        <v>7805</v>
      </c>
      <c r="G431" s="944" t="s">
        <v>7161</v>
      </c>
      <c r="H431" s="944" t="s">
        <v>6837</v>
      </c>
      <c r="I431" s="944" t="s">
        <v>0</v>
      </c>
      <c r="J431" s="952" t="s">
        <v>7546</v>
      </c>
    </row>
    <row r="432" spans="2:10" s="395" customFormat="1" ht="14.25">
      <c r="B432" s="951" t="s">
        <v>7806</v>
      </c>
      <c r="C432" s="944" t="s">
        <v>6949</v>
      </c>
      <c r="D432" s="944" t="s">
        <v>7807</v>
      </c>
      <c r="E432" s="944" t="s">
        <v>7808</v>
      </c>
      <c r="F432" s="944" t="s">
        <v>7809</v>
      </c>
      <c r="G432" s="944" t="s">
        <v>7161</v>
      </c>
      <c r="H432" s="944" t="s">
        <v>6837</v>
      </c>
      <c r="I432" s="944" t="s">
        <v>0</v>
      </c>
      <c r="J432" s="952" t="s">
        <v>7546</v>
      </c>
    </row>
    <row r="433" spans="2:10" s="395" customFormat="1" ht="14.25">
      <c r="B433" s="951" t="s">
        <v>7810</v>
      </c>
      <c r="C433" s="944" t="s">
        <v>6949</v>
      </c>
      <c r="D433" s="944" t="s">
        <v>7811</v>
      </c>
      <c r="E433" s="944" t="s">
        <v>7812</v>
      </c>
      <c r="F433" s="944" t="s">
        <v>7813</v>
      </c>
      <c r="G433" s="944" t="s">
        <v>7161</v>
      </c>
      <c r="H433" s="944" t="s">
        <v>6837</v>
      </c>
      <c r="I433" s="944" t="s">
        <v>0</v>
      </c>
      <c r="J433" s="952" t="s">
        <v>7546</v>
      </c>
    </row>
    <row r="434" spans="2:10" s="395" customFormat="1" ht="14.25">
      <c r="B434" s="951" t="s">
        <v>7814</v>
      </c>
      <c r="C434" s="944" t="s">
        <v>6949</v>
      </c>
      <c r="D434" s="944" t="s">
        <v>7815</v>
      </c>
      <c r="E434" s="944" t="s">
        <v>7816</v>
      </c>
      <c r="F434" s="944" t="s">
        <v>7817</v>
      </c>
      <c r="G434" s="944" t="s">
        <v>7161</v>
      </c>
      <c r="H434" s="944" t="s">
        <v>6837</v>
      </c>
      <c r="I434" s="944" t="s">
        <v>0</v>
      </c>
      <c r="J434" s="952" t="s">
        <v>7546</v>
      </c>
    </row>
    <row r="435" spans="2:10" s="395" customFormat="1" ht="14.25">
      <c r="B435" s="951" t="s">
        <v>7818</v>
      </c>
      <c r="C435" s="944" t="s">
        <v>6949</v>
      </c>
      <c r="D435" s="944" t="s">
        <v>7819</v>
      </c>
      <c r="E435" s="944" t="s">
        <v>7820</v>
      </c>
      <c r="F435" s="944" t="s">
        <v>7821</v>
      </c>
      <c r="G435" s="944" t="s">
        <v>7161</v>
      </c>
      <c r="H435" s="944" t="s">
        <v>6837</v>
      </c>
      <c r="I435" s="944" t="s">
        <v>0</v>
      </c>
      <c r="J435" s="952" t="s">
        <v>7546</v>
      </c>
    </row>
    <row r="436" spans="2:10" s="395" customFormat="1" ht="14.25">
      <c r="B436" s="951" t="s">
        <v>7822</v>
      </c>
      <c r="C436" s="944" t="s">
        <v>6949</v>
      </c>
      <c r="D436" s="944" t="s">
        <v>7823</v>
      </c>
      <c r="E436" s="944" t="s">
        <v>7824</v>
      </c>
      <c r="F436" s="944" t="s">
        <v>7825</v>
      </c>
      <c r="G436" s="944" t="s">
        <v>7161</v>
      </c>
      <c r="H436" s="944" t="s">
        <v>6837</v>
      </c>
      <c r="I436" s="944" t="s">
        <v>0</v>
      </c>
      <c r="J436" s="952" t="s">
        <v>7546</v>
      </c>
    </row>
    <row r="437" spans="2:10" s="395" customFormat="1" ht="14.25">
      <c r="B437" s="951" t="s">
        <v>7826</v>
      </c>
      <c r="C437" s="944" t="s">
        <v>6949</v>
      </c>
      <c r="D437" s="944" t="s">
        <v>7827</v>
      </c>
      <c r="E437" s="944" t="s">
        <v>7828</v>
      </c>
      <c r="F437" s="944" t="s">
        <v>7829</v>
      </c>
      <c r="G437" s="944" t="s">
        <v>7161</v>
      </c>
      <c r="H437" s="944" t="s">
        <v>6837</v>
      </c>
      <c r="I437" s="944" t="s">
        <v>0</v>
      </c>
      <c r="J437" s="952" t="s">
        <v>7546</v>
      </c>
    </row>
    <row r="438" spans="2:10" s="395" customFormat="1" ht="14.25">
      <c r="B438" s="951" t="s">
        <v>7830</v>
      </c>
      <c r="C438" s="944" t="s">
        <v>6949</v>
      </c>
      <c r="D438" s="944" t="s">
        <v>7831</v>
      </c>
      <c r="E438" s="944" t="s">
        <v>7832</v>
      </c>
      <c r="F438" s="944" t="s">
        <v>7833</v>
      </c>
      <c r="G438" s="944" t="s">
        <v>7161</v>
      </c>
      <c r="H438" s="944" t="s">
        <v>6837</v>
      </c>
      <c r="I438" s="944" t="s">
        <v>0</v>
      </c>
      <c r="J438" s="952" t="s">
        <v>7546</v>
      </c>
    </row>
    <row r="439" spans="2:10" s="395" customFormat="1" ht="14.25">
      <c r="B439" s="951" t="s">
        <v>7834</v>
      </c>
      <c r="C439" s="944" t="s">
        <v>6949</v>
      </c>
      <c r="D439" s="944" t="s">
        <v>7835</v>
      </c>
      <c r="E439" s="944" t="s">
        <v>7836</v>
      </c>
      <c r="F439" s="944" t="s">
        <v>7837</v>
      </c>
      <c r="G439" s="944" t="s">
        <v>7161</v>
      </c>
      <c r="H439" s="944" t="s">
        <v>6837</v>
      </c>
      <c r="I439" s="944" t="s">
        <v>0</v>
      </c>
      <c r="J439" s="952" t="s">
        <v>7546</v>
      </c>
    </row>
    <row r="440" spans="2:10" s="395" customFormat="1" ht="14.25">
      <c r="B440" s="951" t="s">
        <v>7838</v>
      </c>
      <c r="C440" s="944" t="s">
        <v>6949</v>
      </c>
      <c r="D440" s="944" t="s">
        <v>7839</v>
      </c>
      <c r="E440" s="944" t="s">
        <v>7840</v>
      </c>
      <c r="F440" s="944" t="s">
        <v>7841</v>
      </c>
      <c r="G440" s="944" t="s">
        <v>7161</v>
      </c>
      <c r="H440" s="944" t="s">
        <v>6837</v>
      </c>
      <c r="I440" s="944" t="s">
        <v>0</v>
      </c>
      <c r="J440" s="952" t="s">
        <v>7546</v>
      </c>
    </row>
    <row r="441" spans="2:10" s="395" customFormat="1" ht="14.25">
      <c r="B441" s="951" t="s">
        <v>7842</v>
      </c>
      <c r="C441" s="944" t="s">
        <v>6949</v>
      </c>
      <c r="D441" s="944" t="s">
        <v>7843</v>
      </c>
      <c r="E441" s="944" t="s">
        <v>7844</v>
      </c>
      <c r="F441" s="944" t="s">
        <v>7845</v>
      </c>
      <c r="G441" s="944" t="s">
        <v>7161</v>
      </c>
      <c r="H441" s="944" t="s">
        <v>6837</v>
      </c>
      <c r="I441" s="944" t="s">
        <v>0</v>
      </c>
      <c r="J441" s="952" t="s">
        <v>7546</v>
      </c>
    </row>
    <row r="442" spans="2:10" s="395" customFormat="1" ht="14.25">
      <c r="B442" s="951" t="s">
        <v>7846</v>
      </c>
      <c r="C442" s="944" t="s">
        <v>6949</v>
      </c>
      <c r="D442" s="944" t="s">
        <v>34114</v>
      </c>
      <c r="E442" s="944" t="s">
        <v>34115</v>
      </c>
      <c r="F442" s="944" t="s">
        <v>34116</v>
      </c>
      <c r="G442" s="944" t="s">
        <v>7161</v>
      </c>
      <c r="H442" s="944" t="s">
        <v>6837</v>
      </c>
      <c r="I442" s="944" t="s">
        <v>7019</v>
      </c>
      <c r="J442" s="952" t="s">
        <v>34117</v>
      </c>
    </row>
    <row r="443" spans="2:10" s="395" customFormat="1" ht="14.25">
      <c r="B443" s="951" t="s">
        <v>7847</v>
      </c>
      <c r="C443" s="944" t="s">
        <v>6949</v>
      </c>
      <c r="D443" s="944" t="s">
        <v>7848</v>
      </c>
      <c r="E443" s="944" t="s">
        <v>7849</v>
      </c>
      <c r="F443" s="944" t="s">
        <v>7850</v>
      </c>
      <c r="G443" s="944" t="s">
        <v>7161</v>
      </c>
      <c r="H443" s="944" t="s">
        <v>6837</v>
      </c>
      <c r="I443" s="944" t="s">
        <v>0</v>
      </c>
      <c r="J443" s="952" t="s">
        <v>7546</v>
      </c>
    </row>
    <row r="444" spans="2:10" s="395" customFormat="1" ht="14.25">
      <c r="B444" s="951" t="s">
        <v>7851</v>
      </c>
      <c r="C444" s="944" t="s">
        <v>6952</v>
      </c>
      <c r="D444" s="944" t="s">
        <v>6048</v>
      </c>
      <c r="E444" s="944" t="s">
        <v>6049</v>
      </c>
      <c r="F444" s="944" t="s">
        <v>0</v>
      </c>
      <c r="G444" s="944" t="s">
        <v>7161</v>
      </c>
      <c r="H444" s="944" t="s">
        <v>6837</v>
      </c>
      <c r="I444" s="944" t="s">
        <v>0</v>
      </c>
      <c r="J444" s="952" t="s">
        <v>0</v>
      </c>
    </row>
    <row r="445" spans="2:10" s="395" customFormat="1" ht="14.25">
      <c r="B445" s="951" t="s">
        <v>7852</v>
      </c>
      <c r="C445" s="944" t="s">
        <v>6952</v>
      </c>
      <c r="D445" s="944" t="s">
        <v>650</v>
      </c>
      <c r="E445" s="944" t="s">
        <v>651</v>
      </c>
      <c r="F445" s="944" t="s">
        <v>0</v>
      </c>
      <c r="G445" s="944" t="s">
        <v>7161</v>
      </c>
      <c r="H445" s="944" t="s">
        <v>6837</v>
      </c>
      <c r="I445" s="944" t="s">
        <v>0</v>
      </c>
      <c r="J445" s="952" t="s">
        <v>0</v>
      </c>
    </row>
    <row r="446" spans="2:10" s="395" customFormat="1" ht="14.25">
      <c r="B446" s="951" t="s">
        <v>7853</v>
      </c>
      <c r="C446" s="944" t="s">
        <v>6952</v>
      </c>
      <c r="D446" s="944" t="s">
        <v>6047</v>
      </c>
      <c r="E446" s="944" t="s">
        <v>1364</v>
      </c>
      <c r="F446" s="944" t="s">
        <v>0</v>
      </c>
      <c r="G446" s="944" t="s">
        <v>7161</v>
      </c>
      <c r="H446" s="944" t="s">
        <v>6837</v>
      </c>
      <c r="I446" s="944" t="s">
        <v>0</v>
      </c>
      <c r="J446" s="952" t="s">
        <v>0</v>
      </c>
    </row>
    <row r="447" spans="2:10" s="395" customFormat="1" ht="14.25">
      <c r="B447" s="951" t="s">
        <v>7854</v>
      </c>
      <c r="C447" s="944" t="s">
        <v>6952</v>
      </c>
      <c r="D447" s="944" t="s">
        <v>4332</v>
      </c>
      <c r="E447" s="944" t="s">
        <v>4333</v>
      </c>
      <c r="F447" s="944" t="s">
        <v>0</v>
      </c>
      <c r="G447" s="944" t="s">
        <v>7161</v>
      </c>
      <c r="H447" s="944" t="s">
        <v>6837</v>
      </c>
      <c r="I447" s="944" t="s">
        <v>0</v>
      </c>
      <c r="J447" s="952" t="s">
        <v>0</v>
      </c>
    </row>
    <row r="448" spans="2:10" s="395" customFormat="1" ht="14.25">
      <c r="B448" s="951" t="s">
        <v>7855</v>
      </c>
      <c r="C448" s="944" t="s">
        <v>6952</v>
      </c>
      <c r="D448" s="944" t="s">
        <v>6050</v>
      </c>
      <c r="E448" s="944" t="s">
        <v>6051</v>
      </c>
      <c r="F448" s="944" t="s">
        <v>0</v>
      </c>
      <c r="G448" s="944" t="s">
        <v>7161</v>
      </c>
      <c r="H448" s="944" t="s">
        <v>6837</v>
      </c>
      <c r="I448" s="944" t="s">
        <v>0</v>
      </c>
      <c r="J448" s="952" t="s">
        <v>0</v>
      </c>
    </row>
    <row r="449" spans="2:10" s="395" customFormat="1" ht="14.25">
      <c r="B449" s="951" t="s">
        <v>7856</v>
      </c>
      <c r="C449" s="944" t="s">
        <v>6952</v>
      </c>
      <c r="D449" s="944" t="s">
        <v>6052</v>
      </c>
      <c r="E449" s="944" t="s">
        <v>3180</v>
      </c>
      <c r="F449" s="944" t="s">
        <v>0</v>
      </c>
      <c r="G449" s="944" t="s">
        <v>7161</v>
      </c>
      <c r="H449" s="944" t="s">
        <v>6837</v>
      </c>
      <c r="I449" s="944" t="s">
        <v>0</v>
      </c>
      <c r="J449" s="952" t="s">
        <v>0</v>
      </c>
    </row>
    <row r="450" spans="2:10" s="395" customFormat="1" ht="14.25">
      <c r="B450" s="951" t="s">
        <v>7857</v>
      </c>
      <c r="C450" s="944" t="s">
        <v>6952</v>
      </c>
      <c r="D450" s="944" t="s">
        <v>5085</v>
      </c>
      <c r="E450" s="944" t="s">
        <v>5086</v>
      </c>
      <c r="F450" s="944" t="s">
        <v>0</v>
      </c>
      <c r="G450" s="944" t="s">
        <v>7161</v>
      </c>
      <c r="H450" s="944" t="s">
        <v>6837</v>
      </c>
      <c r="I450" s="944" t="s">
        <v>0</v>
      </c>
      <c r="J450" s="952" t="s">
        <v>0</v>
      </c>
    </row>
    <row r="451" spans="2:10" s="395" customFormat="1" ht="14.25">
      <c r="B451" s="951" t="s">
        <v>7858</v>
      </c>
      <c r="C451" s="944" t="s">
        <v>6952</v>
      </c>
      <c r="D451" s="944" t="s">
        <v>5711</v>
      </c>
      <c r="E451" s="944" t="s">
        <v>5712</v>
      </c>
      <c r="F451" s="944" t="s">
        <v>0</v>
      </c>
      <c r="G451" s="944" t="s">
        <v>7161</v>
      </c>
      <c r="H451" s="944" t="s">
        <v>6837</v>
      </c>
      <c r="I451" s="944" t="s">
        <v>0</v>
      </c>
      <c r="J451" s="952" t="s">
        <v>0</v>
      </c>
    </row>
    <row r="452" spans="2:10" s="395" customFormat="1" ht="14.25">
      <c r="B452" s="951" t="s">
        <v>7859</v>
      </c>
      <c r="C452" s="944" t="s">
        <v>6952</v>
      </c>
      <c r="D452" s="944" t="s">
        <v>5428</v>
      </c>
      <c r="E452" s="944" t="s">
        <v>5429</v>
      </c>
      <c r="F452" s="944" t="s">
        <v>0</v>
      </c>
      <c r="G452" s="944" t="s">
        <v>7161</v>
      </c>
      <c r="H452" s="944" t="s">
        <v>6837</v>
      </c>
      <c r="I452" s="944" t="s">
        <v>0</v>
      </c>
      <c r="J452" s="952" t="s">
        <v>0</v>
      </c>
    </row>
    <row r="453" spans="2:10" s="395" customFormat="1" ht="14.25">
      <c r="B453" s="951" t="s">
        <v>7860</v>
      </c>
      <c r="C453" s="944" t="s">
        <v>6952</v>
      </c>
      <c r="D453" s="944" t="s">
        <v>6053</v>
      </c>
      <c r="E453" s="944" t="s">
        <v>6054</v>
      </c>
      <c r="F453" s="944" t="s">
        <v>0</v>
      </c>
      <c r="G453" s="944" t="s">
        <v>7161</v>
      </c>
      <c r="H453" s="944" t="s">
        <v>6837</v>
      </c>
      <c r="I453" s="944" t="s">
        <v>0</v>
      </c>
      <c r="J453" s="952" t="s">
        <v>0</v>
      </c>
    </row>
    <row r="454" spans="2:10" s="395" customFormat="1" ht="14.25">
      <c r="B454" s="951" t="s">
        <v>7861</v>
      </c>
      <c r="C454" s="944" t="s">
        <v>6952</v>
      </c>
      <c r="D454" s="944" t="s">
        <v>6055</v>
      </c>
      <c r="E454" s="944" t="s">
        <v>6056</v>
      </c>
      <c r="F454" s="944" t="s">
        <v>0</v>
      </c>
      <c r="G454" s="944" t="s">
        <v>7161</v>
      </c>
      <c r="H454" s="944" t="s">
        <v>6837</v>
      </c>
      <c r="I454" s="944" t="s">
        <v>0</v>
      </c>
      <c r="J454" s="952" t="s">
        <v>0</v>
      </c>
    </row>
    <row r="455" spans="2:10" s="395" customFormat="1" ht="14.25">
      <c r="B455" s="951" t="s">
        <v>7862</v>
      </c>
      <c r="C455" s="944" t="s">
        <v>6952</v>
      </c>
      <c r="D455" s="944" t="s">
        <v>6057</v>
      </c>
      <c r="E455" s="944" t="s">
        <v>6058</v>
      </c>
      <c r="F455" s="944" t="s">
        <v>0</v>
      </c>
      <c r="G455" s="944" t="s">
        <v>7161</v>
      </c>
      <c r="H455" s="944" t="s">
        <v>6837</v>
      </c>
      <c r="I455" s="944" t="s">
        <v>0</v>
      </c>
      <c r="J455" s="952" t="s">
        <v>0</v>
      </c>
    </row>
    <row r="456" spans="2:10" s="395" customFormat="1" ht="14.25">
      <c r="B456" s="951" t="s">
        <v>7863</v>
      </c>
      <c r="C456" s="944" t="s">
        <v>7130</v>
      </c>
      <c r="D456" s="944" t="s">
        <v>6068</v>
      </c>
      <c r="E456" s="944" t="s">
        <v>6069</v>
      </c>
      <c r="F456" s="944" t="s">
        <v>0</v>
      </c>
      <c r="G456" s="944" t="s">
        <v>7161</v>
      </c>
      <c r="H456" s="944" t="s">
        <v>6837</v>
      </c>
      <c r="I456" s="944" t="s">
        <v>0</v>
      </c>
      <c r="J456" s="952" t="s">
        <v>0</v>
      </c>
    </row>
    <row r="457" spans="2:10" s="395" customFormat="1" ht="14.25">
      <c r="B457" s="951" t="s">
        <v>7864</v>
      </c>
      <c r="C457" s="944" t="s">
        <v>7130</v>
      </c>
      <c r="D457" s="944" t="s">
        <v>6070</v>
      </c>
      <c r="E457" s="944" t="s">
        <v>6071</v>
      </c>
      <c r="F457" s="944" t="s">
        <v>0</v>
      </c>
      <c r="G457" s="944" t="s">
        <v>7161</v>
      </c>
      <c r="H457" s="944" t="s">
        <v>6837</v>
      </c>
      <c r="I457" s="944" t="s">
        <v>0</v>
      </c>
      <c r="J457" s="952" t="s">
        <v>0</v>
      </c>
    </row>
    <row r="458" spans="2:10" s="395" customFormat="1" ht="14.25">
      <c r="B458" s="951" t="s">
        <v>7865</v>
      </c>
      <c r="C458" s="944" t="s">
        <v>27017</v>
      </c>
      <c r="D458" s="944" t="s">
        <v>540</v>
      </c>
      <c r="E458" s="944" t="s">
        <v>542</v>
      </c>
      <c r="F458" s="944" t="s">
        <v>27026</v>
      </c>
      <c r="G458" s="944" t="s">
        <v>7161</v>
      </c>
      <c r="H458" s="944" t="s">
        <v>6837</v>
      </c>
      <c r="I458" s="944" t="s">
        <v>26995</v>
      </c>
      <c r="J458" s="952" t="s">
        <v>34118</v>
      </c>
    </row>
    <row r="459" spans="2:10" s="395" customFormat="1" ht="14.25">
      <c r="B459" s="951" t="s">
        <v>7866</v>
      </c>
      <c r="C459" s="944" t="s">
        <v>27017</v>
      </c>
      <c r="D459" s="944" t="s">
        <v>558</v>
      </c>
      <c r="E459" s="944" t="s">
        <v>560</v>
      </c>
      <c r="F459" s="944" t="s">
        <v>27025</v>
      </c>
      <c r="G459" s="944" t="s">
        <v>7161</v>
      </c>
      <c r="H459" s="944" t="s">
        <v>6837</v>
      </c>
      <c r="I459" s="944" t="s">
        <v>26995</v>
      </c>
      <c r="J459" s="952" t="s">
        <v>34118</v>
      </c>
    </row>
    <row r="460" spans="2:10" s="395" customFormat="1" ht="14.25">
      <c r="B460" s="951" t="s">
        <v>7867</v>
      </c>
      <c r="C460" s="944" t="s">
        <v>27017</v>
      </c>
      <c r="D460" s="944" t="s">
        <v>27168</v>
      </c>
      <c r="E460" s="944" t="s">
        <v>545</v>
      </c>
      <c r="F460" s="944" t="s">
        <v>27022</v>
      </c>
      <c r="G460" s="944" t="s">
        <v>7161</v>
      </c>
      <c r="H460" s="944" t="s">
        <v>6837</v>
      </c>
      <c r="I460" s="944" t="s">
        <v>26995</v>
      </c>
      <c r="J460" s="952" t="s">
        <v>34118</v>
      </c>
    </row>
    <row r="461" spans="2:10" s="395" customFormat="1" ht="14.25">
      <c r="B461" s="951" t="s">
        <v>27169</v>
      </c>
      <c r="C461" s="944" t="s">
        <v>27017</v>
      </c>
      <c r="D461" s="944" t="s">
        <v>6969</v>
      </c>
      <c r="E461" s="944" t="s">
        <v>511</v>
      </c>
      <c r="F461" s="944" t="s">
        <v>27027</v>
      </c>
      <c r="G461" s="944" t="s">
        <v>7161</v>
      </c>
      <c r="H461" s="944" t="s">
        <v>26995</v>
      </c>
      <c r="I461" s="944" t="s">
        <v>26995</v>
      </c>
      <c r="J461" s="952" t="s">
        <v>34118</v>
      </c>
    </row>
    <row r="462" spans="2:10" s="395" customFormat="1" ht="14.25">
      <c r="B462" s="951" t="s">
        <v>7868</v>
      </c>
      <c r="C462" s="944" t="s">
        <v>6961</v>
      </c>
      <c r="D462" s="944" t="s">
        <v>7869</v>
      </c>
      <c r="E462" s="944" t="s">
        <v>7870</v>
      </c>
      <c r="F462" s="944" t="s">
        <v>0</v>
      </c>
      <c r="G462" s="944" t="s">
        <v>7161</v>
      </c>
      <c r="H462" s="944" t="s">
        <v>6837</v>
      </c>
      <c r="I462" s="944" t="s">
        <v>6944</v>
      </c>
      <c r="J462" s="952" t="s">
        <v>34119</v>
      </c>
    </row>
    <row r="463" spans="2:10" s="395" customFormat="1" ht="14.25">
      <c r="B463" s="951" t="s">
        <v>7871</v>
      </c>
      <c r="C463" s="944" t="s">
        <v>6961</v>
      </c>
      <c r="D463" s="944" t="s">
        <v>7103</v>
      </c>
      <c r="E463" s="944" t="s">
        <v>7872</v>
      </c>
      <c r="F463" s="944" t="s">
        <v>0</v>
      </c>
      <c r="G463" s="944" t="s">
        <v>7161</v>
      </c>
      <c r="H463" s="944" t="s">
        <v>6837</v>
      </c>
      <c r="I463" s="944" t="s">
        <v>6944</v>
      </c>
      <c r="J463" s="952" t="s">
        <v>34119</v>
      </c>
    </row>
    <row r="464" spans="2:10" s="395" customFormat="1" ht="14.25">
      <c r="B464" s="951" t="s">
        <v>7873</v>
      </c>
      <c r="C464" s="944" t="s">
        <v>6961</v>
      </c>
      <c r="D464" s="944" t="s">
        <v>7874</v>
      </c>
      <c r="E464" s="944" t="s">
        <v>6228</v>
      </c>
      <c r="F464" s="944" t="s">
        <v>0</v>
      </c>
      <c r="G464" s="944" t="s">
        <v>7161</v>
      </c>
      <c r="H464" s="944" t="s">
        <v>6837</v>
      </c>
      <c r="I464" s="944" t="s">
        <v>6944</v>
      </c>
      <c r="J464" s="952" t="s">
        <v>34119</v>
      </c>
    </row>
    <row r="465" spans="2:10" s="395" customFormat="1" ht="14.25">
      <c r="B465" s="951" t="s">
        <v>7875</v>
      </c>
      <c r="C465" s="944" t="s">
        <v>27030</v>
      </c>
      <c r="D465" s="944" t="s">
        <v>7876</v>
      </c>
      <c r="E465" s="944" t="s">
        <v>6338</v>
      </c>
      <c r="F465" s="944" t="s">
        <v>0</v>
      </c>
      <c r="G465" s="944" t="s">
        <v>7161</v>
      </c>
      <c r="H465" s="944" t="s">
        <v>6837</v>
      </c>
      <c r="I465" s="944" t="s">
        <v>26995</v>
      </c>
      <c r="J465" s="952" t="s">
        <v>27170</v>
      </c>
    </row>
    <row r="466" spans="2:10" s="395" customFormat="1" ht="14.25">
      <c r="B466" s="951" t="s">
        <v>7877</v>
      </c>
      <c r="C466" s="944" t="s">
        <v>27030</v>
      </c>
      <c r="D466" s="944" t="s">
        <v>7878</v>
      </c>
      <c r="E466" s="944" t="s">
        <v>6334</v>
      </c>
      <c r="F466" s="944" t="s">
        <v>0</v>
      </c>
      <c r="G466" s="944" t="s">
        <v>7161</v>
      </c>
      <c r="H466" s="944" t="s">
        <v>6837</v>
      </c>
      <c r="I466" s="944" t="s">
        <v>26995</v>
      </c>
      <c r="J466" s="952" t="s">
        <v>27170</v>
      </c>
    </row>
    <row r="467" spans="2:10" s="395" customFormat="1" ht="14.25">
      <c r="B467" s="951" t="s">
        <v>7879</v>
      </c>
      <c r="C467" s="944" t="s">
        <v>27030</v>
      </c>
      <c r="D467" s="944" t="s">
        <v>7880</v>
      </c>
      <c r="E467" s="944" t="s">
        <v>7881</v>
      </c>
      <c r="F467" s="944" t="s">
        <v>0</v>
      </c>
      <c r="G467" s="944" t="s">
        <v>7161</v>
      </c>
      <c r="H467" s="944" t="s">
        <v>6837</v>
      </c>
      <c r="I467" s="944" t="s">
        <v>26995</v>
      </c>
      <c r="J467" s="952" t="s">
        <v>27170</v>
      </c>
    </row>
    <row r="468" spans="2:10" s="395" customFormat="1" ht="14.25">
      <c r="B468" s="951" t="s">
        <v>7882</v>
      </c>
      <c r="C468" s="944" t="s">
        <v>27030</v>
      </c>
      <c r="D468" s="944" t="s">
        <v>7883</v>
      </c>
      <c r="E468" s="944" t="s">
        <v>7884</v>
      </c>
      <c r="F468" s="944" t="s">
        <v>0</v>
      </c>
      <c r="G468" s="944" t="s">
        <v>7161</v>
      </c>
      <c r="H468" s="944" t="s">
        <v>6837</v>
      </c>
      <c r="I468" s="944" t="s">
        <v>26995</v>
      </c>
      <c r="J468" s="952" t="s">
        <v>27170</v>
      </c>
    </row>
    <row r="469" spans="2:10" s="395" customFormat="1" ht="14.25">
      <c r="B469" s="951" t="s">
        <v>7885</v>
      </c>
      <c r="C469" s="944" t="s">
        <v>27030</v>
      </c>
      <c r="D469" s="944" t="s">
        <v>7886</v>
      </c>
      <c r="E469" s="944" t="s">
        <v>7887</v>
      </c>
      <c r="F469" s="944" t="s">
        <v>0</v>
      </c>
      <c r="G469" s="944" t="s">
        <v>7161</v>
      </c>
      <c r="H469" s="944" t="s">
        <v>6837</v>
      </c>
      <c r="I469" s="944" t="s">
        <v>26995</v>
      </c>
      <c r="J469" s="952" t="s">
        <v>27170</v>
      </c>
    </row>
    <row r="470" spans="2:10" s="395" customFormat="1" ht="14.25">
      <c r="B470" s="951" t="s">
        <v>7888</v>
      </c>
      <c r="C470" s="944" t="s">
        <v>27030</v>
      </c>
      <c r="D470" s="944" t="s">
        <v>7889</v>
      </c>
      <c r="E470" s="944" t="s">
        <v>6282</v>
      </c>
      <c r="F470" s="944" t="s">
        <v>0</v>
      </c>
      <c r="G470" s="944" t="s">
        <v>7161</v>
      </c>
      <c r="H470" s="944" t="s">
        <v>6837</v>
      </c>
      <c r="I470" s="944" t="s">
        <v>26995</v>
      </c>
      <c r="J470" s="952" t="s">
        <v>27170</v>
      </c>
    </row>
    <row r="471" spans="2:10" s="395" customFormat="1" ht="14.25">
      <c r="B471" s="951" t="s">
        <v>7890</v>
      </c>
      <c r="C471" s="944" t="s">
        <v>27030</v>
      </c>
      <c r="D471" s="944" t="s">
        <v>7891</v>
      </c>
      <c r="E471" s="944" t="s">
        <v>6302</v>
      </c>
      <c r="F471" s="944" t="s">
        <v>0</v>
      </c>
      <c r="G471" s="944" t="s">
        <v>7161</v>
      </c>
      <c r="H471" s="944" t="s">
        <v>6837</v>
      </c>
      <c r="I471" s="944" t="s">
        <v>26995</v>
      </c>
      <c r="J471" s="952" t="s">
        <v>27170</v>
      </c>
    </row>
    <row r="472" spans="2:10" s="395" customFormat="1" ht="14.25">
      <c r="B472" s="951" t="s">
        <v>7892</v>
      </c>
      <c r="C472" s="944" t="s">
        <v>27030</v>
      </c>
      <c r="D472" s="944" t="s">
        <v>7893</v>
      </c>
      <c r="E472" s="944" t="s">
        <v>7894</v>
      </c>
      <c r="F472" s="944" t="s">
        <v>0</v>
      </c>
      <c r="G472" s="944" t="s">
        <v>7161</v>
      </c>
      <c r="H472" s="944" t="s">
        <v>6837</v>
      </c>
      <c r="I472" s="944" t="s">
        <v>26995</v>
      </c>
      <c r="J472" s="952" t="s">
        <v>27170</v>
      </c>
    </row>
    <row r="473" spans="2:10" s="395" customFormat="1" ht="14.25">
      <c r="B473" s="951" t="s">
        <v>7895</v>
      </c>
      <c r="C473" s="944" t="s">
        <v>27030</v>
      </c>
      <c r="D473" s="944" t="s">
        <v>6341</v>
      </c>
      <c r="E473" s="944" t="s">
        <v>6264</v>
      </c>
      <c r="F473" s="944" t="s">
        <v>0</v>
      </c>
      <c r="G473" s="944" t="s">
        <v>7161</v>
      </c>
      <c r="H473" s="944" t="s">
        <v>6837</v>
      </c>
      <c r="I473" s="944" t="s">
        <v>26995</v>
      </c>
      <c r="J473" s="952" t="s">
        <v>27170</v>
      </c>
    </row>
    <row r="474" spans="2:10" s="395" customFormat="1" ht="14.25">
      <c r="B474" s="951" t="s">
        <v>7896</v>
      </c>
      <c r="C474" s="944" t="s">
        <v>27030</v>
      </c>
      <c r="D474" s="944" t="s">
        <v>7897</v>
      </c>
      <c r="E474" s="944" t="s">
        <v>6342</v>
      </c>
      <c r="F474" s="944" t="s">
        <v>0</v>
      </c>
      <c r="G474" s="944" t="s">
        <v>7161</v>
      </c>
      <c r="H474" s="944" t="s">
        <v>6837</v>
      </c>
      <c r="I474" s="944" t="s">
        <v>26995</v>
      </c>
      <c r="J474" s="952" t="s">
        <v>27170</v>
      </c>
    </row>
    <row r="475" spans="2:10" s="395" customFormat="1" ht="14.25">
      <c r="B475" s="951" t="s">
        <v>7898</v>
      </c>
      <c r="C475" s="944" t="s">
        <v>27030</v>
      </c>
      <c r="D475" s="944" t="s">
        <v>6339</v>
      </c>
      <c r="E475" s="944" t="s">
        <v>6340</v>
      </c>
      <c r="F475" s="944" t="s">
        <v>0</v>
      </c>
      <c r="G475" s="944" t="s">
        <v>7161</v>
      </c>
      <c r="H475" s="944" t="s">
        <v>6837</v>
      </c>
      <c r="I475" s="944" t="s">
        <v>26995</v>
      </c>
      <c r="J475" s="952" t="s">
        <v>27170</v>
      </c>
    </row>
    <row r="476" spans="2:10" s="395" customFormat="1" ht="14.25">
      <c r="B476" s="951" t="s">
        <v>7899</v>
      </c>
      <c r="C476" s="944" t="s">
        <v>27030</v>
      </c>
      <c r="D476" s="944" t="s">
        <v>7900</v>
      </c>
      <c r="E476" s="944" t="s">
        <v>7901</v>
      </c>
      <c r="F476" s="944" t="s">
        <v>0</v>
      </c>
      <c r="G476" s="944" t="s">
        <v>7161</v>
      </c>
      <c r="H476" s="944" t="s">
        <v>6837</v>
      </c>
      <c r="I476" s="944" t="s">
        <v>26995</v>
      </c>
      <c r="J476" s="952" t="s">
        <v>27170</v>
      </c>
    </row>
    <row r="477" spans="2:10" s="395" customFormat="1" ht="14.25">
      <c r="B477" s="951" t="s">
        <v>7902</v>
      </c>
      <c r="C477" s="944" t="s">
        <v>27030</v>
      </c>
      <c r="D477" s="944" t="s">
        <v>6343</v>
      </c>
      <c r="E477" s="944" t="s">
        <v>6346</v>
      </c>
      <c r="F477" s="944" t="s">
        <v>0</v>
      </c>
      <c r="G477" s="944" t="s">
        <v>7161</v>
      </c>
      <c r="H477" s="944" t="s">
        <v>6837</v>
      </c>
      <c r="I477" s="944" t="s">
        <v>26995</v>
      </c>
      <c r="J477" s="952" t="s">
        <v>27170</v>
      </c>
    </row>
    <row r="478" spans="2:10" s="395" customFormat="1" ht="14.25">
      <c r="B478" s="951" t="s">
        <v>7903</v>
      </c>
      <c r="C478" s="944" t="s">
        <v>27030</v>
      </c>
      <c r="D478" s="944" t="s">
        <v>27171</v>
      </c>
      <c r="E478" s="944" t="s">
        <v>7904</v>
      </c>
      <c r="F478" s="944" t="s">
        <v>0</v>
      </c>
      <c r="G478" s="944" t="s">
        <v>7161</v>
      </c>
      <c r="H478" s="944" t="s">
        <v>6837</v>
      </c>
      <c r="I478" s="944" t="s">
        <v>26995</v>
      </c>
      <c r="J478" s="952" t="s">
        <v>27170</v>
      </c>
    </row>
    <row r="479" spans="2:10" s="395" customFormat="1" ht="14.25">
      <c r="B479" s="951" t="s">
        <v>7905</v>
      </c>
      <c r="C479" s="944" t="s">
        <v>27030</v>
      </c>
      <c r="D479" s="944" t="s">
        <v>6335</v>
      </c>
      <c r="E479" s="944" t="s">
        <v>6336</v>
      </c>
      <c r="F479" s="944" t="s">
        <v>0</v>
      </c>
      <c r="G479" s="944" t="s">
        <v>7161</v>
      </c>
      <c r="H479" s="944" t="s">
        <v>6837</v>
      </c>
      <c r="I479" s="944" t="s">
        <v>26995</v>
      </c>
      <c r="J479" s="952" t="s">
        <v>27170</v>
      </c>
    </row>
    <row r="480" spans="2:10" s="395" customFormat="1" ht="14.25">
      <c r="B480" s="951" t="s">
        <v>7906</v>
      </c>
      <c r="C480" s="944" t="s">
        <v>27034</v>
      </c>
      <c r="D480" s="944" t="s">
        <v>7907</v>
      </c>
      <c r="E480" s="944" t="s">
        <v>6352</v>
      </c>
      <c r="F480" s="944" t="s">
        <v>0</v>
      </c>
      <c r="G480" s="944" t="s">
        <v>7161</v>
      </c>
      <c r="H480" s="944" t="s">
        <v>6837</v>
      </c>
      <c r="I480" s="944" t="s">
        <v>26995</v>
      </c>
      <c r="J480" s="952" t="s">
        <v>34120</v>
      </c>
    </row>
    <row r="481" spans="2:10" s="395" customFormat="1" ht="14.25">
      <c r="B481" s="951" t="s">
        <v>7909</v>
      </c>
      <c r="C481" s="944" t="s">
        <v>27034</v>
      </c>
      <c r="D481" s="944" t="s">
        <v>7910</v>
      </c>
      <c r="E481" s="944" t="s">
        <v>6350</v>
      </c>
      <c r="F481" s="944" t="s">
        <v>0</v>
      </c>
      <c r="G481" s="944" t="s">
        <v>7161</v>
      </c>
      <c r="H481" s="944" t="s">
        <v>6837</v>
      </c>
      <c r="I481" s="944" t="s">
        <v>26995</v>
      </c>
      <c r="J481" s="952" t="s">
        <v>34120</v>
      </c>
    </row>
    <row r="482" spans="2:10" s="395" customFormat="1" ht="14.25">
      <c r="B482" s="951" t="s">
        <v>7911</v>
      </c>
      <c r="C482" s="944" t="s">
        <v>27034</v>
      </c>
      <c r="D482" s="944" t="s">
        <v>6366</v>
      </c>
      <c r="E482" s="944" t="s">
        <v>6367</v>
      </c>
      <c r="F482" s="944" t="s">
        <v>0</v>
      </c>
      <c r="G482" s="944" t="s">
        <v>7161</v>
      </c>
      <c r="H482" s="944" t="s">
        <v>6837</v>
      </c>
      <c r="I482" s="944" t="s">
        <v>26995</v>
      </c>
      <c r="J482" s="952" t="s">
        <v>34120</v>
      </c>
    </row>
    <row r="483" spans="2:10" s="395" customFormat="1" ht="14.25">
      <c r="B483" s="951" t="s">
        <v>7912</v>
      </c>
      <c r="C483" s="944" t="s">
        <v>27034</v>
      </c>
      <c r="D483" s="944" t="s">
        <v>7913</v>
      </c>
      <c r="E483" s="944" t="s">
        <v>6365</v>
      </c>
      <c r="F483" s="944" t="s">
        <v>0</v>
      </c>
      <c r="G483" s="944" t="s">
        <v>7161</v>
      </c>
      <c r="H483" s="944" t="s">
        <v>6837</v>
      </c>
      <c r="I483" s="944" t="s">
        <v>26995</v>
      </c>
      <c r="J483" s="952" t="s">
        <v>34120</v>
      </c>
    </row>
    <row r="484" spans="2:10" s="395" customFormat="1" ht="14.25">
      <c r="B484" s="951" t="s">
        <v>7914</v>
      </c>
      <c r="C484" s="944" t="s">
        <v>27034</v>
      </c>
      <c r="D484" s="944" t="s">
        <v>6360</v>
      </c>
      <c r="E484" s="944" t="s">
        <v>6361</v>
      </c>
      <c r="F484" s="944" t="s">
        <v>0</v>
      </c>
      <c r="G484" s="944" t="s">
        <v>7161</v>
      </c>
      <c r="H484" s="944" t="s">
        <v>6837</v>
      </c>
      <c r="I484" s="944" t="s">
        <v>26995</v>
      </c>
      <c r="J484" s="952" t="s">
        <v>34120</v>
      </c>
    </row>
    <row r="485" spans="2:10" s="395" customFormat="1" ht="14.25">
      <c r="B485" s="951" t="s">
        <v>7915</v>
      </c>
      <c r="C485" s="944" t="s">
        <v>27034</v>
      </c>
      <c r="D485" s="944" t="s">
        <v>7916</v>
      </c>
      <c r="E485" s="944" t="s">
        <v>6363</v>
      </c>
      <c r="F485" s="944" t="s">
        <v>0</v>
      </c>
      <c r="G485" s="944" t="s">
        <v>7161</v>
      </c>
      <c r="H485" s="944" t="s">
        <v>6837</v>
      </c>
      <c r="I485" s="944" t="s">
        <v>26995</v>
      </c>
      <c r="J485" s="952" t="s">
        <v>34120</v>
      </c>
    </row>
    <row r="486" spans="2:10" s="395" customFormat="1" ht="14.25">
      <c r="B486" s="951" t="s">
        <v>7917</v>
      </c>
      <c r="C486" s="944" t="s">
        <v>27034</v>
      </c>
      <c r="D486" s="944" t="s">
        <v>7918</v>
      </c>
      <c r="E486" s="944" t="s">
        <v>6354</v>
      </c>
      <c r="F486" s="944" t="s">
        <v>0</v>
      </c>
      <c r="G486" s="944" t="s">
        <v>7161</v>
      </c>
      <c r="H486" s="944" t="s">
        <v>6837</v>
      </c>
      <c r="I486" s="944" t="s">
        <v>26995</v>
      </c>
      <c r="J486" s="952" t="s">
        <v>34120</v>
      </c>
    </row>
    <row r="487" spans="2:10" s="395" customFormat="1" ht="14.25">
      <c r="B487" s="951" t="s">
        <v>7919</v>
      </c>
      <c r="C487" s="944" t="s">
        <v>27034</v>
      </c>
      <c r="D487" s="944" t="s">
        <v>7920</v>
      </c>
      <c r="E487" s="944" t="s">
        <v>212</v>
      </c>
      <c r="F487" s="944" t="s">
        <v>0</v>
      </c>
      <c r="G487" s="944" t="s">
        <v>7161</v>
      </c>
      <c r="H487" s="944" t="s">
        <v>6837</v>
      </c>
      <c r="I487" s="944" t="s">
        <v>26995</v>
      </c>
      <c r="J487" s="952" t="s">
        <v>34120</v>
      </c>
    </row>
    <row r="488" spans="2:10" s="395" customFormat="1" ht="14.25">
      <c r="B488" s="951" t="s">
        <v>7921</v>
      </c>
      <c r="C488" s="944" t="s">
        <v>27034</v>
      </c>
      <c r="D488" s="944" t="s">
        <v>7922</v>
      </c>
      <c r="E488" s="944" t="s">
        <v>6359</v>
      </c>
      <c r="F488" s="944" t="s">
        <v>0</v>
      </c>
      <c r="G488" s="944" t="s">
        <v>7161</v>
      </c>
      <c r="H488" s="944" t="s">
        <v>6837</v>
      </c>
      <c r="I488" s="944" t="s">
        <v>26995</v>
      </c>
      <c r="J488" s="952" t="s">
        <v>34120</v>
      </c>
    </row>
    <row r="489" spans="2:10" s="395" customFormat="1" ht="14.25">
      <c r="B489" s="951" t="s">
        <v>7923</v>
      </c>
      <c r="C489" s="944" t="s">
        <v>27034</v>
      </c>
      <c r="D489" s="944" t="s">
        <v>7924</v>
      </c>
      <c r="E489" s="944" t="s">
        <v>6356</v>
      </c>
      <c r="F489" s="944" t="s">
        <v>0</v>
      </c>
      <c r="G489" s="944" t="s">
        <v>7161</v>
      </c>
      <c r="H489" s="944" t="s">
        <v>6837</v>
      </c>
      <c r="I489" s="944" t="s">
        <v>26995</v>
      </c>
      <c r="J489" s="952" t="s">
        <v>34120</v>
      </c>
    </row>
    <row r="490" spans="2:10" s="395" customFormat="1" ht="14.25">
      <c r="B490" s="951" t="s">
        <v>7925</v>
      </c>
      <c r="C490" s="944" t="s">
        <v>6975</v>
      </c>
      <c r="D490" s="944" t="s">
        <v>7926</v>
      </c>
      <c r="E490" s="944" t="s">
        <v>6419</v>
      </c>
      <c r="F490" s="944" t="s">
        <v>0</v>
      </c>
      <c r="G490" s="944" t="s">
        <v>7161</v>
      </c>
      <c r="H490" s="944" t="s">
        <v>6837</v>
      </c>
      <c r="I490" s="944" t="s">
        <v>7019</v>
      </c>
      <c r="J490" s="952" t="s">
        <v>7908</v>
      </c>
    </row>
    <row r="491" spans="2:10" s="395" customFormat="1" ht="14.25">
      <c r="B491" s="951" t="s">
        <v>7927</v>
      </c>
      <c r="C491" s="944" t="s">
        <v>6975</v>
      </c>
      <c r="D491" s="944" t="s">
        <v>7928</v>
      </c>
      <c r="E491" s="944" t="s">
        <v>5152</v>
      </c>
      <c r="F491" s="944" t="s">
        <v>7929</v>
      </c>
      <c r="G491" s="944" t="s">
        <v>7161</v>
      </c>
      <c r="H491" s="944" t="s">
        <v>6837</v>
      </c>
      <c r="I491" s="944" t="s">
        <v>7019</v>
      </c>
      <c r="J491" s="952" t="s">
        <v>7908</v>
      </c>
    </row>
    <row r="492" spans="2:10" s="395" customFormat="1" ht="14.25">
      <c r="B492" s="951" t="s">
        <v>7930</v>
      </c>
      <c r="C492" s="944" t="s">
        <v>6975</v>
      </c>
      <c r="D492" s="944" t="s">
        <v>7931</v>
      </c>
      <c r="E492" s="944" t="s">
        <v>5150</v>
      </c>
      <c r="F492" s="944" t="s">
        <v>7932</v>
      </c>
      <c r="G492" s="944" t="s">
        <v>7161</v>
      </c>
      <c r="H492" s="944" t="s">
        <v>6837</v>
      </c>
      <c r="I492" s="944" t="s">
        <v>7019</v>
      </c>
      <c r="J492" s="952" t="s">
        <v>7908</v>
      </c>
    </row>
    <row r="493" spans="2:10" s="395" customFormat="1" ht="14.25">
      <c r="B493" s="951" t="s">
        <v>7933</v>
      </c>
      <c r="C493" s="944" t="s">
        <v>6975</v>
      </c>
      <c r="D493" s="944" t="s">
        <v>7934</v>
      </c>
      <c r="E493" s="944" t="s">
        <v>5147</v>
      </c>
      <c r="F493" s="944" t="s">
        <v>0</v>
      </c>
      <c r="G493" s="944" t="s">
        <v>7161</v>
      </c>
      <c r="H493" s="944" t="s">
        <v>6837</v>
      </c>
      <c r="I493" s="944" t="s">
        <v>7019</v>
      </c>
      <c r="J493" s="952" t="s">
        <v>7908</v>
      </c>
    </row>
    <row r="494" spans="2:10" s="395" customFormat="1" ht="14.25">
      <c r="B494" s="951" t="s">
        <v>7935</v>
      </c>
      <c r="C494" s="944" t="s">
        <v>6978</v>
      </c>
      <c r="D494" s="944" t="s">
        <v>7936</v>
      </c>
      <c r="E494" s="944" t="s">
        <v>6435</v>
      </c>
      <c r="F494" s="944" t="s">
        <v>0</v>
      </c>
      <c r="G494" s="944" t="s">
        <v>7161</v>
      </c>
      <c r="H494" s="944" t="s">
        <v>6837</v>
      </c>
      <c r="I494" s="944" t="s">
        <v>0</v>
      </c>
      <c r="J494" s="952" t="s">
        <v>0</v>
      </c>
    </row>
    <row r="495" spans="2:10" s="395" customFormat="1" ht="14.25">
      <c r="B495" s="951" t="s">
        <v>7937</v>
      </c>
      <c r="C495" s="944" t="s">
        <v>27041</v>
      </c>
      <c r="D495" s="944" t="s">
        <v>6426</v>
      </c>
      <c r="E495" s="944" t="s">
        <v>6427</v>
      </c>
      <c r="F495" s="944" t="s">
        <v>0</v>
      </c>
      <c r="G495" s="944" t="s">
        <v>7161</v>
      </c>
      <c r="H495" s="944" t="s">
        <v>6837</v>
      </c>
      <c r="I495" s="944" t="s">
        <v>26995</v>
      </c>
      <c r="J495" s="952" t="s">
        <v>34121</v>
      </c>
    </row>
    <row r="496" spans="2:10" s="395" customFormat="1" ht="14.25">
      <c r="B496" s="951" t="s">
        <v>7938</v>
      </c>
      <c r="C496" s="944" t="s">
        <v>6983</v>
      </c>
      <c r="D496" s="944" t="s">
        <v>7939</v>
      </c>
      <c r="E496" s="944" t="s">
        <v>6499</v>
      </c>
      <c r="F496" s="944" t="s">
        <v>0</v>
      </c>
      <c r="G496" s="944" t="s">
        <v>7161</v>
      </c>
      <c r="H496" s="944" t="s">
        <v>6837</v>
      </c>
      <c r="I496" s="944" t="s">
        <v>0</v>
      </c>
      <c r="J496" s="952" t="s">
        <v>0</v>
      </c>
    </row>
    <row r="497" spans="2:10" s="395" customFormat="1" ht="14.25">
      <c r="B497" s="951" t="s">
        <v>7940</v>
      </c>
      <c r="C497" s="944" t="s">
        <v>6983</v>
      </c>
      <c r="D497" s="944" t="s">
        <v>7941</v>
      </c>
      <c r="E497" s="944" t="s">
        <v>7942</v>
      </c>
      <c r="F497" s="944" t="s">
        <v>0</v>
      </c>
      <c r="G497" s="944" t="s">
        <v>7161</v>
      </c>
      <c r="H497" s="944" t="s">
        <v>6837</v>
      </c>
      <c r="I497" s="944" t="s">
        <v>0</v>
      </c>
      <c r="J497" s="952" t="s">
        <v>0</v>
      </c>
    </row>
    <row r="498" spans="2:10" s="395" customFormat="1" ht="14.25">
      <c r="B498" s="951" t="s">
        <v>7943</v>
      </c>
      <c r="C498" s="944" t="s">
        <v>6983</v>
      </c>
      <c r="D498" s="944" t="s">
        <v>7944</v>
      </c>
      <c r="E498" s="944" t="s">
        <v>7945</v>
      </c>
      <c r="F498" s="944" t="s">
        <v>0</v>
      </c>
      <c r="G498" s="944" t="s">
        <v>7161</v>
      </c>
      <c r="H498" s="944" t="s">
        <v>6837</v>
      </c>
      <c r="I498" s="944" t="s">
        <v>0</v>
      </c>
      <c r="J498" s="952" t="s">
        <v>0</v>
      </c>
    </row>
    <row r="499" spans="2:10" s="395" customFormat="1" ht="14.25">
      <c r="B499" s="951" t="s">
        <v>7946</v>
      </c>
      <c r="C499" s="944" t="s">
        <v>6983</v>
      </c>
      <c r="D499" s="944" t="s">
        <v>7947</v>
      </c>
      <c r="E499" s="944" t="s">
        <v>6495</v>
      </c>
      <c r="F499" s="944" t="s">
        <v>0</v>
      </c>
      <c r="G499" s="944" t="s">
        <v>7161</v>
      </c>
      <c r="H499" s="944" t="s">
        <v>6837</v>
      </c>
      <c r="I499" s="944" t="s">
        <v>0</v>
      </c>
      <c r="J499" s="952" t="s">
        <v>0</v>
      </c>
    </row>
    <row r="500" spans="2:10" s="395" customFormat="1" ht="14.25">
      <c r="B500" s="951" t="s">
        <v>7948</v>
      </c>
      <c r="C500" s="944" t="s">
        <v>6983</v>
      </c>
      <c r="D500" s="944" t="s">
        <v>7949</v>
      </c>
      <c r="E500" s="944" t="s">
        <v>7950</v>
      </c>
      <c r="F500" s="944" t="s">
        <v>0</v>
      </c>
      <c r="G500" s="944" t="s">
        <v>7161</v>
      </c>
      <c r="H500" s="944" t="s">
        <v>6837</v>
      </c>
      <c r="I500" s="944" t="s">
        <v>0</v>
      </c>
      <c r="J500" s="952" t="s">
        <v>0</v>
      </c>
    </row>
    <row r="501" spans="2:10" s="395" customFormat="1" ht="14.25">
      <c r="B501" s="951" t="s">
        <v>7951</v>
      </c>
      <c r="C501" s="944" t="s">
        <v>6983</v>
      </c>
      <c r="D501" s="944" t="s">
        <v>7952</v>
      </c>
      <c r="E501" s="944" t="s">
        <v>7953</v>
      </c>
      <c r="F501" s="944" t="s">
        <v>0</v>
      </c>
      <c r="G501" s="944" t="s">
        <v>7161</v>
      </c>
      <c r="H501" s="944" t="s">
        <v>6837</v>
      </c>
      <c r="I501" s="944" t="s">
        <v>0</v>
      </c>
      <c r="J501" s="952" t="s">
        <v>0</v>
      </c>
    </row>
    <row r="502" spans="2:10" s="395" customFormat="1" ht="14.25">
      <c r="B502" s="951" t="s">
        <v>7954</v>
      </c>
      <c r="C502" s="944" t="s">
        <v>6983</v>
      </c>
      <c r="D502" s="944" t="s">
        <v>7955</v>
      </c>
      <c r="E502" s="944" t="s">
        <v>77</v>
      </c>
      <c r="F502" s="944" t="s">
        <v>0</v>
      </c>
      <c r="G502" s="944" t="s">
        <v>7161</v>
      </c>
      <c r="H502" s="944" t="s">
        <v>6837</v>
      </c>
      <c r="I502" s="944" t="s">
        <v>0</v>
      </c>
      <c r="J502" s="952" t="s">
        <v>0</v>
      </c>
    </row>
    <row r="503" spans="2:10" s="395" customFormat="1" ht="14.25">
      <c r="B503" s="951" t="s">
        <v>7956</v>
      </c>
      <c r="C503" s="944" t="s">
        <v>534</v>
      </c>
      <c r="D503" s="944" t="s">
        <v>7957</v>
      </c>
      <c r="E503" s="944" t="s">
        <v>536</v>
      </c>
      <c r="F503" s="944" t="s">
        <v>0</v>
      </c>
      <c r="G503" s="944" t="s">
        <v>7161</v>
      </c>
      <c r="H503" s="944" t="s">
        <v>6837</v>
      </c>
      <c r="I503" s="944" t="s">
        <v>7958</v>
      </c>
      <c r="J503" s="952" t="s">
        <v>7959</v>
      </c>
    </row>
    <row r="504" spans="2:10" s="395" customFormat="1" ht="14.25">
      <c r="B504" s="951" t="s">
        <v>7960</v>
      </c>
      <c r="C504" s="944" t="s">
        <v>534</v>
      </c>
      <c r="D504" s="944" t="s">
        <v>7961</v>
      </c>
      <c r="E504" s="944" t="s">
        <v>7962</v>
      </c>
      <c r="F504" s="944" t="s">
        <v>0</v>
      </c>
      <c r="G504" s="944" t="s">
        <v>7161</v>
      </c>
      <c r="H504" s="944" t="s">
        <v>6837</v>
      </c>
      <c r="I504" s="944" t="s">
        <v>7958</v>
      </c>
      <c r="J504" s="952" t="s">
        <v>7963</v>
      </c>
    </row>
    <row r="505" spans="2:10" s="395" customFormat="1" ht="14.25">
      <c r="B505" s="951" t="s">
        <v>7964</v>
      </c>
      <c r="C505" s="944" t="s">
        <v>534</v>
      </c>
      <c r="D505" s="944" t="s">
        <v>7965</v>
      </c>
      <c r="E505" s="944" t="s">
        <v>2269</v>
      </c>
      <c r="F505" s="944" t="s">
        <v>0</v>
      </c>
      <c r="G505" s="944" t="s">
        <v>7161</v>
      </c>
      <c r="H505" s="944" t="s">
        <v>6837</v>
      </c>
      <c r="I505" s="944" t="s">
        <v>7958</v>
      </c>
      <c r="J505" s="952" t="s">
        <v>7963</v>
      </c>
    </row>
    <row r="506" spans="2:10" s="395" customFormat="1" ht="14.25">
      <c r="B506" s="951" t="s">
        <v>7966</v>
      </c>
      <c r="C506" s="944" t="s">
        <v>534</v>
      </c>
      <c r="D506" s="944" t="s">
        <v>7967</v>
      </c>
      <c r="E506" s="944" t="s">
        <v>2277</v>
      </c>
      <c r="F506" s="944" t="s">
        <v>0</v>
      </c>
      <c r="G506" s="944" t="s">
        <v>7161</v>
      </c>
      <c r="H506" s="944" t="s">
        <v>6837</v>
      </c>
      <c r="I506" s="944" t="s">
        <v>7958</v>
      </c>
      <c r="J506" s="952" t="s">
        <v>7963</v>
      </c>
    </row>
    <row r="507" spans="2:10" s="395" customFormat="1" ht="14.25">
      <c r="B507" s="951" t="s">
        <v>7968</v>
      </c>
      <c r="C507" s="944" t="s">
        <v>534</v>
      </c>
      <c r="D507" s="944" t="s">
        <v>7969</v>
      </c>
      <c r="E507" s="944" t="s">
        <v>77</v>
      </c>
      <c r="F507" s="944" t="s">
        <v>0</v>
      </c>
      <c r="G507" s="944" t="s">
        <v>7161</v>
      </c>
      <c r="H507" s="944" t="s">
        <v>6837</v>
      </c>
      <c r="I507" s="944" t="s">
        <v>7958</v>
      </c>
      <c r="J507" s="952" t="s">
        <v>7963</v>
      </c>
    </row>
    <row r="508" spans="2:10" s="395" customFormat="1" ht="14.25">
      <c r="B508" s="951" t="s">
        <v>7970</v>
      </c>
      <c r="C508" s="944" t="s">
        <v>6995</v>
      </c>
      <c r="D508" s="944" t="s">
        <v>7971</v>
      </c>
      <c r="E508" s="944" t="s">
        <v>6753</v>
      </c>
      <c r="F508" s="944" t="s">
        <v>0</v>
      </c>
      <c r="G508" s="944" t="s">
        <v>7161</v>
      </c>
      <c r="H508" s="944" t="s">
        <v>6837</v>
      </c>
      <c r="I508" s="944" t="s">
        <v>0</v>
      </c>
      <c r="J508" s="952" t="s">
        <v>7972</v>
      </c>
    </row>
    <row r="509" spans="2:10" s="395" customFormat="1" ht="14.25">
      <c r="B509" s="951" t="s">
        <v>7973</v>
      </c>
      <c r="C509" s="944" t="s">
        <v>6995</v>
      </c>
      <c r="D509" s="944" t="s">
        <v>7974</v>
      </c>
      <c r="E509" s="944" t="s">
        <v>6644</v>
      </c>
      <c r="F509" s="944" t="s">
        <v>0</v>
      </c>
      <c r="G509" s="944" t="s">
        <v>7161</v>
      </c>
      <c r="H509" s="944" t="s">
        <v>6837</v>
      </c>
      <c r="I509" s="944" t="s">
        <v>0</v>
      </c>
      <c r="J509" s="952" t="s">
        <v>7972</v>
      </c>
    </row>
    <row r="510" spans="2:10" s="395" customFormat="1" ht="14.25">
      <c r="B510" s="951" t="s">
        <v>7975</v>
      </c>
      <c r="C510" s="944" t="s">
        <v>6995</v>
      </c>
      <c r="D510" s="944" t="s">
        <v>7976</v>
      </c>
      <c r="E510" s="944" t="s">
        <v>6640</v>
      </c>
      <c r="F510" s="944" t="s">
        <v>0</v>
      </c>
      <c r="G510" s="944" t="s">
        <v>7161</v>
      </c>
      <c r="H510" s="944" t="s">
        <v>6837</v>
      </c>
      <c r="I510" s="944" t="s">
        <v>0</v>
      </c>
      <c r="J510" s="952" t="s">
        <v>7972</v>
      </c>
    </row>
    <row r="511" spans="2:10" s="395" customFormat="1" ht="14.25">
      <c r="B511" s="951" t="s">
        <v>7977</v>
      </c>
      <c r="C511" s="944" t="s">
        <v>6995</v>
      </c>
      <c r="D511" s="944" t="s">
        <v>7978</v>
      </c>
      <c r="E511" s="944" t="s">
        <v>6751</v>
      </c>
      <c r="F511" s="944" t="s">
        <v>0</v>
      </c>
      <c r="G511" s="944" t="s">
        <v>7161</v>
      </c>
      <c r="H511" s="944" t="s">
        <v>6837</v>
      </c>
      <c r="I511" s="944" t="s">
        <v>0</v>
      </c>
      <c r="J511" s="952" t="s">
        <v>7972</v>
      </c>
    </row>
    <row r="512" spans="2:10" s="395" customFormat="1" ht="14.25">
      <c r="B512" s="951" t="s">
        <v>7979</v>
      </c>
      <c r="C512" s="944" t="s">
        <v>6995</v>
      </c>
      <c r="D512" s="944" t="s">
        <v>7980</v>
      </c>
      <c r="E512" s="944" t="s">
        <v>6757</v>
      </c>
      <c r="F512" s="944" t="s">
        <v>0</v>
      </c>
      <c r="G512" s="944" t="s">
        <v>7161</v>
      </c>
      <c r="H512" s="944" t="s">
        <v>6837</v>
      </c>
      <c r="I512" s="944" t="s">
        <v>0</v>
      </c>
      <c r="J512" s="952" t="s">
        <v>7972</v>
      </c>
    </row>
    <row r="513" spans="2:10" s="395" customFormat="1" ht="14.25">
      <c r="B513" s="951" t="s">
        <v>7981</v>
      </c>
      <c r="C513" s="944" t="s">
        <v>6995</v>
      </c>
      <c r="D513" s="944" t="s">
        <v>7982</v>
      </c>
      <c r="E513" s="944" t="s">
        <v>7983</v>
      </c>
      <c r="F513" s="944" t="s">
        <v>0</v>
      </c>
      <c r="G513" s="944" t="s">
        <v>7161</v>
      </c>
      <c r="H513" s="944" t="s">
        <v>6837</v>
      </c>
      <c r="I513" s="944" t="s">
        <v>0</v>
      </c>
      <c r="J513" s="952" t="s">
        <v>7972</v>
      </c>
    </row>
    <row r="514" spans="2:10" s="395" customFormat="1" ht="14.25">
      <c r="B514" s="951" t="s">
        <v>7984</v>
      </c>
      <c r="C514" s="944" t="s">
        <v>6995</v>
      </c>
      <c r="D514" s="944" t="s">
        <v>7985</v>
      </c>
      <c r="E514" s="944" t="s">
        <v>6616</v>
      </c>
      <c r="F514" s="944" t="s">
        <v>0</v>
      </c>
      <c r="G514" s="944" t="s">
        <v>7161</v>
      </c>
      <c r="H514" s="944" t="s">
        <v>6837</v>
      </c>
      <c r="I514" s="944" t="s">
        <v>0</v>
      </c>
      <c r="J514" s="952" t="s">
        <v>7972</v>
      </c>
    </row>
    <row r="515" spans="2:10" s="395" customFormat="1" ht="14.25">
      <c r="B515" s="951" t="s">
        <v>7986</v>
      </c>
      <c r="C515" s="944" t="s">
        <v>6995</v>
      </c>
      <c r="D515" s="944" t="s">
        <v>7987</v>
      </c>
      <c r="E515" s="944" t="s">
        <v>6700</v>
      </c>
      <c r="F515" s="944" t="s">
        <v>0</v>
      </c>
      <c r="G515" s="944" t="s">
        <v>7161</v>
      </c>
      <c r="H515" s="944" t="s">
        <v>6837</v>
      </c>
      <c r="I515" s="944" t="s">
        <v>0</v>
      </c>
      <c r="J515" s="952" t="s">
        <v>7972</v>
      </c>
    </row>
    <row r="516" spans="2:10" s="395" customFormat="1" ht="14.25">
      <c r="B516" s="951" t="s">
        <v>7988</v>
      </c>
      <c r="C516" s="944" t="s">
        <v>6995</v>
      </c>
      <c r="D516" s="944" t="s">
        <v>7989</v>
      </c>
      <c r="E516" s="944" t="s">
        <v>6634</v>
      </c>
      <c r="F516" s="944" t="s">
        <v>0</v>
      </c>
      <c r="G516" s="944" t="s">
        <v>7161</v>
      </c>
      <c r="H516" s="944" t="s">
        <v>6837</v>
      </c>
      <c r="I516" s="944" t="s">
        <v>0</v>
      </c>
      <c r="J516" s="952" t="s">
        <v>7972</v>
      </c>
    </row>
    <row r="517" spans="2:10" s="395" customFormat="1" ht="14.25">
      <c r="B517" s="951" t="s">
        <v>7990</v>
      </c>
      <c r="C517" s="944" t="s">
        <v>6995</v>
      </c>
      <c r="D517" s="944" t="s">
        <v>7991</v>
      </c>
      <c r="E517" s="944" t="s">
        <v>6646</v>
      </c>
      <c r="F517" s="944" t="s">
        <v>0</v>
      </c>
      <c r="G517" s="944" t="s">
        <v>7161</v>
      </c>
      <c r="H517" s="944" t="s">
        <v>6837</v>
      </c>
      <c r="I517" s="944" t="s">
        <v>0</v>
      </c>
      <c r="J517" s="952" t="s">
        <v>7972</v>
      </c>
    </row>
    <row r="518" spans="2:10" s="395" customFormat="1" ht="14.25">
      <c r="B518" s="951" t="s">
        <v>7992</v>
      </c>
      <c r="C518" s="944" t="s">
        <v>6995</v>
      </c>
      <c r="D518" s="944" t="s">
        <v>7993</v>
      </c>
      <c r="E518" s="944" t="s">
        <v>7994</v>
      </c>
      <c r="F518" s="944" t="s">
        <v>0</v>
      </c>
      <c r="G518" s="944" t="s">
        <v>7161</v>
      </c>
      <c r="H518" s="944" t="s">
        <v>6837</v>
      </c>
      <c r="I518" s="944" t="s">
        <v>0</v>
      </c>
      <c r="J518" s="952" t="s">
        <v>7972</v>
      </c>
    </row>
    <row r="519" spans="2:10" s="395" customFormat="1" ht="14.25">
      <c r="B519" s="951" t="s">
        <v>7995</v>
      </c>
      <c r="C519" s="944" t="s">
        <v>6995</v>
      </c>
      <c r="D519" s="944" t="s">
        <v>7996</v>
      </c>
      <c r="E519" s="944" t="s">
        <v>6664</v>
      </c>
      <c r="F519" s="944" t="s">
        <v>0</v>
      </c>
      <c r="G519" s="944" t="s">
        <v>7161</v>
      </c>
      <c r="H519" s="944" t="s">
        <v>6837</v>
      </c>
      <c r="I519" s="944" t="s">
        <v>0</v>
      </c>
      <c r="J519" s="952" t="s">
        <v>7972</v>
      </c>
    </row>
    <row r="520" spans="2:10" s="395" customFormat="1" ht="14.25">
      <c r="B520" s="951" t="s">
        <v>7997</v>
      </c>
      <c r="C520" s="944" t="s">
        <v>6995</v>
      </c>
      <c r="D520" s="944" t="s">
        <v>7998</v>
      </c>
      <c r="E520" s="944" t="s">
        <v>6648</v>
      </c>
      <c r="F520" s="944" t="s">
        <v>0</v>
      </c>
      <c r="G520" s="944" t="s">
        <v>7161</v>
      </c>
      <c r="H520" s="944" t="s">
        <v>6837</v>
      </c>
      <c r="I520" s="944" t="s">
        <v>0</v>
      </c>
      <c r="J520" s="952" t="s">
        <v>7972</v>
      </c>
    </row>
    <row r="521" spans="2:10" s="395" customFormat="1" ht="14.25">
      <c r="B521" s="951" t="s">
        <v>7999</v>
      </c>
      <c r="C521" s="944" t="s">
        <v>6995</v>
      </c>
      <c r="D521" s="944" t="s">
        <v>6631</v>
      </c>
      <c r="E521" s="944" t="s">
        <v>6632</v>
      </c>
      <c r="F521" s="944" t="s">
        <v>0</v>
      </c>
      <c r="G521" s="944" t="s">
        <v>7161</v>
      </c>
      <c r="H521" s="944" t="s">
        <v>6837</v>
      </c>
      <c r="I521" s="944" t="s">
        <v>0</v>
      </c>
      <c r="J521" s="952" t="s">
        <v>7972</v>
      </c>
    </row>
    <row r="522" spans="2:10" s="395" customFormat="1" ht="14.25">
      <c r="B522" s="951" t="s">
        <v>8000</v>
      </c>
      <c r="C522" s="944" t="s">
        <v>6995</v>
      </c>
      <c r="D522" s="944" t="s">
        <v>27172</v>
      </c>
      <c r="E522" s="944" t="s">
        <v>8001</v>
      </c>
      <c r="F522" s="944" t="s">
        <v>0</v>
      </c>
      <c r="G522" s="944" t="s">
        <v>7161</v>
      </c>
      <c r="H522" s="944" t="s">
        <v>6837</v>
      </c>
      <c r="I522" s="944" t="s">
        <v>26995</v>
      </c>
      <c r="J522" s="952" t="s">
        <v>34122</v>
      </c>
    </row>
    <row r="523" spans="2:10" s="395" customFormat="1" ht="14.25">
      <c r="B523" s="951" t="s">
        <v>8002</v>
      </c>
      <c r="C523" s="944" t="s">
        <v>6995</v>
      </c>
      <c r="D523" s="944" t="s">
        <v>8003</v>
      </c>
      <c r="E523" s="944" t="s">
        <v>6717</v>
      </c>
      <c r="F523" s="944" t="s">
        <v>0</v>
      </c>
      <c r="G523" s="944" t="s">
        <v>7161</v>
      </c>
      <c r="H523" s="944" t="s">
        <v>6837</v>
      </c>
      <c r="I523" s="944" t="s">
        <v>0</v>
      </c>
      <c r="J523" s="952" t="s">
        <v>7972</v>
      </c>
    </row>
    <row r="524" spans="2:10" s="395" customFormat="1" ht="14.25">
      <c r="B524" s="951" t="s">
        <v>8004</v>
      </c>
      <c r="C524" s="944" t="s">
        <v>6995</v>
      </c>
      <c r="D524" s="944" t="s">
        <v>8005</v>
      </c>
      <c r="E524" s="944" t="s">
        <v>6630</v>
      </c>
      <c r="F524" s="944" t="s">
        <v>0</v>
      </c>
      <c r="G524" s="944" t="s">
        <v>7161</v>
      </c>
      <c r="H524" s="944" t="s">
        <v>6837</v>
      </c>
      <c r="I524" s="944" t="s">
        <v>0</v>
      </c>
      <c r="J524" s="952" t="s">
        <v>7972</v>
      </c>
    </row>
    <row r="525" spans="2:10" s="395" customFormat="1" ht="14.25">
      <c r="B525" s="951" t="s">
        <v>8006</v>
      </c>
      <c r="C525" s="944" t="s">
        <v>6995</v>
      </c>
      <c r="D525" s="944" t="s">
        <v>8007</v>
      </c>
      <c r="E525" s="944" t="s">
        <v>8008</v>
      </c>
      <c r="F525" s="944" t="s">
        <v>0</v>
      </c>
      <c r="G525" s="944" t="s">
        <v>7161</v>
      </c>
      <c r="H525" s="944" t="s">
        <v>6837</v>
      </c>
      <c r="I525" s="944" t="s">
        <v>0</v>
      </c>
      <c r="J525" s="952" t="s">
        <v>7972</v>
      </c>
    </row>
    <row r="526" spans="2:10" s="395" customFormat="1" ht="14.25">
      <c r="B526" s="951" t="s">
        <v>8009</v>
      </c>
      <c r="C526" s="944" t="s">
        <v>6995</v>
      </c>
      <c r="D526" s="944" t="s">
        <v>8010</v>
      </c>
      <c r="E526" s="944" t="s">
        <v>2009</v>
      </c>
      <c r="F526" s="944" t="s">
        <v>0</v>
      </c>
      <c r="G526" s="944" t="s">
        <v>7161</v>
      </c>
      <c r="H526" s="944" t="s">
        <v>6837</v>
      </c>
      <c r="I526" s="944" t="s">
        <v>0</v>
      </c>
      <c r="J526" s="952" t="s">
        <v>7972</v>
      </c>
    </row>
    <row r="527" spans="2:10" s="395" customFormat="1" ht="14.25">
      <c r="B527" s="951" t="s">
        <v>8011</v>
      </c>
      <c r="C527" s="944" t="s">
        <v>6995</v>
      </c>
      <c r="D527" s="944" t="s">
        <v>8012</v>
      </c>
      <c r="E527" s="944" t="s">
        <v>6618</v>
      </c>
      <c r="F527" s="944" t="s">
        <v>0</v>
      </c>
      <c r="G527" s="944" t="s">
        <v>7161</v>
      </c>
      <c r="H527" s="944" t="s">
        <v>6837</v>
      </c>
      <c r="I527" s="944" t="s">
        <v>0</v>
      </c>
      <c r="J527" s="952" t="s">
        <v>7972</v>
      </c>
    </row>
    <row r="528" spans="2:10" s="395" customFormat="1" ht="14.25">
      <c r="B528" s="951" t="s">
        <v>8013</v>
      </c>
      <c r="C528" s="944" t="s">
        <v>6995</v>
      </c>
      <c r="D528" s="944" t="s">
        <v>8014</v>
      </c>
      <c r="E528" s="944" t="s">
        <v>77</v>
      </c>
      <c r="F528" s="944" t="s">
        <v>0</v>
      </c>
      <c r="G528" s="944" t="s">
        <v>7161</v>
      </c>
      <c r="H528" s="944" t="s">
        <v>6837</v>
      </c>
      <c r="I528" s="944" t="s">
        <v>0</v>
      </c>
      <c r="J528" s="952" t="s">
        <v>7972</v>
      </c>
    </row>
    <row r="529" spans="2:10" s="395" customFormat="1" ht="14.25">
      <c r="B529" s="951" t="s">
        <v>8015</v>
      </c>
      <c r="C529" s="944" t="s">
        <v>7011</v>
      </c>
      <c r="D529" s="944" t="s">
        <v>8016</v>
      </c>
      <c r="E529" s="944" t="s">
        <v>8017</v>
      </c>
      <c r="F529" s="944" t="s">
        <v>0</v>
      </c>
      <c r="G529" s="944" t="s">
        <v>7161</v>
      </c>
      <c r="H529" s="944" t="s">
        <v>7002</v>
      </c>
      <c r="I529" s="944" t="s">
        <v>7002</v>
      </c>
      <c r="J529" s="952" t="s">
        <v>0</v>
      </c>
    </row>
    <row r="530" spans="2:10" s="395" customFormat="1" ht="14.25">
      <c r="B530" s="951" t="s">
        <v>8018</v>
      </c>
      <c r="C530" s="944" t="s">
        <v>7011</v>
      </c>
      <c r="D530" s="944" t="s">
        <v>8019</v>
      </c>
      <c r="E530" s="944" t="s">
        <v>8020</v>
      </c>
      <c r="F530" s="944" t="s">
        <v>0</v>
      </c>
      <c r="G530" s="944" t="s">
        <v>7161</v>
      </c>
      <c r="H530" s="944" t="s">
        <v>7002</v>
      </c>
      <c r="I530" s="944" t="s">
        <v>7002</v>
      </c>
      <c r="J530" s="952" t="s">
        <v>0</v>
      </c>
    </row>
    <row r="531" spans="2:10" s="395" customFormat="1" ht="14.25">
      <c r="B531" s="951" t="s">
        <v>8021</v>
      </c>
      <c r="C531" s="944" t="s">
        <v>7011</v>
      </c>
      <c r="D531" s="944" t="s">
        <v>8022</v>
      </c>
      <c r="E531" s="944" t="s">
        <v>8023</v>
      </c>
      <c r="F531" s="944" t="s">
        <v>0</v>
      </c>
      <c r="G531" s="944" t="s">
        <v>7161</v>
      </c>
      <c r="H531" s="944" t="s">
        <v>7002</v>
      </c>
      <c r="I531" s="944" t="s">
        <v>7002</v>
      </c>
      <c r="J531" s="952" t="s">
        <v>0</v>
      </c>
    </row>
    <row r="532" spans="2:10" s="395" customFormat="1" ht="14.25">
      <c r="B532" s="951" t="s">
        <v>8024</v>
      </c>
      <c r="C532" s="944" t="s">
        <v>7011</v>
      </c>
      <c r="D532" s="944" t="s">
        <v>8025</v>
      </c>
      <c r="E532" s="944" t="s">
        <v>77</v>
      </c>
      <c r="F532" s="944" t="s">
        <v>0</v>
      </c>
      <c r="G532" s="944" t="s">
        <v>7161</v>
      </c>
      <c r="H532" s="944" t="s">
        <v>7002</v>
      </c>
      <c r="I532" s="944" t="s">
        <v>7002</v>
      </c>
      <c r="J532" s="952" t="s">
        <v>0</v>
      </c>
    </row>
    <row r="533" spans="2:10" s="395" customFormat="1" ht="14.25">
      <c r="B533" s="951" t="s">
        <v>8026</v>
      </c>
      <c r="C533" s="944" t="s">
        <v>154</v>
      </c>
      <c r="D533" s="944" t="s">
        <v>8027</v>
      </c>
      <c r="E533" s="944" t="s">
        <v>5889</v>
      </c>
      <c r="F533" s="944" t="s">
        <v>0</v>
      </c>
      <c r="G533" s="944" t="s">
        <v>7161</v>
      </c>
      <c r="H533" s="944" t="s">
        <v>7074</v>
      </c>
      <c r="I533" s="944" t="s">
        <v>6838</v>
      </c>
      <c r="J533" s="952" t="s">
        <v>34123</v>
      </c>
    </row>
    <row r="534" spans="2:10" s="395" customFormat="1" ht="14.25">
      <c r="B534" s="951" t="s">
        <v>8028</v>
      </c>
      <c r="C534" s="944" t="s">
        <v>154</v>
      </c>
      <c r="D534" s="944" t="s">
        <v>5879</v>
      </c>
      <c r="E534" s="944" t="s">
        <v>5880</v>
      </c>
      <c r="F534" s="944" t="s">
        <v>0</v>
      </c>
      <c r="G534" s="944" t="s">
        <v>7161</v>
      </c>
      <c r="H534" s="944" t="s">
        <v>7074</v>
      </c>
      <c r="I534" s="944" t="s">
        <v>6838</v>
      </c>
      <c r="J534" s="952" t="s">
        <v>34123</v>
      </c>
    </row>
    <row r="535" spans="2:10" s="395" customFormat="1" ht="14.25">
      <c r="B535" s="951" t="s">
        <v>8029</v>
      </c>
      <c r="C535" s="944" t="s">
        <v>154</v>
      </c>
      <c r="D535" s="944" t="s">
        <v>8030</v>
      </c>
      <c r="E535" s="944" t="s">
        <v>5862</v>
      </c>
      <c r="F535" s="944" t="s">
        <v>0</v>
      </c>
      <c r="G535" s="944" t="s">
        <v>7161</v>
      </c>
      <c r="H535" s="944" t="s">
        <v>7074</v>
      </c>
      <c r="I535" s="944" t="s">
        <v>6838</v>
      </c>
      <c r="J535" s="952" t="s">
        <v>34123</v>
      </c>
    </row>
    <row r="536" spans="2:10" s="395" customFormat="1" ht="14.25">
      <c r="B536" s="951" t="s">
        <v>8031</v>
      </c>
      <c r="C536" s="944" t="s">
        <v>154</v>
      </c>
      <c r="D536" s="944" t="s">
        <v>8032</v>
      </c>
      <c r="E536" s="944" t="s">
        <v>5901</v>
      </c>
      <c r="F536" s="944" t="s">
        <v>0</v>
      </c>
      <c r="G536" s="944" t="s">
        <v>7161</v>
      </c>
      <c r="H536" s="944" t="s">
        <v>7074</v>
      </c>
      <c r="I536" s="944" t="s">
        <v>6838</v>
      </c>
      <c r="J536" s="952" t="s">
        <v>34123</v>
      </c>
    </row>
    <row r="537" spans="2:10" s="395" customFormat="1" ht="14.25">
      <c r="B537" s="951" t="s">
        <v>8033</v>
      </c>
      <c r="C537" s="944" t="s">
        <v>154</v>
      </c>
      <c r="D537" s="944" t="s">
        <v>8034</v>
      </c>
      <c r="E537" s="944" t="s">
        <v>5864</v>
      </c>
      <c r="F537" s="944" t="s">
        <v>0</v>
      </c>
      <c r="G537" s="944" t="s">
        <v>7161</v>
      </c>
      <c r="H537" s="944" t="s">
        <v>7074</v>
      </c>
      <c r="I537" s="944" t="s">
        <v>6838</v>
      </c>
      <c r="J537" s="952" t="s">
        <v>34123</v>
      </c>
    </row>
    <row r="538" spans="2:10" s="395" customFormat="1" ht="14.25">
      <c r="B538" s="951" t="s">
        <v>8035</v>
      </c>
      <c r="C538" s="944" t="s">
        <v>154</v>
      </c>
      <c r="D538" s="944" t="s">
        <v>8036</v>
      </c>
      <c r="E538" s="944" t="s">
        <v>8037</v>
      </c>
      <c r="F538" s="944" t="s">
        <v>0</v>
      </c>
      <c r="G538" s="944" t="s">
        <v>7161</v>
      </c>
      <c r="H538" s="944" t="s">
        <v>7074</v>
      </c>
      <c r="I538" s="944" t="s">
        <v>6838</v>
      </c>
      <c r="J538" s="952" t="s">
        <v>34123</v>
      </c>
    </row>
    <row r="539" spans="2:10" s="395" customFormat="1" ht="14.25">
      <c r="B539" s="951" t="s">
        <v>8038</v>
      </c>
      <c r="C539" s="944" t="s">
        <v>7091</v>
      </c>
      <c r="D539" s="944" t="s">
        <v>8039</v>
      </c>
      <c r="E539" s="944" t="s">
        <v>171</v>
      </c>
      <c r="F539" s="944" t="s">
        <v>8040</v>
      </c>
      <c r="G539" s="944" t="s">
        <v>7161</v>
      </c>
      <c r="H539" s="944" t="s">
        <v>7085</v>
      </c>
      <c r="I539" s="944" t="s">
        <v>6944</v>
      </c>
      <c r="J539" s="952" t="s">
        <v>34124</v>
      </c>
    </row>
    <row r="540" spans="2:10" s="395" customFormat="1" ht="14.25">
      <c r="B540" s="951" t="s">
        <v>8041</v>
      </c>
      <c r="C540" s="944" t="s">
        <v>7091</v>
      </c>
      <c r="D540" s="944" t="s">
        <v>8042</v>
      </c>
      <c r="E540" s="944" t="s">
        <v>159</v>
      </c>
      <c r="F540" s="944" t="s">
        <v>8043</v>
      </c>
      <c r="G540" s="944" t="s">
        <v>7161</v>
      </c>
      <c r="H540" s="944" t="s">
        <v>7085</v>
      </c>
      <c r="I540" s="944" t="s">
        <v>6944</v>
      </c>
      <c r="J540" s="952" t="s">
        <v>7162</v>
      </c>
    </row>
    <row r="541" spans="2:10" s="395" customFormat="1" ht="14.25">
      <c r="B541" s="951" t="s">
        <v>8044</v>
      </c>
      <c r="C541" s="944" t="s">
        <v>7091</v>
      </c>
      <c r="D541" s="944" t="s">
        <v>8045</v>
      </c>
      <c r="E541" s="944" t="s">
        <v>6102</v>
      </c>
      <c r="F541" s="944" t="s">
        <v>8046</v>
      </c>
      <c r="G541" s="944" t="s">
        <v>7161</v>
      </c>
      <c r="H541" s="944" t="s">
        <v>7085</v>
      </c>
      <c r="I541" s="944" t="s">
        <v>6944</v>
      </c>
      <c r="J541" s="952" t="s">
        <v>7162</v>
      </c>
    </row>
    <row r="542" spans="2:10" s="395" customFormat="1" ht="14.25">
      <c r="B542" s="951" t="s">
        <v>8047</v>
      </c>
      <c r="C542" s="944" t="s">
        <v>7091</v>
      </c>
      <c r="D542" s="944" t="s">
        <v>8048</v>
      </c>
      <c r="E542" s="944" t="s">
        <v>6098</v>
      </c>
      <c r="F542" s="944" t="s">
        <v>8049</v>
      </c>
      <c r="G542" s="944" t="s">
        <v>7161</v>
      </c>
      <c r="H542" s="944" t="s">
        <v>7085</v>
      </c>
      <c r="I542" s="944" t="s">
        <v>6944</v>
      </c>
      <c r="J542" s="952" t="s">
        <v>7162</v>
      </c>
    </row>
    <row r="543" spans="2:10" s="395" customFormat="1" ht="14.25">
      <c r="B543" s="951" t="s">
        <v>8050</v>
      </c>
      <c r="C543" s="944" t="s">
        <v>7091</v>
      </c>
      <c r="D543" s="944" t="s">
        <v>8051</v>
      </c>
      <c r="E543" s="944" t="s">
        <v>6100</v>
      </c>
      <c r="F543" s="944" t="s">
        <v>8052</v>
      </c>
      <c r="G543" s="944" t="s">
        <v>7161</v>
      </c>
      <c r="H543" s="944" t="s">
        <v>7085</v>
      </c>
      <c r="I543" s="944" t="s">
        <v>6944</v>
      </c>
      <c r="J543" s="952" t="s">
        <v>7162</v>
      </c>
    </row>
    <row r="544" spans="2:10" s="395" customFormat="1" ht="14.25">
      <c r="B544" s="951" t="s">
        <v>8053</v>
      </c>
      <c r="C544" s="944" t="s">
        <v>7091</v>
      </c>
      <c r="D544" s="944" t="s">
        <v>8054</v>
      </c>
      <c r="E544" s="944" t="s">
        <v>6096</v>
      </c>
      <c r="F544" s="944" t="s">
        <v>8055</v>
      </c>
      <c r="G544" s="944" t="s">
        <v>7161</v>
      </c>
      <c r="H544" s="944" t="s">
        <v>7085</v>
      </c>
      <c r="I544" s="944" t="s">
        <v>6944</v>
      </c>
      <c r="J544" s="952" t="s">
        <v>7162</v>
      </c>
    </row>
    <row r="545" spans="2:10" s="395" customFormat="1" ht="14.25">
      <c r="B545" s="951" t="s">
        <v>8056</v>
      </c>
      <c r="C545" s="944" t="s">
        <v>7091</v>
      </c>
      <c r="D545" s="944" t="s">
        <v>8057</v>
      </c>
      <c r="E545" s="944" t="s">
        <v>6094</v>
      </c>
      <c r="F545" s="944" t="s">
        <v>8058</v>
      </c>
      <c r="G545" s="944" t="s">
        <v>7161</v>
      </c>
      <c r="H545" s="944" t="s">
        <v>7085</v>
      </c>
      <c r="I545" s="944" t="s">
        <v>6944</v>
      </c>
      <c r="J545" s="952" t="s">
        <v>7162</v>
      </c>
    </row>
    <row r="546" spans="2:10" s="395" customFormat="1" ht="14.25">
      <c r="B546" s="951" t="s">
        <v>8059</v>
      </c>
      <c r="C546" s="944" t="s">
        <v>7091</v>
      </c>
      <c r="D546" s="944" t="s">
        <v>8060</v>
      </c>
      <c r="E546" s="944" t="s">
        <v>6092</v>
      </c>
      <c r="F546" s="944" t="s">
        <v>8061</v>
      </c>
      <c r="G546" s="944" t="s">
        <v>7161</v>
      </c>
      <c r="H546" s="944" t="s">
        <v>7085</v>
      </c>
      <c r="I546" s="944" t="s">
        <v>6944</v>
      </c>
      <c r="J546" s="952" t="s">
        <v>7162</v>
      </c>
    </row>
    <row r="547" spans="2:10" s="395" customFormat="1" ht="14.25">
      <c r="B547" s="951" t="s">
        <v>8062</v>
      </c>
      <c r="C547" s="944" t="s">
        <v>248</v>
      </c>
      <c r="D547" s="944" t="s">
        <v>248</v>
      </c>
      <c r="E547" s="944" t="s">
        <v>8063</v>
      </c>
      <c r="F547" s="944" t="s">
        <v>0</v>
      </c>
      <c r="G547" s="944" t="s">
        <v>7161</v>
      </c>
      <c r="H547" s="944" t="s">
        <v>7958</v>
      </c>
      <c r="I547" s="944" t="s">
        <v>7958</v>
      </c>
      <c r="J547" s="952" t="s">
        <v>7162</v>
      </c>
    </row>
    <row r="548" spans="2:10" s="395" customFormat="1" ht="14.25">
      <c r="B548" s="951" t="s">
        <v>8064</v>
      </c>
      <c r="C548" s="944" t="s">
        <v>248</v>
      </c>
      <c r="D548" s="944" t="s">
        <v>8065</v>
      </c>
      <c r="E548" s="944" t="s">
        <v>8066</v>
      </c>
      <c r="F548" s="944" t="s">
        <v>0</v>
      </c>
      <c r="G548" s="944" t="s">
        <v>7161</v>
      </c>
      <c r="H548" s="944" t="s">
        <v>7958</v>
      </c>
      <c r="I548" s="944" t="s">
        <v>7958</v>
      </c>
      <c r="J548" s="952" t="s">
        <v>7162</v>
      </c>
    </row>
    <row r="549" spans="2:10" s="395" customFormat="1" ht="14.25">
      <c r="B549" s="951" t="s">
        <v>8067</v>
      </c>
      <c r="C549" s="944" t="s">
        <v>248</v>
      </c>
      <c r="D549" s="944" t="s">
        <v>8068</v>
      </c>
      <c r="E549" s="944" t="s">
        <v>8069</v>
      </c>
      <c r="F549" s="944" t="s">
        <v>0</v>
      </c>
      <c r="G549" s="944" t="s">
        <v>7161</v>
      </c>
      <c r="H549" s="944" t="s">
        <v>7958</v>
      </c>
      <c r="I549" s="944" t="s">
        <v>7958</v>
      </c>
      <c r="J549" s="952" t="s">
        <v>7162</v>
      </c>
    </row>
    <row r="550" spans="2:10" s="395" customFormat="1" ht="14.25">
      <c r="B550" s="951" t="s">
        <v>8070</v>
      </c>
      <c r="C550" s="944" t="s">
        <v>248</v>
      </c>
      <c r="D550" s="944" t="s">
        <v>8071</v>
      </c>
      <c r="E550" s="944" t="s">
        <v>8072</v>
      </c>
      <c r="F550" s="944" t="s">
        <v>0</v>
      </c>
      <c r="G550" s="944" t="s">
        <v>7161</v>
      </c>
      <c r="H550" s="944" t="s">
        <v>7958</v>
      </c>
      <c r="I550" s="944" t="s">
        <v>7958</v>
      </c>
      <c r="J550" s="952" t="s">
        <v>7162</v>
      </c>
    </row>
    <row r="551" spans="2:10" s="395" customFormat="1" ht="14.25">
      <c r="B551" s="951" t="s">
        <v>8073</v>
      </c>
      <c r="C551" s="944" t="s">
        <v>154</v>
      </c>
      <c r="D551" s="944" t="s">
        <v>5898</v>
      </c>
      <c r="E551" s="944" t="s">
        <v>5899</v>
      </c>
      <c r="F551" s="944" t="s">
        <v>0</v>
      </c>
      <c r="G551" s="944" t="s">
        <v>7161</v>
      </c>
      <c r="H551" s="944" t="s">
        <v>6838</v>
      </c>
      <c r="I551" s="944" t="s">
        <v>6838</v>
      </c>
      <c r="J551" s="952" t="s">
        <v>8074</v>
      </c>
    </row>
    <row r="552" spans="2:10" s="395" customFormat="1" ht="14.25">
      <c r="B552" s="951" t="s">
        <v>8075</v>
      </c>
      <c r="C552" s="944" t="s">
        <v>154</v>
      </c>
      <c r="D552" s="944" t="s">
        <v>8076</v>
      </c>
      <c r="E552" s="944" t="s">
        <v>5897</v>
      </c>
      <c r="F552" s="944" t="s">
        <v>0</v>
      </c>
      <c r="G552" s="944" t="s">
        <v>7161</v>
      </c>
      <c r="H552" s="944" t="s">
        <v>6838</v>
      </c>
      <c r="I552" s="944" t="s">
        <v>6838</v>
      </c>
      <c r="J552" s="952" t="s">
        <v>8074</v>
      </c>
    </row>
    <row r="553" spans="2:10" s="395" customFormat="1" ht="14.25">
      <c r="B553" s="951" t="s">
        <v>8077</v>
      </c>
      <c r="C553" s="944" t="s">
        <v>154</v>
      </c>
      <c r="D553" s="944" t="s">
        <v>8078</v>
      </c>
      <c r="E553" s="944" t="s">
        <v>5893</v>
      </c>
      <c r="F553" s="944" t="s">
        <v>0</v>
      </c>
      <c r="G553" s="944" t="s">
        <v>7161</v>
      </c>
      <c r="H553" s="944" t="s">
        <v>6838</v>
      </c>
      <c r="I553" s="944" t="s">
        <v>6838</v>
      </c>
      <c r="J553" s="952" t="s">
        <v>8074</v>
      </c>
    </row>
    <row r="554" spans="2:10" s="395" customFormat="1" ht="14.25">
      <c r="B554" s="951" t="s">
        <v>8079</v>
      </c>
      <c r="C554" s="944" t="s">
        <v>154</v>
      </c>
      <c r="D554" s="944" t="s">
        <v>8080</v>
      </c>
      <c r="E554" s="944" t="s">
        <v>5866</v>
      </c>
      <c r="F554" s="944" t="s">
        <v>0</v>
      </c>
      <c r="G554" s="944" t="s">
        <v>7161</v>
      </c>
      <c r="H554" s="944" t="s">
        <v>6838</v>
      </c>
      <c r="I554" s="944" t="s">
        <v>6838</v>
      </c>
      <c r="J554" s="952" t="s">
        <v>8074</v>
      </c>
    </row>
    <row r="555" spans="2:10" s="395" customFormat="1" ht="14.25">
      <c r="B555" s="951" t="s">
        <v>8081</v>
      </c>
      <c r="C555" s="944" t="s">
        <v>27041</v>
      </c>
      <c r="D555" s="944" t="s">
        <v>8082</v>
      </c>
      <c r="E555" s="944" t="s">
        <v>8083</v>
      </c>
      <c r="F555" s="944" t="s">
        <v>0</v>
      </c>
      <c r="G555" s="944" t="s">
        <v>7161</v>
      </c>
      <c r="H555" s="944" t="s">
        <v>6838</v>
      </c>
      <c r="I555" s="944" t="s">
        <v>26995</v>
      </c>
      <c r="J555" s="952" t="s">
        <v>34125</v>
      </c>
    </row>
    <row r="556" spans="2:10" s="395" customFormat="1" ht="14.25">
      <c r="B556" s="951" t="s">
        <v>8084</v>
      </c>
      <c r="C556" s="944" t="s">
        <v>27041</v>
      </c>
      <c r="D556" s="944" t="s">
        <v>8085</v>
      </c>
      <c r="E556" s="944" t="s">
        <v>8086</v>
      </c>
      <c r="F556" s="944" t="s">
        <v>0</v>
      </c>
      <c r="G556" s="944" t="s">
        <v>7161</v>
      </c>
      <c r="H556" s="944" t="s">
        <v>6838</v>
      </c>
      <c r="I556" s="944" t="s">
        <v>26995</v>
      </c>
      <c r="J556" s="952" t="s">
        <v>34126</v>
      </c>
    </row>
    <row r="557" spans="2:10" s="395" customFormat="1" ht="14.25">
      <c r="B557" s="951" t="s">
        <v>8087</v>
      </c>
      <c r="C557" s="944" t="s">
        <v>27041</v>
      </c>
      <c r="D557" s="944" t="s">
        <v>8088</v>
      </c>
      <c r="E557" s="944" t="s">
        <v>8089</v>
      </c>
      <c r="F557" s="944" t="s">
        <v>0</v>
      </c>
      <c r="G557" s="944" t="s">
        <v>7161</v>
      </c>
      <c r="H557" s="944" t="s">
        <v>6838</v>
      </c>
      <c r="I557" s="944" t="s">
        <v>26995</v>
      </c>
      <c r="J557" s="952" t="s">
        <v>34127</v>
      </c>
    </row>
    <row r="558" spans="2:10" s="395" customFormat="1" ht="14.25">
      <c r="B558" s="951" t="s">
        <v>8090</v>
      </c>
      <c r="C558" s="944" t="s">
        <v>27041</v>
      </c>
      <c r="D558" s="944" t="s">
        <v>8091</v>
      </c>
      <c r="E558" s="944" t="s">
        <v>8092</v>
      </c>
      <c r="F558" s="944" t="s">
        <v>0</v>
      </c>
      <c r="G558" s="944" t="s">
        <v>7161</v>
      </c>
      <c r="H558" s="944" t="s">
        <v>6838</v>
      </c>
      <c r="I558" s="944" t="s">
        <v>26995</v>
      </c>
      <c r="J558" s="952" t="s">
        <v>34127</v>
      </c>
    </row>
    <row r="559" spans="2:10" s="395" customFormat="1" ht="14.25">
      <c r="B559" s="951" t="s">
        <v>8093</v>
      </c>
      <c r="C559" s="944" t="s">
        <v>27041</v>
      </c>
      <c r="D559" s="944" t="s">
        <v>8094</v>
      </c>
      <c r="E559" s="944" t="s">
        <v>8095</v>
      </c>
      <c r="F559" s="944" t="s">
        <v>0</v>
      </c>
      <c r="G559" s="944" t="s">
        <v>7161</v>
      </c>
      <c r="H559" s="944" t="s">
        <v>6838</v>
      </c>
      <c r="I559" s="944" t="s">
        <v>26995</v>
      </c>
      <c r="J559" s="952" t="s">
        <v>34127</v>
      </c>
    </row>
    <row r="560" spans="2:10" s="395" customFormat="1" ht="14.25">
      <c r="B560" s="951" t="s">
        <v>8096</v>
      </c>
      <c r="C560" s="944" t="s">
        <v>27041</v>
      </c>
      <c r="D560" s="944" t="s">
        <v>8097</v>
      </c>
      <c r="E560" s="944" t="s">
        <v>8098</v>
      </c>
      <c r="F560" s="944" t="s">
        <v>0</v>
      </c>
      <c r="G560" s="944" t="s">
        <v>7161</v>
      </c>
      <c r="H560" s="944" t="s">
        <v>6838</v>
      </c>
      <c r="I560" s="944" t="s">
        <v>26995</v>
      </c>
      <c r="J560" s="952" t="s">
        <v>34127</v>
      </c>
    </row>
    <row r="561" spans="2:10" s="395" customFormat="1" ht="14.25">
      <c r="B561" s="951" t="s">
        <v>8099</v>
      </c>
      <c r="C561" s="944" t="s">
        <v>27041</v>
      </c>
      <c r="D561" s="944" t="s">
        <v>8100</v>
      </c>
      <c r="E561" s="944" t="s">
        <v>8101</v>
      </c>
      <c r="F561" s="944" t="s">
        <v>0</v>
      </c>
      <c r="G561" s="944" t="s">
        <v>7161</v>
      </c>
      <c r="H561" s="944" t="s">
        <v>6838</v>
      </c>
      <c r="I561" s="944" t="s">
        <v>26995</v>
      </c>
      <c r="J561" s="952" t="s">
        <v>34127</v>
      </c>
    </row>
    <row r="562" spans="2:10" s="395" customFormat="1" ht="14.25">
      <c r="B562" s="951" t="s">
        <v>8102</v>
      </c>
      <c r="C562" s="944" t="s">
        <v>27041</v>
      </c>
      <c r="D562" s="944" t="s">
        <v>8103</v>
      </c>
      <c r="E562" s="944" t="s">
        <v>8104</v>
      </c>
      <c r="F562" s="944" t="s">
        <v>0</v>
      </c>
      <c r="G562" s="944" t="s">
        <v>7161</v>
      </c>
      <c r="H562" s="944" t="s">
        <v>6838</v>
      </c>
      <c r="I562" s="944" t="s">
        <v>26995</v>
      </c>
      <c r="J562" s="952" t="s">
        <v>34127</v>
      </c>
    </row>
    <row r="563" spans="2:10" s="395" customFormat="1" ht="14.25">
      <c r="B563" s="951" t="s">
        <v>8105</v>
      </c>
      <c r="C563" s="944" t="s">
        <v>27041</v>
      </c>
      <c r="D563" s="944" t="s">
        <v>8106</v>
      </c>
      <c r="E563" s="944" t="s">
        <v>8107</v>
      </c>
      <c r="F563" s="944" t="s">
        <v>0</v>
      </c>
      <c r="G563" s="944" t="s">
        <v>7161</v>
      </c>
      <c r="H563" s="944" t="s">
        <v>6838</v>
      </c>
      <c r="I563" s="944" t="s">
        <v>26995</v>
      </c>
      <c r="J563" s="952" t="s">
        <v>34127</v>
      </c>
    </row>
    <row r="564" spans="2:10" s="395" customFormat="1" ht="14.25">
      <c r="B564" s="951" t="s">
        <v>8108</v>
      </c>
      <c r="C564" s="944" t="s">
        <v>27041</v>
      </c>
      <c r="D564" s="944" t="s">
        <v>8109</v>
      </c>
      <c r="E564" s="944" t="s">
        <v>8110</v>
      </c>
      <c r="F564" s="944" t="s">
        <v>0</v>
      </c>
      <c r="G564" s="944" t="s">
        <v>7161</v>
      </c>
      <c r="H564" s="944" t="s">
        <v>6838</v>
      </c>
      <c r="I564" s="944" t="s">
        <v>26995</v>
      </c>
      <c r="J564" s="952" t="s">
        <v>34127</v>
      </c>
    </row>
    <row r="565" spans="2:10" s="395" customFormat="1" ht="14.25">
      <c r="B565" s="951" t="s">
        <v>8111</v>
      </c>
      <c r="C565" s="944" t="s">
        <v>27041</v>
      </c>
      <c r="D565" s="944" t="s">
        <v>8112</v>
      </c>
      <c r="E565" s="944" t="s">
        <v>8113</v>
      </c>
      <c r="F565" s="944" t="s">
        <v>0</v>
      </c>
      <c r="G565" s="944" t="s">
        <v>7161</v>
      </c>
      <c r="H565" s="944" t="s">
        <v>6838</v>
      </c>
      <c r="I565" s="944" t="s">
        <v>26995</v>
      </c>
      <c r="J565" s="952" t="s">
        <v>34127</v>
      </c>
    </row>
    <row r="566" spans="2:10" s="395" customFormat="1" ht="14.25">
      <c r="B566" s="951" t="s">
        <v>8114</v>
      </c>
      <c r="C566" s="944" t="s">
        <v>27041</v>
      </c>
      <c r="D566" s="944" t="s">
        <v>8115</v>
      </c>
      <c r="E566" s="944" t="s">
        <v>8116</v>
      </c>
      <c r="F566" s="944" t="s">
        <v>0</v>
      </c>
      <c r="G566" s="944" t="s">
        <v>7161</v>
      </c>
      <c r="H566" s="944" t="s">
        <v>6838</v>
      </c>
      <c r="I566" s="944" t="s">
        <v>26995</v>
      </c>
      <c r="J566" s="952" t="s">
        <v>34127</v>
      </c>
    </row>
    <row r="567" spans="2:10" s="395" customFormat="1" ht="14.25">
      <c r="B567" s="951" t="s">
        <v>8117</v>
      </c>
      <c r="C567" s="944" t="s">
        <v>27041</v>
      </c>
      <c r="D567" s="944" t="s">
        <v>8118</v>
      </c>
      <c r="E567" s="944" t="s">
        <v>8119</v>
      </c>
      <c r="F567" s="944" t="s">
        <v>0</v>
      </c>
      <c r="G567" s="944" t="s">
        <v>7161</v>
      </c>
      <c r="H567" s="944" t="s">
        <v>6838</v>
      </c>
      <c r="I567" s="944" t="s">
        <v>26995</v>
      </c>
      <c r="J567" s="952" t="s">
        <v>34128</v>
      </c>
    </row>
    <row r="568" spans="2:10" s="395" customFormat="1" ht="14.25">
      <c r="B568" s="951" t="s">
        <v>8120</v>
      </c>
      <c r="C568" s="944" t="s">
        <v>27041</v>
      </c>
      <c r="D568" s="944" t="s">
        <v>8121</v>
      </c>
      <c r="E568" s="944" t="s">
        <v>8122</v>
      </c>
      <c r="F568" s="944" t="s">
        <v>0</v>
      </c>
      <c r="G568" s="944" t="s">
        <v>7161</v>
      </c>
      <c r="H568" s="944" t="s">
        <v>6838</v>
      </c>
      <c r="I568" s="944" t="s">
        <v>26995</v>
      </c>
      <c r="J568" s="952" t="s">
        <v>27173</v>
      </c>
    </row>
    <row r="569" spans="2:10" s="395" customFormat="1" ht="14.25">
      <c r="B569" s="951" t="s">
        <v>8123</v>
      </c>
      <c r="C569" s="944" t="s">
        <v>27041</v>
      </c>
      <c r="D569" s="944" t="s">
        <v>6431</v>
      </c>
      <c r="E569" s="944" t="s">
        <v>6432</v>
      </c>
      <c r="F569" s="944" t="s">
        <v>0</v>
      </c>
      <c r="G569" s="944" t="s">
        <v>7161</v>
      </c>
      <c r="H569" s="944" t="s">
        <v>6838</v>
      </c>
      <c r="I569" s="944" t="s">
        <v>26995</v>
      </c>
      <c r="J569" s="952" t="s">
        <v>27174</v>
      </c>
    </row>
    <row r="570" spans="2:10" s="395" customFormat="1" ht="14.25">
      <c r="B570" s="951" t="s">
        <v>8124</v>
      </c>
      <c r="C570" s="944" t="s">
        <v>27041</v>
      </c>
      <c r="D570" s="944" t="s">
        <v>8125</v>
      </c>
      <c r="E570" s="944" t="s">
        <v>6430</v>
      </c>
      <c r="F570" s="944" t="s">
        <v>0</v>
      </c>
      <c r="G570" s="944" t="s">
        <v>7161</v>
      </c>
      <c r="H570" s="944" t="s">
        <v>6838</v>
      </c>
      <c r="I570" s="944" t="s">
        <v>26995</v>
      </c>
      <c r="J570" s="952" t="s">
        <v>27175</v>
      </c>
    </row>
    <row r="571" spans="2:10" s="395" customFormat="1" ht="14.25">
      <c r="B571" s="951" t="s">
        <v>8126</v>
      </c>
      <c r="C571" s="944" t="s">
        <v>27041</v>
      </c>
      <c r="D571" s="944" t="s">
        <v>8127</v>
      </c>
      <c r="E571" s="944" t="s">
        <v>8128</v>
      </c>
      <c r="F571" s="944" t="s">
        <v>0</v>
      </c>
      <c r="G571" s="944" t="s">
        <v>7161</v>
      </c>
      <c r="H571" s="944" t="s">
        <v>6838</v>
      </c>
      <c r="I571" s="944" t="s">
        <v>26995</v>
      </c>
      <c r="J571" s="952" t="s">
        <v>27176</v>
      </c>
    </row>
    <row r="572" spans="2:10" s="395" customFormat="1" ht="14.25">
      <c r="B572" s="951" t="s">
        <v>8129</v>
      </c>
      <c r="C572" s="944" t="s">
        <v>27041</v>
      </c>
      <c r="D572" s="944" t="s">
        <v>8130</v>
      </c>
      <c r="E572" s="944" t="s">
        <v>8131</v>
      </c>
      <c r="F572" s="944" t="s">
        <v>0</v>
      </c>
      <c r="G572" s="944" t="s">
        <v>7161</v>
      </c>
      <c r="H572" s="944" t="s">
        <v>6838</v>
      </c>
      <c r="I572" s="944" t="s">
        <v>26995</v>
      </c>
      <c r="J572" s="952" t="s">
        <v>27177</v>
      </c>
    </row>
    <row r="573" spans="2:10" s="395" customFormat="1" ht="14.25">
      <c r="B573" s="951" t="s">
        <v>8132</v>
      </c>
      <c r="C573" s="944" t="s">
        <v>27041</v>
      </c>
      <c r="D573" s="944" t="s">
        <v>8133</v>
      </c>
      <c r="E573" s="944" t="s">
        <v>8134</v>
      </c>
      <c r="F573" s="944" t="s">
        <v>8135</v>
      </c>
      <c r="G573" s="944" t="s">
        <v>7161</v>
      </c>
      <c r="H573" s="944" t="s">
        <v>6838</v>
      </c>
      <c r="I573" s="944" t="s">
        <v>26995</v>
      </c>
      <c r="J573" s="952" t="s">
        <v>27178</v>
      </c>
    </row>
    <row r="574" spans="2:10" s="395" customFormat="1" ht="14.25">
      <c r="B574" s="951" t="s">
        <v>8136</v>
      </c>
      <c r="C574" s="944" t="s">
        <v>27041</v>
      </c>
      <c r="D574" s="944" t="s">
        <v>8137</v>
      </c>
      <c r="E574" s="944" t="s">
        <v>8138</v>
      </c>
      <c r="F574" s="944" t="s">
        <v>0</v>
      </c>
      <c r="G574" s="944" t="s">
        <v>7161</v>
      </c>
      <c r="H574" s="944" t="s">
        <v>6838</v>
      </c>
      <c r="I574" s="944" t="s">
        <v>26995</v>
      </c>
      <c r="J574" s="952" t="s">
        <v>27175</v>
      </c>
    </row>
    <row r="575" spans="2:10" s="395" customFormat="1" ht="14.25">
      <c r="B575" s="951" t="s">
        <v>8139</v>
      </c>
      <c r="C575" s="944" t="s">
        <v>27041</v>
      </c>
      <c r="D575" s="944" t="s">
        <v>8140</v>
      </c>
      <c r="E575" s="944" t="s">
        <v>8141</v>
      </c>
      <c r="F575" s="944" t="s">
        <v>0</v>
      </c>
      <c r="G575" s="944" t="s">
        <v>7161</v>
      </c>
      <c r="H575" s="944" t="s">
        <v>6838</v>
      </c>
      <c r="I575" s="944" t="s">
        <v>26995</v>
      </c>
      <c r="J575" s="952" t="s">
        <v>27175</v>
      </c>
    </row>
    <row r="576" spans="2:10" s="395" customFormat="1" ht="14.25">
      <c r="B576" s="951" t="s">
        <v>8142</v>
      </c>
      <c r="C576" s="944" t="s">
        <v>27041</v>
      </c>
      <c r="D576" s="944" t="s">
        <v>8143</v>
      </c>
      <c r="E576" s="944" t="s">
        <v>8144</v>
      </c>
      <c r="F576" s="944" t="s">
        <v>0</v>
      </c>
      <c r="G576" s="944" t="s">
        <v>7161</v>
      </c>
      <c r="H576" s="944" t="s">
        <v>6838</v>
      </c>
      <c r="I576" s="944" t="s">
        <v>26995</v>
      </c>
      <c r="J576" s="952" t="s">
        <v>27177</v>
      </c>
    </row>
    <row r="577" spans="2:10" s="395" customFormat="1" ht="14.25">
      <c r="B577" s="951" t="s">
        <v>8145</v>
      </c>
      <c r="C577" s="944" t="s">
        <v>27041</v>
      </c>
      <c r="D577" s="944" t="s">
        <v>8146</v>
      </c>
      <c r="E577" s="944" t="s">
        <v>8147</v>
      </c>
      <c r="F577" s="944" t="s">
        <v>0</v>
      </c>
      <c r="G577" s="944" t="s">
        <v>7161</v>
      </c>
      <c r="H577" s="944" t="s">
        <v>6838</v>
      </c>
      <c r="I577" s="944" t="s">
        <v>26995</v>
      </c>
      <c r="J577" s="952" t="s">
        <v>27177</v>
      </c>
    </row>
    <row r="578" spans="2:10" s="395" customFormat="1" ht="14.25">
      <c r="B578" s="951" t="s">
        <v>8148</v>
      </c>
      <c r="C578" s="944" t="s">
        <v>27041</v>
      </c>
      <c r="D578" s="944" t="s">
        <v>8149</v>
      </c>
      <c r="E578" s="944" t="s">
        <v>8150</v>
      </c>
      <c r="F578" s="944" t="s">
        <v>0</v>
      </c>
      <c r="G578" s="944" t="s">
        <v>7161</v>
      </c>
      <c r="H578" s="944" t="s">
        <v>6838</v>
      </c>
      <c r="I578" s="944" t="s">
        <v>26995</v>
      </c>
      <c r="J578" s="952" t="s">
        <v>27177</v>
      </c>
    </row>
    <row r="579" spans="2:10" s="395" customFormat="1" ht="14.25">
      <c r="B579" s="951" t="s">
        <v>8151</v>
      </c>
      <c r="C579" s="944" t="s">
        <v>27041</v>
      </c>
      <c r="D579" s="944" t="s">
        <v>8152</v>
      </c>
      <c r="E579" s="944" t="s">
        <v>8153</v>
      </c>
      <c r="F579" s="944" t="s">
        <v>0</v>
      </c>
      <c r="G579" s="944" t="s">
        <v>7161</v>
      </c>
      <c r="H579" s="944" t="s">
        <v>6838</v>
      </c>
      <c r="I579" s="944" t="s">
        <v>26995</v>
      </c>
      <c r="J579" s="952" t="s">
        <v>27176</v>
      </c>
    </row>
    <row r="580" spans="2:10" s="395" customFormat="1" ht="14.25">
      <c r="B580" s="951" t="s">
        <v>8154</v>
      </c>
      <c r="C580" s="944" t="s">
        <v>27041</v>
      </c>
      <c r="D580" s="944" t="s">
        <v>8155</v>
      </c>
      <c r="E580" s="944" t="s">
        <v>8156</v>
      </c>
      <c r="F580" s="944" t="s">
        <v>0</v>
      </c>
      <c r="G580" s="944" t="s">
        <v>7161</v>
      </c>
      <c r="H580" s="944" t="s">
        <v>6838</v>
      </c>
      <c r="I580" s="944" t="s">
        <v>26995</v>
      </c>
      <c r="J580" s="952" t="s">
        <v>27177</v>
      </c>
    </row>
    <row r="581" spans="2:10" s="395" customFormat="1" ht="14.25">
      <c r="B581" s="951" t="s">
        <v>8157</v>
      </c>
      <c r="C581" s="944" t="s">
        <v>27041</v>
      </c>
      <c r="D581" s="944" t="s">
        <v>8158</v>
      </c>
      <c r="E581" s="944" t="s">
        <v>8159</v>
      </c>
      <c r="F581" s="944" t="s">
        <v>0</v>
      </c>
      <c r="G581" s="944" t="s">
        <v>7161</v>
      </c>
      <c r="H581" s="944" t="s">
        <v>6838</v>
      </c>
      <c r="I581" s="944" t="s">
        <v>26995</v>
      </c>
      <c r="J581" s="952" t="s">
        <v>27177</v>
      </c>
    </row>
    <row r="582" spans="2:10" s="395" customFormat="1" ht="14.25">
      <c r="B582" s="951" t="s">
        <v>8160</v>
      </c>
      <c r="C582" s="944" t="s">
        <v>27041</v>
      </c>
      <c r="D582" s="944" t="s">
        <v>8161</v>
      </c>
      <c r="E582" s="944" t="s">
        <v>8162</v>
      </c>
      <c r="F582" s="944" t="s">
        <v>0</v>
      </c>
      <c r="G582" s="944" t="s">
        <v>7161</v>
      </c>
      <c r="H582" s="944" t="s">
        <v>6838</v>
      </c>
      <c r="I582" s="944" t="s">
        <v>26995</v>
      </c>
      <c r="J582" s="952" t="s">
        <v>27179</v>
      </c>
    </row>
    <row r="583" spans="2:10" s="395" customFormat="1" ht="14.25">
      <c r="B583" s="951" t="s">
        <v>8163</v>
      </c>
      <c r="C583" s="944" t="s">
        <v>27041</v>
      </c>
      <c r="D583" s="944" t="s">
        <v>8164</v>
      </c>
      <c r="E583" s="944" t="s">
        <v>8165</v>
      </c>
      <c r="F583" s="944" t="s">
        <v>0</v>
      </c>
      <c r="G583" s="944" t="s">
        <v>7161</v>
      </c>
      <c r="H583" s="944" t="s">
        <v>6838</v>
      </c>
      <c r="I583" s="944" t="s">
        <v>26995</v>
      </c>
      <c r="J583" s="952" t="s">
        <v>27177</v>
      </c>
    </row>
    <row r="584" spans="2:10" s="395" customFormat="1" ht="14.25">
      <c r="B584" s="951" t="s">
        <v>8166</v>
      </c>
      <c r="C584" s="944" t="s">
        <v>27041</v>
      </c>
      <c r="D584" s="944" t="s">
        <v>8167</v>
      </c>
      <c r="E584" s="944" t="s">
        <v>8168</v>
      </c>
      <c r="F584" s="944" t="s">
        <v>0</v>
      </c>
      <c r="G584" s="944" t="s">
        <v>7161</v>
      </c>
      <c r="H584" s="944" t="s">
        <v>6838</v>
      </c>
      <c r="I584" s="944" t="s">
        <v>26995</v>
      </c>
      <c r="J584" s="952" t="s">
        <v>27175</v>
      </c>
    </row>
    <row r="585" spans="2:10" s="395" customFormat="1" ht="14.25">
      <c r="B585" s="951" t="s">
        <v>8169</v>
      </c>
      <c r="C585" s="944" t="s">
        <v>27041</v>
      </c>
      <c r="D585" s="944" t="s">
        <v>8170</v>
      </c>
      <c r="E585" s="944" t="s">
        <v>8171</v>
      </c>
      <c r="F585" s="944" t="s">
        <v>0</v>
      </c>
      <c r="G585" s="944" t="s">
        <v>7161</v>
      </c>
      <c r="H585" s="944" t="s">
        <v>6838</v>
      </c>
      <c r="I585" s="944" t="s">
        <v>26995</v>
      </c>
      <c r="J585" s="952" t="s">
        <v>27175</v>
      </c>
    </row>
    <row r="586" spans="2:10" s="395" customFormat="1" ht="14.25">
      <c r="B586" s="951" t="s">
        <v>8172</v>
      </c>
      <c r="C586" s="944" t="s">
        <v>27041</v>
      </c>
      <c r="D586" s="944" t="s">
        <v>8173</v>
      </c>
      <c r="E586" s="944" t="s">
        <v>8174</v>
      </c>
      <c r="F586" s="944" t="s">
        <v>0</v>
      </c>
      <c r="G586" s="944" t="s">
        <v>7161</v>
      </c>
      <c r="H586" s="944" t="s">
        <v>6838</v>
      </c>
      <c r="I586" s="944" t="s">
        <v>26995</v>
      </c>
      <c r="J586" s="952" t="s">
        <v>27175</v>
      </c>
    </row>
    <row r="587" spans="2:10" s="395" customFormat="1" ht="14.25">
      <c r="B587" s="951" t="s">
        <v>8175</v>
      </c>
      <c r="C587" s="944" t="s">
        <v>27041</v>
      </c>
      <c r="D587" s="944" t="s">
        <v>8176</v>
      </c>
      <c r="E587" s="944" t="s">
        <v>8177</v>
      </c>
      <c r="F587" s="944" t="s">
        <v>0</v>
      </c>
      <c r="G587" s="944" t="s">
        <v>7161</v>
      </c>
      <c r="H587" s="944" t="s">
        <v>6838</v>
      </c>
      <c r="I587" s="944" t="s">
        <v>26995</v>
      </c>
      <c r="J587" s="952" t="s">
        <v>27175</v>
      </c>
    </row>
    <row r="588" spans="2:10" s="395" customFormat="1" ht="14.25">
      <c r="B588" s="951" t="s">
        <v>8178</v>
      </c>
      <c r="C588" s="944" t="s">
        <v>27041</v>
      </c>
      <c r="D588" s="944" t="s">
        <v>8179</v>
      </c>
      <c r="E588" s="944" t="s">
        <v>8180</v>
      </c>
      <c r="F588" s="944" t="s">
        <v>0</v>
      </c>
      <c r="G588" s="944" t="s">
        <v>7161</v>
      </c>
      <c r="H588" s="944" t="s">
        <v>6838</v>
      </c>
      <c r="I588" s="944" t="s">
        <v>26995</v>
      </c>
      <c r="J588" s="952" t="s">
        <v>27177</v>
      </c>
    </row>
    <row r="589" spans="2:10" s="395" customFormat="1" ht="14.25">
      <c r="B589" s="951" t="s">
        <v>8181</v>
      </c>
      <c r="C589" s="944" t="s">
        <v>27041</v>
      </c>
      <c r="D589" s="944" t="s">
        <v>8182</v>
      </c>
      <c r="E589" s="944" t="s">
        <v>8183</v>
      </c>
      <c r="F589" s="944" t="s">
        <v>0</v>
      </c>
      <c r="G589" s="944" t="s">
        <v>7161</v>
      </c>
      <c r="H589" s="944" t="s">
        <v>6838</v>
      </c>
      <c r="I589" s="944" t="s">
        <v>26995</v>
      </c>
      <c r="J589" s="952" t="s">
        <v>27177</v>
      </c>
    </row>
    <row r="590" spans="2:10" s="395" customFormat="1" ht="14.25">
      <c r="B590" s="951" t="s">
        <v>8184</v>
      </c>
      <c r="C590" s="944" t="s">
        <v>27041</v>
      </c>
      <c r="D590" s="944" t="s">
        <v>8185</v>
      </c>
      <c r="E590" s="944" t="s">
        <v>8186</v>
      </c>
      <c r="F590" s="944" t="s">
        <v>0</v>
      </c>
      <c r="G590" s="944" t="s">
        <v>7161</v>
      </c>
      <c r="H590" s="944" t="s">
        <v>6838</v>
      </c>
      <c r="I590" s="944" t="s">
        <v>26995</v>
      </c>
      <c r="J590" s="952" t="s">
        <v>27177</v>
      </c>
    </row>
    <row r="591" spans="2:10" s="395" customFormat="1" ht="14.25">
      <c r="B591" s="951" t="s">
        <v>8187</v>
      </c>
      <c r="C591" s="944" t="s">
        <v>27041</v>
      </c>
      <c r="D591" s="944" t="s">
        <v>8188</v>
      </c>
      <c r="E591" s="944" t="s">
        <v>8189</v>
      </c>
      <c r="F591" s="944" t="s">
        <v>0</v>
      </c>
      <c r="G591" s="944" t="s">
        <v>7161</v>
      </c>
      <c r="H591" s="944" t="s">
        <v>6838</v>
      </c>
      <c r="I591" s="944" t="s">
        <v>26995</v>
      </c>
      <c r="J591" s="952" t="s">
        <v>27174</v>
      </c>
    </row>
    <row r="592" spans="2:10" s="395" customFormat="1" ht="14.25">
      <c r="B592" s="951" t="s">
        <v>8190</v>
      </c>
      <c r="C592" s="944" t="s">
        <v>27041</v>
      </c>
      <c r="D592" s="944" t="s">
        <v>8191</v>
      </c>
      <c r="E592" s="944" t="s">
        <v>8192</v>
      </c>
      <c r="F592" s="944" t="s">
        <v>0</v>
      </c>
      <c r="G592" s="944" t="s">
        <v>7161</v>
      </c>
      <c r="H592" s="944" t="s">
        <v>6838</v>
      </c>
      <c r="I592" s="944" t="s">
        <v>26995</v>
      </c>
      <c r="J592" s="952" t="s">
        <v>27175</v>
      </c>
    </row>
    <row r="593" spans="2:10" s="395" customFormat="1" ht="14.25">
      <c r="B593" s="951" t="s">
        <v>8193</v>
      </c>
      <c r="C593" s="944" t="s">
        <v>27041</v>
      </c>
      <c r="D593" s="944" t="s">
        <v>8194</v>
      </c>
      <c r="E593" s="944" t="s">
        <v>8195</v>
      </c>
      <c r="F593" s="944" t="s">
        <v>0</v>
      </c>
      <c r="G593" s="944" t="s">
        <v>7161</v>
      </c>
      <c r="H593" s="944" t="s">
        <v>6838</v>
      </c>
      <c r="I593" s="944" t="s">
        <v>26995</v>
      </c>
      <c r="J593" s="952" t="s">
        <v>27175</v>
      </c>
    </row>
    <row r="594" spans="2:10" s="395" customFormat="1" ht="14.25">
      <c r="B594" s="951" t="s">
        <v>8196</v>
      </c>
      <c r="C594" s="944" t="s">
        <v>27041</v>
      </c>
      <c r="D594" s="944" t="s">
        <v>8197</v>
      </c>
      <c r="E594" s="944" t="s">
        <v>8198</v>
      </c>
      <c r="F594" s="944" t="s">
        <v>0</v>
      </c>
      <c r="G594" s="944" t="s">
        <v>7161</v>
      </c>
      <c r="H594" s="944" t="s">
        <v>6838</v>
      </c>
      <c r="I594" s="944" t="s">
        <v>26995</v>
      </c>
      <c r="J594" s="952" t="s">
        <v>27175</v>
      </c>
    </row>
    <row r="595" spans="2:10" s="395" customFormat="1" ht="14.25">
      <c r="B595" s="951" t="s">
        <v>8199</v>
      </c>
      <c r="C595" s="944" t="s">
        <v>27041</v>
      </c>
      <c r="D595" s="944" t="s">
        <v>8200</v>
      </c>
      <c r="E595" s="944" t="s">
        <v>8201</v>
      </c>
      <c r="F595" s="944" t="s">
        <v>0</v>
      </c>
      <c r="G595" s="944" t="s">
        <v>7161</v>
      </c>
      <c r="H595" s="944" t="s">
        <v>6838</v>
      </c>
      <c r="I595" s="944" t="s">
        <v>26995</v>
      </c>
      <c r="J595" s="952" t="s">
        <v>27175</v>
      </c>
    </row>
    <row r="596" spans="2:10" s="395" customFormat="1" ht="14.25">
      <c r="B596" s="951" t="s">
        <v>8202</v>
      </c>
      <c r="C596" s="944" t="s">
        <v>27041</v>
      </c>
      <c r="D596" s="944" t="s">
        <v>8203</v>
      </c>
      <c r="E596" s="944" t="s">
        <v>8204</v>
      </c>
      <c r="F596" s="944" t="s">
        <v>0</v>
      </c>
      <c r="G596" s="944" t="s">
        <v>7161</v>
      </c>
      <c r="H596" s="944" t="s">
        <v>6838</v>
      </c>
      <c r="I596" s="944" t="s">
        <v>26995</v>
      </c>
      <c r="J596" s="952" t="s">
        <v>27175</v>
      </c>
    </row>
    <row r="597" spans="2:10" s="395" customFormat="1" ht="14.25">
      <c r="B597" s="951" t="s">
        <v>8205</v>
      </c>
      <c r="C597" s="944" t="s">
        <v>27041</v>
      </c>
      <c r="D597" s="944" t="s">
        <v>8206</v>
      </c>
      <c r="E597" s="944" t="s">
        <v>8207</v>
      </c>
      <c r="F597" s="944" t="s">
        <v>0</v>
      </c>
      <c r="G597" s="944" t="s">
        <v>7161</v>
      </c>
      <c r="H597" s="944" t="s">
        <v>6838</v>
      </c>
      <c r="I597" s="944" t="s">
        <v>26995</v>
      </c>
      <c r="J597" s="952" t="s">
        <v>27175</v>
      </c>
    </row>
    <row r="598" spans="2:10" s="395" customFormat="1" ht="14.25">
      <c r="B598" s="951" t="s">
        <v>8208</v>
      </c>
      <c r="C598" s="944" t="s">
        <v>27041</v>
      </c>
      <c r="D598" s="944" t="s">
        <v>8209</v>
      </c>
      <c r="E598" s="944" t="s">
        <v>8210</v>
      </c>
      <c r="F598" s="944" t="s">
        <v>0</v>
      </c>
      <c r="G598" s="944" t="s">
        <v>7161</v>
      </c>
      <c r="H598" s="944" t="s">
        <v>6838</v>
      </c>
      <c r="I598" s="944" t="s">
        <v>26995</v>
      </c>
      <c r="J598" s="952" t="s">
        <v>27175</v>
      </c>
    </row>
    <row r="599" spans="2:10" s="395" customFormat="1" ht="14.25">
      <c r="B599" s="951" t="s">
        <v>8211</v>
      </c>
      <c r="C599" s="944" t="s">
        <v>27041</v>
      </c>
      <c r="D599" s="944" t="s">
        <v>8212</v>
      </c>
      <c r="E599" s="944" t="s">
        <v>8213</v>
      </c>
      <c r="F599" s="944" t="s">
        <v>0</v>
      </c>
      <c r="G599" s="944" t="s">
        <v>7161</v>
      </c>
      <c r="H599" s="944" t="s">
        <v>6838</v>
      </c>
      <c r="I599" s="944" t="s">
        <v>26995</v>
      </c>
      <c r="J599" s="952" t="s">
        <v>27175</v>
      </c>
    </row>
    <row r="600" spans="2:10" s="395" customFormat="1" ht="14.25">
      <c r="B600" s="951" t="s">
        <v>8214</v>
      </c>
      <c r="C600" s="944" t="s">
        <v>27041</v>
      </c>
      <c r="D600" s="944" t="s">
        <v>8215</v>
      </c>
      <c r="E600" s="944" t="s">
        <v>8216</v>
      </c>
      <c r="F600" s="944" t="s">
        <v>0</v>
      </c>
      <c r="G600" s="944" t="s">
        <v>7161</v>
      </c>
      <c r="H600" s="944" t="s">
        <v>6838</v>
      </c>
      <c r="I600" s="944" t="s">
        <v>26995</v>
      </c>
      <c r="J600" s="952" t="s">
        <v>27177</v>
      </c>
    </row>
    <row r="601" spans="2:10" s="395" customFormat="1" ht="14.25">
      <c r="B601" s="951" t="s">
        <v>8217</v>
      </c>
      <c r="C601" s="944" t="s">
        <v>27041</v>
      </c>
      <c r="D601" s="944" t="s">
        <v>8218</v>
      </c>
      <c r="E601" s="944" t="s">
        <v>8219</v>
      </c>
      <c r="F601" s="944" t="s">
        <v>0</v>
      </c>
      <c r="G601" s="944" t="s">
        <v>7161</v>
      </c>
      <c r="H601" s="944" t="s">
        <v>6838</v>
      </c>
      <c r="I601" s="944" t="s">
        <v>26995</v>
      </c>
      <c r="J601" s="952" t="s">
        <v>27177</v>
      </c>
    </row>
    <row r="602" spans="2:10" s="395" customFormat="1" ht="14.25">
      <c r="B602" s="951" t="s">
        <v>8220</v>
      </c>
      <c r="C602" s="944" t="s">
        <v>27041</v>
      </c>
      <c r="D602" s="944" t="s">
        <v>8221</v>
      </c>
      <c r="E602" s="944" t="s">
        <v>8222</v>
      </c>
      <c r="F602" s="944" t="s">
        <v>0</v>
      </c>
      <c r="G602" s="944" t="s">
        <v>7161</v>
      </c>
      <c r="H602" s="944" t="s">
        <v>6838</v>
      </c>
      <c r="I602" s="944" t="s">
        <v>26995</v>
      </c>
      <c r="J602" s="952" t="s">
        <v>27177</v>
      </c>
    </row>
    <row r="603" spans="2:10" s="395" customFormat="1" ht="14.25">
      <c r="B603" s="951" t="s">
        <v>8223</v>
      </c>
      <c r="C603" s="944" t="s">
        <v>27041</v>
      </c>
      <c r="D603" s="944" t="s">
        <v>8224</v>
      </c>
      <c r="E603" s="944" t="s">
        <v>8225</v>
      </c>
      <c r="F603" s="944" t="s">
        <v>0</v>
      </c>
      <c r="G603" s="944" t="s">
        <v>7161</v>
      </c>
      <c r="H603" s="944" t="s">
        <v>6838</v>
      </c>
      <c r="I603" s="944" t="s">
        <v>26995</v>
      </c>
      <c r="J603" s="952" t="s">
        <v>27179</v>
      </c>
    </row>
    <row r="604" spans="2:10" s="395" customFormat="1" ht="14.25">
      <c r="B604" s="951" t="s">
        <v>8226</v>
      </c>
      <c r="C604" s="944" t="s">
        <v>27041</v>
      </c>
      <c r="D604" s="944" t="s">
        <v>8227</v>
      </c>
      <c r="E604" s="944" t="s">
        <v>8228</v>
      </c>
      <c r="F604" s="944" t="s">
        <v>0</v>
      </c>
      <c r="G604" s="944" t="s">
        <v>7161</v>
      </c>
      <c r="H604" s="944" t="s">
        <v>6838</v>
      </c>
      <c r="I604" s="944" t="s">
        <v>26995</v>
      </c>
      <c r="J604" s="952" t="s">
        <v>27179</v>
      </c>
    </row>
    <row r="605" spans="2:10" s="395" customFormat="1" ht="14.25">
      <c r="B605" s="951" t="s">
        <v>8229</v>
      </c>
      <c r="C605" s="944" t="s">
        <v>27041</v>
      </c>
      <c r="D605" s="944" t="s">
        <v>8230</v>
      </c>
      <c r="E605" s="944" t="s">
        <v>8231</v>
      </c>
      <c r="F605" s="944" t="s">
        <v>0</v>
      </c>
      <c r="G605" s="944" t="s">
        <v>7161</v>
      </c>
      <c r="H605" s="944" t="s">
        <v>6838</v>
      </c>
      <c r="I605" s="944" t="s">
        <v>26995</v>
      </c>
      <c r="J605" s="952" t="s">
        <v>27176</v>
      </c>
    </row>
    <row r="606" spans="2:10" s="395" customFormat="1" ht="14.25">
      <c r="B606" s="951" t="s">
        <v>8232</v>
      </c>
      <c r="C606" s="944" t="s">
        <v>27041</v>
      </c>
      <c r="D606" s="944" t="s">
        <v>8233</v>
      </c>
      <c r="E606" s="944" t="s">
        <v>8234</v>
      </c>
      <c r="F606" s="944" t="s">
        <v>0</v>
      </c>
      <c r="G606" s="944" t="s">
        <v>7161</v>
      </c>
      <c r="H606" s="944" t="s">
        <v>6838</v>
      </c>
      <c r="I606" s="944" t="s">
        <v>26995</v>
      </c>
      <c r="J606" s="952" t="s">
        <v>27177</v>
      </c>
    </row>
    <row r="607" spans="2:10" s="395" customFormat="1" ht="14.25">
      <c r="B607" s="951" t="s">
        <v>8235</v>
      </c>
      <c r="C607" s="944" t="s">
        <v>27041</v>
      </c>
      <c r="D607" s="944" t="s">
        <v>8236</v>
      </c>
      <c r="E607" s="944" t="s">
        <v>8237</v>
      </c>
      <c r="F607" s="944" t="s">
        <v>0</v>
      </c>
      <c r="G607" s="944" t="s">
        <v>7161</v>
      </c>
      <c r="H607" s="944" t="s">
        <v>6838</v>
      </c>
      <c r="I607" s="944" t="s">
        <v>26995</v>
      </c>
      <c r="J607" s="952" t="s">
        <v>27177</v>
      </c>
    </row>
    <row r="608" spans="2:10" s="395" customFormat="1" ht="14.25">
      <c r="B608" s="951" t="s">
        <v>8238</v>
      </c>
      <c r="C608" s="944" t="s">
        <v>27041</v>
      </c>
      <c r="D608" s="944" t="s">
        <v>8239</v>
      </c>
      <c r="E608" s="944" t="s">
        <v>8240</v>
      </c>
      <c r="F608" s="944" t="s">
        <v>0</v>
      </c>
      <c r="G608" s="944" t="s">
        <v>7161</v>
      </c>
      <c r="H608" s="944" t="s">
        <v>6838</v>
      </c>
      <c r="I608" s="944" t="s">
        <v>26995</v>
      </c>
      <c r="J608" s="952" t="s">
        <v>27177</v>
      </c>
    </row>
    <row r="609" spans="2:10" s="395" customFormat="1" ht="14.25">
      <c r="B609" s="951" t="s">
        <v>8241</v>
      </c>
      <c r="C609" s="944" t="s">
        <v>27041</v>
      </c>
      <c r="D609" s="944" t="s">
        <v>8242</v>
      </c>
      <c r="E609" s="944" t="s">
        <v>8243</v>
      </c>
      <c r="F609" s="944" t="s">
        <v>0</v>
      </c>
      <c r="G609" s="944" t="s">
        <v>7161</v>
      </c>
      <c r="H609" s="944" t="s">
        <v>6838</v>
      </c>
      <c r="I609" s="944" t="s">
        <v>26995</v>
      </c>
      <c r="J609" s="952" t="s">
        <v>27177</v>
      </c>
    </row>
    <row r="610" spans="2:10" s="395" customFormat="1" ht="14.25">
      <c r="B610" s="951" t="s">
        <v>8244</v>
      </c>
      <c r="C610" s="944" t="s">
        <v>27041</v>
      </c>
      <c r="D610" s="944" t="s">
        <v>8245</v>
      </c>
      <c r="E610" s="944" t="s">
        <v>8246</v>
      </c>
      <c r="F610" s="944" t="s">
        <v>0</v>
      </c>
      <c r="G610" s="944" t="s">
        <v>7161</v>
      </c>
      <c r="H610" s="944" t="s">
        <v>6838</v>
      </c>
      <c r="I610" s="944" t="s">
        <v>26995</v>
      </c>
      <c r="J610" s="952" t="s">
        <v>27174</v>
      </c>
    </row>
    <row r="611" spans="2:10" s="395" customFormat="1" ht="14.25">
      <c r="B611" s="951" t="s">
        <v>8247</v>
      </c>
      <c r="C611" s="944" t="s">
        <v>27041</v>
      </c>
      <c r="D611" s="944" t="s">
        <v>8248</v>
      </c>
      <c r="E611" s="944" t="s">
        <v>8249</v>
      </c>
      <c r="F611" s="944" t="s">
        <v>0</v>
      </c>
      <c r="G611" s="944" t="s">
        <v>7161</v>
      </c>
      <c r="H611" s="944" t="s">
        <v>6838</v>
      </c>
      <c r="I611" s="944" t="s">
        <v>26995</v>
      </c>
      <c r="J611" s="952" t="s">
        <v>27174</v>
      </c>
    </row>
    <row r="612" spans="2:10" s="395" customFormat="1" ht="14.25">
      <c r="B612" s="951" t="s">
        <v>8250</v>
      </c>
      <c r="C612" s="944" t="s">
        <v>27041</v>
      </c>
      <c r="D612" s="944" t="s">
        <v>8251</v>
      </c>
      <c r="E612" s="944" t="s">
        <v>8252</v>
      </c>
      <c r="F612" s="944" t="s">
        <v>0</v>
      </c>
      <c r="G612" s="944" t="s">
        <v>7161</v>
      </c>
      <c r="H612" s="944" t="s">
        <v>6838</v>
      </c>
      <c r="I612" s="944" t="s">
        <v>26995</v>
      </c>
      <c r="J612" s="952" t="s">
        <v>27176</v>
      </c>
    </row>
    <row r="613" spans="2:10" s="395" customFormat="1" ht="14.25">
      <c r="B613" s="951" t="s">
        <v>8253</v>
      </c>
      <c r="C613" s="944" t="s">
        <v>27041</v>
      </c>
      <c r="D613" s="944" t="s">
        <v>8254</v>
      </c>
      <c r="E613" s="944" t="s">
        <v>8255</v>
      </c>
      <c r="F613" s="944" t="s">
        <v>0</v>
      </c>
      <c r="G613" s="944" t="s">
        <v>7161</v>
      </c>
      <c r="H613" s="944" t="s">
        <v>6838</v>
      </c>
      <c r="I613" s="944" t="s">
        <v>26995</v>
      </c>
      <c r="J613" s="952" t="s">
        <v>27176</v>
      </c>
    </row>
    <row r="614" spans="2:10" s="395" customFormat="1" ht="14.25">
      <c r="B614" s="951" t="s">
        <v>8256</v>
      </c>
      <c r="C614" s="944" t="s">
        <v>27041</v>
      </c>
      <c r="D614" s="944" t="s">
        <v>8257</v>
      </c>
      <c r="E614" s="944" t="s">
        <v>8258</v>
      </c>
      <c r="F614" s="944" t="s">
        <v>0</v>
      </c>
      <c r="G614" s="944" t="s">
        <v>7161</v>
      </c>
      <c r="H614" s="944" t="s">
        <v>6838</v>
      </c>
      <c r="I614" s="944" t="s">
        <v>26995</v>
      </c>
      <c r="J614" s="952" t="s">
        <v>27176</v>
      </c>
    </row>
    <row r="615" spans="2:10" s="395" customFormat="1" ht="14.25">
      <c r="B615" s="951" t="s">
        <v>8259</v>
      </c>
      <c r="C615" s="944" t="s">
        <v>27041</v>
      </c>
      <c r="D615" s="944" t="s">
        <v>8260</v>
      </c>
      <c r="E615" s="944" t="s">
        <v>8261</v>
      </c>
      <c r="F615" s="944" t="s">
        <v>0</v>
      </c>
      <c r="G615" s="944" t="s">
        <v>7161</v>
      </c>
      <c r="H615" s="944" t="s">
        <v>6838</v>
      </c>
      <c r="I615" s="944" t="s">
        <v>26995</v>
      </c>
      <c r="J615" s="952" t="s">
        <v>27176</v>
      </c>
    </row>
    <row r="616" spans="2:10" s="395" customFormat="1" ht="14.25">
      <c r="B616" s="951" t="s">
        <v>8262</v>
      </c>
      <c r="C616" s="944" t="s">
        <v>27041</v>
      </c>
      <c r="D616" s="944" t="s">
        <v>8263</v>
      </c>
      <c r="E616" s="944" t="s">
        <v>8264</v>
      </c>
      <c r="F616" s="944" t="s">
        <v>0</v>
      </c>
      <c r="G616" s="944" t="s">
        <v>7161</v>
      </c>
      <c r="H616" s="944" t="s">
        <v>6838</v>
      </c>
      <c r="I616" s="944" t="s">
        <v>26995</v>
      </c>
      <c r="J616" s="952" t="s">
        <v>27176</v>
      </c>
    </row>
    <row r="617" spans="2:10" s="395" customFormat="1" ht="14.25">
      <c r="B617" s="951" t="s">
        <v>8265</v>
      </c>
      <c r="C617" s="944" t="s">
        <v>27041</v>
      </c>
      <c r="D617" s="944" t="s">
        <v>8266</v>
      </c>
      <c r="E617" s="944" t="s">
        <v>8267</v>
      </c>
      <c r="F617" s="944" t="s">
        <v>0</v>
      </c>
      <c r="G617" s="944" t="s">
        <v>7161</v>
      </c>
      <c r="H617" s="944" t="s">
        <v>6838</v>
      </c>
      <c r="I617" s="944" t="s">
        <v>26995</v>
      </c>
      <c r="J617" s="952" t="s">
        <v>27176</v>
      </c>
    </row>
    <row r="618" spans="2:10" s="395" customFormat="1" ht="14.25">
      <c r="B618" s="951" t="s">
        <v>8268</v>
      </c>
      <c r="C618" s="944" t="s">
        <v>27041</v>
      </c>
      <c r="D618" s="944" t="s">
        <v>8269</v>
      </c>
      <c r="E618" s="944" t="s">
        <v>8270</v>
      </c>
      <c r="F618" s="944" t="s">
        <v>0</v>
      </c>
      <c r="G618" s="944" t="s">
        <v>7161</v>
      </c>
      <c r="H618" s="944" t="s">
        <v>6838</v>
      </c>
      <c r="I618" s="944" t="s">
        <v>26995</v>
      </c>
      <c r="J618" s="952" t="s">
        <v>27176</v>
      </c>
    </row>
    <row r="619" spans="2:10" s="395" customFormat="1" ht="14.25">
      <c r="B619" s="951" t="s">
        <v>8271</v>
      </c>
      <c r="C619" s="944" t="s">
        <v>27041</v>
      </c>
      <c r="D619" s="944" t="s">
        <v>8272</v>
      </c>
      <c r="E619" s="944" t="s">
        <v>8273</v>
      </c>
      <c r="F619" s="944" t="s">
        <v>0</v>
      </c>
      <c r="G619" s="944" t="s">
        <v>7161</v>
      </c>
      <c r="H619" s="944" t="s">
        <v>6838</v>
      </c>
      <c r="I619" s="944" t="s">
        <v>26995</v>
      </c>
      <c r="J619" s="952" t="s">
        <v>27176</v>
      </c>
    </row>
    <row r="620" spans="2:10" s="395" customFormat="1" ht="14.25">
      <c r="B620" s="951" t="s">
        <v>8274</v>
      </c>
      <c r="C620" s="944" t="s">
        <v>27041</v>
      </c>
      <c r="D620" s="944" t="s">
        <v>8275</v>
      </c>
      <c r="E620" s="944" t="s">
        <v>8276</v>
      </c>
      <c r="F620" s="944" t="s">
        <v>0</v>
      </c>
      <c r="G620" s="944" t="s">
        <v>7161</v>
      </c>
      <c r="H620" s="944" t="s">
        <v>6838</v>
      </c>
      <c r="I620" s="944" t="s">
        <v>26995</v>
      </c>
      <c r="J620" s="952" t="s">
        <v>27177</v>
      </c>
    </row>
    <row r="621" spans="2:10" s="395" customFormat="1" ht="14.25">
      <c r="B621" s="951" t="s">
        <v>8277</v>
      </c>
      <c r="C621" s="944" t="s">
        <v>27041</v>
      </c>
      <c r="D621" s="944" t="s">
        <v>8278</v>
      </c>
      <c r="E621" s="944" t="s">
        <v>8279</v>
      </c>
      <c r="F621" s="944" t="s">
        <v>0</v>
      </c>
      <c r="G621" s="944" t="s">
        <v>7161</v>
      </c>
      <c r="H621" s="944" t="s">
        <v>6838</v>
      </c>
      <c r="I621" s="944" t="s">
        <v>26995</v>
      </c>
      <c r="J621" s="952" t="s">
        <v>27177</v>
      </c>
    </row>
    <row r="622" spans="2:10" s="395" customFormat="1" ht="14.25">
      <c r="B622" s="951" t="s">
        <v>8280</v>
      </c>
      <c r="C622" s="944" t="s">
        <v>27041</v>
      </c>
      <c r="D622" s="944" t="s">
        <v>8281</v>
      </c>
      <c r="E622" s="944" t="s">
        <v>8282</v>
      </c>
      <c r="F622" s="944" t="s">
        <v>0</v>
      </c>
      <c r="G622" s="944" t="s">
        <v>7161</v>
      </c>
      <c r="H622" s="944" t="s">
        <v>6838</v>
      </c>
      <c r="I622" s="944" t="s">
        <v>26995</v>
      </c>
      <c r="J622" s="952" t="s">
        <v>27177</v>
      </c>
    </row>
    <row r="623" spans="2:10" s="395" customFormat="1" ht="14.25">
      <c r="B623" s="951" t="s">
        <v>8283</v>
      </c>
      <c r="C623" s="944" t="s">
        <v>27041</v>
      </c>
      <c r="D623" s="944" t="s">
        <v>8284</v>
      </c>
      <c r="E623" s="944" t="s">
        <v>8285</v>
      </c>
      <c r="F623" s="944" t="s">
        <v>0</v>
      </c>
      <c r="G623" s="944" t="s">
        <v>7161</v>
      </c>
      <c r="H623" s="944" t="s">
        <v>6838</v>
      </c>
      <c r="I623" s="944" t="s">
        <v>26995</v>
      </c>
      <c r="J623" s="952" t="s">
        <v>27177</v>
      </c>
    </row>
    <row r="624" spans="2:10" s="395" customFormat="1" ht="14.25">
      <c r="B624" s="951" t="s">
        <v>8286</v>
      </c>
      <c r="C624" s="944" t="s">
        <v>27041</v>
      </c>
      <c r="D624" s="944" t="s">
        <v>8287</v>
      </c>
      <c r="E624" s="944" t="s">
        <v>8288</v>
      </c>
      <c r="F624" s="944" t="s">
        <v>0</v>
      </c>
      <c r="G624" s="944" t="s">
        <v>7161</v>
      </c>
      <c r="H624" s="944" t="s">
        <v>6838</v>
      </c>
      <c r="I624" s="944" t="s">
        <v>26995</v>
      </c>
      <c r="J624" s="952" t="s">
        <v>27177</v>
      </c>
    </row>
    <row r="625" spans="2:10" s="395" customFormat="1" ht="14.25">
      <c r="B625" s="951" t="s">
        <v>8289</v>
      </c>
      <c r="C625" s="944" t="s">
        <v>27041</v>
      </c>
      <c r="D625" s="944" t="s">
        <v>8290</v>
      </c>
      <c r="E625" s="944" t="s">
        <v>8291</v>
      </c>
      <c r="F625" s="944" t="s">
        <v>0</v>
      </c>
      <c r="G625" s="944" t="s">
        <v>7161</v>
      </c>
      <c r="H625" s="944" t="s">
        <v>6838</v>
      </c>
      <c r="I625" s="944" t="s">
        <v>26995</v>
      </c>
      <c r="J625" s="952" t="s">
        <v>27174</v>
      </c>
    </row>
    <row r="626" spans="2:10" s="395" customFormat="1" ht="14.25">
      <c r="B626" s="951" t="s">
        <v>8292</v>
      </c>
      <c r="C626" s="944" t="s">
        <v>27041</v>
      </c>
      <c r="D626" s="944" t="s">
        <v>8293</v>
      </c>
      <c r="E626" s="944" t="s">
        <v>8294</v>
      </c>
      <c r="F626" s="944" t="s">
        <v>0</v>
      </c>
      <c r="G626" s="944" t="s">
        <v>7161</v>
      </c>
      <c r="H626" s="944" t="s">
        <v>6838</v>
      </c>
      <c r="I626" s="944" t="s">
        <v>26995</v>
      </c>
      <c r="J626" s="952" t="s">
        <v>27177</v>
      </c>
    </row>
    <row r="627" spans="2:10" s="395" customFormat="1" ht="14.25">
      <c r="B627" s="951" t="s">
        <v>8295</v>
      </c>
      <c r="C627" s="944" t="s">
        <v>27041</v>
      </c>
      <c r="D627" s="944" t="s">
        <v>8296</v>
      </c>
      <c r="E627" s="944" t="s">
        <v>8297</v>
      </c>
      <c r="F627" s="944" t="s">
        <v>0</v>
      </c>
      <c r="G627" s="944" t="s">
        <v>7161</v>
      </c>
      <c r="H627" s="944" t="s">
        <v>6838</v>
      </c>
      <c r="I627" s="944" t="s">
        <v>26995</v>
      </c>
      <c r="J627" s="952" t="s">
        <v>27174</v>
      </c>
    </row>
    <row r="628" spans="2:10" s="395" customFormat="1" ht="14.25">
      <c r="B628" s="951" t="s">
        <v>8298</v>
      </c>
      <c r="C628" s="944" t="s">
        <v>27041</v>
      </c>
      <c r="D628" s="944" t="s">
        <v>8299</v>
      </c>
      <c r="E628" s="944" t="s">
        <v>8300</v>
      </c>
      <c r="F628" s="944" t="s">
        <v>0</v>
      </c>
      <c r="G628" s="944" t="s">
        <v>7161</v>
      </c>
      <c r="H628" s="944" t="s">
        <v>6838</v>
      </c>
      <c r="I628" s="944" t="s">
        <v>26995</v>
      </c>
      <c r="J628" s="952" t="s">
        <v>27174</v>
      </c>
    </row>
    <row r="629" spans="2:10" s="395" customFormat="1" ht="14.25">
      <c r="B629" s="951" t="s">
        <v>8301</v>
      </c>
      <c r="C629" s="944" t="s">
        <v>27041</v>
      </c>
      <c r="D629" s="944" t="s">
        <v>8302</v>
      </c>
      <c r="E629" s="944" t="s">
        <v>8303</v>
      </c>
      <c r="F629" s="944" t="s">
        <v>0</v>
      </c>
      <c r="G629" s="944" t="s">
        <v>7161</v>
      </c>
      <c r="H629" s="944" t="s">
        <v>6838</v>
      </c>
      <c r="I629" s="944" t="s">
        <v>26995</v>
      </c>
      <c r="J629" s="952" t="s">
        <v>27174</v>
      </c>
    </row>
    <row r="630" spans="2:10" s="395" customFormat="1" ht="14.25">
      <c r="B630" s="951" t="s">
        <v>8304</v>
      </c>
      <c r="C630" s="944" t="s">
        <v>27041</v>
      </c>
      <c r="D630" s="944" t="s">
        <v>8305</v>
      </c>
      <c r="E630" s="944" t="s">
        <v>8306</v>
      </c>
      <c r="F630" s="944" t="s">
        <v>0</v>
      </c>
      <c r="G630" s="944" t="s">
        <v>7161</v>
      </c>
      <c r="H630" s="944" t="s">
        <v>6838</v>
      </c>
      <c r="I630" s="944" t="s">
        <v>26995</v>
      </c>
      <c r="J630" s="952" t="s">
        <v>27174</v>
      </c>
    </row>
    <row r="631" spans="2:10" s="395" customFormat="1" ht="14.25">
      <c r="B631" s="951" t="s">
        <v>8307</v>
      </c>
      <c r="C631" s="944" t="s">
        <v>27041</v>
      </c>
      <c r="D631" s="944" t="s">
        <v>8308</v>
      </c>
      <c r="E631" s="944" t="s">
        <v>8309</v>
      </c>
      <c r="F631" s="944" t="s">
        <v>0</v>
      </c>
      <c r="G631" s="944" t="s">
        <v>7161</v>
      </c>
      <c r="H631" s="944" t="s">
        <v>6838</v>
      </c>
      <c r="I631" s="944" t="s">
        <v>26995</v>
      </c>
      <c r="J631" s="952" t="s">
        <v>27174</v>
      </c>
    </row>
    <row r="632" spans="2:10" s="395" customFormat="1" ht="14.25">
      <c r="B632" s="951" t="s">
        <v>8310</v>
      </c>
      <c r="C632" s="944" t="s">
        <v>27041</v>
      </c>
      <c r="D632" s="944" t="s">
        <v>8311</v>
      </c>
      <c r="E632" s="944" t="s">
        <v>8312</v>
      </c>
      <c r="F632" s="944" t="s">
        <v>0</v>
      </c>
      <c r="G632" s="944" t="s">
        <v>7161</v>
      </c>
      <c r="H632" s="944" t="s">
        <v>6838</v>
      </c>
      <c r="I632" s="944" t="s">
        <v>26995</v>
      </c>
      <c r="J632" s="952" t="s">
        <v>27174</v>
      </c>
    </row>
    <row r="633" spans="2:10" s="395" customFormat="1" ht="14.25">
      <c r="B633" s="951" t="s">
        <v>8313</v>
      </c>
      <c r="C633" s="944" t="s">
        <v>27041</v>
      </c>
      <c r="D633" s="944" t="s">
        <v>8314</v>
      </c>
      <c r="E633" s="944" t="s">
        <v>8315</v>
      </c>
      <c r="F633" s="944" t="s">
        <v>0</v>
      </c>
      <c r="G633" s="944" t="s">
        <v>7161</v>
      </c>
      <c r="H633" s="944" t="s">
        <v>6838</v>
      </c>
      <c r="I633" s="944" t="s">
        <v>26995</v>
      </c>
      <c r="J633" s="952" t="s">
        <v>27174</v>
      </c>
    </row>
    <row r="634" spans="2:10" s="395" customFormat="1" ht="14.25">
      <c r="B634" s="951" t="s">
        <v>8316</v>
      </c>
      <c r="C634" s="944" t="s">
        <v>27041</v>
      </c>
      <c r="D634" s="944" t="s">
        <v>8317</v>
      </c>
      <c r="E634" s="944" t="s">
        <v>8318</v>
      </c>
      <c r="F634" s="944" t="s">
        <v>0</v>
      </c>
      <c r="G634" s="944" t="s">
        <v>7161</v>
      </c>
      <c r="H634" s="944" t="s">
        <v>6838</v>
      </c>
      <c r="I634" s="944" t="s">
        <v>26995</v>
      </c>
      <c r="J634" s="952" t="s">
        <v>27174</v>
      </c>
    </row>
    <row r="635" spans="2:10" s="395" customFormat="1" ht="14.25">
      <c r="B635" s="951" t="s">
        <v>8319</v>
      </c>
      <c r="C635" s="944" t="s">
        <v>27041</v>
      </c>
      <c r="D635" s="944" t="s">
        <v>8320</v>
      </c>
      <c r="E635" s="944" t="s">
        <v>8321</v>
      </c>
      <c r="F635" s="944" t="s">
        <v>0</v>
      </c>
      <c r="G635" s="944" t="s">
        <v>7161</v>
      </c>
      <c r="H635" s="944" t="s">
        <v>6838</v>
      </c>
      <c r="I635" s="944" t="s">
        <v>26995</v>
      </c>
      <c r="J635" s="952" t="s">
        <v>27174</v>
      </c>
    </row>
    <row r="636" spans="2:10" s="395" customFormat="1" ht="14.25">
      <c r="B636" s="951" t="s">
        <v>8322</v>
      </c>
      <c r="C636" s="944" t="s">
        <v>27041</v>
      </c>
      <c r="D636" s="944" t="s">
        <v>8323</v>
      </c>
      <c r="E636" s="944" t="s">
        <v>8324</v>
      </c>
      <c r="F636" s="944" t="s">
        <v>0</v>
      </c>
      <c r="G636" s="944" t="s">
        <v>7161</v>
      </c>
      <c r="H636" s="944" t="s">
        <v>6838</v>
      </c>
      <c r="I636" s="944" t="s">
        <v>26995</v>
      </c>
      <c r="J636" s="952" t="s">
        <v>27174</v>
      </c>
    </row>
    <row r="637" spans="2:10" s="395" customFormat="1" ht="14.25">
      <c r="B637" s="951" t="s">
        <v>8325</v>
      </c>
      <c r="C637" s="944" t="s">
        <v>101</v>
      </c>
      <c r="D637" s="944" t="s">
        <v>8326</v>
      </c>
      <c r="E637" s="944" t="s">
        <v>6085</v>
      </c>
      <c r="F637" s="944" t="s">
        <v>8327</v>
      </c>
      <c r="G637" s="944" t="s">
        <v>7161</v>
      </c>
      <c r="H637" s="944" t="s">
        <v>7154</v>
      </c>
      <c r="I637" s="944" t="s">
        <v>7154</v>
      </c>
      <c r="J637" s="952" t="s">
        <v>8328</v>
      </c>
    </row>
    <row r="638" spans="2:10" s="395" customFormat="1" ht="14.25">
      <c r="B638" s="951" t="s">
        <v>8329</v>
      </c>
      <c r="C638" s="944" t="s">
        <v>101</v>
      </c>
      <c r="D638" s="944" t="s">
        <v>8330</v>
      </c>
      <c r="E638" s="944" t="s">
        <v>6083</v>
      </c>
      <c r="F638" s="944" t="s">
        <v>8331</v>
      </c>
      <c r="G638" s="944" t="s">
        <v>7161</v>
      </c>
      <c r="H638" s="944" t="s">
        <v>7154</v>
      </c>
      <c r="I638" s="944" t="s">
        <v>7154</v>
      </c>
      <c r="J638" s="952" t="s">
        <v>8328</v>
      </c>
    </row>
    <row r="639" spans="2:10" s="395" customFormat="1" ht="14.25">
      <c r="B639" s="951" t="s">
        <v>8332</v>
      </c>
      <c r="C639" s="944" t="s">
        <v>101</v>
      </c>
      <c r="D639" s="944" t="s">
        <v>8333</v>
      </c>
      <c r="E639" s="944" t="s">
        <v>6087</v>
      </c>
      <c r="F639" s="944" t="s">
        <v>8334</v>
      </c>
      <c r="G639" s="944" t="s">
        <v>7161</v>
      </c>
      <c r="H639" s="944" t="s">
        <v>7154</v>
      </c>
      <c r="I639" s="944" t="s">
        <v>7154</v>
      </c>
      <c r="J639" s="952" t="s">
        <v>8328</v>
      </c>
    </row>
    <row r="640" spans="2:10" s="395" customFormat="1" ht="14.25">
      <c r="B640" s="951" t="s">
        <v>8335</v>
      </c>
      <c r="C640" s="944" t="s">
        <v>78</v>
      </c>
      <c r="D640" s="944" t="s">
        <v>8336</v>
      </c>
      <c r="E640" s="944" t="s">
        <v>8337</v>
      </c>
      <c r="F640" s="944" t="s">
        <v>8338</v>
      </c>
      <c r="G640" s="944" t="s">
        <v>7161</v>
      </c>
      <c r="H640" s="944" t="s">
        <v>6911</v>
      </c>
      <c r="I640" s="944" t="s">
        <v>6911</v>
      </c>
      <c r="J640" s="952" t="s">
        <v>34129</v>
      </c>
    </row>
    <row r="641" spans="2:10" s="395" customFormat="1" ht="14.25">
      <c r="B641" s="951" t="s">
        <v>8339</v>
      </c>
      <c r="C641" s="944" t="s">
        <v>78</v>
      </c>
      <c r="D641" s="944" t="s">
        <v>8340</v>
      </c>
      <c r="E641" s="944" t="s">
        <v>8341</v>
      </c>
      <c r="F641" s="944" t="s">
        <v>0</v>
      </c>
      <c r="G641" s="944" t="s">
        <v>7161</v>
      </c>
      <c r="H641" s="944" t="s">
        <v>6911</v>
      </c>
      <c r="I641" s="944" t="s">
        <v>6911</v>
      </c>
      <c r="J641" s="952" t="s">
        <v>34129</v>
      </c>
    </row>
    <row r="642" spans="2:10" s="395" customFormat="1" ht="14.25">
      <c r="B642" s="951" t="s">
        <v>8342</v>
      </c>
      <c r="C642" s="944" t="s">
        <v>78</v>
      </c>
      <c r="D642" s="944" t="s">
        <v>8343</v>
      </c>
      <c r="E642" s="944" t="s">
        <v>8344</v>
      </c>
      <c r="F642" s="944" t="s">
        <v>0</v>
      </c>
      <c r="G642" s="944" t="s">
        <v>7161</v>
      </c>
      <c r="H642" s="944" t="s">
        <v>6911</v>
      </c>
      <c r="I642" s="944" t="s">
        <v>6911</v>
      </c>
      <c r="J642" s="952" t="s">
        <v>34129</v>
      </c>
    </row>
    <row r="643" spans="2:10" s="395" customFormat="1" ht="14.25">
      <c r="B643" s="951" t="s">
        <v>8345</v>
      </c>
      <c r="C643" s="944" t="s">
        <v>7011</v>
      </c>
      <c r="D643" s="944" t="s">
        <v>6794</v>
      </c>
      <c r="E643" s="944" t="s">
        <v>6795</v>
      </c>
      <c r="F643" s="944" t="s">
        <v>8346</v>
      </c>
      <c r="G643" s="944" t="s">
        <v>7161</v>
      </c>
      <c r="H643" s="944" t="s">
        <v>6911</v>
      </c>
      <c r="I643" s="944" t="s">
        <v>6911</v>
      </c>
      <c r="J643" s="952" t="s">
        <v>8347</v>
      </c>
    </row>
    <row r="644" spans="2:10" s="395" customFormat="1" ht="14.25">
      <c r="B644" s="951" t="s">
        <v>13700</v>
      </c>
      <c r="C644" s="944" t="s">
        <v>13696</v>
      </c>
      <c r="D644" s="944" t="s">
        <v>5342</v>
      </c>
      <c r="E644" s="944" t="s">
        <v>5343</v>
      </c>
      <c r="F644" s="944" t="s">
        <v>0</v>
      </c>
      <c r="G644" s="944" t="s">
        <v>7161</v>
      </c>
      <c r="H644" s="944" t="s">
        <v>13695</v>
      </c>
      <c r="I644" s="944" t="s">
        <v>13695</v>
      </c>
      <c r="J644" s="952" t="s">
        <v>0</v>
      </c>
    </row>
    <row r="645" spans="2:10" s="395" customFormat="1" ht="14.25">
      <c r="B645" s="951" t="s">
        <v>13701</v>
      </c>
      <c r="C645" s="944" t="s">
        <v>13696</v>
      </c>
      <c r="D645" s="944" t="s">
        <v>13702</v>
      </c>
      <c r="E645" s="944" t="s">
        <v>5423</v>
      </c>
      <c r="F645" s="944" t="s">
        <v>0</v>
      </c>
      <c r="G645" s="944" t="s">
        <v>7161</v>
      </c>
      <c r="H645" s="944" t="s">
        <v>13695</v>
      </c>
      <c r="I645" s="944" t="s">
        <v>13695</v>
      </c>
      <c r="J645" s="952" t="s">
        <v>0</v>
      </c>
    </row>
    <row r="646" spans="2:10" s="395" customFormat="1" ht="14.25">
      <c r="B646" s="951" t="s">
        <v>13703</v>
      </c>
      <c r="C646" s="944" t="s">
        <v>13696</v>
      </c>
      <c r="D646" s="944" t="s">
        <v>13704</v>
      </c>
      <c r="E646" s="944" t="s">
        <v>5512</v>
      </c>
      <c r="F646" s="944" t="s">
        <v>0</v>
      </c>
      <c r="G646" s="944" t="s">
        <v>7161</v>
      </c>
      <c r="H646" s="944" t="s">
        <v>13695</v>
      </c>
      <c r="I646" s="944" t="s">
        <v>13695</v>
      </c>
      <c r="J646" s="952" t="s">
        <v>0</v>
      </c>
    </row>
    <row r="647" spans="2:10" s="395" customFormat="1" ht="14.25">
      <c r="B647" s="951" t="s">
        <v>13705</v>
      </c>
      <c r="C647" s="944" t="s">
        <v>13696</v>
      </c>
      <c r="D647" s="944" t="s">
        <v>13706</v>
      </c>
      <c r="E647" s="944" t="s">
        <v>5514</v>
      </c>
      <c r="F647" s="944" t="s">
        <v>0</v>
      </c>
      <c r="G647" s="944" t="s">
        <v>7161</v>
      </c>
      <c r="H647" s="944" t="s">
        <v>13695</v>
      </c>
      <c r="I647" s="944" t="s">
        <v>13695</v>
      </c>
      <c r="J647" s="952" t="s">
        <v>0</v>
      </c>
    </row>
    <row r="648" spans="2:10" s="395" customFormat="1" ht="14.25">
      <c r="B648" s="951" t="s">
        <v>13707</v>
      </c>
      <c r="C648" s="944" t="s">
        <v>13696</v>
      </c>
      <c r="D648" s="944" t="s">
        <v>13708</v>
      </c>
      <c r="E648" s="944" t="s">
        <v>5447</v>
      </c>
      <c r="F648" s="944" t="s">
        <v>0</v>
      </c>
      <c r="G648" s="944" t="s">
        <v>7161</v>
      </c>
      <c r="H648" s="944" t="s">
        <v>13695</v>
      </c>
      <c r="I648" s="944" t="s">
        <v>13695</v>
      </c>
      <c r="J648" s="952" t="s">
        <v>0</v>
      </c>
    </row>
    <row r="649" spans="2:10" s="395" customFormat="1" ht="14.25">
      <c r="B649" s="951" t="s">
        <v>13709</v>
      </c>
      <c r="C649" s="944" t="s">
        <v>13696</v>
      </c>
      <c r="D649" s="944" t="s">
        <v>13710</v>
      </c>
      <c r="E649" s="944" t="s">
        <v>5528</v>
      </c>
      <c r="F649" s="944" t="s">
        <v>0</v>
      </c>
      <c r="G649" s="944" t="s">
        <v>7161</v>
      </c>
      <c r="H649" s="944" t="s">
        <v>13695</v>
      </c>
      <c r="I649" s="944" t="s">
        <v>13695</v>
      </c>
      <c r="J649" s="952" t="s">
        <v>0</v>
      </c>
    </row>
    <row r="650" spans="2:10" s="395" customFormat="1" ht="14.25">
      <c r="B650" s="951" t="s">
        <v>13711</v>
      </c>
      <c r="C650" s="944" t="s">
        <v>13696</v>
      </c>
      <c r="D650" s="944" t="s">
        <v>13712</v>
      </c>
      <c r="E650" s="944" t="s">
        <v>5730</v>
      </c>
      <c r="F650" s="944" t="s">
        <v>0</v>
      </c>
      <c r="G650" s="944" t="s">
        <v>7161</v>
      </c>
      <c r="H650" s="944" t="s">
        <v>13695</v>
      </c>
      <c r="I650" s="944" t="s">
        <v>13695</v>
      </c>
      <c r="J650" s="952" t="s">
        <v>0</v>
      </c>
    </row>
    <row r="651" spans="2:10" s="395" customFormat="1" ht="14.25">
      <c r="B651" s="951" t="s">
        <v>13713</v>
      </c>
      <c r="C651" s="944" t="s">
        <v>13696</v>
      </c>
      <c r="D651" s="944" t="s">
        <v>5747</v>
      </c>
      <c r="E651" s="944" t="s">
        <v>5748</v>
      </c>
      <c r="F651" s="944" t="s">
        <v>13714</v>
      </c>
      <c r="G651" s="944" t="s">
        <v>7161</v>
      </c>
      <c r="H651" s="944" t="s">
        <v>13695</v>
      </c>
      <c r="I651" s="944" t="s">
        <v>13695</v>
      </c>
      <c r="J651" s="952" t="s">
        <v>0</v>
      </c>
    </row>
    <row r="652" spans="2:10" s="395" customFormat="1" ht="14.25">
      <c r="B652" s="951" t="s">
        <v>13715</v>
      </c>
      <c r="C652" s="944" t="s">
        <v>13696</v>
      </c>
      <c r="D652" s="944" t="s">
        <v>5756</v>
      </c>
      <c r="E652" s="944" t="s">
        <v>5757</v>
      </c>
      <c r="F652" s="944" t="s">
        <v>13716</v>
      </c>
      <c r="G652" s="944" t="s">
        <v>7161</v>
      </c>
      <c r="H652" s="944" t="s">
        <v>13695</v>
      </c>
      <c r="I652" s="944" t="s">
        <v>13695</v>
      </c>
      <c r="J652" s="952" t="s">
        <v>0</v>
      </c>
    </row>
    <row r="653" spans="2:10" s="395" customFormat="1" ht="14.25">
      <c r="B653" s="951" t="s">
        <v>13717</v>
      </c>
      <c r="C653" s="944" t="s">
        <v>13696</v>
      </c>
      <c r="D653" s="944" t="s">
        <v>13718</v>
      </c>
      <c r="E653" s="944" t="s">
        <v>3280</v>
      </c>
      <c r="F653" s="944" t="s">
        <v>3279</v>
      </c>
      <c r="G653" s="944" t="s">
        <v>7161</v>
      </c>
      <c r="H653" s="944" t="s">
        <v>13695</v>
      </c>
      <c r="I653" s="944" t="s">
        <v>13695</v>
      </c>
      <c r="J653" s="952" t="s">
        <v>34130</v>
      </c>
    </row>
    <row r="654" spans="2:10" s="395" customFormat="1" ht="14.25">
      <c r="B654" s="951" t="s">
        <v>13719</v>
      </c>
      <c r="C654" s="944" t="s">
        <v>13390</v>
      </c>
      <c r="D654" s="944" t="s">
        <v>13720</v>
      </c>
      <c r="E654" s="944" t="s">
        <v>13721</v>
      </c>
      <c r="F654" s="944" t="s">
        <v>0</v>
      </c>
      <c r="G654" s="944" t="s">
        <v>7161</v>
      </c>
      <c r="H654" s="944" t="s">
        <v>13695</v>
      </c>
      <c r="I654" s="944" t="s">
        <v>13695</v>
      </c>
      <c r="J654" s="952" t="s">
        <v>13722</v>
      </c>
    </row>
    <row r="655" spans="2:10" s="395" customFormat="1" ht="14.25">
      <c r="B655" s="951" t="s">
        <v>13723</v>
      </c>
      <c r="C655" s="944" t="s">
        <v>13390</v>
      </c>
      <c r="D655" s="944" t="s">
        <v>13724</v>
      </c>
      <c r="E655" s="944" t="s">
        <v>13725</v>
      </c>
      <c r="F655" s="944" t="s">
        <v>0</v>
      </c>
      <c r="G655" s="944" t="s">
        <v>7161</v>
      </c>
      <c r="H655" s="944" t="s">
        <v>13695</v>
      </c>
      <c r="I655" s="944" t="s">
        <v>13695</v>
      </c>
      <c r="J655" s="952" t="s">
        <v>13722</v>
      </c>
    </row>
    <row r="656" spans="2:10" s="395" customFormat="1" ht="14.25">
      <c r="B656" s="951" t="s">
        <v>13726</v>
      </c>
      <c r="C656" s="944" t="s">
        <v>13390</v>
      </c>
      <c r="D656" s="944" t="s">
        <v>13727</v>
      </c>
      <c r="E656" s="944" t="s">
        <v>13728</v>
      </c>
      <c r="F656" s="944" t="s">
        <v>0</v>
      </c>
      <c r="G656" s="944" t="s">
        <v>7161</v>
      </c>
      <c r="H656" s="944" t="s">
        <v>13695</v>
      </c>
      <c r="I656" s="944" t="s">
        <v>13695</v>
      </c>
      <c r="J656" s="952" t="s">
        <v>13722</v>
      </c>
    </row>
    <row r="657" spans="2:10" s="395" customFormat="1" ht="14.25">
      <c r="B657" s="951" t="s">
        <v>13803</v>
      </c>
      <c r="C657" s="944" t="s">
        <v>14118</v>
      </c>
      <c r="D657" s="944" t="s">
        <v>13804</v>
      </c>
      <c r="E657" s="944" t="s">
        <v>3507</v>
      </c>
      <c r="F657" s="944" t="s">
        <v>13799</v>
      </c>
      <c r="G657" s="944" t="s">
        <v>7161</v>
      </c>
      <c r="H657" s="944" t="s">
        <v>13790</v>
      </c>
      <c r="I657" s="944" t="s">
        <v>14119</v>
      </c>
      <c r="J657" s="952" t="s">
        <v>34131</v>
      </c>
    </row>
    <row r="658" spans="2:10" s="395" customFormat="1" ht="14.25">
      <c r="B658" s="951" t="s">
        <v>13805</v>
      </c>
      <c r="C658" s="944" t="s">
        <v>14118</v>
      </c>
      <c r="D658" s="944" t="s">
        <v>13806</v>
      </c>
      <c r="E658" s="944" t="s">
        <v>13807</v>
      </c>
      <c r="F658" s="944" t="s">
        <v>13808</v>
      </c>
      <c r="G658" s="944" t="s">
        <v>7161</v>
      </c>
      <c r="H658" s="944" t="s">
        <v>13790</v>
      </c>
      <c r="I658" s="944" t="s">
        <v>14119</v>
      </c>
      <c r="J658" s="952" t="s">
        <v>34131</v>
      </c>
    </row>
    <row r="659" spans="2:10" s="395" customFormat="1" ht="14.25">
      <c r="B659" s="951" t="s">
        <v>13809</v>
      </c>
      <c r="C659" s="944" t="s">
        <v>14118</v>
      </c>
      <c r="D659" s="944" t="s">
        <v>13810</v>
      </c>
      <c r="E659" s="944" t="s">
        <v>13811</v>
      </c>
      <c r="F659" s="944" t="s">
        <v>13812</v>
      </c>
      <c r="G659" s="944" t="s">
        <v>7161</v>
      </c>
      <c r="H659" s="944" t="s">
        <v>13790</v>
      </c>
      <c r="I659" s="944" t="s">
        <v>14119</v>
      </c>
      <c r="J659" s="952" t="s">
        <v>34131</v>
      </c>
    </row>
    <row r="660" spans="2:10" s="395" customFormat="1" ht="14.25">
      <c r="B660" s="951" t="s">
        <v>27180</v>
      </c>
      <c r="C660" s="944" t="s">
        <v>7011</v>
      </c>
      <c r="D660" s="944" t="s">
        <v>13804</v>
      </c>
      <c r="E660" s="944" t="s">
        <v>3507</v>
      </c>
      <c r="F660" s="944" t="s">
        <v>13799</v>
      </c>
      <c r="G660" s="944" t="s">
        <v>7161</v>
      </c>
      <c r="H660" s="944" t="s">
        <v>26995</v>
      </c>
      <c r="I660" s="944" t="s">
        <v>26995</v>
      </c>
      <c r="J660" s="952" t="s">
        <v>27181</v>
      </c>
    </row>
    <row r="661" spans="2:10" s="395" customFormat="1" ht="14.25">
      <c r="B661" s="951" t="s">
        <v>27182</v>
      </c>
      <c r="C661" s="944" t="s">
        <v>7011</v>
      </c>
      <c r="D661" s="944" t="s">
        <v>13806</v>
      </c>
      <c r="E661" s="944" t="s">
        <v>13807</v>
      </c>
      <c r="F661" s="944" t="s">
        <v>13808</v>
      </c>
      <c r="G661" s="944" t="s">
        <v>7161</v>
      </c>
      <c r="H661" s="944" t="s">
        <v>26995</v>
      </c>
      <c r="I661" s="944" t="s">
        <v>26995</v>
      </c>
      <c r="J661" s="952" t="s">
        <v>27183</v>
      </c>
    </row>
    <row r="662" spans="2:10" s="395" customFormat="1" ht="14.25">
      <c r="B662" s="951" t="s">
        <v>27184</v>
      </c>
      <c r="C662" s="944" t="s">
        <v>7011</v>
      </c>
      <c r="D662" s="944" t="s">
        <v>13810</v>
      </c>
      <c r="E662" s="944" t="s">
        <v>13811</v>
      </c>
      <c r="F662" s="944" t="s">
        <v>13812</v>
      </c>
      <c r="G662" s="944" t="s">
        <v>7161</v>
      </c>
      <c r="H662" s="944" t="s">
        <v>26995</v>
      </c>
      <c r="I662" s="944" t="s">
        <v>26995</v>
      </c>
      <c r="J662" s="952" t="s">
        <v>27185</v>
      </c>
    </row>
    <row r="663" spans="2:10" s="395" customFormat="1" ht="14.25">
      <c r="B663" s="951" t="s">
        <v>27186</v>
      </c>
      <c r="C663" s="944" t="s">
        <v>27154</v>
      </c>
      <c r="D663" s="944" t="s">
        <v>8039</v>
      </c>
      <c r="E663" s="944" t="s">
        <v>171</v>
      </c>
      <c r="F663" s="944" t="s">
        <v>8040</v>
      </c>
      <c r="G663" s="944" t="s">
        <v>7161</v>
      </c>
      <c r="H663" s="944" t="s">
        <v>26995</v>
      </c>
      <c r="I663" s="944" t="s">
        <v>26995</v>
      </c>
      <c r="J663" s="952" t="s">
        <v>27187</v>
      </c>
    </row>
    <row r="664" spans="2:10" s="395" customFormat="1" ht="14.25">
      <c r="B664" s="951" t="s">
        <v>27188</v>
      </c>
      <c r="C664" s="944" t="s">
        <v>27154</v>
      </c>
      <c r="D664" s="944" t="s">
        <v>8042</v>
      </c>
      <c r="E664" s="944" t="s">
        <v>159</v>
      </c>
      <c r="F664" s="944" t="s">
        <v>8043</v>
      </c>
      <c r="G664" s="944" t="s">
        <v>7161</v>
      </c>
      <c r="H664" s="944" t="s">
        <v>26995</v>
      </c>
      <c r="I664" s="944" t="s">
        <v>26995</v>
      </c>
      <c r="J664" s="952" t="s">
        <v>27187</v>
      </c>
    </row>
    <row r="665" spans="2:10" s="395" customFormat="1" ht="14.25">
      <c r="B665" s="951" t="s">
        <v>27189</v>
      </c>
      <c r="C665" s="944" t="s">
        <v>27154</v>
      </c>
      <c r="D665" s="944" t="s">
        <v>8045</v>
      </c>
      <c r="E665" s="944" t="s">
        <v>6102</v>
      </c>
      <c r="F665" s="944" t="s">
        <v>8046</v>
      </c>
      <c r="G665" s="944" t="s">
        <v>7161</v>
      </c>
      <c r="H665" s="944" t="s">
        <v>26995</v>
      </c>
      <c r="I665" s="944" t="s">
        <v>26995</v>
      </c>
      <c r="J665" s="952" t="s">
        <v>27187</v>
      </c>
    </row>
    <row r="666" spans="2:10" s="395" customFormat="1" ht="14.25">
      <c r="B666" s="951" t="s">
        <v>27190</v>
      </c>
      <c r="C666" s="944" t="s">
        <v>27154</v>
      </c>
      <c r="D666" s="944" t="s">
        <v>8048</v>
      </c>
      <c r="E666" s="944" t="s">
        <v>6098</v>
      </c>
      <c r="F666" s="944" t="s">
        <v>8049</v>
      </c>
      <c r="G666" s="944" t="s">
        <v>7161</v>
      </c>
      <c r="H666" s="944" t="s">
        <v>26995</v>
      </c>
      <c r="I666" s="944" t="s">
        <v>26995</v>
      </c>
      <c r="J666" s="952" t="s">
        <v>27187</v>
      </c>
    </row>
    <row r="667" spans="2:10" s="395" customFormat="1" ht="14.25">
      <c r="B667" s="951" t="s">
        <v>27191</v>
      </c>
      <c r="C667" s="944" t="s">
        <v>27154</v>
      </c>
      <c r="D667" s="944" t="s">
        <v>8051</v>
      </c>
      <c r="E667" s="944" t="s">
        <v>6100</v>
      </c>
      <c r="F667" s="944" t="s">
        <v>8052</v>
      </c>
      <c r="G667" s="944" t="s">
        <v>7161</v>
      </c>
      <c r="H667" s="944" t="s">
        <v>26995</v>
      </c>
      <c r="I667" s="944" t="s">
        <v>26995</v>
      </c>
      <c r="J667" s="952" t="s">
        <v>27187</v>
      </c>
    </row>
    <row r="668" spans="2:10" s="395" customFormat="1" ht="14.25">
      <c r="B668" s="951" t="s">
        <v>27192</v>
      </c>
      <c r="C668" s="944" t="s">
        <v>35402</v>
      </c>
      <c r="D668" s="944" t="s">
        <v>8039</v>
      </c>
      <c r="E668" s="944" t="s">
        <v>171</v>
      </c>
      <c r="F668" s="944" t="s">
        <v>8040</v>
      </c>
      <c r="G668" s="944" t="s">
        <v>7161</v>
      </c>
      <c r="H668" s="944" t="s">
        <v>26995</v>
      </c>
      <c r="I668" s="944" t="s">
        <v>35400</v>
      </c>
      <c r="J668" s="952" t="s">
        <v>35429</v>
      </c>
    </row>
    <row r="669" spans="2:10" s="395" customFormat="1" ht="14.25">
      <c r="B669" s="951" t="s">
        <v>27193</v>
      </c>
      <c r="C669" s="944" t="s">
        <v>35402</v>
      </c>
      <c r="D669" s="944" t="s">
        <v>8042</v>
      </c>
      <c r="E669" s="944" t="s">
        <v>159</v>
      </c>
      <c r="F669" s="944" t="s">
        <v>8043</v>
      </c>
      <c r="G669" s="944" t="s">
        <v>7161</v>
      </c>
      <c r="H669" s="944" t="s">
        <v>26995</v>
      </c>
      <c r="I669" s="944" t="s">
        <v>35400</v>
      </c>
      <c r="J669" s="952" t="s">
        <v>35429</v>
      </c>
    </row>
    <row r="670" spans="2:10" s="395" customFormat="1" ht="14.25">
      <c r="B670" s="951" t="s">
        <v>27194</v>
      </c>
      <c r="C670" s="944" t="s">
        <v>35402</v>
      </c>
      <c r="D670" s="944" t="s">
        <v>8045</v>
      </c>
      <c r="E670" s="944" t="s">
        <v>6102</v>
      </c>
      <c r="F670" s="944" t="s">
        <v>8046</v>
      </c>
      <c r="G670" s="944" t="s">
        <v>7161</v>
      </c>
      <c r="H670" s="944" t="s">
        <v>26995</v>
      </c>
      <c r="I670" s="944" t="s">
        <v>35400</v>
      </c>
      <c r="J670" s="952" t="s">
        <v>35429</v>
      </c>
    </row>
    <row r="671" spans="2:10" s="395" customFormat="1" ht="14.25">
      <c r="B671" s="951" t="s">
        <v>27195</v>
      </c>
      <c r="C671" s="944" t="s">
        <v>35402</v>
      </c>
      <c r="D671" s="944" t="s">
        <v>8048</v>
      </c>
      <c r="E671" s="944" t="s">
        <v>6098</v>
      </c>
      <c r="F671" s="944" t="s">
        <v>8049</v>
      </c>
      <c r="G671" s="944" t="s">
        <v>7161</v>
      </c>
      <c r="H671" s="944" t="s">
        <v>26995</v>
      </c>
      <c r="I671" s="944" t="s">
        <v>35400</v>
      </c>
      <c r="J671" s="952" t="s">
        <v>35429</v>
      </c>
    </row>
    <row r="672" spans="2:10" s="395" customFormat="1" ht="14.25">
      <c r="B672" s="951" t="s">
        <v>27196</v>
      </c>
      <c r="C672" s="944" t="s">
        <v>35402</v>
      </c>
      <c r="D672" s="944" t="s">
        <v>8051</v>
      </c>
      <c r="E672" s="944" t="s">
        <v>6100</v>
      </c>
      <c r="F672" s="944" t="s">
        <v>8052</v>
      </c>
      <c r="G672" s="944" t="s">
        <v>7161</v>
      </c>
      <c r="H672" s="944" t="s">
        <v>26995</v>
      </c>
      <c r="I672" s="944" t="s">
        <v>35400</v>
      </c>
      <c r="J672" s="952" t="s">
        <v>35429</v>
      </c>
    </row>
    <row r="673" spans="2:10" s="395" customFormat="1" ht="14.25">
      <c r="B673" s="951" t="s">
        <v>27197</v>
      </c>
      <c r="C673" s="944" t="s">
        <v>35402</v>
      </c>
      <c r="D673" s="944" t="s">
        <v>8054</v>
      </c>
      <c r="E673" s="944" t="s">
        <v>6096</v>
      </c>
      <c r="F673" s="944" t="s">
        <v>8055</v>
      </c>
      <c r="G673" s="944" t="s">
        <v>7161</v>
      </c>
      <c r="H673" s="944" t="s">
        <v>26995</v>
      </c>
      <c r="I673" s="944" t="s">
        <v>35400</v>
      </c>
      <c r="J673" s="952" t="s">
        <v>35429</v>
      </c>
    </row>
    <row r="674" spans="2:10" s="395" customFormat="1" ht="14.25">
      <c r="B674" s="951" t="s">
        <v>27198</v>
      </c>
      <c r="C674" s="944" t="s">
        <v>35402</v>
      </c>
      <c r="D674" s="944" t="s">
        <v>8057</v>
      </c>
      <c r="E674" s="944" t="s">
        <v>6094</v>
      </c>
      <c r="F674" s="944" t="s">
        <v>8058</v>
      </c>
      <c r="G674" s="944" t="s">
        <v>7161</v>
      </c>
      <c r="H674" s="944" t="s">
        <v>26995</v>
      </c>
      <c r="I674" s="944" t="s">
        <v>35400</v>
      </c>
      <c r="J674" s="952" t="s">
        <v>35429</v>
      </c>
    </row>
    <row r="675" spans="2:10" s="395" customFormat="1" ht="14.25">
      <c r="B675" s="951" t="s">
        <v>27199</v>
      </c>
      <c r="C675" s="944" t="s">
        <v>35402</v>
      </c>
      <c r="D675" s="944" t="s">
        <v>8060</v>
      </c>
      <c r="E675" s="944" t="s">
        <v>6092</v>
      </c>
      <c r="F675" s="944" t="s">
        <v>8061</v>
      </c>
      <c r="G675" s="944" t="s">
        <v>7161</v>
      </c>
      <c r="H675" s="944" t="s">
        <v>26995</v>
      </c>
      <c r="I675" s="944" t="s">
        <v>35400</v>
      </c>
      <c r="J675" s="952" t="s">
        <v>35429</v>
      </c>
    </row>
    <row r="676" spans="2:10" s="395" customFormat="1" ht="14.25">
      <c r="B676" s="951" t="s">
        <v>27200</v>
      </c>
      <c r="C676" s="944" t="s">
        <v>35402</v>
      </c>
      <c r="D676" s="944" t="s">
        <v>27201</v>
      </c>
      <c r="E676" s="944" t="s">
        <v>3540</v>
      </c>
      <c r="F676" s="944" t="s">
        <v>0</v>
      </c>
      <c r="G676" s="944" t="s">
        <v>7161</v>
      </c>
      <c r="H676" s="944" t="s">
        <v>26995</v>
      </c>
      <c r="I676" s="944" t="s">
        <v>35400</v>
      </c>
      <c r="J676" s="952" t="s">
        <v>35429</v>
      </c>
    </row>
    <row r="677" spans="2:10" s="395" customFormat="1" ht="14.25">
      <c r="B677" s="951" t="s">
        <v>27202</v>
      </c>
      <c r="C677" s="944" t="s">
        <v>26956</v>
      </c>
      <c r="D677" s="944" t="s">
        <v>27203</v>
      </c>
      <c r="E677" s="944" t="s">
        <v>27204</v>
      </c>
      <c r="F677" s="944" t="s">
        <v>0</v>
      </c>
      <c r="G677" s="944" t="s">
        <v>7161</v>
      </c>
      <c r="H677" s="944" t="s">
        <v>26995</v>
      </c>
      <c r="I677" s="944" t="s">
        <v>26995</v>
      </c>
      <c r="J677" s="952" t="s">
        <v>34132</v>
      </c>
    </row>
    <row r="678" spans="2:10" s="395" customFormat="1" ht="14.25">
      <c r="B678" s="951" t="s">
        <v>27205</v>
      </c>
      <c r="C678" s="944" t="s">
        <v>26956</v>
      </c>
      <c r="D678" s="944" t="s">
        <v>27206</v>
      </c>
      <c r="E678" s="944" t="s">
        <v>27207</v>
      </c>
      <c r="F678" s="944" t="s">
        <v>0</v>
      </c>
      <c r="G678" s="944" t="s">
        <v>7161</v>
      </c>
      <c r="H678" s="944" t="s">
        <v>26995</v>
      </c>
      <c r="I678" s="944" t="s">
        <v>26995</v>
      </c>
      <c r="J678" s="952" t="s">
        <v>34132</v>
      </c>
    </row>
    <row r="679" spans="2:10" s="395" customFormat="1" ht="14.25">
      <c r="B679" s="951" t="s">
        <v>27208</v>
      </c>
      <c r="C679" s="944" t="s">
        <v>26956</v>
      </c>
      <c r="D679" s="944" t="s">
        <v>27209</v>
      </c>
      <c r="E679" s="944" t="s">
        <v>27210</v>
      </c>
      <c r="F679" s="944" t="s">
        <v>0</v>
      </c>
      <c r="G679" s="944" t="s">
        <v>7161</v>
      </c>
      <c r="H679" s="944" t="s">
        <v>26995</v>
      </c>
      <c r="I679" s="944" t="s">
        <v>26995</v>
      </c>
      <c r="J679" s="952" t="s">
        <v>34132</v>
      </c>
    </row>
    <row r="680" spans="2:10" s="395" customFormat="1" ht="14.25">
      <c r="B680" s="951" t="s">
        <v>28466</v>
      </c>
      <c r="C680" s="944" t="s">
        <v>28457</v>
      </c>
      <c r="D680" s="944" t="s">
        <v>28465</v>
      </c>
      <c r="E680" s="944" t="s">
        <v>28464</v>
      </c>
      <c r="F680" s="944" t="s">
        <v>28463</v>
      </c>
      <c r="G680" s="944" t="s">
        <v>7161</v>
      </c>
      <c r="H680" s="944" t="s">
        <v>28459</v>
      </c>
      <c r="I680" s="944" t="s">
        <v>28459</v>
      </c>
      <c r="J680" s="952" t="s">
        <v>34133</v>
      </c>
    </row>
    <row r="681" spans="2:10" s="395" customFormat="1" ht="14.25">
      <c r="B681" s="951" t="s">
        <v>28462</v>
      </c>
      <c r="C681" s="944" t="s">
        <v>28457</v>
      </c>
      <c r="D681" s="944" t="s">
        <v>28461</v>
      </c>
      <c r="E681" s="944" t="s">
        <v>26653</v>
      </c>
      <c r="F681" s="944" t="s">
        <v>28460</v>
      </c>
      <c r="G681" s="944" t="s">
        <v>7161</v>
      </c>
      <c r="H681" s="944" t="s">
        <v>28459</v>
      </c>
      <c r="I681" s="944" t="s">
        <v>28459</v>
      </c>
      <c r="J681" s="952" t="s">
        <v>34133</v>
      </c>
    </row>
    <row r="682" spans="2:10" s="395" customFormat="1" ht="14.25">
      <c r="B682" s="951" t="s">
        <v>31670</v>
      </c>
      <c r="C682" s="944" t="s">
        <v>31657</v>
      </c>
      <c r="D682" s="944" t="s">
        <v>7219</v>
      </c>
      <c r="E682" s="944" t="s">
        <v>77</v>
      </c>
      <c r="F682" s="944" t="s">
        <v>0</v>
      </c>
      <c r="G682" s="944" t="s">
        <v>7161</v>
      </c>
      <c r="H682" s="944" t="s">
        <v>31655</v>
      </c>
      <c r="I682" s="944" t="s">
        <v>31655</v>
      </c>
      <c r="J682" s="952" t="s">
        <v>31671</v>
      </c>
    </row>
    <row r="683" spans="2:10" s="395" customFormat="1" ht="14.25">
      <c r="B683" s="951" t="s">
        <v>31672</v>
      </c>
      <c r="C683" s="944" t="s">
        <v>31657</v>
      </c>
      <c r="D683" s="944" t="s">
        <v>7221</v>
      </c>
      <c r="E683" s="944" t="s">
        <v>77</v>
      </c>
      <c r="F683" s="944" t="s">
        <v>0</v>
      </c>
      <c r="G683" s="944" t="s">
        <v>7161</v>
      </c>
      <c r="H683" s="944" t="s">
        <v>31655</v>
      </c>
      <c r="I683" s="944" t="s">
        <v>31655</v>
      </c>
      <c r="J683" s="952" t="s">
        <v>31671</v>
      </c>
    </row>
    <row r="684" spans="2:10" s="395" customFormat="1" ht="14.25">
      <c r="B684" s="951" t="s">
        <v>31673</v>
      </c>
      <c r="C684" s="944" t="s">
        <v>31657</v>
      </c>
      <c r="D684" s="944" t="s">
        <v>7223</v>
      </c>
      <c r="E684" s="944" t="s">
        <v>77</v>
      </c>
      <c r="F684" s="944" t="s">
        <v>0</v>
      </c>
      <c r="G684" s="944" t="s">
        <v>7161</v>
      </c>
      <c r="H684" s="944" t="s">
        <v>31655</v>
      </c>
      <c r="I684" s="944" t="s">
        <v>31655</v>
      </c>
      <c r="J684" s="952" t="s">
        <v>31671</v>
      </c>
    </row>
    <row r="685" spans="2:10" s="395" customFormat="1" ht="14.25">
      <c r="B685" s="951" t="s">
        <v>31674</v>
      </c>
      <c r="C685" s="944" t="s">
        <v>31657</v>
      </c>
      <c r="D685" s="944" t="s">
        <v>7225</v>
      </c>
      <c r="E685" s="944" t="s">
        <v>77</v>
      </c>
      <c r="F685" s="944" t="s">
        <v>0</v>
      </c>
      <c r="G685" s="944" t="s">
        <v>7161</v>
      </c>
      <c r="H685" s="944" t="s">
        <v>31655</v>
      </c>
      <c r="I685" s="944" t="s">
        <v>31655</v>
      </c>
      <c r="J685" s="952" t="s">
        <v>31671</v>
      </c>
    </row>
    <row r="686" spans="2:10" s="395" customFormat="1" ht="14.25">
      <c r="B686" s="951" t="s">
        <v>31675</v>
      </c>
      <c r="C686" s="944" t="s">
        <v>31657</v>
      </c>
      <c r="D686" s="944" t="s">
        <v>7227</v>
      </c>
      <c r="E686" s="944" t="s">
        <v>77</v>
      </c>
      <c r="F686" s="944" t="s">
        <v>0</v>
      </c>
      <c r="G686" s="944" t="s">
        <v>7161</v>
      </c>
      <c r="H686" s="944" t="s">
        <v>31655</v>
      </c>
      <c r="I686" s="944" t="s">
        <v>31655</v>
      </c>
      <c r="J686" s="952" t="s">
        <v>31671</v>
      </c>
    </row>
    <row r="687" spans="2:10" s="395" customFormat="1" ht="14.25">
      <c r="B687" s="951" t="s">
        <v>31676</v>
      </c>
      <c r="C687" s="944" t="s">
        <v>31657</v>
      </c>
      <c r="D687" s="944" t="s">
        <v>7229</v>
      </c>
      <c r="E687" s="944" t="s">
        <v>77</v>
      </c>
      <c r="F687" s="944" t="s">
        <v>0</v>
      </c>
      <c r="G687" s="944" t="s">
        <v>7161</v>
      </c>
      <c r="H687" s="944" t="s">
        <v>31655</v>
      </c>
      <c r="I687" s="944" t="s">
        <v>31655</v>
      </c>
      <c r="J687" s="952" t="s">
        <v>31671</v>
      </c>
    </row>
    <row r="688" spans="2:10" s="395" customFormat="1" ht="14.25">
      <c r="B688" s="951" t="s">
        <v>31677</v>
      </c>
      <c r="C688" s="944" t="s">
        <v>31657</v>
      </c>
      <c r="D688" s="944" t="s">
        <v>7387</v>
      </c>
      <c r="E688" s="944" t="s">
        <v>77</v>
      </c>
      <c r="F688" s="944" t="s">
        <v>0</v>
      </c>
      <c r="G688" s="944" t="s">
        <v>7161</v>
      </c>
      <c r="H688" s="944" t="s">
        <v>31655</v>
      </c>
      <c r="I688" s="944" t="s">
        <v>31655</v>
      </c>
      <c r="J688" s="952" t="s">
        <v>31671</v>
      </c>
    </row>
    <row r="689" spans="2:10" s="395" customFormat="1" ht="14.25">
      <c r="B689" s="951" t="s">
        <v>31678</v>
      </c>
      <c r="C689" s="944" t="s">
        <v>31657</v>
      </c>
      <c r="D689" s="944" t="s">
        <v>7969</v>
      </c>
      <c r="E689" s="944" t="s">
        <v>77</v>
      </c>
      <c r="F689" s="944" t="s">
        <v>0</v>
      </c>
      <c r="G689" s="944" t="s">
        <v>7161</v>
      </c>
      <c r="H689" s="944" t="s">
        <v>31655</v>
      </c>
      <c r="I689" s="944" t="s">
        <v>31655</v>
      </c>
      <c r="J689" s="952" t="s">
        <v>31671</v>
      </c>
    </row>
    <row r="690" spans="2:10" s="395" customFormat="1" ht="14.25">
      <c r="B690" s="951" t="s">
        <v>31679</v>
      </c>
      <c r="C690" s="944" t="s">
        <v>31657</v>
      </c>
      <c r="D690" s="944" t="s">
        <v>8025</v>
      </c>
      <c r="E690" s="944" t="s">
        <v>77</v>
      </c>
      <c r="F690" s="944" t="s">
        <v>0</v>
      </c>
      <c r="G690" s="944" t="s">
        <v>7161</v>
      </c>
      <c r="H690" s="944" t="s">
        <v>31655</v>
      </c>
      <c r="I690" s="944" t="s">
        <v>31655</v>
      </c>
      <c r="J690" s="952" t="s">
        <v>31671</v>
      </c>
    </row>
    <row r="691" spans="2:10" s="395" customFormat="1" ht="14.25">
      <c r="B691" s="951" t="s">
        <v>31680</v>
      </c>
      <c r="C691" s="944" t="s">
        <v>31657</v>
      </c>
      <c r="D691" s="944" t="s">
        <v>7907</v>
      </c>
      <c r="E691" s="944" t="s">
        <v>6352</v>
      </c>
      <c r="F691" s="944" t="s">
        <v>0</v>
      </c>
      <c r="G691" s="944" t="s">
        <v>7161</v>
      </c>
      <c r="H691" s="944" t="s">
        <v>31655</v>
      </c>
      <c r="I691" s="944" t="s">
        <v>31655</v>
      </c>
      <c r="J691" s="952" t="s">
        <v>31671</v>
      </c>
    </row>
    <row r="692" spans="2:10" s="395" customFormat="1" ht="14.25">
      <c r="B692" s="951" t="s">
        <v>31681</v>
      </c>
      <c r="C692" s="944" t="s">
        <v>31657</v>
      </c>
      <c r="D692" s="944" t="s">
        <v>8257</v>
      </c>
      <c r="E692" s="944" t="s">
        <v>8258</v>
      </c>
      <c r="F692" s="944" t="s">
        <v>0</v>
      </c>
      <c r="G692" s="944" t="s">
        <v>7161</v>
      </c>
      <c r="H692" s="944" t="s">
        <v>31655</v>
      </c>
      <c r="I692" s="944" t="s">
        <v>31655</v>
      </c>
      <c r="J692" s="952" t="s">
        <v>31671</v>
      </c>
    </row>
    <row r="693" spans="2:10" s="395" customFormat="1" ht="14.25">
      <c r="B693" s="951" t="s">
        <v>31682</v>
      </c>
      <c r="C693" s="944" t="s">
        <v>31657</v>
      </c>
      <c r="D693" s="944" t="s">
        <v>8260</v>
      </c>
      <c r="E693" s="944" t="s">
        <v>8261</v>
      </c>
      <c r="F693" s="944" t="s">
        <v>0</v>
      </c>
      <c r="G693" s="944" t="s">
        <v>7161</v>
      </c>
      <c r="H693" s="944" t="s">
        <v>31655</v>
      </c>
      <c r="I693" s="944" t="s">
        <v>31655</v>
      </c>
      <c r="J693" s="952" t="s">
        <v>31671</v>
      </c>
    </row>
    <row r="694" spans="2:10" s="395" customFormat="1" ht="14.25">
      <c r="B694" s="951" t="s">
        <v>31683</v>
      </c>
      <c r="C694" s="944" t="s">
        <v>31657</v>
      </c>
      <c r="D694" s="944" t="s">
        <v>8263</v>
      </c>
      <c r="E694" s="944" t="s">
        <v>8264</v>
      </c>
      <c r="F694" s="944" t="s">
        <v>0</v>
      </c>
      <c r="G694" s="944" t="s">
        <v>7161</v>
      </c>
      <c r="H694" s="944" t="s">
        <v>31655</v>
      </c>
      <c r="I694" s="944" t="s">
        <v>31655</v>
      </c>
      <c r="J694" s="952" t="s">
        <v>31671</v>
      </c>
    </row>
    <row r="695" spans="2:10" s="395" customFormat="1" ht="14.25">
      <c r="B695" s="951" t="s">
        <v>31684</v>
      </c>
      <c r="C695" s="944" t="s">
        <v>31657</v>
      </c>
      <c r="D695" s="944" t="s">
        <v>8266</v>
      </c>
      <c r="E695" s="944" t="s">
        <v>8267</v>
      </c>
      <c r="F695" s="944" t="s">
        <v>0</v>
      </c>
      <c r="G695" s="944" t="s">
        <v>7161</v>
      </c>
      <c r="H695" s="944" t="s">
        <v>31655</v>
      </c>
      <c r="I695" s="944" t="s">
        <v>31655</v>
      </c>
      <c r="J695" s="952" t="s">
        <v>31671</v>
      </c>
    </row>
    <row r="696" spans="2:10" s="395" customFormat="1" ht="14.25">
      <c r="B696" s="951" t="s">
        <v>31685</v>
      </c>
      <c r="C696" s="944" t="s">
        <v>31657</v>
      </c>
      <c r="D696" s="944" t="s">
        <v>8269</v>
      </c>
      <c r="E696" s="944" t="s">
        <v>8270</v>
      </c>
      <c r="F696" s="944" t="s">
        <v>0</v>
      </c>
      <c r="G696" s="944" t="s">
        <v>7161</v>
      </c>
      <c r="H696" s="944" t="s">
        <v>31655</v>
      </c>
      <c r="I696" s="944" t="s">
        <v>31655</v>
      </c>
      <c r="J696" s="952" t="s">
        <v>31671</v>
      </c>
    </row>
    <row r="697" spans="2:10" s="395" customFormat="1" ht="14.25">
      <c r="B697" s="951" t="s">
        <v>31686</v>
      </c>
      <c r="C697" s="944" t="s">
        <v>31657</v>
      </c>
      <c r="D697" s="944" t="s">
        <v>8272</v>
      </c>
      <c r="E697" s="944" t="s">
        <v>8273</v>
      </c>
      <c r="F697" s="944" t="s">
        <v>0</v>
      </c>
      <c r="G697" s="944" t="s">
        <v>7161</v>
      </c>
      <c r="H697" s="944" t="s">
        <v>31655</v>
      </c>
      <c r="I697" s="944" t="s">
        <v>31655</v>
      </c>
      <c r="J697" s="952" t="s">
        <v>31671</v>
      </c>
    </row>
    <row r="698" spans="2:10" s="395" customFormat="1" ht="14.25">
      <c r="B698" s="951" t="s">
        <v>31687</v>
      </c>
      <c r="C698" s="944" t="s">
        <v>31657</v>
      </c>
      <c r="D698" s="944" t="s">
        <v>7961</v>
      </c>
      <c r="E698" s="944" t="s">
        <v>7962</v>
      </c>
      <c r="F698" s="944" t="s">
        <v>0</v>
      </c>
      <c r="G698" s="944" t="s">
        <v>7161</v>
      </c>
      <c r="H698" s="944" t="s">
        <v>31655</v>
      </c>
      <c r="I698" s="944" t="s">
        <v>31655</v>
      </c>
      <c r="J698" s="952" t="s">
        <v>31671</v>
      </c>
    </row>
    <row r="699" spans="2:10" s="395" customFormat="1" ht="14.25">
      <c r="B699" s="951" t="s">
        <v>31688</v>
      </c>
      <c r="C699" s="944" t="s">
        <v>31657</v>
      </c>
      <c r="D699" s="944" t="s">
        <v>7920</v>
      </c>
      <c r="E699" s="944" t="s">
        <v>212</v>
      </c>
      <c r="F699" s="944" t="s">
        <v>0</v>
      </c>
      <c r="G699" s="944" t="s">
        <v>7161</v>
      </c>
      <c r="H699" s="944" t="s">
        <v>31655</v>
      </c>
      <c r="I699" s="944" t="s">
        <v>31655</v>
      </c>
      <c r="J699" s="952" t="s">
        <v>31671</v>
      </c>
    </row>
    <row r="700" spans="2:10" s="395" customFormat="1" ht="14.25">
      <c r="B700" s="951" t="s">
        <v>31689</v>
      </c>
      <c r="C700" s="944" t="s">
        <v>31657</v>
      </c>
      <c r="D700" s="944" t="s">
        <v>7289</v>
      </c>
      <c r="E700" s="944" t="s">
        <v>7290</v>
      </c>
      <c r="F700" s="944" t="s">
        <v>0</v>
      </c>
      <c r="G700" s="944" t="s">
        <v>7161</v>
      </c>
      <c r="H700" s="944" t="s">
        <v>31655</v>
      </c>
      <c r="I700" s="944" t="s">
        <v>31655</v>
      </c>
      <c r="J700" s="952" t="s">
        <v>31671</v>
      </c>
    </row>
    <row r="701" spans="2:10" s="395" customFormat="1" ht="14.25">
      <c r="B701" s="951" t="s">
        <v>31690</v>
      </c>
      <c r="C701" s="944" t="s">
        <v>31657</v>
      </c>
      <c r="D701" s="944" t="s">
        <v>7361</v>
      </c>
      <c r="E701" s="944" t="s">
        <v>7362</v>
      </c>
      <c r="F701" s="944" t="s">
        <v>0</v>
      </c>
      <c r="G701" s="944" t="s">
        <v>7161</v>
      </c>
      <c r="H701" s="944" t="s">
        <v>31655</v>
      </c>
      <c r="I701" s="944" t="s">
        <v>31655</v>
      </c>
      <c r="J701" s="952" t="s">
        <v>31671</v>
      </c>
    </row>
    <row r="702" spans="2:10" s="395" customFormat="1" ht="14.25">
      <c r="B702" s="951" t="s">
        <v>31691</v>
      </c>
      <c r="C702" s="944" t="s">
        <v>31657</v>
      </c>
      <c r="D702" s="944" t="s">
        <v>6431</v>
      </c>
      <c r="E702" s="944" t="s">
        <v>6432</v>
      </c>
      <c r="F702" s="944" t="s">
        <v>0</v>
      </c>
      <c r="G702" s="944" t="s">
        <v>7161</v>
      </c>
      <c r="H702" s="944" t="s">
        <v>31655</v>
      </c>
      <c r="I702" s="944" t="s">
        <v>31655</v>
      </c>
      <c r="J702" s="952" t="s">
        <v>31671</v>
      </c>
    </row>
    <row r="703" spans="2:10" s="395" customFormat="1" ht="14.25">
      <c r="B703" s="951" t="s">
        <v>31692</v>
      </c>
      <c r="C703" s="944" t="s">
        <v>31657</v>
      </c>
      <c r="D703" s="944" t="s">
        <v>8125</v>
      </c>
      <c r="E703" s="944" t="s">
        <v>6430</v>
      </c>
      <c r="F703" s="944" t="s">
        <v>0</v>
      </c>
      <c r="G703" s="944" t="s">
        <v>7161</v>
      </c>
      <c r="H703" s="944" t="s">
        <v>31655</v>
      </c>
      <c r="I703" s="944" t="s">
        <v>31655</v>
      </c>
      <c r="J703" s="952" t="s">
        <v>31671</v>
      </c>
    </row>
    <row r="704" spans="2:10" s="395" customFormat="1" ht="14.25">
      <c r="B704" s="951" t="s">
        <v>31693</v>
      </c>
      <c r="C704" s="944" t="s">
        <v>31657</v>
      </c>
      <c r="D704" s="944" t="s">
        <v>8127</v>
      </c>
      <c r="E704" s="944" t="s">
        <v>8128</v>
      </c>
      <c r="F704" s="944" t="s">
        <v>0</v>
      </c>
      <c r="G704" s="944" t="s">
        <v>7161</v>
      </c>
      <c r="H704" s="944" t="s">
        <v>31655</v>
      </c>
      <c r="I704" s="944" t="s">
        <v>31655</v>
      </c>
      <c r="J704" s="952" t="s">
        <v>31671</v>
      </c>
    </row>
    <row r="705" spans="2:10" s="395" customFormat="1" ht="14.25">
      <c r="B705" s="951" t="s">
        <v>31694</v>
      </c>
      <c r="C705" s="944" t="s">
        <v>31657</v>
      </c>
      <c r="D705" s="944" t="s">
        <v>8130</v>
      </c>
      <c r="E705" s="944" t="s">
        <v>8131</v>
      </c>
      <c r="F705" s="944" t="s">
        <v>0</v>
      </c>
      <c r="G705" s="944" t="s">
        <v>7161</v>
      </c>
      <c r="H705" s="944" t="s">
        <v>31655</v>
      </c>
      <c r="I705" s="944" t="s">
        <v>31655</v>
      </c>
      <c r="J705" s="952" t="s">
        <v>31671</v>
      </c>
    </row>
    <row r="706" spans="2:10" s="395" customFormat="1" ht="14.25">
      <c r="B706" s="951" t="s">
        <v>31695</v>
      </c>
      <c r="C706" s="944" t="s">
        <v>31657</v>
      </c>
      <c r="D706" s="944" t="s">
        <v>7497</v>
      </c>
      <c r="E706" s="944" t="s">
        <v>7501</v>
      </c>
      <c r="F706" s="944" t="s">
        <v>0</v>
      </c>
      <c r="G706" s="944" t="s">
        <v>7161</v>
      </c>
      <c r="H706" s="944" t="s">
        <v>31655</v>
      </c>
      <c r="I706" s="944" t="s">
        <v>31655</v>
      </c>
      <c r="J706" s="952" t="s">
        <v>31671</v>
      </c>
    </row>
    <row r="707" spans="2:10" s="395" customFormat="1" ht="14.25">
      <c r="B707" s="951" t="s">
        <v>31696</v>
      </c>
      <c r="C707" s="944" t="s">
        <v>31657</v>
      </c>
      <c r="D707" s="944" t="s">
        <v>7500</v>
      </c>
      <c r="E707" s="944" t="s">
        <v>7498</v>
      </c>
      <c r="F707" s="944" t="s">
        <v>0</v>
      </c>
      <c r="G707" s="944" t="s">
        <v>7161</v>
      </c>
      <c r="H707" s="944" t="s">
        <v>31655</v>
      </c>
      <c r="I707" s="944" t="s">
        <v>31655</v>
      </c>
      <c r="J707" s="952" t="s">
        <v>31671</v>
      </c>
    </row>
    <row r="708" spans="2:10" s="395" customFormat="1" ht="14.25">
      <c r="B708" s="951" t="s">
        <v>31697</v>
      </c>
      <c r="C708" s="944" t="s">
        <v>31657</v>
      </c>
      <c r="D708" s="944" t="s">
        <v>7503</v>
      </c>
      <c r="E708" s="944" t="s">
        <v>7504</v>
      </c>
      <c r="F708" s="944" t="s">
        <v>0</v>
      </c>
      <c r="G708" s="944" t="s">
        <v>7161</v>
      </c>
      <c r="H708" s="944" t="s">
        <v>31655</v>
      </c>
      <c r="I708" s="944" t="s">
        <v>31655</v>
      </c>
      <c r="J708" s="952" t="s">
        <v>31671</v>
      </c>
    </row>
    <row r="709" spans="2:10" s="395" customFormat="1" ht="14.25">
      <c r="B709" s="951" t="s">
        <v>31698</v>
      </c>
      <c r="C709" s="944" t="s">
        <v>31657</v>
      </c>
      <c r="D709" s="944" t="s">
        <v>7263</v>
      </c>
      <c r="E709" s="944" t="s">
        <v>7266</v>
      </c>
      <c r="F709" s="944" t="s">
        <v>0</v>
      </c>
      <c r="G709" s="944" t="s">
        <v>7161</v>
      </c>
      <c r="H709" s="944" t="s">
        <v>31655</v>
      </c>
      <c r="I709" s="944" t="s">
        <v>31655</v>
      </c>
      <c r="J709" s="952" t="s">
        <v>31671</v>
      </c>
    </row>
    <row r="710" spans="2:10" s="395" customFormat="1" ht="14.25">
      <c r="B710" s="951" t="s">
        <v>31699</v>
      </c>
      <c r="C710" s="944" t="s">
        <v>31657</v>
      </c>
      <c r="D710" s="944" t="s">
        <v>13804</v>
      </c>
      <c r="E710" s="944" t="s">
        <v>3507</v>
      </c>
      <c r="F710" s="944" t="s">
        <v>13799</v>
      </c>
      <c r="G710" s="944" t="s">
        <v>7161</v>
      </c>
      <c r="H710" s="944" t="s">
        <v>31655</v>
      </c>
      <c r="I710" s="944" t="s">
        <v>31655</v>
      </c>
      <c r="J710" s="952" t="s">
        <v>31671</v>
      </c>
    </row>
    <row r="711" spans="2:10" s="395" customFormat="1" ht="14.25">
      <c r="B711" s="951" t="s">
        <v>31700</v>
      </c>
      <c r="C711" s="944" t="s">
        <v>31657</v>
      </c>
      <c r="D711" s="944" t="s">
        <v>13810</v>
      </c>
      <c r="E711" s="944" t="s">
        <v>13811</v>
      </c>
      <c r="F711" s="944" t="s">
        <v>13812</v>
      </c>
      <c r="G711" s="944" t="s">
        <v>7161</v>
      </c>
      <c r="H711" s="944" t="s">
        <v>31655</v>
      </c>
      <c r="I711" s="944" t="s">
        <v>31655</v>
      </c>
      <c r="J711" s="952" t="s">
        <v>31671</v>
      </c>
    </row>
    <row r="712" spans="2:10" s="395" customFormat="1" ht="14.25">
      <c r="B712" s="951" t="s">
        <v>31701</v>
      </c>
      <c r="C712" s="944" t="s">
        <v>31657</v>
      </c>
      <c r="D712" s="944" t="s">
        <v>13806</v>
      </c>
      <c r="E712" s="944" t="s">
        <v>13807</v>
      </c>
      <c r="F712" s="944" t="s">
        <v>13808</v>
      </c>
      <c r="G712" s="944" t="s">
        <v>7161</v>
      </c>
      <c r="H712" s="944" t="s">
        <v>31655</v>
      </c>
      <c r="I712" s="944" t="s">
        <v>31655</v>
      </c>
      <c r="J712" s="952" t="s">
        <v>31671</v>
      </c>
    </row>
    <row r="713" spans="2:10" s="395" customFormat="1" ht="14.25">
      <c r="B713" s="951" t="s">
        <v>31702</v>
      </c>
      <c r="C713" s="944" t="s">
        <v>31657</v>
      </c>
      <c r="D713" s="944" t="s">
        <v>6335</v>
      </c>
      <c r="E713" s="944" t="s">
        <v>6336</v>
      </c>
      <c r="F713" s="944" t="s">
        <v>0</v>
      </c>
      <c r="G713" s="944" t="s">
        <v>7161</v>
      </c>
      <c r="H713" s="944" t="s">
        <v>31655</v>
      </c>
      <c r="I713" s="944" t="s">
        <v>31655</v>
      </c>
      <c r="J713" s="952" t="s">
        <v>31671</v>
      </c>
    </row>
    <row r="714" spans="2:10" s="395" customFormat="1" ht="14.25">
      <c r="B714" s="951" t="s">
        <v>31703</v>
      </c>
      <c r="C714" s="944" t="s">
        <v>31657</v>
      </c>
      <c r="D714" s="944" t="s">
        <v>8019</v>
      </c>
      <c r="E714" s="944" t="s">
        <v>8020</v>
      </c>
      <c r="F714" s="944" t="s">
        <v>0</v>
      </c>
      <c r="G714" s="944" t="s">
        <v>7161</v>
      </c>
      <c r="H714" s="944" t="s">
        <v>31655</v>
      </c>
      <c r="I714" s="944" t="s">
        <v>31655</v>
      </c>
      <c r="J714" s="952" t="s">
        <v>31671</v>
      </c>
    </row>
    <row r="715" spans="2:10" s="395" customFormat="1" ht="14.25">
      <c r="B715" s="951" t="s">
        <v>31704</v>
      </c>
      <c r="C715" s="944" t="s">
        <v>31657</v>
      </c>
      <c r="D715" s="944" t="s">
        <v>6794</v>
      </c>
      <c r="E715" s="944" t="s">
        <v>6795</v>
      </c>
      <c r="F715" s="944" t="s">
        <v>8346</v>
      </c>
      <c r="G715" s="944" t="s">
        <v>7161</v>
      </c>
      <c r="H715" s="944" t="s">
        <v>31655</v>
      </c>
      <c r="I715" s="944" t="s">
        <v>31655</v>
      </c>
      <c r="J715" s="952" t="s">
        <v>31671</v>
      </c>
    </row>
    <row r="716" spans="2:10" s="395" customFormat="1" ht="14.25">
      <c r="B716" s="951" t="s">
        <v>31705</v>
      </c>
      <c r="C716" s="944" t="s">
        <v>31657</v>
      </c>
      <c r="D716" s="944" t="s">
        <v>7263</v>
      </c>
      <c r="E716" s="944" t="s">
        <v>7264</v>
      </c>
      <c r="F716" s="944" t="s">
        <v>0</v>
      </c>
      <c r="G716" s="944" t="s">
        <v>7161</v>
      </c>
      <c r="H716" s="944" t="s">
        <v>31655</v>
      </c>
      <c r="I716" s="944" t="s">
        <v>31655</v>
      </c>
      <c r="J716" s="952" t="s">
        <v>31671</v>
      </c>
    </row>
    <row r="717" spans="2:10" s="395" customFormat="1" ht="14.25">
      <c r="B717" s="951" t="s">
        <v>31706</v>
      </c>
      <c r="C717" s="944" t="s">
        <v>31657</v>
      </c>
      <c r="D717" s="944" t="s">
        <v>8275</v>
      </c>
      <c r="E717" s="944" t="s">
        <v>8276</v>
      </c>
      <c r="F717" s="944" t="s">
        <v>0</v>
      </c>
      <c r="G717" s="944" t="s">
        <v>7161</v>
      </c>
      <c r="H717" s="944" t="s">
        <v>31655</v>
      </c>
      <c r="I717" s="944" t="s">
        <v>31655</v>
      </c>
      <c r="J717" s="952" t="s">
        <v>31671</v>
      </c>
    </row>
    <row r="718" spans="2:10" s="395" customFormat="1" ht="14.25">
      <c r="B718" s="951" t="s">
        <v>31707</v>
      </c>
      <c r="C718" s="944" t="s">
        <v>31657</v>
      </c>
      <c r="D718" s="944" t="s">
        <v>8278</v>
      </c>
      <c r="E718" s="944" t="s">
        <v>8279</v>
      </c>
      <c r="F718" s="944" t="s">
        <v>0</v>
      </c>
      <c r="G718" s="944" t="s">
        <v>7161</v>
      </c>
      <c r="H718" s="944" t="s">
        <v>31655</v>
      </c>
      <c r="I718" s="944" t="s">
        <v>31655</v>
      </c>
      <c r="J718" s="952" t="s">
        <v>31671</v>
      </c>
    </row>
    <row r="719" spans="2:10" s="395" customFormat="1" ht="14.25">
      <c r="B719" s="951" t="s">
        <v>31708</v>
      </c>
      <c r="C719" s="944" t="s">
        <v>31657</v>
      </c>
      <c r="D719" s="944" t="s">
        <v>8281</v>
      </c>
      <c r="E719" s="944" t="s">
        <v>8282</v>
      </c>
      <c r="F719" s="944" t="s">
        <v>0</v>
      </c>
      <c r="G719" s="944" t="s">
        <v>7161</v>
      </c>
      <c r="H719" s="944" t="s">
        <v>31655</v>
      </c>
      <c r="I719" s="944" t="s">
        <v>31655</v>
      </c>
      <c r="J719" s="952" t="s">
        <v>31671</v>
      </c>
    </row>
    <row r="720" spans="2:10" s="395" customFormat="1" ht="14.25">
      <c r="B720" s="951" t="s">
        <v>31709</v>
      </c>
      <c r="C720" s="944" t="s">
        <v>31657</v>
      </c>
      <c r="D720" s="944" t="s">
        <v>8284</v>
      </c>
      <c r="E720" s="944" t="s">
        <v>8285</v>
      </c>
      <c r="F720" s="944" t="s">
        <v>0</v>
      </c>
      <c r="G720" s="944" t="s">
        <v>7161</v>
      </c>
      <c r="H720" s="944" t="s">
        <v>31655</v>
      </c>
      <c r="I720" s="944" t="s">
        <v>31655</v>
      </c>
      <c r="J720" s="952" t="s">
        <v>31671</v>
      </c>
    </row>
    <row r="721" spans="2:10" s="395" customFormat="1" ht="14.25">
      <c r="B721" s="951" t="s">
        <v>31710</v>
      </c>
      <c r="C721" s="944" t="s">
        <v>31657</v>
      </c>
      <c r="D721" s="944" t="s">
        <v>8287</v>
      </c>
      <c r="E721" s="944" t="s">
        <v>8288</v>
      </c>
      <c r="F721" s="944" t="s">
        <v>0</v>
      </c>
      <c r="G721" s="944" t="s">
        <v>7161</v>
      </c>
      <c r="H721" s="944" t="s">
        <v>31655</v>
      </c>
      <c r="I721" s="944" t="s">
        <v>31655</v>
      </c>
      <c r="J721" s="952" t="s">
        <v>31671</v>
      </c>
    </row>
    <row r="722" spans="2:10" s="395" customFormat="1" ht="14.25">
      <c r="B722" s="951" t="s">
        <v>31711</v>
      </c>
      <c r="C722" s="944" t="s">
        <v>31657</v>
      </c>
      <c r="D722" s="944" t="s">
        <v>8290</v>
      </c>
      <c r="E722" s="944" t="s">
        <v>8291</v>
      </c>
      <c r="F722" s="944" t="s">
        <v>0</v>
      </c>
      <c r="G722" s="944" t="s">
        <v>7161</v>
      </c>
      <c r="H722" s="944" t="s">
        <v>31655</v>
      </c>
      <c r="I722" s="944" t="s">
        <v>31655</v>
      </c>
      <c r="J722" s="952" t="s">
        <v>31671</v>
      </c>
    </row>
    <row r="723" spans="2:10" s="395" customFormat="1" ht="14.25">
      <c r="B723" s="951" t="s">
        <v>31712</v>
      </c>
      <c r="C723" s="944" t="s">
        <v>31657</v>
      </c>
      <c r="D723" s="944" t="s">
        <v>8293</v>
      </c>
      <c r="E723" s="944" t="s">
        <v>8294</v>
      </c>
      <c r="F723" s="944" t="s">
        <v>0</v>
      </c>
      <c r="G723" s="944" t="s">
        <v>7161</v>
      </c>
      <c r="H723" s="944" t="s">
        <v>31655</v>
      </c>
      <c r="I723" s="944" t="s">
        <v>31655</v>
      </c>
      <c r="J723" s="952" t="s">
        <v>31671</v>
      </c>
    </row>
    <row r="724" spans="2:10" s="395" customFormat="1" ht="14.25">
      <c r="B724" s="951" t="s">
        <v>31713</v>
      </c>
      <c r="C724" s="944" t="s">
        <v>31657</v>
      </c>
      <c r="D724" s="944" t="s">
        <v>8296</v>
      </c>
      <c r="E724" s="944" t="s">
        <v>8297</v>
      </c>
      <c r="F724" s="944" t="s">
        <v>0</v>
      </c>
      <c r="G724" s="944" t="s">
        <v>7161</v>
      </c>
      <c r="H724" s="944" t="s">
        <v>31655</v>
      </c>
      <c r="I724" s="944" t="s">
        <v>31655</v>
      </c>
      <c r="J724" s="952" t="s">
        <v>31671</v>
      </c>
    </row>
    <row r="725" spans="2:10" s="395" customFormat="1" ht="14.25">
      <c r="B725" s="951" t="s">
        <v>31714</v>
      </c>
      <c r="C725" s="944" t="s">
        <v>31657</v>
      </c>
      <c r="D725" s="944" t="s">
        <v>8299</v>
      </c>
      <c r="E725" s="944" t="s">
        <v>8300</v>
      </c>
      <c r="F725" s="944" t="s">
        <v>0</v>
      </c>
      <c r="G725" s="944" t="s">
        <v>7161</v>
      </c>
      <c r="H725" s="944" t="s">
        <v>31655</v>
      </c>
      <c r="I725" s="944" t="s">
        <v>31655</v>
      </c>
      <c r="J725" s="952" t="s">
        <v>31671</v>
      </c>
    </row>
    <row r="726" spans="2:10" s="395" customFormat="1" ht="14.25">
      <c r="B726" s="951" t="s">
        <v>31715</v>
      </c>
      <c r="C726" s="944" t="s">
        <v>31657</v>
      </c>
      <c r="D726" s="944" t="s">
        <v>8302</v>
      </c>
      <c r="E726" s="944" t="s">
        <v>8303</v>
      </c>
      <c r="F726" s="944" t="s">
        <v>0</v>
      </c>
      <c r="G726" s="944" t="s">
        <v>7161</v>
      </c>
      <c r="H726" s="944" t="s">
        <v>31655</v>
      </c>
      <c r="I726" s="944" t="s">
        <v>31655</v>
      </c>
      <c r="J726" s="952" t="s">
        <v>31671</v>
      </c>
    </row>
    <row r="727" spans="2:10" s="395" customFormat="1" ht="14.25">
      <c r="B727" s="951" t="s">
        <v>31716</v>
      </c>
      <c r="C727" s="944" t="s">
        <v>31657</v>
      </c>
      <c r="D727" s="944" t="s">
        <v>8305</v>
      </c>
      <c r="E727" s="944" t="s">
        <v>8306</v>
      </c>
      <c r="F727" s="944" t="s">
        <v>0</v>
      </c>
      <c r="G727" s="944" t="s">
        <v>7161</v>
      </c>
      <c r="H727" s="944" t="s">
        <v>31655</v>
      </c>
      <c r="I727" s="944" t="s">
        <v>31655</v>
      </c>
      <c r="J727" s="952" t="s">
        <v>31671</v>
      </c>
    </row>
    <row r="728" spans="2:10" s="395" customFormat="1" ht="14.25">
      <c r="B728" s="951" t="s">
        <v>31717</v>
      </c>
      <c r="C728" s="944" t="s">
        <v>31657</v>
      </c>
      <c r="D728" s="944" t="s">
        <v>8308</v>
      </c>
      <c r="E728" s="944" t="s">
        <v>8309</v>
      </c>
      <c r="F728" s="944" t="s">
        <v>0</v>
      </c>
      <c r="G728" s="944" t="s">
        <v>7161</v>
      </c>
      <c r="H728" s="944" t="s">
        <v>31655</v>
      </c>
      <c r="I728" s="944" t="s">
        <v>31655</v>
      </c>
      <c r="J728" s="952" t="s">
        <v>31671</v>
      </c>
    </row>
    <row r="729" spans="2:10" s="395" customFormat="1" ht="14.25">
      <c r="B729" s="951" t="s">
        <v>31718</v>
      </c>
      <c r="C729" s="944" t="s">
        <v>31657</v>
      </c>
      <c r="D729" s="944" t="s">
        <v>8311</v>
      </c>
      <c r="E729" s="944" t="s">
        <v>8312</v>
      </c>
      <c r="F729" s="944" t="s">
        <v>0</v>
      </c>
      <c r="G729" s="944" t="s">
        <v>7161</v>
      </c>
      <c r="H729" s="944" t="s">
        <v>31655</v>
      </c>
      <c r="I729" s="944" t="s">
        <v>31655</v>
      </c>
      <c r="J729" s="952" t="s">
        <v>31671</v>
      </c>
    </row>
    <row r="730" spans="2:10" s="395" customFormat="1" ht="14.25">
      <c r="B730" s="951" t="s">
        <v>31719</v>
      </c>
      <c r="C730" s="944" t="s">
        <v>31657</v>
      </c>
      <c r="D730" s="944" t="s">
        <v>8314</v>
      </c>
      <c r="E730" s="944" t="s">
        <v>8315</v>
      </c>
      <c r="F730" s="944" t="s">
        <v>0</v>
      </c>
      <c r="G730" s="944" t="s">
        <v>7161</v>
      </c>
      <c r="H730" s="944" t="s">
        <v>31655</v>
      </c>
      <c r="I730" s="944" t="s">
        <v>31655</v>
      </c>
      <c r="J730" s="952" t="s">
        <v>31671</v>
      </c>
    </row>
    <row r="731" spans="2:10" s="395" customFormat="1" ht="14.25">
      <c r="B731" s="951" t="s">
        <v>31720</v>
      </c>
      <c r="C731" s="944" t="s">
        <v>31657</v>
      </c>
      <c r="D731" s="944" t="s">
        <v>8317</v>
      </c>
      <c r="E731" s="944" t="s">
        <v>8318</v>
      </c>
      <c r="F731" s="944" t="s">
        <v>0</v>
      </c>
      <c r="G731" s="944" t="s">
        <v>7161</v>
      </c>
      <c r="H731" s="944" t="s">
        <v>31655</v>
      </c>
      <c r="I731" s="944" t="s">
        <v>31655</v>
      </c>
      <c r="J731" s="952" t="s">
        <v>31671</v>
      </c>
    </row>
    <row r="732" spans="2:10" s="395" customFormat="1" ht="14.25">
      <c r="B732" s="951" t="s">
        <v>31721</v>
      </c>
      <c r="C732" s="944" t="s">
        <v>31657</v>
      </c>
      <c r="D732" s="944" t="s">
        <v>8320</v>
      </c>
      <c r="E732" s="944" t="s">
        <v>8321</v>
      </c>
      <c r="F732" s="944" t="s">
        <v>0</v>
      </c>
      <c r="G732" s="944" t="s">
        <v>7161</v>
      </c>
      <c r="H732" s="944" t="s">
        <v>31655</v>
      </c>
      <c r="I732" s="944" t="s">
        <v>31655</v>
      </c>
      <c r="J732" s="952" t="s">
        <v>31671</v>
      </c>
    </row>
    <row r="733" spans="2:10" s="395" customFormat="1" ht="14.25">
      <c r="B733" s="951" t="s">
        <v>31722</v>
      </c>
      <c r="C733" s="944" t="s">
        <v>31657</v>
      </c>
      <c r="D733" s="944" t="s">
        <v>8323</v>
      </c>
      <c r="E733" s="944" t="s">
        <v>8324</v>
      </c>
      <c r="F733" s="944" t="s">
        <v>0</v>
      </c>
      <c r="G733" s="944" t="s">
        <v>7161</v>
      </c>
      <c r="H733" s="944" t="s">
        <v>31655</v>
      </c>
      <c r="I733" s="944" t="s">
        <v>31655</v>
      </c>
      <c r="J733" s="952" t="s">
        <v>31671</v>
      </c>
    </row>
    <row r="734" spans="2:10" s="395" customFormat="1" ht="14.25">
      <c r="B734" s="951" t="s">
        <v>31723</v>
      </c>
      <c r="C734" s="944" t="s">
        <v>31657</v>
      </c>
      <c r="D734" s="944" t="s">
        <v>7384</v>
      </c>
      <c r="E734" s="944" t="s">
        <v>7385</v>
      </c>
      <c r="F734" s="944" t="s">
        <v>0</v>
      </c>
      <c r="G734" s="944" t="s">
        <v>7161</v>
      </c>
      <c r="H734" s="944" t="s">
        <v>31655</v>
      </c>
      <c r="I734" s="944" t="s">
        <v>31655</v>
      </c>
      <c r="J734" s="952" t="s">
        <v>31671</v>
      </c>
    </row>
    <row r="735" spans="2:10" s="395" customFormat="1" ht="14.25">
      <c r="B735" s="951" t="s">
        <v>31724</v>
      </c>
      <c r="C735" s="944" t="s">
        <v>31657</v>
      </c>
      <c r="D735" s="944" t="s">
        <v>8152</v>
      </c>
      <c r="E735" s="944" t="s">
        <v>8153</v>
      </c>
      <c r="F735" s="944" t="s">
        <v>0</v>
      </c>
      <c r="G735" s="944" t="s">
        <v>7161</v>
      </c>
      <c r="H735" s="944" t="s">
        <v>31655</v>
      </c>
      <c r="I735" s="944" t="s">
        <v>31655</v>
      </c>
      <c r="J735" s="952" t="s">
        <v>31671</v>
      </c>
    </row>
    <row r="736" spans="2:10" s="395" customFormat="1" ht="14.25">
      <c r="B736" s="951" t="s">
        <v>31725</v>
      </c>
      <c r="C736" s="944" t="s">
        <v>31657</v>
      </c>
      <c r="D736" s="944" t="s">
        <v>7337</v>
      </c>
      <c r="E736" s="944" t="s">
        <v>7338</v>
      </c>
      <c r="F736" s="944" t="s">
        <v>0</v>
      </c>
      <c r="G736" s="944" t="s">
        <v>7161</v>
      </c>
      <c r="H736" s="944" t="s">
        <v>31655</v>
      </c>
      <c r="I736" s="944" t="s">
        <v>31655</v>
      </c>
      <c r="J736" s="952" t="s">
        <v>31671</v>
      </c>
    </row>
    <row r="737" spans="2:10" s="395" customFormat="1" ht="14.25">
      <c r="B737" s="951" t="s">
        <v>31726</v>
      </c>
      <c r="C737" s="944" t="s">
        <v>31657</v>
      </c>
      <c r="D737" s="944" t="s">
        <v>8088</v>
      </c>
      <c r="E737" s="944" t="s">
        <v>8089</v>
      </c>
      <c r="F737" s="944" t="s">
        <v>0</v>
      </c>
      <c r="G737" s="944" t="s">
        <v>7161</v>
      </c>
      <c r="H737" s="944" t="s">
        <v>31655</v>
      </c>
      <c r="I737" s="944" t="s">
        <v>31655</v>
      </c>
      <c r="J737" s="952" t="s">
        <v>31671</v>
      </c>
    </row>
    <row r="738" spans="2:10" s="395" customFormat="1" ht="14.25">
      <c r="B738" s="951" t="s">
        <v>31727</v>
      </c>
      <c r="C738" s="944" t="s">
        <v>31657</v>
      </c>
      <c r="D738" s="944" t="s">
        <v>8091</v>
      </c>
      <c r="E738" s="944" t="s">
        <v>8092</v>
      </c>
      <c r="F738" s="944" t="s">
        <v>0</v>
      </c>
      <c r="G738" s="944" t="s">
        <v>7161</v>
      </c>
      <c r="H738" s="944" t="s">
        <v>31655</v>
      </c>
      <c r="I738" s="944" t="s">
        <v>31655</v>
      </c>
      <c r="J738" s="952" t="s">
        <v>31671</v>
      </c>
    </row>
    <row r="739" spans="2:10" s="395" customFormat="1" ht="14.25">
      <c r="B739" s="951" t="s">
        <v>31728</v>
      </c>
      <c r="C739" s="944" t="s">
        <v>31657</v>
      </c>
      <c r="D739" s="944" t="s">
        <v>7358</v>
      </c>
      <c r="E739" s="944" t="s">
        <v>7359</v>
      </c>
      <c r="F739" s="944" t="s">
        <v>0</v>
      </c>
      <c r="G739" s="944" t="s">
        <v>7161</v>
      </c>
      <c r="H739" s="944" t="s">
        <v>31655</v>
      </c>
      <c r="I739" s="944" t="s">
        <v>31655</v>
      </c>
      <c r="J739" s="952" t="s">
        <v>31671</v>
      </c>
    </row>
    <row r="740" spans="2:10" s="395" customFormat="1" ht="14.25">
      <c r="B740" s="951" t="s">
        <v>31729</v>
      </c>
      <c r="C740" s="944" t="s">
        <v>31657</v>
      </c>
      <c r="D740" s="944" t="s">
        <v>8155</v>
      </c>
      <c r="E740" s="944" t="s">
        <v>8156</v>
      </c>
      <c r="F740" s="944" t="s">
        <v>0</v>
      </c>
      <c r="G740" s="944" t="s">
        <v>7161</v>
      </c>
      <c r="H740" s="944" t="s">
        <v>31655</v>
      </c>
      <c r="I740" s="944" t="s">
        <v>31655</v>
      </c>
      <c r="J740" s="952" t="s">
        <v>31671</v>
      </c>
    </row>
    <row r="741" spans="2:10" s="395" customFormat="1" ht="14.25">
      <c r="B741" s="951" t="s">
        <v>31730</v>
      </c>
      <c r="C741" s="944" t="s">
        <v>31657</v>
      </c>
      <c r="D741" s="944" t="s">
        <v>7910</v>
      </c>
      <c r="E741" s="944" t="s">
        <v>6350</v>
      </c>
      <c r="F741" s="944" t="s">
        <v>0</v>
      </c>
      <c r="G741" s="944" t="s">
        <v>7161</v>
      </c>
      <c r="H741" s="944" t="s">
        <v>31655</v>
      </c>
      <c r="I741" s="944" t="s">
        <v>31655</v>
      </c>
      <c r="J741" s="952" t="s">
        <v>31671</v>
      </c>
    </row>
    <row r="742" spans="2:10" s="395" customFormat="1" ht="14.25">
      <c r="B742" s="951" t="s">
        <v>31731</v>
      </c>
      <c r="C742" s="944" t="s">
        <v>31657</v>
      </c>
      <c r="D742" s="944" t="s">
        <v>8094</v>
      </c>
      <c r="E742" s="944" t="s">
        <v>8095</v>
      </c>
      <c r="F742" s="944" t="s">
        <v>0</v>
      </c>
      <c r="G742" s="944" t="s">
        <v>7161</v>
      </c>
      <c r="H742" s="944" t="s">
        <v>31655</v>
      </c>
      <c r="I742" s="944" t="s">
        <v>31655</v>
      </c>
      <c r="J742" s="952" t="s">
        <v>31671</v>
      </c>
    </row>
    <row r="743" spans="2:10" s="395" customFormat="1" ht="14.25">
      <c r="B743" s="951" t="s">
        <v>31732</v>
      </c>
      <c r="C743" s="944" t="s">
        <v>31657</v>
      </c>
      <c r="D743" s="944" t="s">
        <v>8097</v>
      </c>
      <c r="E743" s="944" t="s">
        <v>8098</v>
      </c>
      <c r="F743" s="944" t="s">
        <v>0</v>
      </c>
      <c r="G743" s="944" t="s">
        <v>7161</v>
      </c>
      <c r="H743" s="944" t="s">
        <v>31655</v>
      </c>
      <c r="I743" s="944" t="s">
        <v>31655</v>
      </c>
      <c r="J743" s="952" t="s">
        <v>31671</v>
      </c>
    </row>
    <row r="744" spans="2:10" s="395" customFormat="1" ht="14.25">
      <c r="B744" s="951" t="s">
        <v>31733</v>
      </c>
      <c r="C744" s="944" t="s">
        <v>31657</v>
      </c>
      <c r="D744" s="944" t="s">
        <v>8100</v>
      </c>
      <c r="E744" s="944" t="s">
        <v>8101</v>
      </c>
      <c r="F744" s="944" t="s">
        <v>0</v>
      </c>
      <c r="G744" s="944" t="s">
        <v>7161</v>
      </c>
      <c r="H744" s="944" t="s">
        <v>31655</v>
      </c>
      <c r="I744" s="944" t="s">
        <v>31655</v>
      </c>
      <c r="J744" s="952" t="s">
        <v>31671</v>
      </c>
    </row>
    <row r="745" spans="2:10" s="395" customFormat="1" ht="14.25">
      <c r="B745" s="951" t="s">
        <v>31734</v>
      </c>
      <c r="C745" s="944" t="s">
        <v>31657</v>
      </c>
      <c r="D745" s="944" t="s">
        <v>8103</v>
      </c>
      <c r="E745" s="944" t="s">
        <v>8104</v>
      </c>
      <c r="F745" s="944" t="s">
        <v>0</v>
      </c>
      <c r="G745" s="944" t="s">
        <v>7161</v>
      </c>
      <c r="H745" s="944" t="s">
        <v>31655</v>
      </c>
      <c r="I745" s="944" t="s">
        <v>31655</v>
      </c>
      <c r="J745" s="952" t="s">
        <v>31671</v>
      </c>
    </row>
    <row r="746" spans="2:10" s="395" customFormat="1" ht="14.25">
      <c r="B746" s="951" t="s">
        <v>31735</v>
      </c>
      <c r="C746" s="944" t="s">
        <v>31657</v>
      </c>
      <c r="D746" s="944" t="s">
        <v>8106</v>
      </c>
      <c r="E746" s="944" t="s">
        <v>8107</v>
      </c>
      <c r="F746" s="944" t="s">
        <v>0</v>
      </c>
      <c r="G746" s="944" t="s">
        <v>7161</v>
      </c>
      <c r="H746" s="944" t="s">
        <v>31655</v>
      </c>
      <c r="I746" s="944" t="s">
        <v>31655</v>
      </c>
      <c r="J746" s="952" t="s">
        <v>31671</v>
      </c>
    </row>
    <row r="747" spans="2:10" s="395" customFormat="1" ht="14.25">
      <c r="B747" s="951" t="s">
        <v>31736</v>
      </c>
      <c r="C747" s="944" t="s">
        <v>31657</v>
      </c>
      <c r="D747" s="944" t="s">
        <v>7880</v>
      </c>
      <c r="E747" s="944" t="s">
        <v>7881</v>
      </c>
      <c r="F747" s="944" t="s">
        <v>0</v>
      </c>
      <c r="G747" s="944" t="s">
        <v>7161</v>
      </c>
      <c r="H747" s="944" t="s">
        <v>31655</v>
      </c>
      <c r="I747" s="944" t="s">
        <v>31655</v>
      </c>
      <c r="J747" s="952" t="s">
        <v>31671</v>
      </c>
    </row>
    <row r="748" spans="2:10" s="395" customFormat="1" ht="14.25">
      <c r="B748" s="951" t="s">
        <v>31737</v>
      </c>
      <c r="C748" s="944" t="s">
        <v>31657</v>
      </c>
      <c r="D748" s="944" t="s">
        <v>7307</v>
      </c>
      <c r="E748" s="944" t="s">
        <v>7308</v>
      </c>
      <c r="F748" s="944" t="s">
        <v>0</v>
      </c>
      <c r="G748" s="944" t="s">
        <v>7161</v>
      </c>
      <c r="H748" s="944" t="s">
        <v>31655</v>
      </c>
      <c r="I748" s="944" t="s">
        <v>31655</v>
      </c>
      <c r="J748" s="952" t="s">
        <v>31671</v>
      </c>
    </row>
    <row r="749" spans="2:10" s="395" customFormat="1" ht="14.25">
      <c r="B749" s="951" t="s">
        <v>31738</v>
      </c>
      <c r="C749" s="944" t="s">
        <v>31657</v>
      </c>
      <c r="D749" s="944" t="s">
        <v>8109</v>
      </c>
      <c r="E749" s="944" t="s">
        <v>8110</v>
      </c>
      <c r="F749" s="944" t="s">
        <v>0</v>
      </c>
      <c r="G749" s="944" t="s">
        <v>7161</v>
      </c>
      <c r="H749" s="944" t="s">
        <v>31655</v>
      </c>
      <c r="I749" s="944" t="s">
        <v>31655</v>
      </c>
      <c r="J749" s="952" t="s">
        <v>31671</v>
      </c>
    </row>
    <row r="750" spans="2:10" s="395" customFormat="1" ht="14.25">
      <c r="B750" s="951" t="s">
        <v>31739</v>
      </c>
      <c r="C750" s="944" t="s">
        <v>31657</v>
      </c>
      <c r="D750" s="944" t="s">
        <v>7883</v>
      </c>
      <c r="E750" s="944" t="s">
        <v>7884</v>
      </c>
      <c r="F750" s="944" t="s">
        <v>0</v>
      </c>
      <c r="G750" s="944" t="s">
        <v>7161</v>
      </c>
      <c r="H750" s="944" t="s">
        <v>31655</v>
      </c>
      <c r="I750" s="944" t="s">
        <v>31655</v>
      </c>
      <c r="J750" s="952" t="s">
        <v>31671</v>
      </c>
    </row>
    <row r="751" spans="2:10" s="395" customFormat="1" ht="14.25">
      <c r="B751" s="951" t="s">
        <v>31740</v>
      </c>
      <c r="C751" s="944" t="s">
        <v>31657</v>
      </c>
      <c r="D751" s="944" t="s">
        <v>7268</v>
      </c>
      <c r="E751" s="944" t="s">
        <v>7269</v>
      </c>
      <c r="F751" s="944" t="s">
        <v>0</v>
      </c>
      <c r="G751" s="944" t="s">
        <v>7161</v>
      </c>
      <c r="H751" s="944" t="s">
        <v>31655</v>
      </c>
      <c r="I751" s="944" t="s">
        <v>31655</v>
      </c>
      <c r="J751" s="952" t="s">
        <v>31671</v>
      </c>
    </row>
    <row r="752" spans="2:10" s="395" customFormat="1" ht="14.25">
      <c r="B752" s="951" t="s">
        <v>31741</v>
      </c>
      <c r="C752" s="944" t="s">
        <v>31657</v>
      </c>
      <c r="D752" s="944" t="s">
        <v>8112</v>
      </c>
      <c r="E752" s="944" t="s">
        <v>8113</v>
      </c>
      <c r="F752" s="944" t="s">
        <v>0</v>
      </c>
      <c r="G752" s="944" t="s">
        <v>7161</v>
      </c>
      <c r="H752" s="944" t="s">
        <v>31655</v>
      </c>
      <c r="I752" s="944" t="s">
        <v>31655</v>
      </c>
      <c r="J752" s="952" t="s">
        <v>31671</v>
      </c>
    </row>
    <row r="753" spans="2:10" s="395" customFormat="1" ht="14.25">
      <c r="B753" s="951" t="s">
        <v>31742</v>
      </c>
      <c r="C753" s="944" t="s">
        <v>31657</v>
      </c>
      <c r="D753" s="944" t="s">
        <v>8115</v>
      </c>
      <c r="E753" s="944" t="s">
        <v>8116</v>
      </c>
      <c r="F753" s="944" t="s">
        <v>0</v>
      </c>
      <c r="G753" s="944" t="s">
        <v>7161</v>
      </c>
      <c r="H753" s="944" t="s">
        <v>31655</v>
      </c>
      <c r="I753" s="944" t="s">
        <v>31655</v>
      </c>
      <c r="J753" s="952" t="s">
        <v>31671</v>
      </c>
    </row>
    <row r="754" spans="2:10" s="395" customFormat="1" ht="14.25">
      <c r="B754" s="951" t="s">
        <v>31743</v>
      </c>
      <c r="C754" s="944" t="s">
        <v>31657</v>
      </c>
      <c r="D754" s="944" t="s">
        <v>8133</v>
      </c>
      <c r="E754" s="944" t="s">
        <v>8134</v>
      </c>
      <c r="F754" s="944" t="s">
        <v>8135</v>
      </c>
      <c r="G754" s="944" t="s">
        <v>7161</v>
      </c>
      <c r="H754" s="944" t="s">
        <v>31655</v>
      </c>
      <c r="I754" s="944" t="s">
        <v>31655</v>
      </c>
      <c r="J754" s="952" t="s">
        <v>31671</v>
      </c>
    </row>
    <row r="755" spans="2:10" s="395" customFormat="1" ht="14.25">
      <c r="B755" s="951" t="s">
        <v>31744</v>
      </c>
      <c r="C755" s="944" t="s">
        <v>31657</v>
      </c>
      <c r="D755" s="944" t="s">
        <v>8137</v>
      </c>
      <c r="E755" s="944" t="s">
        <v>8138</v>
      </c>
      <c r="F755" s="944" t="s">
        <v>0</v>
      </c>
      <c r="G755" s="944" t="s">
        <v>7161</v>
      </c>
      <c r="H755" s="944" t="s">
        <v>31655</v>
      </c>
      <c r="I755" s="944" t="s">
        <v>31655</v>
      </c>
      <c r="J755" s="952" t="s">
        <v>31671</v>
      </c>
    </row>
    <row r="756" spans="2:10" s="395" customFormat="1" ht="14.25">
      <c r="B756" s="951" t="s">
        <v>31745</v>
      </c>
      <c r="C756" s="944" t="s">
        <v>31657</v>
      </c>
      <c r="D756" s="944" t="s">
        <v>8140</v>
      </c>
      <c r="E756" s="944" t="s">
        <v>8141</v>
      </c>
      <c r="F756" s="944" t="s">
        <v>0</v>
      </c>
      <c r="G756" s="944" t="s">
        <v>7161</v>
      </c>
      <c r="H756" s="944" t="s">
        <v>31655</v>
      </c>
      <c r="I756" s="944" t="s">
        <v>31655</v>
      </c>
      <c r="J756" s="952" t="s">
        <v>31671</v>
      </c>
    </row>
    <row r="757" spans="2:10" s="395" customFormat="1" ht="14.25">
      <c r="B757" s="951" t="s">
        <v>31746</v>
      </c>
      <c r="C757" s="944" t="s">
        <v>31657</v>
      </c>
      <c r="D757" s="944" t="s">
        <v>7274</v>
      </c>
      <c r="E757" s="944" t="s">
        <v>7275</v>
      </c>
      <c r="F757" s="944" t="s">
        <v>0</v>
      </c>
      <c r="G757" s="944" t="s">
        <v>7161</v>
      </c>
      <c r="H757" s="944" t="s">
        <v>31655</v>
      </c>
      <c r="I757" s="944" t="s">
        <v>31655</v>
      </c>
      <c r="J757" s="952" t="s">
        <v>31671</v>
      </c>
    </row>
    <row r="758" spans="2:10" s="395" customFormat="1" ht="14.25">
      <c r="B758" s="951" t="s">
        <v>31747</v>
      </c>
      <c r="C758" s="944" t="s">
        <v>31657</v>
      </c>
      <c r="D758" s="944" t="s">
        <v>7396</v>
      </c>
      <c r="E758" s="944" t="s">
        <v>7397</v>
      </c>
      <c r="F758" s="944" t="s">
        <v>0</v>
      </c>
      <c r="G758" s="944" t="s">
        <v>7161</v>
      </c>
      <c r="H758" s="944" t="s">
        <v>31655</v>
      </c>
      <c r="I758" s="944" t="s">
        <v>31655</v>
      </c>
      <c r="J758" s="952" t="s">
        <v>31671</v>
      </c>
    </row>
    <row r="759" spans="2:10" s="395" customFormat="1" ht="14.25">
      <c r="B759" s="951" t="s">
        <v>31748</v>
      </c>
      <c r="C759" s="944" t="s">
        <v>31657</v>
      </c>
      <c r="D759" s="944" t="s">
        <v>8118</v>
      </c>
      <c r="E759" s="944" t="s">
        <v>8119</v>
      </c>
      <c r="F759" s="944" t="s">
        <v>0</v>
      </c>
      <c r="G759" s="944" t="s">
        <v>7161</v>
      </c>
      <c r="H759" s="944" t="s">
        <v>31655</v>
      </c>
      <c r="I759" s="944" t="s">
        <v>31655</v>
      </c>
      <c r="J759" s="952" t="s">
        <v>31671</v>
      </c>
    </row>
    <row r="760" spans="2:10" s="395" customFormat="1" ht="14.25">
      <c r="B760" s="951" t="s">
        <v>31749</v>
      </c>
      <c r="C760" s="944" t="s">
        <v>31657</v>
      </c>
      <c r="D760" s="944" t="s">
        <v>28465</v>
      </c>
      <c r="E760" s="944" t="s">
        <v>28464</v>
      </c>
      <c r="F760" s="944" t="s">
        <v>28463</v>
      </c>
      <c r="G760" s="944" t="s">
        <v>7161</v>
      </c>
      <c r="H760" s="944" t="s">
        <v>31655</v>
      </c>
      <c r="I760" s="944" t="s">
        <v>31655</v>
      </c>
      <c r="J760" s="952" t="s">
        <v>31671</v>
      </c>
    </row>
    <row r="761" spans="2:10" s="395" customFormat="1" ht="14.25">
      <c r="B761" s="951" t="s">
        <v>31750</v>
      </c>
      <c r="C761" s="944" t="s">
        <v>31657</v>
      </c>
      <c r="D761" s="944" t="s">
        <v>561</v>
      </c>
      <c r="E761" s="944" t="s">
        <v>3314</v>
      </c>
      <c r="F761" s="944" t="s">
        <v>0</v>
      </c>
      <c r="G761" s="944" t="s">
        <v>7161</v>
      </c>
      <c r="H761" s="944" t="s">
        <v>31655</v>
      </c>
      <c r="I761" s="944" t="s">
        <v>31655</v>
      </c>
      <c r="J761" s="952" t="s">
        <v>31671</v>
      </c>
    </row>
    <row r="762" spans="2:10" s="395" customFormat="1" ht="14.25">
      <c r="B762" s="951" t="s">
        <v>31751</v>
      </c>
      <c r="C762" s="944" t="s">
        <v>31657</v>
      </c>
      <c r="D762" s="944" t="s">
        <v>7304</v>
      </c>
      <c r="E762" s="944" t="s">
        <v>7305</v>
      </c>
      <c r="F762" s="944" t="s">
        <v>0</v>
      </c>
      <c r="G762" s="944" t="s">
        <v>7161</v>
      </c>
      <c r="H762" s="944" t="s">
        <v>31655</v>
      </c>
      <c r="I762" s="944" t="s">
        <v>31655</v>
      </c>
      <c r="J762" s="952" t="s">
        <v>31671</v>
      </c>
    </row>
    <row r="763" spans="2:10" s="395" customFormat="1" ht="14.25">
      <c r="B763" s="951" t="s">
        <v>31752</v>
      </c>
      <c r="C763" s="944" t="s">
        <v>31657</v>
      </c>
      <c r="D763" s="944" t="s">
        <v>7298</v>
      </c>
      <c r="E763" s="944" t="s">
        <v>7299</v>
      </c>
      <c r="F763" s="944" t="s">
        <v>0</v>
      </c>
      <c r="G763" s="944" t="s">
        <v>7161</v>
      </c>
      <c r="H763" s="944" t="s">
        <v>31655</v>
      </c>
      <c r="I763" s="944" t="s">
        <v>31655</v>
      </c>
      <c r="J763" s="952" t="s">
        <v>31671</v>
      </c>
    </row>
    <row r="764" spans="2:10" s="395" customFormat="1" ht="14.25">
      <c r="B764" s="951" t="s">
        <v>31753</v>
      </c>
      <c r="C764" s="944" t="s">
        <v>31657</v>
      </c>
      <c r="D764" s="944" t="s">
        <v>27171</v>
      </c>
      <c r="E764" s="944" t="s">
        <v>7904</v>
      </c>
      <c r="F764" s="944" t="s">
        <v>0</v>
      </c>
      <c r="G764" s="944" t="s">
        <v>7161</v>
      </c>
      <c r="H764" s="944" t="s">
        <v>31655</v>
      </c>
      <c r="I764" s="944" t="s">
        <v>31655</v>
      </c>
      <c r="J764" s="952" t="s">
        <v>31671</v>
      </c>
    </row>
    <row r="765" spans="2:10" s="395" customFormat="1" ht="14.25">
      <c r="B765" s="951" t="s">
        <v>31754</v>
      </c>
      <c r="C765" s="944" t="s">
        <v>31657</v>
      </c>
      <c r="D765" s="944" t="s">
        <v>8121</v>
      </c>
      <c r="E765" s="944" t="s">
        <v>8122</v>
      </c>
      <c r="F765" s="944" t="s">
        <v>0</v>
      </c>
      <c r="G765" s="944" t="s">
        <v>7161</v>
      </c>
      <c r="H765" s="944" t="s">
        <v>31655</v>
      </c>
      <c r="I765" s="944" t="s">
        <v>31655</v>
      </c>
      <c r="J765" s="952" t="s">
        <v>31671</v>
      </c>
    </row>
    <row r="766" spans="2:10" s="395" customFormat="1" ht="14.25">
      <c r="B766" s="951" t="s">
        <v>31755</v>
      </c>
      <c r="C766" s="944" t="s">
        <v>31657</v>
      </c>
      <c r="D766" s="944" t="s">
        <v>7251</v>
      </c>
      <c r="E766" s="944" t="s">
        <v>7252</v>
      </c>
      <c r="F766" s="944" t="s">
        <v>0</v>
      </c>
      <c r="G766" s="944" t="s">
        <v>7161</v>
      </c>
      <c r="H766" s="944" t="s">
        <v>31655</v>
      </c>
      <c r="I766" s="944" t="s">
        <v>31655</v>
      </c>
      <c r="J766" s="952" t="s">
        <v>31671</v>
      </c>
    </row>
    <row r="767" spans="2:10" s="395" customFormat="1" ht="14.25">
      <c r="B767" s="951" t="s">
        <v>31756</v>
      </c>
      <c r="C767" s="944" t="s">
        <v>31657</v>
      </c>
      <c r="D767" s="944" t="s">
        <v>7242</v>
      </c>
      <c r="E767" s="944" t="s">
        <v>7243</v>
      </c>
      <c r="F767" s="944" t="s">
        <v>0</v>
      </c>
      <c r="G767" s="944" t="s">
        <v>7161</v>
      </c>
      <c r="H767" s="944" t="s">
        <v>31655</v>
      </c>
      <c r="I767" s="944" t="s">
        <v>31655</v>
      </c>
      <c r="J767" s="952" t="s">
        <v>31671</v>
      </c>
    </row>
    <row r="768" spans="2:10" s="395" customFormat="1" ht="14.25">
      <c r="B768" s="951" t="s">
        <v>31757</v>
      </c>
      <c r="C768" s="944" t="s">
        <v>31657</v>
      </c>
      <c r="D768" s="944" t="s">
        <v>7389</v>
      </c>
      <c r="E768" s="944" t="s">
        <v>7390</v>
      </c>
      <c r="F768" s="944" t="s">
        <v>0</v>
      </c>
      <c r="G768" s="944" t="s">
        <v>7161</v>
      </c>
      <c r="H768" s="944" t="s">
        <v>31655</v>
      </c>
      <c r="I768" s="944" t="s">
        <v>31655</v>
      </c>
      <c r="J768" s="952" t="s">
        <v>31671</v>
      </c>
    </row>
    <row r="769" spans="2:10" s="395" customFormat="1" ht="14.25">
      <c r="B769" s="951" t="s">
        <v>31758</v>
      </c>
      <c r="C769" s="944" t="s">
        <v>31657</v>
      </c>
      <c r="D769" s="944" t="s">
        <v>8158</v>
      </c>
      <c r="E769" s="944" t="s">
        <v>8159</v>
      </c>
      <c r="F769" s="944" t="s">
        <v>0</v>
      </c>
      <c r="G769" s="944" t="s">
        <v>7161</v>
      </c>
      <c r="H769" s="944" t="s">
        <v>31655</v>
      </c>
      <c r="I769" s="944" t="s">
        <v>31655</v>
      </c>
      <c r="J769" s="952" t="s">
        <v>31671</v>
      </c>
    </row>
    <row r="770" spans="2:10" s="395" customFormat="1" ht="14.25">
      <c r="B770" s="951" t="s">
        <v>31759</v>
      </c>
      <c r="C770" s="944" t="s">
        <v>31657</v>
      </c>
      <c r="D770" s="944" t="s">
        <v>7340</v>
      </c>
      <c r="E770" s="944" t="s">
        <v>7341</v>
      </c>
      <c r="F770" s="944" t="s">
        <v>0</v>
      </c>
      <c r="G770" s="944" t="s">
        <v>7161</v>
      </c>
      <c r="H770" s="944" t="s">
        <v>31655</v>
      </c>
      <c r="I770" s="944" t="s">
        <v>31655</v>
      </c>
      <c r="J770" s="952" t="s">
        <v>31671</v>
      </c>
    </row>
    <row r="771" spans="2:10" s="395" customFormat="1" ht="14.25">
      <c r="B771" s="951" t="s">
        <v>31760</v>
      </c>
      <c r="C771" s="944" t="s">
        <v>31657</v>
      </c>
      <c r="D771" s="944" t="s">
        <v>13802</v>
      </c>
      <c r="E771" s="944" t="s">
        <v>3316</v>
      </c>
      <c r="F771" s="944" t="s">
        <v>0</v>
      </c>
      <c r="G771" s="944" t="s">
        <v>7161</v>
      </c>
      <c r="H771" s="944" t="s">
        <v>31655</v>
      </c>
      <c r="I771" s="944" t="s">
        <v>31655</v>
      </c>
      <c r="J771" s="952" t="s">
        <v>31671</v>
      </c>
    </row>
    <row r="772" spans="2:10" s="395" customFormat="1" ht="14.25">
      <c r="B772" s="951" t="s">
        <v>31761</v>
      </c>
      <c r="C772" s="944" t="s">
        <v>31657</v>
      </c>
      <c r="D772" s="944" t="s">
        <v>8161</v>
      </c>
      <c r="E772" s="944" t="s">
        <v>8162</v>
      </c>
      <c r="F772" s="944" t="s">
        <v>0</v>
      </c>
      <c r="G772" s="944" t="s">
        <v>7161</v>
      </c>
      <c r="H772" s="944" t="s">
        <v>31655</v>
      </c>
      <c r="I772" s="944" t="s">
        <v>31655</v>
      </c>
      <c r="J772" s="952" t="s">
        <v>31671</v>
      </c>
    </row>
    <row r="773" spans="2:10" s="395" customFormat="1" ht="14.25">
      <c r="B773" s="951" t="s">
        <v>31762</v>
      </c>
      <c r="C773" s="944" t="s">
        <v>31657</v>
      </c>
      <c r="D773" s="944" t="s">
        <v>7319</v>
      </c>
      <c r="E773" s="944" t="s">
        <v>7320</v>
      </c>
      <c r="F773" s="944" t="s">
        <v>0</v>
      </c>
      <c r="G773" s="944" t="s">
        <v>7161</v>
      </c>
      <c r="H773" s="944" t="s">
        <v>31655</v>
      </c>
      <c r="I773" s="944" t="s">
        <v>31655</v>
      </c>
      <c r="J773" s="952" t="s">
        <v>31671</v>
      </c>
    </row>
    <row r="774" spans="2:10" s="395" customFormat="1" ht="14.25">
      <c r="B774" s="951" t="s">
        <v>31763</v>
      </c>
      <c r="C774" s="944" t="s">
        <v>31657</v>
      </c>
      <c r="D774" s="944" t="s">
        <v>7922</v>
      </c>
      <c r="E774" s="944" t="s">
        <v>6359</v>
      </c>
      <c r="F774" s="944" t="s">
        <v>0</v>
      </c>
      <c r="G774" s="944" t="s">
        <v>7161</v>
      </c>
      <c r="H774" s="944" t="s">
        <v>31655</v>
      </c>
      <c r="I774" s="944" t="s">
        <v>31655</v>
      </c>
      <c r="J774" s="952" t="s">
        <v>31671</v>
      </c>
    </row>
    <row r="775" spans="2:10" s="395" customFormat="1" ht="14.25">
      <c r="B775" s="951" t="s">
        <v>31764</v>
      </c>
      <c r="C775" s="944" t="s">
        <v>31657</v>
      </c>
      <c r="D775" s="944" t="s">
        <v>7924</v>
      </c>
      <c r="E775" s="944" t="s">
        <v>6356</v>
      </c>
      <c r="F775" s="944" t="s">
        <v>0</v>
      </c>
      <c r="G775" s="944" t="s">
        <v>7161</v>
      </c>
      <c r="H775" s="944" t="s">
        <v>31655</v>
      </c>
      <c r="I775" s="944" t="s">
        <v>31655</v>
      </c>
      <c r="J775" s="952" t="s">
        <v>31671</v>
      </c>
    </row>
    <row r="776" spans="2:10" s="395" customFormat="1" ht="14.25">
      <c r="B776" s="951" t="s">
        <v>31765</v>
      </c>
      <c r="C776" s="944" t="s">
        <v>31657</v>
      </c>
      <c r="D776" s="944" t="s">
        <v>7313</v>
      </c>
      <c r="E776" s="944" t="s">
        <v>7314</v>
      </c>
      <c r="F776" s="944" t="s">
        <v>0</v>
      </c>
      <c r="G776" s="944" t="s">
        <v>7161</v>
      </c>
      <c r="H776" s="944" t="s">
        <v>31655</v>
      </c>
      <c r="I776" s="944" t="s">
        <v>31655</v>
      </c>
      <c r="J776" s="952" t="s">
        <v>31671</v>
      </c>
    </row>
    <row r="777" spans="2:10" s="395" customFormat="1" ht="14.25">
      <c r="B777" s="951" t="s">
        <v>31766</v>
      </c>
      <c r="C777" s="944" t="s">
        <v>31657</v>
      </c>
      <c r="D777" s="944" t="s">
        <v>7295</v>
      </c>
      <c r="E777" s="944" t="s">
        <v>7296</v>
      </c>
      <c r="F777" s="944" t="s">
        <v>0</v>
      </c>
      <c r="G777" s="944" t="s">
        <v>7161</v>
      </c>
      <c r="H777" s="944" t="s">
        <v>31655</v>
      </c>
      <c r="I777" s="944" t="s">
        <v>31655</v>
      </c>
      <c r="J777" s="952" t="s">
        <v>31671</v>
      </c>
    </row>
    <row r="778" spans="2:10" s="395" customFormat="1" ht="14.25">
      <c r="B778" s="951" t="s">
        <v>31767</v>
      </c>
      <c r="C778" s="944" t="s">
        <v>31657</v>
      </c>
      <c r="D778" s="944" t="s">
        <v>7260</v>
      </c>
      <c r="E778" s="944" t="s">
        <v>7261</v>
      </c>
      <c r="F778" s="944" t="s">
        <v>0</v>
      </c>
      <c r="G778" s="944" t="s">
        <v>7161</v>
      </c>
      <c r="H778" s="944" t="s">
        <v>31655</v>
      </c>
      <c r="I778" s="944" t="s">
        <v>31655</v>
      </c>
      <c r="J778" s="952" t="s">
        <v>31671</v>
      </c>
    </row>
    <row r="779" spans="2:10" s="395" customFormat="1" ht="14.25">
      <c r="B779" s="951" t="s">
        <v>31768</v>
      </c>
      <c r="C779" s="944" t="s">
        <v>31657</v>
      </c>
      <c r="D779" s="944" t="s">
        <v>7322</v>
      </c>
      <c r="E779" s="944" t="s">
        <v>7323</v>
      </c>
      <c r="F779" s="944" t="s">
        <v>0</v>
      </c>
      <c r="G779" s="944" t="s">
        <v>7161</v>
      </c>
      <c r="H779" s="944" t="s">
        <v>31655</v>
      </c>
      <c r="I779" s="944" t="s">
        <v>31655</v>
      </c>
      <c r="J779" s="952" t="s">
        <v>31671</v>
      </c>
    </row>
    <row r="780" spans="2:10" s="395" customFormat="1" ht="14.25">
      <c r="B780" s="951" t="s">
        <v>31769</v>
      </c>
      <c r="C780" s="944" t="s">
        <v>31657</v>
      </c>
      <c r="D780" s="944" t="s">
        <v>7392</v>
      </c>
      <c r="E780" s="944" t="s">
        <v>7393</v>
      </c>
      <c r="F780" s="944" t="s">
        <v>0</v>
      </c>
      <c r="G780" s="944" t="s">
        <v>7161</v>
      </c>
      <c r="H780" s="944" t="s">
        <v>31655</v>
      </c>
      <c r="I780" s="944" t="s">
        <v>31655</v>
      </c>
      <c r="J780" s="952" t="s">
        <v>31671</v>
      </c>
    </row>
    <row r="781" spans="2:10" s="395" customFormat="1" ht="14.25">
      <c r="B781" s="951" t="s">
        <v>31770</v>
      </c>
      <c r="C781" s="944" t="s">
        <v>31657</v>
      </c>
      <c r="D781" s="944" t="s">
        <v>8143</v>
      </c>
      <c r="E781" s="944" t="s">
        <v>8144</v>
      </c>
      <c r="F781" s="944" t="s">
        <v>0</v>
      </c>
      <c r="G781" s="944" t="s">
        <v>7161</v>
      </c>
      <c r="H781" s="944" t="s">
        <v>31655</v>
      </c>
      <c r="I781" s="944" t="s">
        <v>31655</v>
      </c>
      <c r="J781" s="952" t="s">
        <v>31671</v>
      </c>
    </row>
    <row r="782" spans="2:10" s="395" customFormat="1" ht="14.25">
      <c r="B782" s="951" t="s">
        <v>31771</v>
      </c>
      <c r="C782" s="944" t="s">
        <v>31657</v>
      </c>
      <c r="D782" s="944" t="s">
        <v>31772</v>
      </c>
      <c r="E782" s="944" t="s">
        <v>31773</v>
      </c>
      <c r="F782" s="944" t="s">
        <v>31774</v>
      </c>
      <c r="G782" s="944" t="s">
        <v>7161</v>
      </c>
      <c r="H782" s="944" t="s">
        <v>31655</v>
      </c>
      <c r="I782" s="944" t="s">
        <v>31655</v>
      </c>
      <c r="J782" s="952" t="s">
        <v>31671</v>
      </c>
    </row>
    <row r="783" spans="2:10" s="395" customFormat="1" ht="14.25">
      <c r="B783" s="951" t="s">
        <v>31775</v>
      </c>
      <c r="C783" s="944" t="s">
        <v>31657</v>
      </c>
      <c r="D783" s="944" t="s">
        <v>8164</v>
      </c>
      <c r="E783" s="944" t="s">
        <v>8165</v>
      </c>
      <c r="F783" s="944" t="s">
        <v>0</v>
      </c>
      <c r="G783" s="944" t="s">
        <v>7161</v>
      </c>
      <c r="H783" s="944" t="s">
        <v>31655</v>
      </c>
      <c r="I783" s="944" t="s">
        <v>31655</v>
      </c>
      <c r="J783" s="952" t="s">
        <v>31671</v>
      </c>
    </row>
    <row r="784" spans="2:10" s="395" customFormat="1" ht="14.25">
      <c r="B784" s="951" t="s">
        <v>31776</v>
      </c>
      <c r="C784" s="944" t="s">
        <v>31657</v>
      </c>
      <c r="D784" s="944" t="s">
        <v>7900</v>
      </c>
      <c r="E784" s="944" t="s">
        <v>7901</v>
      </c>
      <c r="F784" s="944" t="s">
        <v>0</v>
      </c>
      <c r="G784" s="944" t="s">
        <v>7161</v>
      </c>
      <c r="H784" s="944" t="s">
        <v>31655</v>
      </c>
      <c r="I784" s="944" t="s">
        <v>31655</v>
      </c>
      <c r="J784" s="952" t="s">
        <v>31671</v>
      </c>
    </row>
    <row r="785" spans="2:10" s="395" customFormat="1" ht="14.25">
      <c r="B785" s="951" t="s">
        <v>31777</v>
      </c>
      <c r="C785" s="944" t="s">
        <v>31657</v>
      </c>
      <c r="D785" s="944" t="s">
        <v>7897</v>
      </c>
      <c r="E785" s="944" t="s">
        <v>6342</v>
      </c>
      <c r="F785" s="944" t="s">
        <v>0</v>
      </c>
      <c r="G785" s="944" t="s">
        <v>7161</v>
      </c>
      <c r="H785" s="944" t="s">
        <v>31655</v>
      </c>
      <c r="I785" s="944" t="s">
        <v>31655</v>
      </c>
      <c r="J785" s="952" t="s">
        <v>31671</v>
      </c>
    </row>
    <row r="786" spans="2:10" s="395" customFormat="1" ht="14.25">
      <c r="B786" s="951" t="s">
        <v>31778</v>
      </c>
      <c r="C786" s="944" t="s">
        <v>31657</v>
      </c>
      <c r="D786" s="944" t="s">
        <v>7328</v>
      </c>
      <c r="E786" s="944" t="s">
        <v>7329</v>
      </c>
      <c r="F786" s="944" t="s">
        <v>0</v>
      </c>
      <c r="G786" s="944" t="s">
        <v>7161</v>
      </c>
      <c r="H786" s="944" t="s">
        <v>31655</v>
      </c>
      <c r="I786" s="944" t="s">
        <v>31655</v>
      </c>
      <c r="J786" s="952" t="s">
        <v>31671</v>
      </c>
    </row>
    <row r="787" spans="2:10" s="395" customFormat="1" ht="14.25">
      <c r="B787" s="951" t="s">
        <v>31779</v>
      </c>
      <c r="C787" s="944" t="s">
        <v>31657</v>
      </c>
      <c r="D787" s="944" t="s">
        <v>6360</v>
      </c>
      <c r="E787" s="944" t="s">
        <v>6361</v>
      </c>
      <c r="F787" s="944" t="s">
        <v>0</v>
      </c>
      <c r="G787" s="944" t="s">
        <v>7161</v>
      </c>
      <c r="H787" s="944" t="s">
        <v>31655</v>
      </c>
      <c r="I787" s="944" t="s">
        <v>31655</v>
      </c>
      <c r="J787" s="952" t="s">
        <v>31671</v>
      </c>
    </row>
    <row r="788" spans="2:10" s="395" customFormat="1" ht="14.25">
      <c r="B788" s="951" t="s">
        <v>31780</v>
      </c>
      <c r="C788" s="944" t="s">
        <v>31657</v>
      </c>
      <c r="D788" s="944" t="s">
        <v>31781</v>
      </c>
      <c r="E788" s="944" t="s">
        <v>31782</v>
      </c>
      <c r="F788" s="944" t="s">
        <v>31783</v>
      </c>
      <c r="G788" s="944" t="s">
        <v>7161</v>
      </c>
      <c r="H788" s="944" t="s">
        <v>31655</v>
      </c>
      <c r="I788" s="944" t="s">
        <v>31655</v>
      </c>
      <c r="J788" s="952" t="s">
        <v>31671</v>
      </c>
    </row>
    <row r="789" spans="2:10" s="395" customFormat="1" ht="14.25">
      <c r="B789" s="951" t="s">
        <v>31784</v>
      </c>
      <c r="C789" s="944" t="s">
        <v>31657</v>
      </c>
      <c r="D789" s="944" t="s">
        <v>28461</v>
      </c>
      <c r="E789" s="944" t="s">
        <v>26653</v>
      </c>
      <c r="F789" s="944" t="s">
        <v>28460</v>
      </c>
      <c r="G789" s="944" t="s">
        <v>7161</v>
      </c>
      <c r="H789" s="944" t="s">
        <v>31655</v>
      </c>
      <c r="I789" s="944" t="s">
        <v>31655</v>
      </c>
      <c r="J789" s="952" t="s">
        <v>31671</v>
      </c>
    </row>
    <row r="790" spans="2:10" s="395" customFormat="1" ht="14.25">
      <c r="B790" s="951" t="s">
        <v>31785</v>
      </c>
      <c r="C790" s="944" t="s">
        <v>31657</v>
      </c>
      <c r="D790" s="944" t="s">
        <v>7237</v>
      </c>
      <c r="E790" s="944" t="s">
        <v>7238</v>
      </c>
      <c r="F790" s="944" t="s">
        <v>0</v>
      </c>
      <c r="G790" s="944" t="s">
        <v>7161</v>
      </c>
      <c r="H790" s="944" t="s">
        <v>31655</v>
      </c>
      <c r="I790" s="944" t="s">
        <v>31655</v>
      </c>
      <c r="J790" s="952" t="s">
        <v>31671</v>
      </c>
    </row>
    <row r="791" spans="2:10" s="395" customFormat="1" ht="14.25">
      <c r="B791" s="951" t="s">
        <v>31786</v>
      </c>
      <c r="C791" s="944" t="s">
        <v>31657</v>
      </c>
      <c r="D791" s="944" t="s">
        <v>7277</v>
      </c>
      <c r="E791" s="944" t="s">
        <v>7278</v>
      </c>
      <c r="F791" s="944" t="s">
        <v>0</v>
      </c>
      <c r="G791" s="944" t="s">
        <v>7161</v>
      </c>
      <c r="H791" s="944" t="s">
        <v>31655</v>
      </c>
      <c r="I791" s="944" t="s">
        <v>31655</v>
      </c>
      <c r="J791" s="952" t="s">
        <v>31671</v>
      </c>
    </row>
    <row r="792" spans="2:10" s="395" customFormat="1" ht="14.25">
      <c r="B792" s="951" t="s">
        <v>31787</v>
      </c>
      <c r="C792" s="944" t="s">
        <v>31657</v>
      </c>
      <c r="D792" s="944" t="s">
        <v>8016</v>
      </c>
      <c r="E792" s="944" t="s">
        <v>8017</v>
      </c>
      <c r="F792" s="944" t="s">
        <v>0</v>
      </c>
      <c r="G792" s="944" t="s">
        <v>7161</v>
      </c>
      <c r="H792" s="944" t="s">
        <v>31655</v>
      </c>
      <c r="I792" s="944" t="s">
        <v>31655</v>
      </c>
      <c r="J792" s="952" t="s">
        <v>31671</v>
      </c>
    </row>
    <row r="793" spans="2:10" s="395" customFormat="1" ht="14.25">
      <c r="B793" s="951" t="s">
        <v>31788</v>
      </c>
      <c r="C793" s="944" t="s">
        <v>31657</v>
      </c>
      <c r="D793" s="944" t="s">
        <v>7367</v>
      </c>
      <c r="E793" s="944" t="s">
        <v>7368</v>
      </c>
      <c r="F793" s="944" t="s">
        <v>0</v>
      </c>
      <c r="G793" s="944" t="s">
        <v>7161</v>
      </c>
      <c r="H793" s="944" t="s">
        <v>31655</v>
      </c>
      <c r="I793" s="944" t="s">
        <v>31655</v>
      </c>
      <c r="J793" s="952" t="s">
        <v>31671</v>
      </c>
    </row>
    <row r="794" spans="2:10" s="395" customFormat="1" ht="14.25">
      <c r="B794" s="951" t="s">
        <v>31789</v>
      </c>
      <c r="C794" s="944" t="s">
        <v>31657</v>
      </c>
      <c r="D794" s="944" t="s">
        <v>7280</v>
      </c>
      <c r="E794" s="944" t="s">
        <v>7281</v>
      </c>
      <c r="F794" s="944" t="s">
        <v>0</v>
      </c>
      <c r="G794" s="944" t="s">
        <v>7161</v>
      </c>
      <c r="H794" s="944" t="s">
        <v>31655</v>
      </c>
      <c r="I794" s="944" t="s">
        <v>31655</v>
      </c>
      <c r="J794" s="952" t="s">
        <v>31671</v>
      </c>
    </row>
    <row r="795" spans="2:10" s="395" customFormat="1" ht="14.25">
      <c r="B795" s="951" t="s">
        <v>31790</v>
      </c>
      <c r="C795" s="944" t="s">
        <v>31657</v>
      </c>
      <c r="D795" s="944" t="s">
        <v>7245</v>
      </c>
      <c r="E795" s="944" t="s">
        <v>7246</v>
      </c>
      <c r="F795" s="944" t="s">
        <v>0</v>
      </c>
      <c r="G795" s="944" t="s">
        <v>7161</v>
      </c>
      <c r="H795" s="944" t="s">
        <v>31655</v>
      </c>
      <c r="I795" s="944" t="s">
        <v>31655</v>
      </c>
      <c r="J795" s="952" t="s">
        <v>31671</v>
      </c>
    </row>
    <row r="796" spans="2:10" s="395" customFormat="1" ht="14.25">
      <c r="B796" s="951" t="s">
        <v>31791</v>
      </c>
      <c r="C796" s="944" t="s">
        <v>31657</v>
      </c>
      <c r="D796" s="944" t="s">
        <v>7891</v>
      </c>
      <c r="E796" s="944" t="s">
        <v>6302</v>
      </c>
      <c r="F796" s="944" t="s">
        <v>0</v>
      </c>
      <c r="G796" s="944" t="s">
        <v>7161</v>
      </c>
      <c r="H796" s="944" t="s">
        <v>31655</v>
      </c>
      <c r="I796" s="944" t="s">
        <v>31655</v>
      </c>
      <c r="J796" s="952" t="s">
        <v>31671</v>
      </c>
    </row>
    <row r="797" spans="2:10" s="395" customFormat="1" ht="14.25">
      <c r="B797" s="951" t="s">
        <v>31792</v>
      </c>
      <c r="C797" s="944" t="s">
        <v>31657</v>
      </c>
      <c r="D797" s="944" t="s">
        <v>7913</v>
      </c>
      <c r="E797" s="944" t="s">
        <v>6365</v>
      </c>
      <c r="F797" s="944" t="s">
        <v>0</v>
      </c>
      <c r="G797" s="944" t="s">
        <v>7161</v>
      </c>
      <c r="H797" s="944" t="s">
        <v>31655</v>
      </c>
      <c r="I797" s="944" t="s">
        <v>31655</v>
      </c>
      <c r="J797" s="952" t="s">
        <v>31671</v>
      </c>
    </row>
    <row r="798" spans="2:10" s="395" customFormat="1" ht="14.25">
      <c r="B798" s="951" t="s">
        <v>31793</v>
      </c>
      <c r="C798" s="944" t="s">
        <v>31657</v>
      </c>
      <c r="D798" s="944" t="s">
        <v>7271</v>
      </c>
      <c r="E798" s="944" t="s">
        <v>7272</v>
      </c>
      <c r="F798" s="944" t="s">
        <v>0</v>
      </c>
      <c r="G798" s="944" t="s">
        <v>7161</v>
      </c>
      <c r="H798" s="944" t="s">
        <v>31655</v>
      </c>
      <c r="I798" s="944" t="s">
        <v>31655</v>
      </c>
      <c r="J798" s="952" t="s">
        <v>31671</v>
      </c>
    </row>
    <row r="799" spans="2:10" s="395" customFormat="1" ht="14.25">
      <c r="B799" s="951" t="s">
        <v>31794</v>
      </c>
      <c r="C799" s="944" t="s">
        <v>31657</v>
      </c>
      <c r="D799" s="944" t="s">
        <v>7283</v>
      </c>
      <c r="E799" s="944" t="s">
        <v>7284</v>
      </c>
      <c r="F799" s="944" t="s">
        <v>0</v>
      </c>
      <c r="G799" s="944" t="s">
        <v>7161</v>
      </c>
      <c r="H799" s="944" t="s">
        <v>31655</v>
      </c>
      <c r="I799" s="944" t="s">
        <v>31655</v>
      </c>
      <c r="J799" s="952" t="s">
        <v>31671</v>
      </c>
    </row>
    <row r="800" spans="2:10" s="395" customFormat="1" ht="14.25">
      <c r="B800" s="951" t="s">
        <v>31795</v>
      </c>
      <c r="C800" s="944" t="s">
        <v>31657</v>
      </c>
      <c r="D800" s="944" t="s">
        <v>7355</v>
      </c>
      <c r="E800" s="944" t="s">
        <v>7356</v>
      </c>
      <c r="F800" s="944" t="s">
        <v>0</v>
      </c>
      <c r="G800" s="944" t="s">
        <v>7161</v>
      </c>
      <c r="H800" s="944" t="s">
        <v>31655</v>
      </c>
      <c r="I800" s="944" t="s">
        <v>31655</v>
      </c>
      <c r="J800" s="952" t="s">
        <v>31671</v>
      </c>
    </row>
    <row r="801" spans="2:10" s="395" customFormat="1" ht="14.25">
      <c r="B801" s="951" t="s">
        <v>31796</v>
      </c>
      <c r="C801" s="944" t="s">
        <v>31657</v>
      </c>
      <c r="D801" s="944" t="s">
        <v>6366</v>
      </c>
      <c r="E801" s="944" t="s">
        <v>6367</v>
      </c>
      <c r="F801" s="944" t="s">
        <v>0</v>
      </c>
      <c r="G801" s="944" t="s">
        <v>7161</v>
      </c>
      <c r="H801" s="944" t="s">
        <v>31655</v>
      </c>
      <c r="I801" s="944" t="s">
        <v>31655</v>
      </c>
      <c r="J801" s="952" t="s">
        <v>31671</v>
      </c>
    </row>
    <row r="802" spans="2:10" s="395" customFormat="1" ht="14.25">
      <c r="B802" s="951" t="s">
        <v>31797</v>
      </c>
      <c r="C802" s="944" t="s">
        <v>31657</v>
      </c>
      <c r="D802" s="944" t="s">
        <v>8167</v>
      </c>
      <c r="E802" s="944" t="s">
        <v>8168</v>
      </c>
      <c r="F802" s="944" t="s">
        <v>0</v>
      </c>
      <c r="G802" s="944" t="s">
        <v>7161</v>
      </c>
      <c r="H802" s="944" t="s">
        <v>31655</v>
      </c>
      <c r="I802" s="944" t="s">
        <v>31655</v>
      </c>
      <c r="J802" s="952" t="s">
        <v>31671</v>
      </c>
    </row>
    <row r="803" spans="2:10" s="395" customFormat="1" ht="14.25">
      <c r="B803" s="951" t="s">
        <v>31798</v>
      </c>
      <c r="C803" s="944" t="s">
        <v>31657</v>
      </c>
      <c r="D803" s="944" t="s">
        <v>8170</v>
      </c>
      <c r="E803" s="944" t="s">
        <v>8171</v>
      </c>
      <c r="F803" s="944" t="s">
        <v>0</v>
      </c>
      <c r="G803" s="944" t="s">
        <v>7161</v>
      </c>
      <c r="H803" s="944" t="s">
        <v>31655</v>
      </c>
      <c r="I803" s="944" t="s">
        <v>31655</v>
      </c>
      <c r="J803" s="952" t="s">
        <v>31671</v>
      </c>
    </row>
    <row r="804" spans="2:10" s="395" customFormat="1" ht="14.25">
      <c r="B804" s="951" t="s">
        <v>31799</v>
      </c>
      <c r="C804" s="944" t="s">
        <v>31657</v>
      </c>
      <c r="D804" s="944" t="s">
        <v>8173</v>
      </c>
      <c r="E804" s="944" t="s">
        <v>8174</v>
      </c>
      <c r="F804" s="944" t="s">
        <v>0</v>
      </c>
      <c r="G804" s="944" t="s">
        <v>7161</v>
      </c>
      <c r="H804" s="944" t="s">
        <v>31655</v>
      </c>
      <c r="I804" s="944" t="s">
        <v>31655</v>
      </c>
      <c r="J804" s="952" t="s">
        <v>31671</v>
      </c>
    </row>
    <row r="805" spans="2:10" s="395" customFormat="1" ht="14.25">
      <c r="B805" s="951" t="s">
        <v>31800</v>
      </c>
      <c r="C805" s="944" t="s">
        <v>31657</v>
      </c>
      <c r="D805" s="944" t="s">
        <v>8176</v>
      </c>
      <c r="E805" s="944" t="s">
        <v>8177</v>
      </c>
      <c r="F805" s="944" t="s">
        <v>0</v>
      </c>
      <c r="G805" s="944" t="s">
        <v>7161</v>
      </c>
      <c r="H805" s="944" t="s">
        <v>31655</v>
      </c>
      <c r="I805" s="944" t="s">
        <v>31655</v>
      </c>
      <c r="J805" s="952" t="s">
        <v>31671</v>
      </c>
    </row>
    <row r="806" spans="2:10" s="395" customFormat="1" ht="14.25">
      <c r="B806" s="951" t="s">
        <v>31801</v>
      </c>
      <c r="C806" s="944" t="s">
        <v>31657</v>
      </c>
      <c r="D806" s="944" t="s">
        <v>8179</v>
      </c>
      <c r="E806" s="944" t="s">
        <v>8180</v>
      </c>
      <c r="F806" s="944" t="s">
        <v>0</v>
      </c>
      <c r="G806" s="944" t="s">
        <v>7161</v>
      </c>
      <c r="H806" s="944" t="s">
        <v>31655</v>
      </c>
      <c r="I806" s="944" t="s">
        <v>31655</v>
      </c>
      <c r="J806" s="952" t="s">
        <v>31671</v>
      </c>
    </row>
    <row r="807" spans="2:10" s="395" customFormat="1" ht="14.25">
      <c r="B807" s="951" t="s">
        <v>31802</v>
      </c>
      <c r="C807" s="944" t="s">
        <v>31657</v>
      </c>
      <c r="D807" s="944" t="s">
        <v>7352</v>
      </c>
      <c r="E807" s="944" t="s">
        <v>7353</v>
      </c>
      <c r="F807" s="944" t="s">
        <v>0</v>
      </c>
      <c r="G807" s="944" t="s">
        <v>7161</v>
      </c>
      <c r="H807" s="944" t="s">
        <v>31655</v>
      </c>
      <c r="I807" s="944" t="s">
        <v>31655</v>
      </c>
      <c r="J807" s="952" t="s">
        <v>31671</v>
      </c>
    </row>
    <row r="808" spans="2:10" s="395" customFormat="1" ht="14.25">
      <c r="B808" s="951" t="s">
        <v>31803</v>
      </c>
      <c r="C808" s="944" t="s">
        <v>31657</v>
      </c>
      <c r="D808" s="944" t="s">
        <v>7316</v>
      </c>
      <c r="E808" s="944" t="s">
        <v>7317</v>
      </c>
      <c r="F808" s="944" t="s">
        <v>0</v>
      </c>
      <c r="G808" s="944" t="s">
        <v>7161</v>
      </c>
      <c r="H808" s="944" t="s">
        <v>31655</v>
      </c>
      <c r="I808" s="944" t="s">
        <v>31655</v>
      </c>
      <c r="J808" s="952" t="s">
        <v>31671</v>
      </c>
    </row>
    <row r="809" spans="2:10" s="395" customFormat="1" ht="14.25">
      <c r="B809" s="951" t="s">
        <v>31804</v>
      </c>
      <c r="C809" s="944" t="s">
        <v>31657</v>
      </c>
      <c r="D809" s="944" t="s">
        <v>8182</v>
      </c>
      <c r="E809" s="944" t="s">
        <v>8183</v>
      </c>
      <c r="F809" s="944" t="s">
        <v>0</v>
      </c>
      <c r="G809" s="944" t="s">
        <v>7161</v>
      </c>
      <c r="H809" s="944" t="s">
        <v>31655</v>
      </c>
      <c r="I809" s="944" t="s">
        <v>31655</v>
      </c>
      <c r="J809" s="952" t="s">
        <v>31671</v>
      </c>
    </row>
    <row r="810" spans="2:10" s="395" customFormat="1" ht="14.25">
      <c r="B810" s="951" t="s">
        <v>31805</v>
      </c>
      <c r="C810" s="944" t="s">
        <v>31657</v>
      </c>
      <c r="D810" s="944" t="s">
        <v>8185</v>
      </c>
      <c r="E810" s="944" t="s">
        <v>8186</v>
      </c>
      <c r="F810" s="944" t="s">
        <v>0</v>
      </c>
      <c r="G810" s="944" t="s">
        <v>7161</v>
      </c>
      <c r="H810" s="944" t="s">
        <v>31655</v>
      </c>
      <c r="I810" s="944" t="s">
        <v>31655</v>
      </c>
      <c r="J810" s="952" t="s">
        <v>31671</v>
      </c>
    </row>
    <row r="811" spans="2:10" s="395" customFormat="1" ht="14.25">
      <c r="B811" s="951" t="s">
        <v>31806</v>
      </c>
      <c r="C811" s="944" t="s">
        <v>31657</v>
      </c>
      <c r="D811" s="944" t="s">
        <v>8188</v>
      </c>
      <c r="E811" s="944" t="s">
        <v>8189</v>
      </c>
      <c r="F811" s="944" t="s">
        <v>0</v>
      </c>
      <c r="G811" s="944" t="s">
        <v>7161</v>
      </c>
      <c r="H811" s="944" t="s">
        <v>31655</v>
      </c>
      <c r="I811" s="944" t="s">
        <v>31655</v>
      </c>
      <c r="J811" s="952" t="s">
        <v>31671</v>
      </c>
    </row>
    <row r="812" spans="2:10" s="395" customFormat="1" ht="14.25">
      <c r="B812" s="951" t="s">
        <v>31807</v>
      </c>
      <c r="C812" s="944" t="s">
        <v>31657</v>
      </c>
      <c r="D812" s="944" t="s">
        <v>7301</v>
      </c>
      <c r="E812" s="944" t="s">
        <v>7302</v>
      </c>
      <c r="F812" s="944" t="s">
        <v>0</v>
      </c>
      <c r="G812" s="944" t="s">
        <v>7161</v>
      </c>
      <c r="H812" s="944" t="s">
        <v>31655</v>
      </c>
      <c r="I812" s="944" t="s">
        <v>31655</v>
      </c>
      <c r="J812" s="952" t="s">
        <v>31671</v>
      </c>
    </row>
    <row r="813" spans="2:10" s="395" customFormat="1" ht="14.25">
      <c r="B813" s="951" t="s">
        <v>31808</v>
      </c>
      <c r="C813" s="944" t="s">
        <v>31657</v>
      </c>
      <c r="D813" s="944" t="s">
        <v>8191</v>
      </c>
      <c r="E813" s="944" t="s">
        <v>8192</v>
      </c>
      <c r="F813" s="944" t="s">
        <v>0</v>
      </c>
      <c r="G813" s="944" t="s">
        <v>7161</v>
      </c>
      <c r="H813" s="944" t="s">
        <v>31655</v>
      </c>
      <c r="I813" s="944" t="s">
        <v>31655</v>
      </c>
      <c r="J813" s="952" t="s">
        <v>31671</v>
      </c>
    </row>
    <row r="814" spans="2:10" s="395" customFormat="1" ht="14.25">
      <c r="B814" s="951" t="s">
        <v>31809</v>
      </c>
      <c r="C814" s="944" t="s">
        <v>31657</v>
      </c>
      <c r="D814" s="944" t="s">
        <v>8194</v>
      </c>
      <c r="E814" s="944" t="s">
        <v>8195</v>
      </c>
      <c r="F814" s="944" t="s">
        <v>0</v>
      </c>
      <c r="G814" s="944" t="s">
        <v>7161</v>
      </c>
      <c r="H814" s="944" t="s">
        <v>31655</v>
      </c>
      <c r="I814" s="944" t="s">
        <v>31655</v>
      </c>
      <c r="J814" s="952" t="s">
        <v>31671</v>
      </c>
    </row>
    <row r="815" spans="2:10" s="395" customFormat="1" ht="14.25">
      <c r="B815" s="951" t="s">
        <v>31810</v>
      </c>
      <c r="C815" s="944" t="s">
        <v>31657</v>
      </c>
      <c r="D815" s="944" t="s">
        <v>8197</v>
      </c>
      <c r="E815" s="944" t="s">
        <v>8198</v>
      </c>
      <c r="F815" s="944" t="s">
        <v>0</v>
      </c>
      <c r="G815" s="944" t="s">
        <v>7161</v>
      </c>
      <c r="H815" s="944" t="s">
        <v>31655</v>
      </c>
      <c r="I815" s="944" t="s">
        <v>31655</v>
      </c>
      <c r="J815" s="952" t="s">
        <v>31671</v>
      </c>
    </row>
    <row r="816" spans="2:10" s="395" customFormat="1" ht="14.25">
      <c r="B816" s="951" t="s">
        <v>31811</v>
      </c>
      <c r="C816" s="944" t="s">
        <v>31657</v>
      </c>
      <c r="D816" s="944" t="s">
        <v>8200</v>
      </c>
      <c r="E816" s="944" t="s">
        <v>8201</v>
      </c>
      <c r="F816" s="944" t="s">
        <v>0</v>
      </c>
      <c r="G816" s="944" t="s">
        <v>7161</v>
      </c>
      <c r="H816" s="944" t="s">
        <v>31655</v>
      </c>
      <c r="I816" s="944" t="s">
        <v>31655</v>
      </c>
      <c r="J816" s="952" t="s">
        <v>31671</v>
      </c>
    </row>
    <row r="817" spans="2:10" s="395" customFormat="1" ht="14.25">
      <c r="B817" s="951" t="s">
        <v>31812</v>
      </c>
      <c r="C817" s="944" t="s">
        <v>31657</v>
      </c>
      <c r="D817" s="944" t="s">
        <v>8203</v>
      </c>
      <c r="E817" s="944" t="s">
        <v>8204</v>
      </c>
      <c r="F817" s="944" t="s">
        <v>0</v>
      </c>
      <c r="G817" s="944" t="s">
        <v>7161</v>
      </c>
      <c r="H817" s="944" t="s">
        <v>31655</v>
      </c>
      <c r="I817" s="944" t="s">
        <v>31655</v>
      </c>
      <c r="J817" s="952" t="s">
        <v>31671</v>
      </c>
    </row>
    <row r="818" spans="2:10" s="395" customFormat="1" ht="14.25">
      <c r="B818" s="951" t="s">
        <v>31813</v>
      </c>
      <c r="C818" s="944" t="s">
        <v>31657</v>
      </c>
      <c r="D818" s="944" t="s">
        <v>8206</v>
      </c>
      <c r="E818" s="944" t="s">
        <v>8207</v>
      </c>
      <c r="F818" s="944" t="s">
        <v>0</v>
      </c>
      <c r="G818" s="944" t="s">
        <v>7161</v>
      </c>
      <c r="H818" s="944" t="s">
        <v>31655</v>
      </c>
      <c r="I818" s="944" t="s">
        <v>31655</v>
      </c>
      <c r="J818" s="952" t="s">
        <v>31671</v>
      </c>
    </row>
    <row r="819" spans="2:10" s="395" customFormat="1" ht="14.25">
      <c r="B819" s="951" t="s">
        <v>31814</v>
      </c>
      <c r="C819" s="944" t="s">
        <v>31657</v>
      </c>
      <c r="D819" s="944" t="s">
        <v>8209</v>
      </c>
      <c r="E819" s="944" t="s">
        <v>8210</v>
      </c>
      <c r="F819" s="944" t="s">
        <v>0</v>
      </c>
      <c r="G819" s="944" t="s">
        <v>7161</v>
      </c>
      <c r="H819" s="944" t="s">
        <v>31655</v>
      </c>
      <c r="I819" s="944" t="s">
        <v>31655</v>
      </c>
      <c r="J819" s="952" t="s">
        <v>31671</v>
      </c>
    </row>
    <row r="820" spans="2:10" s="395" customFormat="1" ht="14.25">
      <c r="B820" s="951" t="s">
        <v>31815</v>
      </c>
      <c r="C820" s="944" t="s">
        <v>31657</v>
      </c>
      <c r="D820" s="944" t="s">
        <v>8212</v>
      </c>
      <c r="E820" s="944" t="s">
        <v>8213</v>
      </c>
      <c r="F820" s="944" t="s">
        <v>0</v>
      </c>
      <c r="G820" s="944" t="s">
        <v>7161</v>
      </c>
      <c r="H820" s="944" t="s">
        <v>31655</v>
      </c>
      <c r="I820" s="944" t="s">
        <v>31655</v>
      </c>
      <c r="J820" s="952" t="s">
        <v>31671</v>
      </c>
    </row>
    <row r="821" spans="2:10" s="395" customFormat="1" ht="14.25">
      <c r="B821" s="951" t="s">
        <v>31816</v>
      </c>
      <c r="C821" s="944" t="s">
        <v>31657</v>
      </c>
      <c r="D821" s="944" t="s">
        <v>8215</v>
      </c>
      <c r="E821" s="944" t="s">
        <v>8216</v>
      </c>
      <c r="F821" s="944" t="s">
        <v>0</v>
      </c>
      <c r="G821" s="944" t="s">
        <v>7161</v>
      </c>
      <c r="H821" s="944" t="s">
        <v>31655</v>
      </c>
      <c r="I821" s="944" t="s">
        <v>31655</v>
      </c>
      <c r="J821" s="952" t="s">
        <v>31671</v>
      </c>
    </row>
    <row r="822" spans="2:10" s="395" customFormat="1" ht="14.25">
      <c r="B822" s="951" t="s">
        <v>31817</v>
      </c>
      <c r="C822" s="944" t="s">
        <v>31657</v>
      </c>
      <c r="D822" s="944" t="s">
        <v>8218</v>
      </c>
      <c r="E822" s="944" t="s">
        <v>8219</v>
      </c>
      <c r="F822" s="944" t="s">
        <v>0</v>
      </c>
      <c r="G822" s="944" t="s">
        <v>7161</v>
      </c>
      <c r="H822" s="944" t="s">
        <v>31655</v>
      </c>
      <c r="I822" s="944" t="s">
        <v>31655</v>
      </c>
      <c r="J822" s="952" t="s">
        <v>31671</v>
      </c>
    </row>
    <row r="823" spans="2:10" s="395" customFormat="1" ht="14.25">
      <c r="B823" s="951" t="s">
        <v>31818</v>
      </c>
      <c r="C823" s="944" t="s">
        <v>31657</v>
      </c>
      <c r="D823" s="944" t="s">
        <v>8221</v>
      </c>
      <c r="E823" s="944" t="s">
        <v>8222</v>
      </c>
      <c r="F823" s="944" t="s">
        <v>0</v>
      </c>
      <c r="G823" s="944" t="s">
        <v>7161</v>
      </c>
      <c r="H823" s="944" t="s">
        <v>31655</v>
      </c>
      <c r="I823" s="944" t="s">
        <v>31655</v>
      </c>
      <c r="J823" s="952" t="s">
        <v>31671</v>
      </c>
    </row>
    <row r="824" spans="2:10" s="395" customFormat="1" ht="14.25">
      <c r="B824" s="951" t="s">
        <v>31819</v>
      </c>
      <c r="C824" s="944" t="s">
        <v>31657</v>
      </c>
      <c r="D824" s="944" t="s">
        <v>7893</v>
      </c>
      <c r="E824" s="944" t="s">
        <v>7894</v>
      </c>
      <c r="F824" s="944" t="s">
        <v>0</v>
      </c>
      <c r="G824" s="944" t="s">
        <v>7161</v>
      </c>
      <c r="H824" s="944" t="s">
        <v>31655</v>
      </c>
      <c r="I824" s="944" t="s">
        <v>31655</v>
      </c>
      <c r="J824" s="952" t="s">
        <v>31671</v>
      </c>
    </row>
    <row r="825" spans="2:10" s="395" customFormat="1" ht="14.25">
      <c r="B825" s="951" t="s">
        <v>31820</v>
      </c>
      <c r="C825" s="944" t="s">
        <v>31657</v>
      </c>
      <c r="D825" s="944" t="s">
        <v>7331</v>
      </c>
      <c r="E825" s="944" t="s">
        <v>7332</v>
      </c>
      <c r="F825" s="944" t="s">
        <v>0</v>
      </c>
      <c r="G825" s="944" t="s">
        <v>7161</v>
      </c>
      <c r="H825" s="944" t="s">
        <v>31655</v>
      </c>
      <c r="I825" s="944" t="s">
        <v>31655</v>
      </c>
      <c r="J825" s="952" t="s">
        <v>31671</v>
      </c>
    </row>
    <row r="826" spans="2:10" s="395" customFormat="1" ht="14.25">
      <c r="B826" s="951" t="s">
        <v>31821</v>
      </c>
      <c r="C826" s="944" t="s">
        <v>31657</v>
      </c>
      <c r="D826" s="944" t="s">
        <v>8224</v>
      </c>
      <c r="E826" s="944" t="s">
        <v>8225</v>
      </c>
      <c r="F826" s="944" t="s">
        <v>0</v>
      </c>
      <c r="G826" s="944" t="s">
        <v>7161</v>
      </c>
      <c r="H826" s="944" t="s">
        <v>31655</v>
      </c>
      <c r="I826" s="944" t="s">
        <v>31655</v>
      </c>
      <c r="J826" s="952" t="s">
        <v>31671</v>
      </c>
    </row>
    <row r="827" spans="2:10" s="395" customFormat="1" ht="14.25">
      <c r="B827" s="951" t="s">
        <v>31822</v>
      </c>
      <c r="C827" s="944" t="s">
        <v>31657</v>
      </c>
      <c r="D827" s="944" t="s">
        <v>8227</v>
      </c>
      <c r="E827" s="944" t="s">
        <v>8228</v>
      </c>
      <c r="F827" s="944" t="s">
        <v>0</v>
      </c>
      <c r="G827" s="944" t="s">
        <v>7161</v>
      </c>
      <c r="H827" s="944" t="s">
        <v>31655</v>
      </c>
      <c r="I827" s="944" t="s">
        <v>31655</v>
      </c>
      <c r="J827" s="952" t="s">
        <v>31671</v>
      </c>
    </row>
    <row r="828" spans="2:10" s="395" customFormat="1" ht="14.25">
      <c r="B828" s="951" t="s">
        <v>31823</v>
      </c>
      <c r="C828" s="944" t="s">
        <v>31657</v>
      </c>
      <c r="D828" s="944" t="s">
        <v>8230</v>
      </c>
      <c r="E828" s="944" t="s">
        <v>8231</v>
      </c>
      <c r="F828" s="944" t="s">
        <v>0</v>
      </c>
      <c r="G828" s="944" t="s">
        <v>7161</v>
      </c>
      <c r="H828" s="944" t="s">
        <v>31655</v>
      </c>
      <c r="I828" s="944" t="s">
        <v>31655</v>
      </c>
      <c r="J828" s="952" t="s">
        <v>31671</v>
      </c>
    </row>
    <row r="829" spans="2:10" s="395" customFormat="1" ht="14.25">
      <c r="B829" s="951" t="s">
        <v>31824</v>
      </c>
      <c r="C829" s="944" t="s">
        <v>31657</v>
      </c>
      <c r="D829" s="944" t="s">
        <v>7234</v>
      </c>
      <c r="E829" s="944" t="s">
        <v>7235</v>
      </c>
      <c r="F829" s="944" t="s">
        <v>0</v>
      </c>
      <c r="G829" s="944" t="s">
        <v>7161</v>
      </c>
      <c r="H829" s="944" t="s">
        <v>31655</v>
      </c>
      <c r="I829" s="944" t="s">
        <v>31655</v>
      </c>
      <c r="J829" s="952" t="s">
        <v>31671</v>
      </c>
    </row>
    <row r="830" spans="2:10" s="395" customFormat="1" ht="14.25">
      <c r="B830" s="951" t="s">
        <v>31825</v>
      </c>
      <c r="C830" s="944" t="s">
        <v>31657</v>
      </c>
      <c r="D830" s="944" t="s">
        <v>7889</v>
      </c>
      <c r="E830" s="944" t="s">
        <v>6282</v>
      </c>
      <c r="F830" s="944" t="s">
        <v>0</v>
      </c>
      <c r="G830" s="944" t="s">
        <v>7161</v>
      </c>
      <c r="H830" s="944" t="s">
        <v>31655</v>
      </c>
      <c r="I830" s="944" t="s">
        <v>31655</v>
      </c>
      <c r="J830" s="952" t="s">
        <v>31671</v>
      </c>
    </row>
    <row r="831" spans="2:10" s="395" customFormat="1" ht="14.25">
      <c r="B831" s="951" t="s">
        <v>31826</v>
      </c>
      <c r="C831" s="944" t="s">
        <v>31657</v>
      </c>
      <c r="D831" s="944" t="s">
        <v>6341</v>
      </c>
      <c r="E831" s="944" t="s">
        <v>6264</v>
      </c>
      <c r="F831" s="944" t="s">
        <v>0</v>
      </c>
      <c r="G831" s="944" t="s">
        <v>7161</v>
      </c>
      <c r="H831" s="944" t="s">
        <v>31655</v>
      </c>
      <c r="I831" s="944" t="s">
        <v>31655</v>
      </c>
      <c r="J831" s="952" t="s">
        <v>31671</v>
      </c>
    </row>
    <row r="832" spans="2:10" s="395" customFormat="1" ht="14.25">
      <c r="B832" s="951" t="s">
        <v>31827</v>
      </c>
      <c r="C832" s="944" t="s">
        <v>31657</v>
      </c>
      <c r="D832" s="944" t="s">
        <v>7349</v>
      </c>
      <c r="E832" s="944" t="s">
        <v>7350</v>
      </c>
      <c r="F832" s="944" t="s">
        <v>0</v>
      </c>
      <c r="G832" s="944" t="s">
        <v>7161</v>
      </c>
      <c r="H832" s="944" t="s">
        <v>31655</v>
      </c>
      <c r="I832" s="944" t="s">
        <v>31655</v>
      </c>
      <c r="J832" s="952" t="s">
        <v>31671</v>
      </c>
    </row>
    <row r="833" spans="2:10" s="395" customFormat="1" ht="14.25">
      <c r="B833" s="951" t="s">
        <v>31828</v>
      </c>
      <c r="C833" s="944" t="s">
        <v>31657</v>
      </c>
      <c r="D833" s="944" t="s">
        <v>7373</v>
      </c>
      <c r="E833" s="944" t="s">
        <v>7374</v>
      </c>
      <c r="F833" s="944" t="s">
        <v>0</v>
      </c>
      <c r="G833" s="944" t="s">
        <v>7161</v>
      </c>
      <c r="H833" s="944" t="s">
        <v>31655</v>
      </c>
      <c r="I833" s="944" t="s">
        <v>31655</v>
      </c>
      <c r="J833" s="952" t="s">
        <v>31671</v>
      </c>
    </row>
    <row r="834" spans="2:10" s="395" customFormat="1" ht="14.25">
      <c r="B834" s="951" t="s">
        <v>31829</v>
      </c>
      <c r="C834" s="944" t="s">
        <v>31657</v>
      </c>
      <c r="D834" s="944" t="s">
        <v>7376</v>
      </c>
      <c r="E834" s="944" t="s">
        <v>7377</v>
      </c>
      <c r="F834" s="944" t="s">
        <v>0</v>
      </c>
      <c r="G834" s="944" t="s">
        <v>7161</v>
      </c>
      <c r="H834" s="944" t="s">
        <v>31655</v>
      </c>
      <c r="I834" s="944" t="s">
        <v>31655</v>
      </c>
      <c r="J834" s="952" t="s">
        <v>31671</v>
      </c>
    </row>
    <row r="835" spans="2:10" s="395" customFormat="1" ht="14.25">
      <c r="B835" s="951" t="s">
        <v>31830</v>
      </c>
      <c r="C835" s="944" t="s">
        <v>31657</v>
      </c>
      <c r="D835" s="944" t="s">
        <v>7876</v>
      </c>
      <c r="E835" s="944" t="s">
        <v>6338</v>
      </c>
      <c r="F835" s="944" t="s">
        <v>0</v>
      </c>
      <c r="G835" s="944" t="s">
        <v>7161</v>
      </c>
      <c r="H835" s="944" t="s">
        <v>31655</v>
      </c>
      <c r="I835" s="944" t="s">
        <v>31655</v>
      </c>
      <c r="J835" s="952" t="s">
        <v>31671</v>
      </c>
    </row>
    <row r="836" spans="2:10" s="395" customFormat="1" ht="14.25">
      <c r="B836" s="951" t="s">
        <v>31831</v>
      </c>
      <c r="C836" s="944" t="s">
        <v>31657</v>
      </c>
      <c r="D836" s="944" t="s">
        <v>7381</v>
      </c>
      <c r="E836" s="944" t="s">
        <v>7382</v>
      </c>
      <c r="F836" s="944" t="s">
        <v>0</v>
      </c>
      <c r="G836" s="944" t="s">
        <v>7161</v>
      </c>
      <c r="H836" s="944" t="s">
        <v>31655</v>
      </c>
      <c r="I836" s="944" t="s">
        <v>31655</v>
      </c>
      <c r="J836" s="952" t="s">
        <v>31671</v>
      </c>
    </row>
    <row r="837" spans="2:10" s="395" customFormat="1" ht="14.25">
      <c r="B837" s="951" t="s">
        <v>31832</v>
      </c>
      <c r="C837" s="944" t="s">
        <v>31657</v>
      </c>
      <c r="D837" s="944" t="s">
        <v>7292</v>
      </c>
      <c r="E837" s="944" t="s">
        <v>7293</v>
      </c>
      <c r="F837" s="944" t="s">
        <v>0</v>
      </c>
      <c r="G837" s="944" t="s">
        <v>7161</v>
      </c>
      <c r="H837" s="944" t="s">
        <v>31655</v>
      </c>
      <c r="I837" s="944" t="s">
        <v>31655</v>
      </c>
      <c r="J837" s="952" t="s">
        <v>31671</v>
      </c>
    </row>
    <row r="838" spans="2:10" s="395" customFormat="1" ht="14.25">
      <c r="B838" s="951" t="s">
        <v>31833</v>
      </c>
      <c r="C838" s="944" t="s">
        <v>31657</v>
      </c>
      <c r="D838" s="944" t="s">
        <v>6343</v>
      </c>
      <c r="E838" s="944" t="s">
        <v>6346</v>
      </c>
      <c r="F838" s="944" t="s">
        <v>0</v>
      </c>
      <c r="G838" s="944" t="s">
        <v>7161</v>
      </c>
      <c r="H838" s="944" t="s">
        <v>31655</v>
      </c>
      <c r="I838" s="944" t="s">
        <v>31655</v>
      </c>
      <c r="J838" s="952" t="s">
        <v>31671</v>
      </c>
    </row>
    <row r="839" spans="2:10" s="395" customFormat="1" ht="14.25">
      <c r="B839" s="951" t="s">
        <v>31834</v>
      </c>
      <c r="C839" s="944" t="s">
        <v>31657</v>
      </c>
      <c r="D839" s="944" t="s">
        <v>7334</v>
      </c>
      <c r="E839" s="944" t="s">
        <v>7335</v>
      </c>
      <c r="F839" s="944" t="s">
        <v>0</v>
      </c>
      <c r="G839" s="944" t="s">
        <v>7161</v>
      </c>
      <c r="H839" s="944" t="s">
        <v>31655</v>
      </c>
      <c r="I839" s="944" t="s">
        <v>31655</v>
      </c>
      <c r="J839" s="952" t="s">
        <v>31671</v>
      </c>
    </row>
    <row r="840" spans="2:10" s="395" customFormat="1" ht="14.25">
      <c r="B840" s="951" t="s">
        <v>31835</v>
      </c>
      <c r="C840" s="944" t="s">
        <v>31657</v>
      </c>
      <c r="D840" s="944" t="s">
        <v>7286</v>
      </c>
      <c r="E840" s="944" t="s">
        <v>7287</v>
      </c>
      <c r="F840" s="944" t="s">
        <v>0</v>
      </c>
      <c r="G840" s="944" t="s">
        <v>7161</v>
      </c>
      <c r="H840" s="944" t="s">
        <v>31655</v>
      </c>
      <c r="I840" s="944" t="s">
        <v>31655</v>
      </c>
      <c r="J840" s="952" t="s">
        <v>31671</v>
      </c>
    </row>
    <row r="841" spans="2:10" s="395" customFormat="1" ht="14.25">
      <c r="B841" s="951" t="s">
        <v>31836</v>
      </c>
      <c r="C841" s="944" t="s">
        <v>31657</v>
      </c>
      <c r="D841" s="944" t="s">
        <v>7967</v>
      </c>
      <c r="E841" s="944" t="s">
        <v>2277</v>
      </c>
      <c r="F841" s="944" t="s">
        <v>0</v>
      </c>
      <c r="G841" s="944" t="s">
        <v>7161</v>
      </c>
      <c r="H841" s="944" t="s">
        <v>31655</v>
      </c>
      <c r="I841" s="944" t="s">
        <v>31655</v>
      </c>
      <c r="J841" s="952" t="s">
        <v>31671</v>
      </c>
    </row>
    <row r="842" spans="2:10" s="395" customFormat="1" ht="14.25">
      <c r="B842" s="951" t="s">
        <v>31837</v>
      </c>
      <c r="C842" s="944" t="s">
        <v>31657</v>
      </c>
      <c r="D842" s="944" t="s">
        <v>7399</v>
      </c>
      <c r="E842" s="944" t="s">
        <v>7400</v>
      </c>
      <c r="F842" s="944" t="s">
        <v>0</v>
      </c>
      <c r="G842" s="944" t="s">
        <v>7161</v>
      </c>
      <c r="H842" s="944" t="s">
        <v>31655</v>
      </c>
      <c r="I842" s="944" t="s">
        <v>31655</v>
      </c>
      <c r="J842" s="952" t="s">
        <v>31671</v>
      </c>
    </row>
    <row r="843" spans="2:10" s="395" customFormat="1" ht="14.25">
      <c r="B843" s="951" t="s">
        <v>31838</v>
      </c>
      <c r="C843" s="944" t="s">
        <v>31657</v>
      </c>
      <c r="D843" s="944" t="s">
        <v>7918</v>
      </c>
      <c r="E843" s="944" t="s">
        <v>6354</v>
      </c>
      <c r="F843" s="944" t="s">
        <v>0</v>
      </c>
      <c r="G843" s="944" t="s">
        <v>7161</v>
      </c>
      <c r="H843" s="944" t="s">
        <v>31655</v>
      </c>
      <c r="I843" s="944" t="s">
        <v>31655</v>
      </c>
      <c r="J843" s="952" t="s">
        <v>31671</v>
      </c>
    </row>
    <row r="844" spans="2:10" s="395" customFormat="1" ht="14.25">
      <c r="B844" s="951" t="s">
        <v>31839</v>
      </c>
      <c r="C844" s="944" t="s">
        <v>31657</v>
      </c>
      <c r="D844" s="944" t="s">
        <v>8146</v>
      </c>
      <c r="E844" s="944" t="s">
        <v>8147</v>
      </c>
      <c r="F844" s="944" t="s">
        <v>0</v>
      </c>
      <c r="G844" s="944" t="s">
        <v>7161</v>
      </c>
      <c r="H844" s="944" t="s">
        <v>31655</v>
      </c>
      <c r="I844" s="944" t="s">
        <v>31655</v>
      </c>
      <c r="J844" s="952" t="s">
        <v>31671</v>
      </c>
    </row>
    <row r="845" spans="2:10" s="395" customFormat="1" ht="14.25">
      <c r="B845" s="951" t="s">
        <v>31840</v>
      </c>
      <c r="C845" s="944" t="s">
        <v>31657</v>
      </c>
      <c r="D845" s="944" t="s">
        <v>8022</v>
      </c>
      <c r="E845" s="944" t="s">
        <v>8023</v>
      </c>
      <c r="F845" s="944" t="s">
        <v>0</v>
      </c>
      <c r="G845" s="944" t="s">
        <v>7161</v>
      </c>
      <c r="H845" s="944" t="s">
        <v>31655</v>
      </c>
      <c r="I845" s="944" t="s">
        <v>31655</v>
      </c>
      <c r="J845" s="952" t="s">
        <v>31671</v>
      </c>
    </row>
    <row r="846" spans="2:10" s="395" customFormat="1" ht="14.25">
      <c r="B846" s="951" t="s">
        <v>31841</v>
      </c>
      <c r="C846" s="944" t="s">
        <v>31657</v>
      </c>
      <c r="D846" s="944" t="s">
        <v>8149</v>
      </c>
      <c r="E846" s="944" t="s">
        <v>8150</v>
      </c>
      <c r="F846" s="944" t="s">
        <v>0</v>
      </c>
      <c r="G846" s="944" t="s">
        <v>7161</v>
      </c>
      <c r="H846" s="944" t="s">
        <v>31655</v>
      </c>
      <c r="I846" s="944" t="s">
        <v>31655</v>
      </c>
      <c r="J846" s="952" t="s">
        <v>31671</v>
      </c>
    </row>
    <row r="847" spans="2:10" s="395" customFormat="1" ht="14.25">
      <c r="B847" s="951" t="s">
        <v>31842</v>
      </c>
      <c r="C847" s="944" t="s">
        <v>31657</v>
      </c>
      <c r="D847" s="944" t="s">
        <v>6339</v>
      </c>
      <c r="E847" s="944" t="s">
        <v>6340</v>
      </c>
      <c r="F847" s="944" t="s">
        <v>0</v>
      </c>
      <c r="G847" s="944" t="s">
        <v>7161</v>
      </c>
      <c r="H847" s="944" t="s">
        <v>31655</v>
      </c>
      <c r="I847" s="944" t="s">
        <v>31655</v>
      </c>
      <c r="J847" s="952" t="s">
        <v>31671</v>
      </c>
    </row>
    <row r="848" spans="2:10" s="395" customFormat="1" ht="14.25">
      <c r="B848" s="951" t="s">
        <v>31843</v>
      </c>
      <c r="C848" s="944" t="s">
        <v>31657</v>
      </c>
      <c r="D848" s="944" t="s">
        <v>8233</v>
      </c>
      <c r="E848" s="944" t="s">
        <v>8234</v>
      </c>
      <c r="F848" s="944" t="s">
        <v>0</v>
      </c>
      <c r="G848" s="944" t="s">
        <v>7161</v>
      </c>
      <c r="H848" s="944" t="s">
        <v>31655</v>
      </c>
      <c r="I848" s="944" t="s">
        <v>31655</v>
      </c>
      <c r="J848" s="952" t="s">
        <v>31671</v>
      </c>
    </row>
    <row r="849" spans="2:10" s="395" customFormat="1" ht="14.25">
      <c r="B849" s="951" t="s">
        <v>31844</v>
      </c>
      <c r="C849" s="944" t="s">
        <v>31657</v>
      </c>
      <c r="D849" s="944" t="s">
        <v>8236</v>
      </c>
      <c r="E849" s="944" t="s">
        <v>8237</v>
      </c>
      <c r="F849" s="944" t="s">
        <v>0</v>
      </c>
      <c r="G849" s="944" t="s">
        <v>7161</v>
      </c>
      <c r="H849" s="944" t="s">
        <v>31655</v>
      </c>
      <c r="I849" s="944" t="s">
        <v>31655</v>
      </c>
      <c r="J849" s="952" t="s">
        <v>31671</v>
      </c>
    </row>
    <row r="850" spans="2:10" s="395" customFormat="1" ht="14.25">
      <c r="B850" s="951" t="s">
        <v>31845</v>
      </c>
      <c r="C850" s="944" t="s">
        <v>31657</v>
      </c>
      <c r="D850" s="944" t="s">
        <v>8239</v>
      </c>
      <c r="E850" s="944" t="s">
        <v>8240</v>
      </c>
      <c r="F850" s="944" t="s">
        <v>0</v>
      </c>
      <c r="G850" s="944" t="s">
        <v>7161</v>
      </c>
      <c r="H850" s="944" t="s">
        <v>31655</v>
      </c>
      <c r="I850" s="944" t="s">
        <v>31655</v>
      </c>
      <c r="J850" s="952" t="s">
        <v>31671</v>
      </c>
    </row>
    <row r="851" spans="2:10" s="395" customFormat="1" ht="14.25">
      <c r="B851" s="951" t="s">
        <v>31846</v>
      </c>
      <c r="C851" s="944" t="s">
        <v>31657</v>
      </c>
      <c r="D851" s="944" t="s">
        <v>8242</v>
      </c>
      <c r="E851" s="944" t="s">
        <v>8243</v>
      </c>
      <c r="F851" s="944" t="s">
        <v>0</v>
      </c>
      <c r="G851" s="944" t="s">
        <v>7161</v>
      </c>
      <c r="H851" s="944" t="s">
        <v>31655</v>
      </c>
      <c r="I851" s="944" t="s">
        <v>31655</v>
      </c>
      <c r="J851" s="952" t="s">
        <v>31671</v>
      </c>
    </row>
    <row r="852" spans="2:10" s="395" customFormat="1" ht="14.25">
      <c r="B852" s="951" t="s">
        <v>31847</v>
      </c>
      <c r="C852" s="944" t="s">
        <v>31657</v>
      </c>
      <c r="D852" s="944" t="s">
        <v>8245</v>
      </c>
      <c r="E852" s="944" t="s">
        <v>8246</v>
      </c>
      <c r="F852" s="944" t="s">
        <v>0</v>
      </c>
      <c r="G852" s="944" t="s">
        <v>7161</v>
      </c>
      <c r="H852" s="944" t="s">
        <v>31655</v>
      </c>
      <c r="I852" s="944" t="s">
        <v>31655</v>
      </c>
      <c r="J852" s="952" t="s">
        <v>31671</v>
      </c>
    </row>
    <row r="853" spans="2:10" s="395" customFormat="1" ht="14.25">
      <c r="B853" s="951" t="s">
        <v>31848</v>
      </c>
      <c r="C853" s="944" t="s">
        <v>31657</v>
      </c>
      <c r="D853" s="944" t="s">
        <v>8248</v>
      </c>
      <c r="E853" s="944" t="s">
        <v>8249</v>
      </c>
      <c r="F853" s="944" t="s">
        <v>0</v>
      </c>
      <c r="G853" s="944" t="s">
        <v>7161</v>
      </c>
      <c r="H853" s="944" t="s">
        <v>31655</v>
      </c>
      <c r="I853" s="944" t="s">
        <v>31655</v>
      </c>
      <c r="J853" s="952" t="s">
        <v>31671</v>
      </c>
    </row>
    <row r="854" spans="2:10" s="395" customFormat="1" ht="14.25">
      <c r="B854" s="951" t="s">
        <v>31849</v>
      </c>
      <c r="C854" s="944" t="s">
        <v>31657</v>
      </c>
      <c r="D854" s="944" t="s">
        <v>8251</v>
      </c>
      <c r="E854" s="944" t="s">
        <v>8252</v>
      </c>
      <c r="F854" s="944" t="s">
        <v>0</v>
      </c>
      <c r="G854" s="944" t="s">
        <v>7161</v>
      </c>
      <c r="H854" s="944" t="s">
        <v>31655</v>
      </c>
      <c r="I854" s="944" t="s">
        <v>31655</v>
      </c>
      <c r="J854" s="952" t="s">
        <v>31671</v>
      </c>
    </row>
    <row r="855" spans="2:10" s="395" customFormat="1" ht="14.25">
      <c r="B855" s="951" t="s">
        <v>31850</v>
      </c>
      <c r="C855" s="944" t="s">
        <v>31657</v>
      </c>
      <c r="D855" s="944" t="s">
        <v>7370</v>
      </c>
      <c r="E855" s="944" t="s">
        <v>7371</v>
      </c>
      <c r="F855" s="944" t="s">
        <v>0</v>
      </c>
      <c r="G855" s="944" t="s">
        <v>7161</v>
      </c>
      <c r="H855" s="944" t="s">
        <v>31655</v>
      </c>
      <c r="I855" s="944" t="s">
        <v>31655</v>
      </c>
      <c r="J855" s="952" t="s">
        <v>31671</v>
      </c>
    </row>
    <row r="856" spans="2:10" s="395" customFormat="1" ht="14.25">
      <c r="B856" s="951" t="s">
        <v>31851</v>
      </c>
      <c r="C856" s="944" t="s">
        <v>31657</v>
      </c>
      <c r="D856" s="944" t="s">
        <v>7916</v>
      </c>
      <c r="E856" s="944" t="s">
        <v>6363</v>
      </c>
      <c r="F856" s="944" t="s">
        <v>0</v>
      </c>
      <c r="G856" s="944" t="s">
        <v>7161</v>
      </c>
      <c r="H856" s="944" t="s">
        <v>31655</v>
      </c>
      <c r="I856" s="944" t="s">
        <v>31655</v>
      </c>
      <c r="J856" s="952" t="s">
        <v>31671</v>
      </c>
    </row>
    <row r="857" spans="2:10" s="395" customFormat="1" ht="14.25">
      <c r="B857" s="951" t="s">
        <v>31852</v>
      </c>
      <c r="C857" s="944" t="s">
        <v>31657</v>
      </c>
      <c r="D857" s="944" t="s">
        <v>7343</v>
      </c>
      <c r="E857" s="944" t="s">
        <v>7344</v>
      </c>
      <c r="F857" s="944" t="s">
        <v>0</v>
      </c>
      <c r="G857" s="944" t="s">
        <v>7161</v>
      </c>
      <c r="H857" s="944" t="s">
        <v>31655</v>
      </c>
      <c r="I857" s="944" t="s">
        <v>31655</v>
      </c>
      <c r="J857" s="952" t="s">
        <v>31671</v>
      </c>
    </row>
    <row r="858" spans="2:10" s="395" customFormat="1" ht="14.25">
      <c r="B858" s="951" t="s">
        <v>31853</v>
      </c>
      <c r="C858" s="944" t="s">
        <v>31657</v>
      </c>
      <c r="D858" s="944" t="s">
        <v>7231</v>
      </c>
      <c r="E858" s="944" t="s">
        <v>7232</v>
      </c>
      <c r="F858" s="944" t="s">
        <v>0</v>
      </c>
      <c r="G858" s="944" t="s">
        <v>7161</v>
      </c>
      <c r="H858" s="944" t="s">
        <v>31655</v>
      </c>
      <c r="I858" s="944" t="s">
        <v>31655</v>
      </c>
      <c r="J858" s="952" t="s">
        <v>31671</v>
      </c>
    </row>
    <row r="859" spans="2:10" s="395" customFormat="1" ht="14.25">
      <c r="B859" s="951" t="s">
        <v>31854</v>
      </c>
      <c r="C859" s="944" t="s">
        <v>31657</v>
      </c>
      <c r="D859" s="944" t="s">
        <v>7248</v>
      </c>
      <c r="E859" s="944" t="s">
        <v>7249</v>
      </c>
      <c r="F859" s="944" t="s">
        <v>0</v>
      </c>
      <c r="G859" s="944" t="s">
        <v>7161</v>
      </c>
      <c r="H859" s="944" t="s">
        <v>31655</v>
      </c>
      <c r="I859" s="944" t="s">
        <v>31655</v>
      </c>
      <c r="J859" s="952" t="s">
        <v>31671</v>
      </c>
    </row>
    <row r="860" spans="2:10" s="395" customFormat="1" ht="14.25">
      <c r="B860" s="951" t="s">
        <v>31855</v>
      </c>
      <c r="C860" s="944" t="s">
        <v>31657</v>
      </c>
      <c r="D860" s="944" t="s">
        <v>6426</v>
      </c>
      <c r="E860" s="944" t="s">
        <v>6427</v>
      </c>
      <c r="F860" s="944" t="s">
        <v>0</v>
      </c>
      <c r="G860" s="944" t="s">
        <v>7161</v>
      </c>
      <c r="H860" s="944" t="s">
        <v>31655</v>
      </c>
      <c r="I860" s="944" t="s">
        <v>31655</v>
      </c>
      <c r="J860" s="952" t="s">
        <v>31671</v>
      </c>
    </row>
    <row r="861" spans="2:10" s="395" customFormat="1" ht="14.25">
      <c r="B861" s="951" t="s">
        <v>31856</v>
      </c>
      <c r="C861" s="944" t="s">
        <v>31657</v>
      </c>
      <c r="D861" s="944" t="s">
        <v>7965</v>
      </c>
      <c r="E861" s="944" t="s">
        <v>2269</v>
      </c>
      <c r="F861" s="944" t="s">
        <v>0</v>
      </c>
      <c r="G861" s="944" t="s">
        <v>7161</v>
      </c>
      <c r="H861" s="944" t="s">
        <v>31655</v>
      </c>
      <c r="I861" s="944" t="s">
        <v>31655</v>
      </c>
      <c r="J861" s="952" t="s">
        <v>31671</v>
      </c>
    </row>
    <row r="862" spans="2:10" s="395" customFormat="1" ht="14.25">
      <c r="B862" s="951" t="s">
        <v>31857</v>
      </c>
      <c r="C862" s="944" t="s">
        <v>31657</v>
      </c>
      <c r="D862" s="944" t="s">
        <v>7257</v>
      </c>
      <c r="E862" s="944" t="s">
        <v>7258</v>
      </c>
      <c r="F862" s="944" t="s">
        <v>0</v>
      </c>
      <c r="G862" s="944" t="s">
        <v>7161</v>
      </c>
      <c r="H862" s="944" t="s">
        <v>31655</v>
      </c>
      <c r="I862" s="944" t="s">
        <v>31655</v>
      </c>
      <c r="J862" s="952" t="s">
        <v>31671</v>
      </c>
    </row>
    <row r="863" spans="2:10" s="395" customFormat="1" ht="14.25">
      <c r="B863" s="951" t="s">
        <v>31858</v>
      </c>
      <c r="C863" s="944" t="s">
        <v>31657</v>
      </c>
      <c r="D863" s="944" t="s">
        <v>7310</v>
      </c>
      <c r="E863" s="944" t="s">
        <v>7311</v>
      </c>
      <c r="F863" s="944" t="s">
        <v>0</v>
      </c>
      <c r="G863" s="944" t="s">
        <v>7161</v>
      </c>
      <c r="H863" s="944" t="s">
        <v>31655</v>
      </c>
      <c r="I863" s="944" t="s">
        <v>31655</v>
      </c>
      <c r="J863" s="952" t="s">
        <v>31671</v>
      </c>
    </row>
    <row r="864" spans="2:10" s="395" customFormat="1" ht="14.25">
      <c r="B864" s="951" t="s">
        <v>31859</v>
      </c>
      <c r="C864" s="944" t="s">
        <v>31657</v>
      </c>
      <c r="D864" s="944" t="s">
        <v>7240</v>
      </c>
      <c r="E864" s="944" t="s">
        <v>6573</v>
      </c>
      <c r="F864" s="944" t="s">
        <v>0</v>
      </c>
      <c r="G864" s="944" t="s">
        <v>7161</v>
      </c>
      <c r="H864" s="944" t="s">
        <v>31655</v>
      </c>
      <c r="I864" s="944" t="s">
        <v>31655</v>
      </c>
      <c r="J864" s="952" t="s">
        <v>31671</v>
      </c>
    </row>
    <row r="865" spans="2:10" s="395" customFormat="1" ht="14.25">
      <c r="B865" s="951" t="s">
        <v>31860</v>
      </c>
      <c r="C865" s="944" t="s">
        <v>31657</v>
      </c>
      <c r="D865" s="944" t="s">
        <v>7346</v>
      </c>
      <c r="E865" s="944" t="s">
        <v>7347</v>
      </c>
      <c r="F865" s="944" t="s">
        <v>0</v>
      </c>
      <c r="G865" s="944" t="s">
        <v>7161</v>
      </c>
      <c r="H865" s="944" t="s">
        <v>31655</v>
      </c>
      <c r="I865" s="944" t="s">
        <v>31655</v>
      </c>
      <c r="J865" s="952" t="s">
        <v>31671</v>
      </c>
    </row>
    <row r="866" spans="2:10" s="395" customFormat="1" ht="14.25">
      <c r="B866" s="951" t="s">
        <v>31861</v>
      </c>
      <c r="C866" s="944" t="s">
        <v>31657</v>
      </c>
      <c r="D866" s="944" t="s">
        <v>7379</v>
      </c>
      <c r="E866" s="944" t="s">
        <v>3515</v>
      </c>
      <c r="F866" s="944" t="s">
        <v>0</v>
      </c>
      <c r="G866" s="944" t="s">
        <v>7161</v>
      </c>
      <c r="H866" s="944" t="s">
        <v>31655</v>
      </c>
      <c r="I866" s="944" t="s">
        <v>31655</v>
      </c>
      <c r="J866" s="952" t="s">
        <v>31671</v>
      </c>
    </row>
    <row r="867" spans="2:10" s="395" customFormat="1" ht="14.25">
      <c r="B867" s="951" t="s">
        <v>31862</v>
      </c>
      <c r="C867" s="944" t="s">
        <v>31657</v>
      </c>
      <c r="D867" s="944" t="s">
        <v>7957</v>
      </c>
      <c r="E867" s="944" t="s">
        <v>536</v>
      </c>
      <c r="F867" s="944" t="s">
        <v>0</v>
      </c>
      <c r="G867" s="944" t="s">
        <v>7161</v>
      </c>
      <c r="H867" s="944" t="s">
        <v>31655</v>
      </c>
      <c r="I867" s="944" t="s">
        <v>31655</v>
      </c>
      <c r="J867" s="952" t="s">
        <v>31671</v>
      </c>
    </row>
    <row r="868" spans="2:10" s="395" customFormat="1" ht="14.25">
      <c r="B868" s="951" t="s">
        <v>31863</v>
      </c>
      <c r="C868" s="944" t="s">
        <v>31657</v>
      </c>
      <c r="D868" s="944" t="s">
        <v>7364</v>
      </c>
      <c r="E868" s="944" t="s">
        <v>7365</v>
      </c>
      <c r="F868" s="944" t="s">
        <v>0</v>
      </c>
      <c r="G868" s="944" t="s">
        <v>7161</v>
      </c>
      <c r="H868" s="944" t="s">
        <v>31655</v>
      </c>
      <c r="I868" s="944" t="s">
        <v>31655</v>
      </c>
      <c r="J868" s="952" t="s">
        <v>31671</v>
      </c>
    </row>
    <row r="869" spans="2:10" s="395" customFormat="1" ht="14.25">
      <c r="B869" s="951" t="s">
        <v>31864</v>
      </c>
      <c r="C869" s="944" t="s">
        <v>31657</v>
      </c>
      <c r="D869" s="944" t="s">
        <v>8082</v>
      </c>
      <c r="E869" s="944" t="s">
        <v>8083</v>
      </c>
      <c r="F869" s="944" t="s">
        <v>0</v>
      </c>
      <c r="G869" s="944" t="s">
        <v>7161</v>
      </c>
      <c r="H869" s="944" t="s">
        <v>31655</v>
      </c>
      <c r="I869" s="944" t="s">
        <v>31655</v>
      </c>
      <c r="J869" s="952" t="s">
        <v>31671</v>
      </c>
    </row>
    <row r="870" spans="2:10" s="395" customFormat="1" ht="14.25">
      <c r="B870" s="951" t="s">
        <v>31865</v>
      </c>
      <c r="C870" s="944" t="s">
        <v>31657</v>
      </c>
      <c r="D870" s="944" t="s">
        <v>8254</v>
      </c>
      <c r="E870" s="944" t="s">
        <v>8255</v>
      </c>
      <c r="F870" s="944" t="s">
        <v>0</v>
      </c>
      <c r="G870" s="944" t="s">
        <v>7161</v>
      </c>
      <c r="H870" s="944" t="s">
        <v>31655</v>
      </c>
      <c r="I870" s="944" t="s">
        <v>31655</v>
      </c>
      <c r="J870" s="952" t="s">
        <v>31671</v>
      </c>
    </row>
    <row r="871" spans="2:10" s="395" customFormat="1" ht="14.25">
      <c r="B871" s="951" t="s">
        <v>31866</v>
      </c>
      <c r="C871" s="944" t="s">
        <v>31657</v>
      </c>
      <c r="D871" s="944" t="s">
        <v>8085</v>
      </c>
      <c r="E871" s="944" t="s">
        <v>8086</v>
      </c>
      <c r="F871" s="944" t="s">
        <v>0</v>
      </c>
      <c r="G871" s="944" t="s">
        <v>7161</v>
      </c>
      <c r="H871" s="944" t="s">
        <v>31655</v>
      </c>
      <c r="I871" s="944" t="s">
        <v>31655</v>
      </c>
      <c r="J871" s="952" t="s">
        <v>31671</v>
      </c>
    </row>
    <row r="872" spans="2:10" s="395" customFormat="1" ht="14.25">
      <c r="B872" s="951" t="s">
        <v>31867</v>
      </c>
      <c r="C872" s="944" t="s">
        <v>31657</v>
      </c>
      <c r="D872" s="944" t="s">
        <v>7886</v>
      </c>
      <c r="E872" s="944" t="s">
        <v>7887</v>
      </c>
      <c r="F872" s="944" t="s">
        <v>0</v>
      </c>
      <c r="G872" s="944" t="s">
        <v>7161</v>
      </c>
      <c r="H872" s="944" t="s">
        <v>31655</v>
      </c>
      <c r="I872" s="944" t="s">
        <v>31655</v>
      </c>
      <c r="J872" s="952" t="s">
        <v>31671</v>
      </c>
    </row>
    <row r="873" spans="2:10" s="395" customFormat="1" ht="14.25">
      <c r="B873" s="951" t="s">
        <v>31868</v>
      </c>
      <c r="C873" s="944" t="s">
        <v>31657</v>
      </c>
      <c r="D873" s="944" t="s">
        <v>7878</v>
      </c>
      <c r="E873" s="944" t="s">
        <v>6334</v>
      </c>
      <c r="F873" s="944" t="s">
        <v>0</v>
      </c>
      <c r="G873" s="944" t="s">
        <v>7161</v>
      </c>
      <c r="H873" s="944" t="s">
        <v>31655</v>
      </c>
      <c r="I873" s="944" t="s">
        <v>31655</v>
      </c>
      <c r="J873" s="952" t="s">
        <v>31671</v>
      </c>
    </row>
    <row r="874" spans="2:10" s="395" customFormat="1" ht="14.25">
      <c r="B874" s="951" t="s">
        <v>31869</v>
      </c>
      <c r="C874" s="944" t="s">
        <v>31657</v>
      </c>
      <c r="D874" s="944" t="s">
        <v>7254</v>
      </c>
      <c r="E874" s="944" t="s">
        <v>7255</v>
      </c>
      <c r="F874" s="944" t="s">
        <v>0</v>
      </c>
      <c r="G874" s="944" t="s">
        <v>7161</v>
      </c>
      <c r="H874" s="944" t="s">
        <v>31655</v>
      </c>
      <c r="I874" s="944" t="s">
        <v>31655</v>
      </c>
      <c r="J874" s="952" t="s">
        <v>31671</v>
      </c>
    </row>
    <row r="875" spans="2:10" s="395" customFormat="1" ht="14.25">
      <c r="B875" s="951" t="s">
        <v>31870</v>
      </c>
      <c r="C875" s="944" t="s">
        <v>31657</v>
      </c>
      <c r="D875" s="944" t="s">
        <v>7325</v>
      </c>
      <c r="E875" s="944" t="s">
        <v>7326</v>
      </c>
      <c r="F875" s="944" t="s">
        <v>0</v>
      </c>
      <c r="G875" s="944" t="s">
        <v>7161</v>
      </c>
      <c r="H875" s="944" t="s">
        <v>31655</v>
      </c>
      <c r="I875" s="944" t="s">
        <v>31655</v>
      </c>
      <c r="J875" s="952" t="s">
        <v>31671</v>
      </c>
    </row>
    <row r="876" spans="2:10" s="395" customFormat="1" ht="14.25">
      <c r="B876" s="951" t="s">
        <v>31871</v>
      </c>
      <c r="C876" s="944" t="s">
        <v>31657</v>
      </c>
      <c r="D876" s="944" t="s">
        <v>524</v>
      </c>
      <c r="E876" s="944" t="s">
        <v>526</v>
      </c>
      <c r="F876" s="944" t="s">
        <v>27053</v>
      </c>
      <c r="G876" s="944" t="s">
        <v>7161</v>
      </c>
      <c r="H876" s="944" t="s">
        <v>31655</v>
      </c>
      <c r="I876" s="944" t="s">
        <v>31655</v>
      </c>
      <c r="J876" s="952" t="s">
        <v>31671</v>
      </c>
    </row>
    <row r="877" spans="2:10" s="395" customFormat="1" ht="14.25">
      <c r="B877" s="951" t="s">
        <v>31872</v>
      </c>
      <c r="C877" s="944" t="s">
        <v>31668</v>
      </c>
      <c r="D877" s="944" t="s">
        <v>31873</v>
      </c>
      <c r="E877" s="944" t="s">
        <v>3464</v>
      </c>
      <c r="F877" s="944" t="s">
        <v>34134</v>
      </c>
      <c r="G877" s="944" t="s">
        <v>7161</v>
      </c>
      <c r="H877" s="944" t="s">
        <v>31655</v>
      </c>
      <c r="I877" s="944" t="s">
        <v>31655</v>
      </c>
      <c r="J877" s="952" t="s">
        <v>31671</v>
      </c>
    </row>
    <row r="878" spans="2:10" s="395" customFormat="1" ht="14.25">
      <c r="B878" s="951" t="s">
        <v>31874</v>
      </c>
      <c r="C878" s="944" t="s">
        <v>31668</v>
      </c>
      <c r="D878" s="944" t="s">
        <v>14014</v>
      </c>
      <c r="E878" s="944" t="s">
        <v>14015</v>
      </c>
      <c r="F878" s="944" t="s">
        <v>0</v>
      </c>
      <c r="G878" s="944" t="s">
        <v>7161</v>
      </c>
      <c r="H878" s="944" t="s">
        <v>31655</v>
      </c>
      <c r="I878" s="944" t="s">
        <v>31655</v>
      </c>
      <c r="J878" s="952" t="s">
        <v>31671</v>
      </c>
    </row>
    <row r="879" spans="2:10" s="395" customFormat="1" ht="14.25">
      <c r="B879" s="951" t="s">
        <v>31875</v>
      </c>
      <c r="C879" s="944" t="s">
        <v>31668</v>
      </c>
      <c r="D879" s="944" t="s">
        <v>31876</v>
      </c>
      <c r="E879" s="944" t="s">
        <v>0</v>
      </c>
      <c r="F879" s="944" t="s">
        <v>0</v>
      </c>
      <c r="G879" s="944" t="s">
        <v>7161</v>
      </c>
      <c r="H879" s="944" t="s">
        <v>31655</v>
      </c>
      <c r="I879" s="944" t="s">
        <v>31655</v>
      </c>
      <c r="J879" s="952" t="s">
        <v>31671</v>
      </c>
    </row>
    <row r="880" spans="2:10">
      <c r="B880" s="953" t="s">
        <v>35430</v>
      </c>
      <c r="C880" s="945" t="s">
        <v>35422</v>
      </c>
      <c r="D880" s="945" t="s">
        <v>35431</v>
      </c>
      <c r="E880" s="945" t="s">
        <v>2271</v>
      </c>
      <c r="F880" s="945" t="s">
        <v>0</v>
      </c>
      <c r="G880" s="946" t="s">
        <v>7161</v>
      </c>
      <c r="H880" s="947" t="s">
        <v>35400</v>
      </c>
      <c r="I880" s="947" t="s">
        <v>35400</v>
      </c>
      <c r="J880" s="954" t="s">
        <v>35432</v>
      </c>
    </row>
    <row r="881" spans="2:10">
      <c r="B881" s="953" t="s">
        <v>35433</v>
      </c>
      <c r="C881" s="945" t="s">
        <v>35422</v>
      </c>
      <c r="D881" s="945" t="s">
        <v>35434</v>
      </c>
      <c r="E881" s="945" t="s">
        <v>77</v>
      </c>
      <c r="F881" s="945" t="s">
        <v>0</v>
      </c>
      <c r="G881" s="946" t="s">
        <v>7161</v>
      </c>
      <c r="H881" s="947" t="s">
        <v>35400</v>
      </c>
      <c r="I881" s="947" t="s">
        <v>35400</v>
      </c>
      <c r="J881" s="954" t="s">
        <v>35435</v>
      </c>
    </row>
    <row r="882" spans="2:10">
      <c r="B882" s="953" t="s">
        <v>35436</v>
      </c>
      <c r="C882" s="945" t="s">
        <v>35422</v>
      </c>
      <c r="D882" s="945" t="s">
        <v>35437</v>
      </c>
      <c r="E882" s="945" t="s">
        <v>35438</v>
      </c>
      <c r="F882" s="945" t="s">
        <v>0</v>
      </c>
      <c r="G882" s="946" t="s">
        <v>7161</v>
      </c>
      <c r="H882" s="947" t="s">
        <v>35400</v>
      </c>
      <c r="I882" s="947" t="s">
        <v>35400</v>
      </c>
      <c r="J882" s="954" t="s">
        <v>35432</v>
      </c>
    </row>
    <row r="883" spans="2:10">
      <c r="B883" s="953" t="s">
        <v>35439</v>
      </c>
      <c r="C883" s="945" t="s">
        <v>35422</v>
      </c>
      <c r="D883" s="945" t="s">
        <v>35440</v>
      </c>
      <c r="E883" s="945" t="s">
        <v>35441</v>
      </c>
      <c r="F883" s="945" t="s">
        <v>0</v>
      </c>
      <c r="G883" s="946" t="s">
        <v>7161</v>
      </c>
      <c r="H883" s="947" t="s">
        <v>35400</v>
      </c>
      <c r="I883" s="947" t="s">
        <v>35400</v>
      </c>
      <c r="J883" s="954" t="s">
        <v>35432</v>
      </c>
    </row>
    <row r="884" spans="2:10">
      <c r="B884" s="953" t="s">
        <v>35442</v>
      </c>
      <c r="C884" s="945" t="s">
        <v>35402</v>
      </c>
      <c r="D884" s="945" t="s">
        <v>35443</v>
      </c>
      <c r="E884" s="945" t="s">
        <v>26804</v>
      </c>
      <c r="F884" s="945" t="s">
        <v>35444</v>
      </c>
      <c r="G884" s="946" t="s">
        <v>7161</v>
      </c>
      <c r="H884" s="947" t="s">
        <v>35400</v>
      </c>
      <c r="I884" s="947" t="s">
        <v>35400</v>
      </c>
      <c r="J884" s="954" t="s">
        <v>35432</v>
      </c>
    </row>
    <row r="885" spans="2:10">
      <c r="B885" s="953" t="s">
        <v>35445</v>
      </c>
      <c r="C885" s="945" t="s">
        <v>35427</v>
      </c>
      <c r="D885" s="945" t="s">
        <v>35446</v>
      </c>
      <c r="E885" s="945" t="s">
        <v>35447</v>
      </c>
      <c r="F885" s="945" t="s">
        <v>0</v>
      </c>
      <c r="G885" s="946" t="s">
        <v>7161</v>
      </c>
      <c r="H885" s="947" t="s">
        <v>35400</v>
      </c>
      <c r="I885" s="947" t="s">
        <v>35400</v>
      </c>
      <c r="J885" s="954" t="s">
        <v>35432</v>
      </c>
    </row>
    <row r="886" spans="2:10">
      <c r="B886" s="953" t="s">
        <v>35448</v>
      </c>
      <c r="C886" s="945" t="s">
        <v>35427</v>
      </c>
      <c r="D886" s="945" t="s">
        <v>35449</v>
      </c>
      <c r="E886" s="945" t="s">
        <v>35450</v>
      </c>
      <c r="F886" s="945" t="s">
        <v>0</v>
      </c>
      <c r="G886" s="946" t="s">
        <v>7161</v>
      </c>
      <c r="H886" s="947" t="s">
        <v>35400</v>
      </c>
      <c r="I886" s="947" t="s">
        <v>35400</v>
      </c>
      <c r="J886" s="954" t="s">
        <v>35432</v>
      </c>
    </row>
    <row r="887" spans="2:10">
      <c r="B887" s="953" t="s">
        <v>35451</v>
      </c>
      <c r="C887" s="945" t="s">
        <v>35427</v>
      </c>
      <c r="D887" s="945" t="s">
        <v>35452</v>
      </c>
      <c r="E887" s="945" t="s">
        <v>35453</v>
      </c>
      <c r="F887" s="945" t="s">
        <v>0</v>
      </c>
      <c r="G887" s="946" t="s">
        <v>7161</v>
      </c>
      <c r="H887" s="947" t="s">
        <v>35400</v>
      </c>
      <c r="I887" s="947" t="s">
        <v>35400</v>
      </c>
      <c r="J887" s="954" t="s">
        <v>35432</v>
      </c>
    </row>
    <row r="888" spans="2:10">
      <c r="B888" s="953" t="s">
        <v>35454</v>
      </c>
      <c r="C888" s="945" t="s">
        <v>35427</v>
      </c>
      <c r="D888" s="945" t="s">
        <v>35455</v>
      </c>
      <c r="E888" s="945" t="s">
        <v>35456</v>
      </c>
      <c r="F888" s="945" t="s">
        <v>0</v>
      </c>
      <c r="G888" s="946" t="s">
        <v>7161</v>
      </c>
      <c r="H888" s="947" t="s">
        <v>35400</v>
      </c>
      <c r="I888" s="947" t="s">
        <v>35400</v>
      </c>
      <c r="J888" s="954" t="s">
        <v>35432</v>
      </c>
    </row>
    <row r="889" spans="2:10">
      <c r="B889" s="953" t="s">
        <v>35457</v>
      </c>
      <c r="C889" s="945" t="s">
        <v>35427</v>
      </c>
      <c r="D889" s="945" t="s">
        <v>35458</v>
      </c>
      <c r="E889" s="945" t="s">
        <v>35459</v>
      </c>
      <c r="F889" s="945" t="s">
        <v>0</v>
      </c>
      <c r="G889" s="946" t="s">
        <v>7161</v>
      </c>
      <c r="H889" s="947" t="s">
        <v>35400</v>
      </c>
      <c r="I889" s="947" t="s">
        <v>35400</v>
      </c>
      <c r="J889" s="954" t="s">
        <v>35432</v>
      </c>
    </row>
    <row r="890" spans="2:10" ht="13.5" thickBot="1">
      <c r="B890" s="955" t="s">
        <v>35460</v>
      </c>
      <c r="C890" s="956" t="s">
        <v>35427</v>
      </c>
      <c r="D890" s="956" t="s">
        <v>35461</v>
      </c>
      <c r="E890" s="956" t="s">
        <v>35462</v>
      </c>
      <c r="F890" s="956" t="s">
        <v>0</v>
      </c>
      <c r="G890" s="957" t="s">
        <v>7161</v>
      </c>
      <c r="H890" s="958" t="s">
        <v>35400</v>
      </c>
      <c r="I890" s="958" t="s">
        <v>35400</v>
      </c>
      <c r="J890" s="959" t="s">
        <v>35432</v>
      </c>
    </row>
  </sheetData>
  <mergeCells count="3">
    <mergeCell ref="A1:E1"/>
    <mergeCell ref="B2:E2"/>
    <mergeCell ref="B3:E3"/>
  </mergeCells>
  <phoneticPr fontId="4"/>
  <hyperlinks>
    <hyperlink ref="B4" r:id="rId1"/>
  </hyperlinks>
  <pageMargins left="0.75" right="0.75" top="1" bottom="1" header="0.5" footer="0.5"/>
  <pageSetup paperSize="9" scale="10" firstPageNumber="0" fitToWidth="0" fitToHeight="0" pageOrder="overThenDown" orientation="portrait" horizontalDpi="300" verticalDpi="300" r:id="rId2"/>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K67"/>
  <sheetViews>
    <sheetView showGridLines="0" zoomScaleNormal="100" workbookViewId="0">
      <selection activeCell="B7" sqref="B7:D7"/>
    </sheetView>
  </sheetViews>
  <sheetFormatPr defaultColWidth="9" defaultRowHeight="12"/>
  <cols>
    <col min="1" max="1" width="9.375" style="1" customWidth="1"/>
    <col min="2" max="2" width="5.125" style="1" customWidth="1"/>
    <col min="3" max="3" width="54.125" style="1" customWidth="1"/>
    <col min="4" max="4" width="22.625" style="3" customWidth="1"/>
    <col min="5" max="5" width="9" style="1"/>
    <col min="6" max="7" width="40" style="3" customWidth="1"/>
    <col min="8" max="8" width="19.75" style="3" customWidth="1"/>
    <col min="9" max="11" width="9" style="1"/>
    <col min="12" max="13" width="9" style="3"/>
    <col min="14" max="15" width="9" style="3" customWidth="1"/>
    <col min="16" max="16384" width="9" style="3"/>
  </cols>
  <sheetData>
    <row r="1" spans="1:11" s="27" customFormat="1" ht="36.75" customHeight="1" thickBot="1">
      <c r="A1" s="991" t="s">
        <v>31131</v>
      </c>
      <c r="B1" s="992"/>
      <c r="C1" s="992"/>
      <c r="D1" s="993"/>
      <c r="E1" s="26"/>
      <c r="I1" s="28"/>
      <c r="J1" s="28"/>
      <c r="K1" s="28"/>
    </row>
    <row r="2" spans="1:11" ht="61.5" customHeight="1" thickBot="1">
      <c r="A2" s="24" t="s">
        <v>13352</v>
      </c>
      <c r="B2" s="994" t="s">
        <v>13821</v>
      </c>
      <c r="C2" s="994"/>
      <c r="D2" s="995"/>
      <c r="E2" s="2"/>
      <c r="I2" s="2"/>
      <c r="J2" s="2"/>
      <c r="K2" s="2"/>
    </row>
    <row r="3" spans="1:11" ht="36" customHeight="1" thickBot="1">
      <c r="A3" s="38" t="s">
        <v>13388</v>
      </c>
      <c r="B3" s="25" t="s">
        <v>14136</v>
      </c>
      <c r="C3" s="22"/>
      <c r="D3" s="23"/>
      <c r="E3" s="2"/>
      <c r="I3" s="2"/>
      <c r="J3" s="2"/>
      <c r="K3" s="2"/>
    </row>
    <row r="4" spans="1:11" ht="24.95" customHeight="1">
      <c r="A4" s="1268" t="s">
        <v>13353</v>
      </c>
      <c r="B4" s="1275" t="s">
        <v>37467</v>
      </c>
      <c r="C4" s="1270"/>
      <c r="D4" s="1271"/>
    </row>
    <row r="5" spans="1:11" ht="20.100000000000001" customHeight="1" thickBot="1">
      <c r="A5" s="1269"/>
      <c r="B5" s="1272" t="s">
        <v>37468</v>
      </c>
      <c r="C5" s="1273"/>
      <c r="D5" s="1274"/>
    </row>
    <row r="6" spans="1:11">
      <c r="A6" s="7"/>
    </row>
    <row r="7" spans="1:11" ht="340.5" customHeight="1">
      <c r="A7" s="7"/>
      <c r="B7" s="988" t="s">
        <v>13822</v>
      </c>
      <c r="C7" s="988"/>
      <c r="D7" s="988"/>
    </row>
    <row r="8" spans="1:11" ht="401.25" customHeight="1">
      <c r="A8" s="7"/>
      <c r="B8" s="988" t="s">
        <v>13823</v>
      </c>
      <c r="C8" s="988"/>
      <c r="D8" s="988"/>
    </row>
    <row r="9" spans="1:11" ht="400.5" customHeight="1">
      <c r="A9" s="7"/>
      <c r="B9" s="988" t="s">
        <v>13824</v>
      </c>
      <c r="C9" s="988"/>
      <c r="D9" s="988"/>
    </row>
    <row r="10" spans="1:11" ht="399.75" customHeight="1">
      <c r="A10" s="7"/>
      <c r="B10" s="988" t="s">
        <v>13825</v>
      </c>
      <c r="C10" s="988"/>
      <c r="D10" s="988"/>
    </row>
    <row r="11" spans="1:11" ht="270" customHeight="1">
      <c r="A11" s="7"/>
      <c r="B11" s="988" t="s">
        <v>13826</v>
      </c>
      <c r="C11" s="988"/>
      <c r="D11" s="988"/>
    </row>
    <row r="12" spans="1:11">
      <c r="A12" s="7"/>
    </row>
    <row r="13" spans="1:11" ht="15.75" thickBot="1">
      <c r="B13" s="16" t="s">
        <v>20</v>
      </c>
      <c r="C13" s="17"/>
      <c r="D13" s="17"/>
    </row>
    <row r="14" spans="1:11" ht="12.75" thickBot="1">
      <c r="B14" s="39" t="s">
        <v>13827</v>
      </c>
      <c r="C14" s="40" t="s">
        <v>13828</v>
      </c>
      <c r="D14" s="115" t="s">
        <v>31653</v>
      </c>
    </row>
    <row r="15" spans="1:11" ht="12.75" thickBot="1">
      <c r="B15" s="41">
        <v>1</v>
      </c>
      <c r="C15" s="42" t="s">
        <v>13829</v>
      </c>
      <c r="D15" s="116" t="s">
        <v>31142</v>
      </c>
    </row>
    <row r="16" spans="1:11" ht="12.75" customHeight="1" thickBot="1">
      <c r="B16" s="41">
        <v>2</v>
      </c>
      <c r="C16" s="42" t="s">
        <v>13830</v>
      </c>
      <c r="D16" s="117" t="s">
        <v>31143</v>
      </c>
    </row>
    <row r="17" spans="2:4" ht="12.75" customHeight="1" thickBot="1">
      <c r="B17" s="41">
        <v>3</v>
      </c>
      <c r="C17" s="42" t="s">
        <v>13831</v>
      </c>
      <c r="D17" s="118" t="s">
        <v>13832</v>
      </c>
    </row>
    <row r="18" spans="2:4">
      <c r="B18" s="986">
        <v>4</v>
      </c>
      <c r="C18" s="43" t="s">
        <v>13833</v>
      </c>
      <c r="D18" s="119"/>
    </row>
    <row r="19" spans="2:4" ht="12.75" thickBot="1">
      <c r="B19" s="987"/>
      <c r="C19" s="42" t="s">
        <v>13834</v>
      </c>
      <c r="D19" s="119"/>
    </row>
    <row r="20" spans="2:4">
      <c r="B20" s="44"/>
      <c r="C20" s="43" t="s">
        <v>13835</v>
      </c>
      <c r="D20" s="119"/>
    </row>
    <row r="21" spans="2:4" ht="24.75" thickBot="1">
      <c r="B21" s="41">
        <v>5</v>
      </c>
      <c r="C21" s="42" t="s">
        <v>13836</v>
      </c>
      <c r="D21" s="119"/>
    </row>
    <row r="22" spans="2:4">
      <c r="B22" s="45"/>
      <c r="C22" s="43" t="s">
        <v>13835</v>
      </c>
      <c r="D22" s="117" t="s">
        <v>31144</v>
      </c>
    </row>
    <row r="23" spans="2:4" ht="24.75" thickBot="1">
      <c r="B23" s="41">
        <v>6</v>
      </c>
      <c r="C23" s="42" t="s">
        <v>13837</v>
      </c>
      <c r="D23" s="120"/>
    </row>
    <row r="24" spans="2:4">
      <c r="B24" s="986">
        <v>7</v>
      </c>
      <c r="C24" s="43" t="s">
        <v>13838</v>
      </c>
      <c r="D24" s="120"/>
    </row>
    <row r="25" spans="2:4" ht="12.75" thickBot="1">
      <c r="B25" s="987"/>
      <c r="C25" s="42" t="s">
        <v>13839</v>
      </c>
      <c r="D25" s="118"/>
    </row>
    <row r="26" spans="2:4" ht="36">
      <c r="B26" s="46"/>
      <c r="C26" s="43" t="s">
        <v>13840</v>
      </c>
      <c r="D26" s="120" t="s">
        <v>31134</v>
      </c>
    </row>
    <row r="27" spans="2:4" ht="12.75" thickBot="1">
      <c r="B27" s="41">
        <v>8</v>
      </c>
      <c r="C27" s="42" t="s">
        <v>13841</v>
      </c>
      <c r="D27" s="118"/>
    </row>
    <row r="28" spans="2:4" ht="12.75" thickBot="1">
      <c r="B28" s="41">
        <v>9</v>
      </c>
      <c r="C28" s="42" t="s">
        <v>13842</v>
      </c>
      <c r="D28" s="116" t="s">
        <v>31145</v>
      </c>
    </row>
    <row r="29" spans="2:4">
      <c r="B29" s="47"/>
      <c r="C29" s="43" t="s">
        <v>13843</v>
      </c>
      <c r="D29" s="119"/>
    </row>
    <row r="30" spans="2:4" ht="24.75" thickBot="1">
      <c r="B30" s="41">
        <v>10</v>
      </c>
      <c r="C30" s="42" t="s">
        <v>13844</v>
      </c>
      <c r="D30" s="117" t="s">
        <v>31146</v>
      </c>
    </row>
    <row r="31" spans="2:4" ht="12.75" thickBot="1">
      <c r="B31" s="41">
        <v>11</v>
      </c>
      <c r="C31" s="42" t="s">
        <v>13845</v>
      </c>
      <c r="D31" s="118"/>
    </row>
    <row r="32" spans="2:4">
      <c r="B32" s="986">
        <v>12</v>
      </c>
      <c r="C32" s="43" t="s">
        <v>13846</v>
      </c>
      <c r="D32" s="119"/>
    </row>
    <row r="33" spans="2:4" ht="12.75" thickBot="1">
      <c r="B33" s="987"/>
      <c r="C33" s="42" t="s">
        <v>13847</v>
      </c>
      <c r="D33" s="120" t="s">
        <v>31135</v>
      </c>
    </row>
    <row r="34" spans="2:4">
      <c r="B34" s="986">
        <v>13</v>
      </c>
      <c r="C34" s="43" t="s">
        <v>13848</v>
      </c>
      <c r="D34" s="120"/>
    </row>
    <row r="35" spans="2:4" ht="12.75" thickBot="1">
      <c r="B35" s="987"/>
      <c r="C35" s="42" t="s">
        <v>13849</v>
      </c>
      <c r="D35" s="118"/>
    </row>
    <row r="36" spans="2:4">
      <c r="B36" s="986">
        <v>14</v>
      </c>
      <c r="C36" s="43" t="s">
        <v>13850</v>
      </c>
      <c r="D36" s="119"/>
    </row>
    <row r="37" spans="2:4" ht="12.75" thickBot="1">
      <c r="B37" s="987"/>
      <c r="C37" s="42" t="s">
        <v>13851</v>
      </c>
      <c r="D37" s="117" t="s">
        <v>31141</v>
      </c>
    </row>
    <row r="38" spans="2:4" ht="12.75" thickBot="1">
      <c r="B38" s="41">
        <v>15</v>
      </c>
      <c r="C38" s="42" t="s">
        <v>13852</v>
      </c>
      <c r="D38" s="118"/>
    </row>
    <row r="39" spans="2:4">
      <c r="B39" s="986">
        <v>16</v>
      </c>
      <c r="C39" s="43" t="s">
        <v>13853</v>
      </c>
      <c r="D39" s="989" t="s">
        <v>31140</v>
      </c>
    </row>
    <row r="40" spans="2:4" ht="12.75" thickBot="1">
      <c r="B40" s="987"/>
      <c r="C40" s="42" t="s">
        <v>13854</v>
      </c>
      <c r="D40" s="990"/>
    </row>
    <row r="41" spans="2:4" ht="12.75" thickBot="1">
      <c r="B41" s="41">
        <v>17</v>
      </c>
      <c r="C41" s="42" t="s">
        <v>13855</v>
      </c>
      <c r="D41" s="119"/>
    </row>
    <row r="42" spans="2:4" ht="12.75" thickBot="1">
      <c r="B42" s="41">
        <v>18</v>
      </c>
      <c r="C42" s="42" t="s">
        <v>13856</v>
      </c>
      <c r="D42" s="119"/>
    </row>
    <row r="43" spans="2:4" ht="12.75" thickBot="1">
      <c r="B43" s="41">
        <v>19</v>
      </c>
      <c r="C43" s="42" t="s">
        <v>13857</v>
      </c>
      <c r="D43" s="119"/>
    </row>
    <row r="44" spans="2:4">
      <c r="B44" s="986">
        <v>20</v>
      </c>
      <c r="C44" s="43" t="s">
        <v>13858</v>
      </c>
      <c r="D44" s="119"/>
    </row>
    <row r="45" spans="2:4" ht="12.75" thickBot="1">
      <c r="B45" s="987"/>
      <c r="C45" s="42" t="s">
        <v>13859</v>
      </c>
      <c r="D45" s="119"/>
    </row>
    <row r="46" spans="2:4">
      <c r="B46" s="986">
        <v>21</v>
      </c>
      <c r="C46" s="43" t="s">
        <v>13860</v>
      </c>
      <c r="D46" s="119"/>
    </row>
    <row r="47" spans="2:4" ht="12.75" thickBot="1">
      <c r="B47" s="987"/>
      <c r="C47" s="42" t="s">
        <v>13861</v>
      </c>
      <c r="D47" s="119"/>
    </row>
    <row r="48" spans="2:4">
      <c r="B48" s="986">
        <v>22</v>
      </c>
      <c r="C48" s="43" t="s">
        <v>13862</v>
      </c>
      <c r="D48" s="119"/>
    </row>
    <row r="49" spans="2:4" ht="12.75" thickBot="1">
      <c r="B49" s="987"/>
      <c r="C49" s="42" t="s">
        <v>13863</v>
      </c>
      <c r="D49" s="119"/>
    </row>
    <row r="50" spans="2:4">
      <c r="B50" s="986">
        <v>23</v>
      </c>
      <c r="C50" s="43" t="s">
        <v>13864</v>
      </c>
      <c r="D50" s="120" t="s">
        <v>31136</v>
      </c>
    </row>
    <row r="51" spans="2:4" ht="12.75" thickBot="1">
      <c r="B51" s="987"/>
      <c r="C51" s="42" t="s">
        <v>13865</v>
      </c>
      <c r="D51" s="120"/>
    </row>
    <row r="52" spans="2:4" ht="12.75" thickBot="1">
      <c r="B52" s="41">
        <v>24</v>
      </c>
      <c r="C52" s="42" t="s">
        <v>13866</v>
      </c>
      <c r="D52" s="120"/>
    </row>
    <row r="53" spans="2:4" ht="12.75" thickBot="1">
      <c r="B53" s="41">
        <v>25</v>
      </c>
      <c r="C53" s="42" t="s">
        <v>13867</v>
      </c>
      <c r="D53" s="120"/>
    </row>
    <row r="54" spans="2:4" ht="12.75" thickBot="1">
      <c r="B54" s="41">
        <v>26</v>
      </c>
      <c r="C54" s="42" t="s">
        <v>13868</v>
      </c>
      <c r="D54" s="120"/>
    </row>
    <row r="55" spans="2:4">
      <c r="B55" s="986">
        <v>27</v>
      </c>
      <c r="C55" s="43" t="s">
        <v>13869</v>
      </c>
      <c r="D55" s="120"/>
    </row>
    <row r="56" spans="2:4" ht="12.75" thickBot="1">
      <c r="B56" s="987"/>
      <c r="C56" s="42" t="s">
        <v>13870</v>
      </c>
      <c r="D56" s="120"/>
    </row>
    <row r="57" spans="2:4">
      <c r="B57" s="986">
        <v>28</v>
      </c>
      <c r="C57" s="43" t="s">
        <v>13871</v>
      </c>
      <c r="D57" s="120"/>
    </row>
    <row r="58" spans="2:4" ht="12.75" thickBot="1">
      <c r="B58" s="987"/>
      <c r="C58" s="42" t="s">
        <v>13870</v>
      </c>
      <c r="D58" s="118"/>
    </row>
    <row r="59" spans="2:4" ht="24">
      <c r="B59" s="44"/>
      <c r="C59" s="43" t="s">
        <v>13872</v>
      </c>
      <c r="D59" s="119"/>
    </row>
    <row r="60" spans="2:4" ht="12.75" thickBot="1">
      <c r="B60" s="41">
        <v>29</v>
      </c>
      <c r="C60" s="42" t="s">
        <v>13873</v>
      </c>
      <c r="D60" s="120" t="s">
        <v>31137</v>
      </c>
    </row>
    <row r="61" spans="2:4" ht="12.75" thickBot="1">
      <c r="B61" s="41">
        <v>30</v>
      </c>
      <c r="C61" s="42" t="s">
        <v>13874</v>
      </c>
      <c r="D61" s="118"/>
    </row>
    <row r="62" spans="2:4" ht="12.75" thickBot="1">
      <c r="B62" s="41">
        <v>31</v>
      </c>
      <c r="C62" s="42" t="s">
        <v>13875</v>
      </c>
      <c r="D62" s="121" t="s">
        <v>31138</v>
      </c>
    </row>
    <row r="63" spans="2:4">
      <c r="B63" s="986">
        <v>32</v>
      </c>
      <c r="C63" s="43" t="s">
        <v>13876</v>
      </c>
      <c r="D63" s="119"/>
    </row>
    <row r="64" spans="2:4" ht="12.75" thickBot="1">
      <c r="B64" s="987"/>
      <c r="C64" s="42" t="s">
        <v>13877</v>
      </c>
      <c r="D64" s="122" t="s">
        <v>31139</v>
      </c>
    </row>
    <row r="65" spans="2:4">
      <c r="B65" s="986">
        <v>33</v>
      </c>
      <c r="C65" s="43" t="s">
        <v>13878</v>
      </c>
      <c r="D65" s="120"/>
    </row>
    <row r="66" spans="2:4" ht="12.75" thickBot="1">
      <c r="B66" s="987"/>
      <c r="C66" s="42" t="s">
        <v>13879</v>
      </c>
      <c r="D66" s="61"/>
    </row>
    <row r="67" spans="2:4">
      <c r="B67" s="48" t="s">
        <v>13880</v>
      </c>
    </row>
  </sheetData>
  <mergeCells count="25">
    <mergeCell ref="B9:D9"/>
    <mergeCell ref="A1:D1"/>
    <mergeCell ref="B2:D2"/>
    <mergeCell ref="B4:D4"/>
    <mergeCell ref="B7:D7"/>
    <mergeCell ref="B8:D8"/>
    <mergeCell ref="B5:D5"/>
    <mergeCell ref="A4:A5"/>
    <mergeCell ref="B48:B49"/>
    <mergeCell ref="B10:D10"/>
    <mergeCell ref="B11:D11"/>
    <mergeCell ref="B18:B19"/>
    <mergeCell ref="B24:B25"/>
    <mergeCell ref="B32:B33"/>
    <mergeCell ref="B34:B35"/>
    <mergeCell ref="B36:B37"/>
    <mergeCell ref="B39:B40"/>
    <mergeCell ref="D39:D40"/>
    <mergeCell ref="B44:B45"/>
    <mergeCell ref="B46:B47"/>
    <mergeCell ref="B50:B51"/>
    <mergeCell ref="B55:B56"/>
    <mergeCell ref="B57:B58"/>
    <mergeCell ref="B63:B64"/>
    <mergeCell ref="B65:B66"/>
  </mergeCells>
  <phoneticPr fontId="4"/>
  <hyperlinks>
    <hyperlink ref="B4" r:id="rId1"/>
    <hyperlink ref="B5" r:id="rId2"/>
  </hyperlinks>
  <pageMargins left="0.7" right="0.7" top="0.75" bottom="0.75" header="0.3" footer="0.3"/>
  <pageSetup paperSize="9" orientation="portrait"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429"/>
  <sheetViews>
    <sheetView showGridLines="0" zoomScale="80" zoomScaleNormal="80" workbookViewId="0">
      <selection activeCell="B5" sqref="B5"/>
    </sheetView>
  </sheetViews>
  <sheetFormatPr defaultColWidth="9" defaultRowHeight="14.25"/>
  <cols>
    <col min="1" max="1" width="9" style="68"/>
    <col min="2" max="2" width="76" style="75" customWidth="1"/>
    <col min="3" max="3" width="45.125" style="220" customWidth="1"/>
    <col min="4" max="16384" width="9" style="68"/>
  </cols>
  <sheetData>
    <row r="1" spans="1:5" s="65" customFormat="1" ht="36.75" customHeight="1" thickBot="1">
      <c r="A1" s="996" t="s">
        <v>27214</v>
      </c>
      <c r="B1" s="997"/>
      <c r="C1" s="218"/>
      <c r="D1" s="64"/>
      <c r="E1" s="64"/>
    </row>
    <row r="2" spans="1:5" ht="74.25" customHeight="1" thickBot="1">
      <c r="A2" s="219" t="s">
        <v>13352</v>
      </c>
      <c r="B2" s="130" t="s">
        <v>14239</v>
      </c>
    </row>
    <row r="3" spans="1:5" ht="32.25" customHeight="1" thickBot="1">
      <c r="A3" s="221" t="s">
        <v>13388</v>
      </c>
      <c r="B3" s="130" t="s">
        <v>13389</v>
      </c>
    </row>
    <row r="4" spans="1:5" ht="15.75">
      <c r="A4" s="998" t="s">
        <v>13353</v>
      </c>
      <c r="B4" s="241" t="s">
        <v>33111</v>
      </c>
      <c r="C4" s="222"/>
    </row>
    <row r="5" spans="1:5" ht="48" thickBot="1">
      <c r="A5" s="999"/>
      <c r="B5" s="242" t="s">
        <v>33112</v>
      </c>
      <c r="C5" s="222"/>
    </row>
    <row r="6" spans="1:5" ht="15.75">
      <c r="B6" s="143"/>
    </row>
    <row r="7" spans="1:5" ht="16.5">
      <c r="B7" s="229" t="s">
        <v>24</v>
      </c>
      <c r="C7" s="222" t="s">
        <v>14240</v>
      </c>
    </row>
    <row r="8" spans="1:5" ht="33">
      <c r="B8" s="230" t="s">
        <v>25</v>
      </c>
    </row>
    <row r="9" spans="1:5" ht="16.5">
      <c r="B9" s="229" t="s">
        <v>26</v>
      </c>
    </row>
    <row r="10" spans="1:5" ht="63">
      <c r="B10" s="143" t="s">
        <v>33009</v>
      </c>
    </row>
    <row r="11" spans="1:5" ht="15.75">
      <c r="B11" s="143"/>
    </row>
    <row r="12" spans="1:5" ht="63">
      <c r="B12" s="143" t="s">
        <v>33010</v>
      </c>
    </row>
    <row r="13" spans="1:5" s="63" customFormat="1" ht="12">
      <c r="B13" s="62"/>
    </row>
    <row r="14" spans="1:5" s="63" customFormat="1" ht="31.5">
      <c r="B14" s="223" t="s">
        <v>31147</v>
      </c>
    </row>
    <row r="15" spans="1:5" ht="15.75">
      <c r="B15" s="143"/>
    </row>
    <row r="16" spans="1:5">
      <c r="B16" s="62" t="s">
        <v>13334</v>
      </c>
    </row>
    <row r="17" spans="2:2" ht="15.75">
      <c r="B17" s="143"/>
    </row>
    <row r="18" spans="2:2" ht="16.5">
      <c r="B18" s="229" t="s">
        <v>27</v>
      </c>
    </row>
    <row r="19" spans="2:2" ht="63">
      <c r="B19" s="143" t="s">
        <v>33011</v>
      </c>
    </row>
    <row r="20" spans="2:2" ht="15.75">
      <c r="B20" s="143"/>
    </row>
    <row r="21" spans="2:2" ht="63">
      <c r="B21" s="143" t="s">
        <v>33012</v>
      </c>
    </row>
    <row r="22" spans="2:2" s="63" customFormat="1" ht="12">
      <c r="B22" s="62"/>
    </row>
    <row r="23" spans="2:2" s="63" customFormat="1" ht="31.5">
      <c r="B23" s="223" t="s">
        <v>31148</v>
      </c>
    </row>
    <row r="24" spans="2:2" ht="15.75">
      <c r="B24" s="143"/>
    </row>
    <row r="25" spans="2:2">
      <c r="B25" s="62" t="s">
        <v>13333</v>
      </c>
    </row>
    <row r="26" spans="2:2" ht="15.75">
      <c r="B26" s="143"/>
    </row>
    <row r="27" spans="2:2" ht="16.5">
      <c r="B27" s="229" t="s">
        <v>28</v>
      </c>
    </row>
    <row r="28" spans="2:2" ht="47.25">
      <c r="B28" s="143" t="s">
        <v>33013</v>
      </c>
    </row>
    <row r="29" spans="2:2" ht="15.75">
      <c r="B29" s="139"/>
    </row>
    <row r="30" spans="2:2" ht="15.75">
      <c r="B30" s="139" t="s">
        <v>13329</v>
      </c>
    </row>
    <row r="31" spans="2:2" ht="15.75">
      <c r="B31" s="139"/>
    </row>
    <row r="32" spans="2:2" ht="15.75">
      <c r="B32" s="139" t="s">
        <v>13330</v>
      </c>
    </row>
    <row r="33" spans="2:3" ht="15.75">
      <c r="B33" s="143"/>
    </row>
    <row r="34" spans="2:3" ht="63">
      <c r="B34" s="143" t="s">
        <v>33014</v>
      </c>
    </row>
    <row r="35" spans="2:3" ht="15.75">
      <c r="B35" s="143"/>
    </row>
    <row r="36" spans="2:3" ht="31.5">
      <c r="B36" s="143" t="s">
        <v>13331</v>
      </c>
    </row>
    <row r="37" spans="2:3" ht="15.75">
      <c r="B37" s="143"/>
    </row>
    <row r="38" spans="2:3">
      <c r="B38" s="62" t="s">
        <v>13332</v>
      </c>
    </row>
    <row r="39" spans="2:3" ht="15.75">
      <c r="B39" s="143"/>
    </row>
    <row r="40" spans="2:3" ht="16.5">
      <c r="B40" s="229" t="s">
        <v>29</v>
      </c>
      <c r="C40" s="222" t="s">
        <v>13335</v>
      </c>
    </row>
    <row r="41" spans="2:3" ht="16.5">
      <c r="B41" s="230" t="s">
        <v>30</v>
      </c>
    </row>
    <row r="42" spans="2:3" ht="33">
      <c r="B42" s="229" t="s">
        <v>31</v>
      </c>
    </row>
    <row r="43" spans="2:3" ht="157.5">
      <c r="B43" s="143" t="s">
        <v>33015</v>
      </c>
    </row>
    <row r="44" spans="2:3" ht="15.75">
      <c r="B44" s="143"/>
    </row>
    <row r="45" spans="2:3" ht="63">
      <c r="B45" s="143" t="s">
        <v>33016</v>
      </c>
    </row>
    <row r="46" spans="2:3" ht="15.75">
      <c r="B46" s="143"/>
    </row>
    <row r="47" spans="2:3" ht="47.25">
      <c r="B47" s="143" t="s">
        <v>33017</v>
      </c>
    </row>
    <row r="48" spans="2:3" ht="15.75">
      <c r="B48" s="143"/>
    </row>
    <row r="49" spans="2:3" ht="31.5">
      <c r="B49" s="143" t="s">
        <v>13336</v>
      </c>
    </row>
    <row r="50" spans="2:3" ht="15.75">
      <c r="B50" s="143"/>
    </row>
    <row r="51" spans="2:3" ht="63">
      <c r="B51" s="143" t="s">
        <v>13337</v>
      </c>
    </row>
    <row r="52" spans="2:3" ht="15.75">
      <c r="B52" s="143"/>
    </row>
    <row r="53" spans="2:3">
      <c r="B53" s="62" t="s">
        <v>13338</v>
      </c>
    </row>
    <row r="55" spans="2:3" ht="49.5">
      <c r="B55" s="229" t="s">
        <v>32</v>
      </c>
      <c r="C55" s="222" t="s">
        <v>14241</v>
      </c>
    </row>
    <row r="56" spans="2:3" ht="16.5">
      <c r="B56" s="230" t="s">
        <v>33</v>
      </c>
    </row>
    <row r="57" spans="2:3" ht="16.5">
      <c r="B57" s="229" t="s">
        <v>34</v>
      </c>
    </row>
    <row r="58" spans="2:3" ht="15.75">
      <c r="B58" s="143"/>
    </row>
    <row r="59" spans="2:3" ht="47.25">
      <c r="B59" s="143" t="s">
        <v>35</v>
      </c>
    </row>
    <row r="60" spans="2:3" ht="15.75">
      <c r="B60" s="143"/>
    </row>
    <row r="61" spans="2:3" ht="126">
      <c r="B61" s="143" t="s">
        <v>36</v>
      </c>
    </row>
    <row r="62" spans="2:3" ht="15.75">
      <c r="B62" s="143"/>
    </row>
    <row r="63" spans="2:3" ht="126">
      <c r="B63" s="143" t="s">
        <v>37</v>
      </c>
    </row>
    <row r="64" spans="2:3" ht="15.75">
      <c r="B64" s="143"/>
    </row>
    <row r="65" spans="2:2" ht="110.25">
      <c r="B65" s="143" t="s">
        <v>38</v>
      </c>
    </row>
    <row r="66" spans="2:2" ht="15.75">
      <c r="B66" s="143"/>
    </row>
    <row r="67" spans="2:2" ht="63">
      <c r="B67" s="143" t="s">
        <v>39</v>
      </c>
    </row>
    <row r="68" spans="2:2" ht="15.75">
      <c r="B68" s="143"/>
    </row>
    <row r="69" spans="2:2" ht="31.5">
      <c r="B69" s="143" t="s">
        <v>40</v>
      </c>
    </row>
    <row r="70" spans="2:2" ht="15.75">
      <c r="B70" s="143"/>
    </row>
    <row r="71" spans="2:2" ht="47.25">
      <c r="B71" s="143" t="s">
        <v>41</v>
      </c>
    </row>
    <row r="72" spans="2:2" ht="15.75">
      <c r="B72" s="143"/>
    </row>
    <row r="73" spans="2:2" ht="126">
      <c r="B73" s="143" t="s">
        <v>42</v>
      </c>
    </row>
    <row r="74" spans="2:2" ht="15.75">
      <c r="B74" s="143"/>
    </row>
    <row r="75" spans="2:2" ht="78.75">
      <c r="B75" s="143" t="s">
        <v>43</v>
      </c>
    </row>
    <row r="76" spans="2:2" ht="15.75">
      <c r="B76" s="143"/>
    </row>
    <row r="77" spans="2:2" ht="31.5">
      <c r="B77" s="143" t="s">
        <v>44</v>
      </c>
    </row>
    <row r="78" spans="2:2" ht="15.75">
      <c r="B78" s="143"/>
    </row>
    <row r="79" spans="2:2" ht="63">
      <c r="B79" s="143" t="s">
        <v>45</v>
      </c>
    </row>
    <row r="80" spans="2:2" ht="15.75">
      <c r="B80" s="143"/>
    </row>
    <row r="81" spans="2:2" ht="126">
      <c r="B81" s="143" t="s">
        <v>46</v>
      </c>
    </row>
    <row r="82" spans="2:2" ht="15.75">
      <c r="B82" s="143"/>
    </row>
    <row r="83" spans="2:2" ht="157.5">
      <c r="B83" s="143" t="s">
        <v>47</v>
      </c>
    </row>
    <row r="84" spans="2:2" ht="15.75">
      <c r="B84" s="143"/>
    </row>
    <row r="85" spans="2:2" ht="31.5">
      <c r="B85" s="143" t="s">
        <v>48</v>
      </c>
    </row>
    <row r="86" spans="2:2" ht="15.75">
      <c r="B86" s="143"/>
    </row>
    <row r="87" spans="2:2" ht="63">
      <c r="B87" s="143" t="s">
        <v>49</v>
      </c>
    </row>
    <row r="88" spans="2:2" ht="15.75">
      <c r="B88" s="143"/>
    </row>
    <row r="89" spans="2:2" ht="63">
      <c r="B89" s="143" t="s">
        <v>50</v>
      </c>
    </row>
    <row r="90" spans="2:2" ht="15.75">
      <c r="B90" s="143"/>
    </row>
    <row r="91" spans="2:2" ht="63">
      <c r="B91" s="143" t="s">
        <v>51</v>
      </c>
    </row>
    <row r="92" spans="2:2" ht="15.75">
      <c r="B92" s="143"/>
    </row>
    <row r="93" spans="2:2" ht="63">
      <c r="B93" s="143" t="s">
        <v>52</v>
      </c>
    </row>
    <row r="94" spans="2:2" ht="15.75">
      <c r="B94" s="143"/>
    </row>
    <row r="95" spans="2:2" ht="47.25">
      <c r="B95" s="143" t="s">
        <v>53</v>
      </c>
    </row>
    <row r="96" spans="2:2" ht="15.75">
      <c r="B96" s="143"/>
    </row>
    <row r="97" spans="2:2">
      <c r="B97" s="62" t="s">
        <v>54</v>
      </c>
    </row>
    <row r="98" spans="2:2" ht="15.75">
      <c r="B98" s="143"/>
    </row>
    <row r="99" spans="2:2" ht="24">
      <c r="B99" s="62" t="s">
        <v>55</v>
      </c>
    </row>
    <row r="100" spans="2:2" ht="15.75">
      <c r="B100" s="143"/>
    </row>
    <row r="101" spans="2:2" ht="33">
      <c r="B101" s="230" t="s">
        <v>13354</v>
      </c>
    </row>
    <row r="102" spans="2:2" ht="16.5">
      <c r="B102" s="229" t="s">
        <v>13355</v>
      </c>
    </row>
    <row r="103" spans="2:2" ht="15.75">
      <c r="B103" s="139"/>
    </row>
    <row r="104" spans="2:2" ht="409.5">
      <c r="B104" s="143" t="s">
        <v>13356</v>
      </c>
    </row>
    <row r="105" spans="2:2" ht="15.75">
      <c r="B105" s="143"/>
    </row>
    <row r="106" spans="2:2" ht="47.25">
      <c r="B106" s="143" t="s">
        <v>13357</v>
      </c>
    </row>
    <row r="107" spans="2:2" ht="15.75">
      <c r="B107" s="143"/>
    </row>
    <row r="108" spans="2:2" ht="31.5">
      <c r="B108" s="143" t="s">
        <v>13358</v>
      </c>
    </row>
    <row r="109" spans="2:2" ht="15.75">
      <c r="B109" s="143"/>
    </row>
    <row r="110" spans="2:2" ht="47.25">
      <c r="B110" s="143" t="s">
        <v>13359</v>
      </c>
    </row>
    <row r="111" spans="2:2" ht="15.75">
      <c r="B111" s="143"/>
    </row>
    <row r="112" spans="2:2" ht="47.25">
      <c r="B112" s="143" t="s">
        <v>13360</v>
      </c>
    </row>
    <row r="113" spans="2:2" ht="15.75">
      <c r="B113" s="143"/>
    </row>
    <row r="114" spans="2:2" ht="141.75">
      <c r="B114" s="143" t="s">
        <v>13361</v>
      </c>
    </row>
    <row r="115" spans="2:2" ht="15.75">
      <c r="B115" s="143"/>
    </row>
    <row r="116" spans="2:2" ht="78.75">
      <c r="B116" s="143" t="s">
        <v>13362</v>
      </c>
    </row>
    <row r="117" spans="2:2" ht="15.75">
      <c r="B117" s="143"/>
    </row>
    <row r="118" spans="2:2" ht="157.5">
      <c r="B118" s="143" t="s">
        <v>13363</v>
      </c>
    </row>
    <row r="119" spans="2:2" ht="15.75">
      <c r="B119" s="143"/>
    </row>
    <row r="120" spans="2:2" ht="63">
      <c r="B120" s="143" t="s">
        <v>13364</v>
      </c>
    </row>
    <row r="121" spans="2:2" ht="15.75">
      <c r="B121" s="143"/>
    </row>
    <row r="122" spans="2:2" ht="47.25">
      <c r="B122" s="143" t="s">
        <v>13365</v>
      </c>
    </row>
    <row r="123" spans="2:2" ht="15.75">
      <c r="B123" s="143"/>
    </row>
    <row r="124" spans="2:2" ht="47.25">
      <c r="B124" s="143" t="s">
        <v>13366</v>
      </c>
    </row>
    <row r="125" spans="2:2" ht="15.75">
      <c r="B125" s="143"/>
    </row>
    <row r="126" spans="2:2" ht="78.75">
      <c r="B126" s="143" t="s">
        <v>13367</v>
      </c>
    </row>
    <row r="127" spans="2:2" ht="15.75">
      <c r="B127" s="143"/>
    </row>
    <row r="128" spans="2:2" ht="78.75">
      <c r="B128" s="143" t="s">
        <v>13368</v>
      </c>
    </row>
    <row r="129" spans="2:2" ht="15.75">
      <c r="B129" s="143"/>
    </row>
    <row r="130" spans="2:2" ht="47.25">
      <c r="B130" s="143" t="s">
        <v>13369</v>
      </c>
    </row>
    <row r="131" spans="2:2" ht="15.75">
      <c r="B131" s="143"/>
    </row>
    <row r="132" spans="2:2" ht="31.5">
      <c r="B132" s="143" t="s">
        <v>13370</v>
      </c>
    </row>
    <row r="133" spans="2:2" ht="15.75">
      <c r="B133" s="143"/>
    </row>
    <row r="134" spans="2:2" ht="47.25">
      <c r="B134" s="143" t="s">
        <v>13371</v>
      </c>
    </row>
    <row r="135" spans="2:2" ht="15.75">
      <c r="B135" s="143"/>
    </row>
    <row r="136" spans="2:2" ht="78.75">
      <c r="B136" s="143" t="s">
        <v>13372</v>
      </c>
    </row>
    <row r="137" spans="2:2" ht="15.75">
      <c r="B137" s="143"/>
    </row>
    <row r="138" spans="2:2" ht="47.25">
      <c r="B138" s="143" t="s">
        <v>13373</v>
      </c>
    </row>
    <row r="139" spans="2:2" ht="15.75">
      <c r="B139" s="143"/>
    </row>
    <row r="140" spans="2:2" ht="31.5">
      <c r="B140" s="143" t="s">
        <v>13374</v>
      </c>
    </row>
    <row r="141" spans="2:2" ht="15.75">
      <c r="B141" s="143"/>
    </row>
    <row r="142" spans="2:2" ht="63">
      <c r="B142" s="143" t="s">
        <v>13375</v>
      </c>
    </row>
    <row r="143" spans="2:2" ht="15.75">
      <c r="B143" s="143"/>
    </row>
    <row r="144" spans="2:2" ht="63">
      <c r="B144" s="143" t="s">
        <v>13376</v>
      </c>
    </row>
    <row r="145" spans="2:2" ht="15.75">
      <c r="B145" s="143"/>
    </row>
    <row r="146" spans="2:2" ht="31.5">
      <c r="B146" s="143" t="s">
        <v>33018</v>
      </c>
    </row>
    <row r="147" spans="2:2" ht="15.75">
      <c r="B147" s="143"/>
    </row>
    <row r="148" spans="2:2" ht="15.75">
      <c r="B148" s="143" t="s">
        <v>13377</v>
      </c>
    </row>
    <row r="149" spans="2:2" ht="15.75">
      <c r="B149" s="143"/>
    </row>
    <row r="150" spans="2:2" ht="94.5">
      <c r="B150" s="143" t="s">
        <v>13378</v>
      </c>
    </row>
    <row r="151" spans="2:2" ht="15.75">
      <c r="B151" s="143"/>
    </row>
    <row r="152" spans="2:2" ht="126">
      <c r="B152" s="143" t="s">
        <v>13379</v>
      </c>
    </row>
    <row r="153" spans="2:2" ht="15.75">
      <c r="B153" s="143"/>
    </row>
    <row r="154" spans="2:2" ht="63">
      <c r="B154" s="143" t="s">
        <v>33019</v>
      </c>
    </row>
    <row r="155" spans="2:2" ht="15.75">
      <c r="B155" s="143"/>
    </row>
    <row r="156" spans="2:2" ht="47.25">
      <c r="B156" s="143" t="s">
        <v>13380</v>
      </c>
    </row>
    <row r="157" spans="2:2" ht="15.75">
      <c r="B157" s="143"/>
    </row>
    <row r="158" spans="2:2" ht="110.25">
      <c r="B158" s="143" t="s">
        <v>13381</v>
      </c>
    </row>
    <row r="159" spans="2:2" ht="15.75">
      <c r="B159" s="143"/>
    </row>
    <row r="160" spans="2:2" ht="78.75">
      <c r="B160" s="143" t="s">
        <v>13382</v>
      </c>
    </row>
    <row r="161" spans="2:2" ht="15.75">
      <c r="B161" s="143"/>
    </row>
    <row r="162" spans="2:2" ht="94.5">
      <c r="B162" s="143" t="s">
        <v>33020</v>
      </c>
    </row>
    <row r="163" spans="2:2" ht="15.75">
      <c r="B163" s="143"/>
    </row>
    <row r="164" spans="2:2" ht="47.25">
      <c r="B164" s="143" t="s">
        <v>13383</v>
      </c>
    </row>
    <row r="165" spans="2:2" ht="15.75">
      <c r="B165" s="143"/>
    </row>
    <row r="166" spans="2:2" ht="47.25">
      <c r="B166" s="143" t="s">
        <v>13384</v>
      </c>
    </row>
    <row r="167" spans="2:2" ht="15.75">
      <c r="B167" s="143"/>
    </row>
    <row r="168" spans="2:2" ht="31.5">
      <c r="B168" s="143" t="s">
        <v>13385</v>
      </c>
    </row>
    <row r="169" spans="2:2" ht="15.75">
      <c r="B169" s="143"/>
    </row>
    <row r="170" spans="2:2" ht="63">
      <c r="B170" s="143" t="s">
        <v>33021</v>
      </c>
    </row>
    <row r="171" spans="2:2" ht="15.75">
      <c r="B171" s="143"/>
    </row>
    <row r="172" spans="2:2" ht="94.5">
      <c r="B172" s="143" t="s">
        <v>33022</v>
      </c>
    </row>
    <row r="173" spans="2:2" ht="15.75">
      <c r="B173" s="143"/>
    </row>
    <row r="174" spans="2:2" ht="47.25">
      <c r="B174" s="143" t="s">
        <v>33023</v>
      </c>
    </row>
    <row r="175" spans="2:2" ht="15.75">
      <c r="B175" s="143"/>
    </row>
    <row r="176" spans="2:2">
      <c r="B176" s="62" t="s">
        <v>13386</v>
      </c>
    </row>
    <row r="177" spans="2:3" ht="15.75">
      <c r="B177" s="143"/>
    </row>
    <row r="178" spans="2:3" ht="48">
      <c r="B178" s="62" t="s">
        <v>13387</v>
      </c>
    </row>
    <row r="180" spans="2:3" ht="16.5">
      <c r="B180" s="229" t="s">
        <v>21</v>
      </c>
      <c r="C180" s="222" t="s">
        <v>28481</v>
      </c>
    </row>
    <row r="181" spans="2:3" ht="16.5">
      <c r="B181" s="231"/>
    </row>
    <row r="182" spans="2:3" ht="49.5">
      <c r="B182" s="230" t="s">
        <v>22</v>
      </c>
    </row>
    <row r="183" spans="2:3" ht="16.5">
      <c r="B183" s="229" t="s">
        <v>23</v>
      </c>
    </row>
    <row r="184" spans="2:3" ht="47.25">
      <c r="B184" s="224" t="s">
        <v>33024</v>
      </c>
    </row>
    <row r="185" spans="2:3" ht="15.75">
      <c r="B185" s="224"/>
    </row>
    <row r="186" spans="2:3" ht="47.25">
      <c r="B186" s="224" t="s">
        <v>33029</v>
      </c>
    </row>
    <row r="188" spans="2:3" ht="16.5">
      <c r="B188" s="229" t="s">
        <v>13291</v>
      </c>
    </row>
    <row r="189" spans="2:3" ht="15.75">
      <c r="B189" s="143"/>
    </row>
    <row r="190" spans="2:3" ht="47.25">
      <c r="B190" s="143" t="s">
        <v>13292</v>
      </c>
    </row>
    <row r="191" spans="2:3" ht="15.75">
      <c r="B191" s="143"/>
    </row>
    <row r="192" spans="2:3" ht="47.25">
      <c r="B192" s="143" t="s">
        <v>13293</v>
      </c>
    </row>
    <row r="193" spans="2:2" ht="15.75">
      <c r="B193" s="143"/>
    </row>
    <row r="194" spans="2:2" ht="15.75">
      <c r="B194" s="143" t="s">
        <v>13294</v>
      </c>
    </row>
    <row r="195" spans="2:2" ht="15.75">
      <c r="B195" s="143"/>
    </row>
    <row r="196" spans="2:2" ht="63">
      <c r="B196" s="143" t="s">
        <v>13295</v>
      </c>
    </row>
    <row r="197" spans="2:2" ht="15.75">
      <c r="B197" s="143"/>
    </row>
    <row r="198" spans="2:2" ht="47.25">
      <c r="B198" s="143" t="s">
        <v>13296</v>
      </c>
    </row>
    <row r="199" spans="2:2" ht="15.75">
      <c r="B199" s="143"/>
    </row>
    <row r="200" spans="2:2">
      <c r="B200" s="62" t="s">
        <v>13297</v>
      </c>
    </row>
    <row r="201" spans="2:2" ht="15.75">
      <c r="B201" s="143"/>
    </row>
    <row r="202" spans="2:2" ht="15.75">
      <c r="B202" s="143" t="s">
        <v>13298</v>
      </c>
    </row>
    <row r="203" spans="2:2" ht="15.75">
      <c r="B203" s="143"/>
    </row>
    <row r="204" spans="2:2" ht="16.5">
      <c r="B204" s="229" t="s">
        <v>13299</v>
      </c>
    </row>
    <row r="205" spans="2:2" ht="15.75">
      <c r="B205" s="143"/>
    </row>
    <row r="206" spans="2:2" ht="47.25">
      <c r="B206" s="143" t="s">
        <v>13300</v>
      </c>
    </row>
    <row r="207" spans="2:2" ht="15.75">
      <c r="B207" s="143"/>
    </row>
    <row r="208" spans="2:2" ht="47.25">
      <c r="B208" s="143" t="s">
        <v>13301</v>
      </c>
    </row>
    <row r="209" spans="2:2" ht="15.75">
      <c r="B209" s="143"/>
    </row>
    <row r="210" spans="2:2">
      <c r="B210" s="62" t="s">
        <v>13297</v>
      </c>
    </row>
    <row r="211" spans="2:2" ht="15.75">
      <c r="B211" s="143"/>
    </row>
    <row r="212" spans="2:2" ht="15.75">
      <c r="B212" s="143" t="s">
        <v>13298</v>
      </c>
    </row>
    <row r="213" spans="2:2" ht="15.75">
      <c r="B213" s="143"/>
    </row>
    <row r="214" spans="2:2" ht="16.5">
      <c r="B214" s="229" t="s">
        <v>13302</v>
      </c>
    </row>
    <row r="215" spans="2:2" ht="15.75">
      <c r="B215" s="143"/>
    </row>
    <row r="216" spans="2:2" ht="47.25">
      <c r="B216" s="143" t="s">
        <v>13303</v>
      </c>
    </row>
    <row r="217" spans="2:2" ht="15.75">
      <c r="B217" s="143"/>
    </row>
    <row r="218" spans="2:2" ht="47.25">
      <c r="B218" s="143" t="s">
        <v>13304</v>
      </c>
    </row>
    <row r="219" spans="2:2" ht="15.75">
      <c r="B219" s="143"/>
    </row>
    <row r="220" spans="2:2" ht="94.5">
      <c r="B220" s="143" t="s">
        <v>13305</v>
      </c>
    </row>
    <row r="221" spans="2:2" ht="15.75">
      <c r="B221" s="143"/>
    </row>
    <row r="222" spans="2:2">
      <c r="B222" s="62" t="s">
        <v>13297</v>
      </c>
    </row>
    <row r="225" spans="2:3" ht="49.5">
      <c r="B225" s="229" t="s">
        <v>14242</v>
      </c>
      <c r="C225" s="239" t="s">
        <v>33108</v>
      </c>
    </row>
    <row r="227" spans="2:3" ht="19.5">
      <c r="B227" s="225" t="s">
        <v>14243</v>
      </c>
      <c r="C227" s="228" t="s">
        <v>33109</v>
      </c>
    </row>
    <row r="228" spans="2:3" ht="16.5">
      <c r="B228" s="232" t="s">
        <v>14244</v>
      </c>
    </row>
    <row r="229" spans="2:3" ht="15.75">
      <c r="B229" s="139"/>
    </row>
    <row r="230" spans="2:3" ht="63">
      <c r="B230" s="226" t="s">
        <v>14245</v>
      </c>
    </row>
    <row r="231" spans="2:3" ht="15.75">
      <c r="B231" s="139"/>
    </row>
    <row r="232" spans="2:3" ht="16.5">
      <c r="B232" s="232" t="s">
        <v>14246</v>
      </c>
    </row>
    <row r="233" spans="2:3" ht="15.75">
      <c r="B233" s="139"/>
    </row>
    <row r="234" spans="2:3" ht="31.5">
      <c r="B234" s="226" t="s">
        <v>14247</v>
      </c>
    </row>
    <row r="235" spans="2:3" ht="15.75">
      <c r="B235" s="139"/>
    </row>
    <row r="236" spans="2:3" ht="47.25">
      <c r="B236" s="227" t="s">
        <v>33025</v>
      </c>
    </row>
    <row r="237" spans="2:3" ht="15.75">
      <c r="B237" s="139"/>
    </row>
    <row r="238" spans="2:3" ht="31.5">
      <c r="B238" s="227" t="s">
        <v>33026</v>
      </c>
    </row>
    <row r="239" spans="2:3" ht="15.75">
      <c r="B239" s="139"/>
    </row>
    <row r="240" spans="2:3" ht="63">
      <c r="B240" s="227" t="s">
        <v>33027</v>
      </c>
    </row>
    <row r="241" spans="2:2" ht="15.75">
      <c r="B241" s="139"/>
    </row>
    <row r="242" spans="2:2" ht="110.25">
      <c r="B242" s="227" t="s">
        <v>33028</v>
      </c>
    </row>
    <row r="243" spans="2:2" ht="15.75">
      <c r="B243" s="139"/>
    </row>
    <row r="244" spans="2:2" ht="16.5">
      <c r="B244" s="232" t="s">
        <v>14248</v>
      </c>
    </row>
    <row r="245" spans="2:2" ht="15.75">
      <c r="B245" s="139"/>
    </row>
    <row r="246" spans="2:2" ht="47.25">
      <c r="B246" s="226" t="s">
        <v>14249</v>
      </c>
    </row>
    <row r="247" spans="2:2" ht="15.75">
      <c r="B247" s="139"/>
    </row>
    <row r="248" spans="2:2" ht="47.25">
      <c r="B248" s="226" t="s">
        <v>14250</v>
      </c>
    </row>
    <row r="249" spans="2:2" ht="15.75">
      <c r="B249" s="139"/>
    </row>
    <row r="250" spans="2:2" ht="47.25">
      <c r="B250" s="226" t="s">
        <v>14251</v>
      </c>
    </row>
    <row r="251" spans="2:2" ht="15.75">
      <c r="B251" s="139"/>
    </row>
    <row r="252" spans="2:2" ht="16.5">
      <c r="B252" s="232" t="s">
        <v>14252</v>
      </c>
    </row>
    <row r="253" spans="2:2" ht="15.75">
      <c r="B253" s="139"/>
    </row>
    <row r="254" spans="2:2" ht="94.5">
      <c r="B254" s="226" t="s">
        <v>14253</v>
      </c>
    </row>
    <row r="255" spans="2:2" ht="15.75">
      <c r="B255" s="139"/>
    </row>
    <row r="256" spans="2:2" ht="47.25">
      <c r="B256" s="226" t="s">
        <v>14254</v>
      </c>
    </row>
    <row r="257" spans="2:2" ht="15.75">
      <c r="B257" s="139"/>
    </row>
    <row r="258" spans="2:2" ht="47.25">
      <c r="B258" s="226" t="s">
        <v>14255</v>
      </c>
    </row>
    <row r="259" spans="2:2" ht="15.75">
      <c r="B259" s="139"/>
    </row>
    <row r="260" spans="2:2" ht="16.5">
      <c r="B260" s="232" t="s">
        <v>14256</v>
      </c>
    </row>
    <row r="261" spans="2:2" ht="15.75">
      <c r="B261" s="139"/>
    </row>
    <row r="262" spans="2:2" ht="63">
      <c r="B262" s="226" t="s">
        <v>14257</v>
      </c>
    </row>
    <row r="263" spans="2:2" ht="15.75">
      <c r="B263" s="139"/>
    </row>
    <row r="264" spans="2:2" ht="31.5">
      <c r="B264" s="226" t="s">
        <v>14258</v>
      </c>
    </row>
    <row r="265" spans="2:2" ht="15.75">
      <c r="B265" s="139"/>
    </row>
    <row r="266" spans="2:2" ht="15.75">
      <c r="B266" s="226" t="s">
        <v>14259</v>
      </c>
    </row>
    <row r="267" spans="2:2" ht="15.75">
      <c r="B267" s="139"/>
    </row>
    <row r="268" spans="2:2" ht="15.75">
      <c r="B268" s="226" t="s">
        <v>14260</v>
      </c>
    </row>
    <row r="269" spans="2:2" ht="15.75">
      <c r="B269" s="139"/>
    </row>
    <row r="270" spans="2:2" ht="31.5">
      <c r="B270" s="226" t="s">
        <v>14261</v>
      </c>
    </row>
    <row r="272" spans="2:2" s="235" customFormat="1" ht="15.75"/>
    <row r="273" spans="2:3" s="235" customFormat="1" ht="16.5">
      <c r="B273" s="236" t="s">
        <v>33030</v>
      </c>
      <c r="C273" s="240" t="s">
        <v>33110</v>
      </c>
    </row>
    <row r="274" spans="2:3" s="235" customFormat="1" ht="15.75">
      <c r="B274" s="243" t="s">
        <v>33031</v>
      </c>
    </row>
    <row r="275" spans="2:3" s="235" customFormat="1" ht="16.5">
      <c r="B275" s="237"/>
    </row>
    <row r="276" spans="2:3" s="235" customFormat="1" ht="16.5">
      <c r="B276" s="237"/>
    </row>
    <row r="277" spans="2:3" s="235" customFormat="1" ht="16.5">
      <c r="B277" s="236" t="s">
        <v>37375</v>
      </c>
    </row>
    <row r="278" spans="2:3" s="235" customFormat="1" ht="15.75"/>
    <row r="279" spans="2:3" s="235" customFormat="1" ht="47.25">
      <c r="B279" s="235" t="s">
        <v>33032</v>
      </c>
    </row>
    <row r="280" spans="2:3" s="235" customFormat="1" ht="15.75"/>
    <row r="281" spans="2:3" s="235" customFormat="1" ht="31.5">
      <c r="B281" s="235" t="s">
        <v>33033</v>
      </c>
    </row>
    <row r="282" spans="2:3" s="235" customFormat="1" ht="15.75"/>
    <row r="283" spans="2:3" s="235" customFormat="1" ht="78.75">
      <c r="B283" s="235" t="s">
        <v>33034</v>
      </c>
    </row>
    <row r="284" spans="2:3" s="235" customFormat="1" ht="15.75"/>
    <row r="285" spans="2:3" s="235" customFormat="1" ht="63">
      <c r="B285" s="235" t="s">
        <v>33035</v>
      </c>
    </row>
    <row r="286" spans="2:3" s="235" customFormat="1" ht="15.75"/>
    <row r="287" spans="2:3" s="235" customFormat="1" ht="47.25">
      <c r="B287" s="235" t="s">
        <v>33036</v>
      </c>
    </row>
    <row r="288" spans="2:3" s="235" customFormat="1" ht="15.75"/>
    <row r="289" spans="2:2" s="235" customFormat="1" ht="16.5">
      <c r="B289" s="232" t="s">
        <v>33037</v>
      </c>
    </row>
    <row r="290" spans="2:2" s="235" customFormat="1" ht="15.75">
      <c r="B290" s="238"/>
    </row>
    <row r="291" spans="2:2" s="235" customFormat="1" ht="31.5">
      <c r="B291" s="226" t="s">
        <v>33038</v>
      </c>
    </row>
    <row r="292" spans="2:2" s="235" customFormat="1" ht="15.75">
      <c r="B292" s="238"/>
    </row>
    <row r="293" spans="2:2" s="235" customFormat="1" ht="31.5">
      <c r="B293" s="227" t="s">
        <v>33039</v>
      </c>
    </row>
    <row r="294" spans="2:2" s="235" customFormat="1" ht="15.75">
      <c r="B294" s="238"/>
    </row>
    <row r="295" spans="2:2" s="235" customFormat="1" ht="78.75">
      <c r="B295" s="227" t="s">
        <v>33040</v>
      </c>
    </row>
    <row r="296" spans="2:2" s="235" customFormat="1" ht="15.75"/>
    <row r="297" spans="2:2" s="235" customFormat="1" ht="15.75">
      <c r="B297" s="227" t="s">
        <v>33041</v>
      </c>
    </row>
    <row r="298" spans="2:2" s="235" customFormat="1" ht="15.75">
      <c r="B298" s="238"/>
    </row>
    <row r="299" spans="2:2" s="235" customFormat="1" ht="15.75">
      <c r="B299" s="226" t="s">
        <v>33042</v>
      </c>
    </row>
    <row r="300" spans="2:2" s="235" customFormat="1" ht="15.75">
      <c r="B300" s="238"/>
    </row>
    <row r="301" spans="2:2" s="235" customFormat="1" ht="31.5">
      <c r="B301" s="226" t="s">
        <v>33043</v>
      </c>
    </row>
    <row r="302" spans="2:2" s="235" customFormat="1" ht="15.75">
      <c r="B302" s="238"/>
    </row>
    <row r="303" spans="2:2" s="235" customFormat="1" ht="78.75">
      <c r="B303" s="226" t="s">
        <v>33044</v>
      </c>
    </row>
    <row r="304" spans="2:2" s="235" customFormat="1" ht="15.75">
      <c r="B304" s="238"/>
    </row>
    <row r="305" spans="2:2" s="235" customFormat="1" ht="31.5">
      <c r="B305" s="227" t="s">
        <v>33045</v>
      </c>
    </row>
    <row r="306" spans="2:2" s="235" customFormat="1" ht="15.75">
      <c r="B306" s="238"/>
    </row>
    <row r="307" spans="2:2" s="235" customFormat="1" ht="15.75">
      <c r="B307" s="227" t="s">
        <v>33046</v>
      </c>
    </row>
    <row r="308" spans="2:2" s="235" customFormat="1" ht="15.75">
      <c r="B308" s="238"/>
    </row>
    <row r="309" spans="2:2" s="235" customFormat="1" ht="47.25">
      <c r="B309" s="227" t="s">
        <v>33047</v>
      </c>
    </row>
    <row r="310" spans="2:2" s="235" customFormat="1" ht="15.75">
      <c r="B310" s="238"/>
    </row>
    <row r="311" spans="2:2" s="235" customFormat="1" ht="15.75">
      <c r="B311" s="227" t="s">
        <v>33048</v>
      </c>
    </row>
    <row r="312" spans="2:2" s="235" customFormat="1" ht="15.75">
      <c r="B312" s="238"/>
    </row>
    <row r="313" spans="2:2" s="235" customFormat="1" ht="31.5">
      <c r="B313" s="227" t="s">
        <v>33049</v>
      </c>
    </row>
    <row r="314" spans="2:2" s="235" customFormat="1" ht="15.75">
      <c r="B314" s="238"/>
    </row>
    <row r="315" spans="2:2" s="235" customFormat="1" ht="47.25">
      <c r="B315" s="227" t="s">
        <v>33050</v>
      </c>
    </row>
    <row r="316" spans="2:2" s="235" customFormat="1" ht="15.75">
      <c r="B316" s="238"/>
    </row>
    <row r="317" spans="2:2" s="235" customFormat="1" ht="78.75">
      <c r="B317" s="227" t="s">
        <v>33051</v>
      </c>
    </row>
    <row r="318" spans="2:2" s="235" customFormat="1" ht="15.75">
      <c r="B318" s="238"/>
    </row>
    <row r="319" spans="2:2" s="235" customFormat="1" ht="15.75">
      <c r="B319" s="234" t="s">
        <v>33052</v>
      </c>
    </row>
    <row r="320" spans="2:2" s="235" customFormat="1" ht="15.75"/>
    <row r="321" spans="2:2" s="235" customFormat="1" ht="16.5">
      <c r="B321" s="232" t="s">
        <v>33053</v>
      </c>
    </row>
    <row r="322" spans="2:2" s="235" customFormat="1" ht="15.75">
      <c r="B322" s="238"/>
    </row>
    <row r="323" spans="2:2" s="235" customFormat="1" ht="78.75">
      <c r="B323" s="226" t="s">
        <v>33054</v>
      </c>
    </row>
    <row r="324" spans="2:2" s="235" customFormat="1" ht="15.75">
      <c r="B324" s="238"/>
    </row>
    <row r="325" spans="2:2" s="235" customFormat="1" ht="81" customHeight="1">
      <c r="B325" s="226" t="s">
        <v>33055</v>
      </c>
    </row>
    <row r="326" spans="2:2" s="235" customFormat="1" ht="15.75">
      <c r="B326" s="238"/>
    </row>
    <row r="327" spans="2:2" s="235" customFormat="1" ht="49.5" customHeight="1">
      <c r="B327" s="226" t="s">
        <v>33056</v>
      </c>
    </row>
    <row r="328" spans="2:2" s="235" customFormat="1" ht="15.75">
      <c r="B328" s="238"/>
    </row>
    <row r="329" spans="2:2" s="235" customFormat="1" ht="176.25" customHeight="1">
      <c r="B329" s="226" t="s">
        <v>33057</v>
      </c>
    </row>
    <row r="330" spans="2:2" s="235" customFormat="1" ht="15.75">
      <c r="B330" s="238"/>
    </row>
    <row r="331" spans="2:2" s="235" customFormat="1" ht="63">
      <c r="B331" s="226" t="s">
        <v>33058</v>
      </c>
    </row>
    <row r="332" spans="2:2" s="235" customFormat="1" ht="15.75">
      <c r="B332" s="238"/>
    </row>
    <row r="333" spans="2:2" s="235" customFormat="1" ht="47.25">
      <c r="B333" s="226" t="s">
        <v>33059</v>
      </c>
    </row>
    <row r="334" spans="2:2" s="235" customFormat="1" ht="15.75">
      <c r="B334" s="238"/>
    </row>
    <row r="335" spans="2:2" s="235" customFormat="1" ht="78.75">
      <c r="B335" s="226" t="s">
        <v>33060</v>
      </c>
    </row>
    <row r="336" spans="2:2" s="235" customFormat="1" ht="15.75">
      <c r="B336" s="238"/>
    </row>
    <row r="337" spans="2:2" s="235" customFormat="1" ht="80.25" customHeight="1">
      <c r="B337" s="226" t="s">
        <v>33061</v>
      </c>
    </row>
    <row r="338" spans="2:2" s="235" customFormat="1" ht="15.75">
      <c r="B338" s="238"/>
    </row>
    <row r="339" spans="2:2" s="235" customFormat="1" ht="31.5">
      <c r="B339" s="226" t="s">
        <v>33062</v>
      </c>
    </row>
    <row r="340" spans="2:2" s="235" customFormat="1" ht="15.75">
      <c r="B340" s="238"/>
    </row>
    <row r="341" spans="2:2" s="235" customFormat="1" ht="31.5">
      <c r="B341" s="226" t="s">
        <v>33063</v>
      </c>
    </row>
    <row r="342" spans="2:2" s="235" customFormat="1" ht="15.75">
      <c r="B342" s="238"/>
    </row>
    <row r="343" spans="2:2" s="235" customFormat="1" ht="31.5">
      <c r="B343" s="226" t="s">
        <v>33064</v>
      </c>
    </row>
    <row r="344" spans="2:2" s="235" customFormat="1" ht="15.75">
      <c r="B344" s="238"/>
    </row>
    <row r="345" spans="2:2" s="235" customFormat="1" ht="31.5">
      <c r="B345" s="226" t="s">
        <v>33065</v>
      </c>
    </row>
    <row r="346" spans="2:2" s="235" customFormat="1" ht="15.75">
      <c r="B346" s="238"/>
    </row>
    <row r="347" spans="2:2" s="235" customFormat="1" ht="15.75">
      <c r="B347" s="234" t="s">
        <v>33066</v>
      </c>
    </row>
    <row r="348" spans="2:2" s="235" customFormat="1" ht="15.75"/>
    <row r="349" spans="2:2" s="235" customFormat="1" ht="16.5">
      <c r="B349" s="232" t="s">
        <v>33067</v>
      </c>
    </row>
    <row r="350" spans="2:2" s="235" customFormat="1" ht="15.75">
      <c r="B350" s="238"/>
    </row>
    <row r="351" spans="2:2" s="235" customFormat="1" ht="63">
      <c r="B351" s="226" t="s">
        <v>33068</v>
      </c>
    </row>
    <row r="352" spans="2:2" s="235" customFormat="1" ht="15.75">
      <c r="B352" s="238"/>
    </row>
    <row r="353" spans="2:2" s="235" customFormat="1" ht="78.75">
      <c r="B353" s="226" t="s">
        <v>33069</v>
      </c>
    </row>
    <row r="354" spans="2:2" s="235" customFormat="1" ht="15.75">
      <c r="B354" s="238"/>
    </row>
    <row r="355" spans="2:2" s="235" customFormat="1" ht="47.25">
      <c r="B355" s="226" t="s">
        <v>33070</v>
      </c>
    </row>
    <row r="356" spans="2:2" s="235" customFormat="1" ht="15.75">
      <c r="B356" s="238"/>
    </row>
    <row r="357" spans="2:2" s="235" customFormat="1" ht="31.5">
      <c r="B357" s="226" t="s">
        <v>33071</v>
      </c>
    </row>
    <row r="358" spans="2:2" s="235" customFormat="1" ht="15.75">
      <c r="B358" s="238"/>
    </row>
    <row r="359" spans="2:2" s="235" customFormat="1" ht="15.75">
      <c r="B359" s="226" t="s">
        <v>33072</v>
      </c>
    </row>
    <row r="360" spans="2:2" s="235" customFormat="1" ht="15.75">
      <c r="B360" s="238"/>
    </row>
    <row r="361" spans="2:2" s="235" customFormat="1" ht="110.25">
      <c r="B361" s="226" t="s">
        <v>33073</v>
      </c>
    </row>
    <row r="362" spans="2:2" s="235" customFormat="1" ht="15.75">
      <c r="B362" s="238"/>
    </row>
    <row r="363" spans="2:2" s="235" customFormat="1" ht="31.5">
      <c r="B363" s="226" t="s">
        <v>33074</v>
      </c>
    </row>
    <row r="364" spans="2:2" s="235" customFormat="1" ht="15.75">
      <c r="B364" s="238"/>
    </row>
    <row r="365" spans="2:2" s="235" customFormat="1" ht="66.75" customHeight="1">
      <c r="B365" s="226" t="s">
        <v>33075</v>
      </c>
    </row>
    <row r="366" spans="2:2" s="235" customFormat="1" ht="15.75">
      <c r="B366" s="238"/>
    </row>
    <row r="367" spans="2:2" s="235" customFormat="1" ht="31.5">
      <c r="B367" s="226" t="s">
        <v>33076</v>
      </c>
    </row>
    <row r="368" spans="2:2" s="235" customFormat="1" ht="15.75">
      <c r="B368" s="238"/>
    </row>
    <row r="369" spans="2:2" s="235" customFormat="1" ht="63">
      <c r="B369" s="226" t="s">
        <v>33077</v>
      </c>
    </row>
    <row r="370" spans="2:2" s="235" customFormat="1" ht="15.75">
      <c r="B370" s="238"/>
    </row>
    <row r="371" spans="2:2" s="235" customFormat="1" ht="31.5">
      <c r="B371" s="226" t="s">
        <v>33078</v>
      </c>
    </row>
    <row r="372" spans="2:2" s="235" customFormat="1" ht="15.75">
      <c r="B372" s="238"/>
    </row>
    <row r="373" spans="2:2" s="235" customFormat="1" ht="47.25">
      <c r="B373" s="226" t="s">
        <v>33079</v>
      </c>
    </row>
    <row r="374" spans="2:2" s="235" customFormat="1" ht="15.75">
      <c r="B374" s="238"/>
    </row>
    <row r="375" spans="2:2" s="235" customFormat="1" ht="15.75">
      <c r="B375" s="226" t="s">
        <v>33080</v>
      </c>
    </row>
    <row r="376" spans="2:2" s="235" customFormat="1" ht="15.75">
      <c r="B376" s="238"/>
    </row>
    <row r="377" spans="2:2" s="235" customFormat="1" ht="94.5">
      <c r="B377" s="226" t="s">
        <v>33081</v>
      </c>
    </row>
    <row r="378" spans="2:2" s="235" customFormat="1" ht="15.75">
      <c r="B378" s="238"/>
    </row>
    <row r="379" spans="2:2" s="235" customFormat="1" ht="94.5">
      <c r="B379" s="226" t="s">
        <v>33082</v>
      </c>
    </row>
    <row r="380" spans="2:2" s="235" customFormat="1" ht="15.75">
      <c r="B380" s="238"/>
    </row>
    <row r="381" spans="2:2" s="235" customFormat="1" ht="31.5">
      <c r="B381" s="226" t="s">
        <v>33083</v>
      </c>
    </row>
    <row r="382" spans="2:2" s="235" customFormat="1" ht="15.75">
      <c r="B382" s="238"/>
    </row>
    <row r="383" spans="2:2" s="235" customFormat="1" ht="31.5">
      <c r="B383" s="226" t="s">
        <v>33084</v>
      </c>
    </row>
    <row r="384" spans="2:2" s="235" customFormat="1" ht="15.75">
      <c r="B384" s="238"/>
    </row>
    <row r="385" spans="2:2" s="235" customFormat="1" ht="31.5">
      <c r="B385" s="226" t="s">
        <v>33085</v>
      </c>
    </row>
    <row r="386" spans="2:2" s="235" customFormat="1" ht="15.75">
      <c r="B386" s="238"/>
    </row>
    <row r="387" spans="2:2" s="235" customFormat="1" ht="63">
      <c r="B387" s="226" t="s">
        <v>33086</v>
      </c>
    </row>
    <row r="388" spans="2:2" s="235" customFormat="1" ht="15.75">
      <c r="B388" s="238"/>
    </row>
    <row r="389" spans="2:2" s="235" customFormat="1" ht="63">
      <c r="B389" s="226" t="s">
        <v>33087</v>
      </c>
    </row>
    <row r="390" spans="2:2" s="235" customFormat="1" ht="15.75">
      <c r="B390" s="238"/>
    </row>
    <row r="391" spans="2:2" s="235" customFormat="1" ht="47.25">
      <c r="B391" s="226" t="s">
        <v>33088</v>
      </c>
    </row>
    <row r="392" spans="2:2" s="235" customFormat="1" ht="15.75">
      <c r="B392" s="238"/>
    </row>
    <row r="393" spans="2:2" s="235" customFormat="1" ht="219.75" customHeight="1">
      <c r="B393" s="226" t="s">
        <v>33089</v>
      </c>
    </row>
    <row r="394" spans="2:2" s="235" customFormat="1" ht="15.75">
      <c r="B394" s="238"/>
    </row>
    <row r="395" spans="2:2" s="235" customFormat="1" ht="204.75">
      <c r="B395" s="226" t="s">
        <v>33090</v>
      </c>
    </row>
    <row r="396" spans="2:2" s="235" customFormat="1" ht="15.75">
      <c r="B396" s="238"/>
    </row>
    <row r="397" spans="2:2" s="235" customFormat="1" ht="204.75">
      <c r="B397" s="226" t="s">
        <v>33091</v>
      </c>
    </row>
    <row r="398" spans="2:2" s="235" customFormat="1" ht="15.75">
      <c r="B398" s="238"/>
    </row>
    <row r="399" spans="2:2" s="235" customFormat="1" ht="31.5">
      <c r="B399" s="226" t="s">
        <v>33092</v>
      </c>
    </row>
    <row r="400" spans="2:2" s="235" customFormat="1" ht="15.75">
      <c r="B400" s="238"/>
    </row>
    <row r="401" spans="2:2" s="235" customFormat="1" ht="15.75">
      <c r="B401" s="234" t="s">
        <v>33093</v>
      </c>
    </row>
    <row r="402" spans="2:2" s="235" customFormat="1" ht="15.75"/>
    <row r="403" spans="2:2" s="235" customFormat="1" ht="16.5">
      <c r="B403" s="232" t="s">
        <v>33094</v>
      </c>
    </row>
    <row r="404" spans="2:2" s="235" customFormat="1" ht="15.75">
      <c r="B404" s="238"/>
    </row>
    <row r="405" spans="2:2" s="235" customFormat="1" ht="47.25">
      <c r="B405" s="226" t="s">
        <v>33095</v>
      </c>
    </row>
    <row r="406" spans="2:2" s="235" customFormat="1" ht="15.75">
      <c r="B406" s="238"/>
    </row>
    <row r="407" spans="2:2" s="235" customFormat="1" ht="47.25">
      <c r="B407" s="226" t="s">
        <v>33096</v>
      </c>
    </row>
    <row r="408" spans="2:2" s="235" customFormat="1" ht="15.75">
      <c r="B408" s="238"/>
    </row>
    <row r="409" spans="2:2" s="235" customFormat="1" ht="78.75">
      <c r="B409" s="226" t="s">
        <v>33097</v>
      </c>
    </row>
    <row r="410" spans="2:2" s="235" customFormat="1" ht="15.75"/>
    <row r="411" spans="2:2" s="235" customFormat="1" ht="16.5">
      <c r="B411" s="232" t="s">
        <v>33098</v>
      </c>
    </row>
    <row r="412" spans="2:2" s="235" customFormat="1" ht="15.75">
      <c r="B412" s="238"/>
    </row>
    <row r="413" spans="2:2" s="235" customFormat="1" ht="94.5">
      <c r="B413" s="226" t="s">
        <v>33099</v>
      </c>
    </row>
    <row r="414" spans="2:2" s="235" customFormat="1" ht="15.75">
      <c r="B414" s="238"/>
    </row>
    <row r="415" spans="2:2" s="235" customFormat="1" ht="94.5">
      <c r="B415" s="226" t="s">
        <v>33100</v>
      </c>
    </row>
    <row r="416" spans="2:2" s="235" customFormat="1" ht="15.75">
      <c r="B416" s="238"/>
    </row>
    <row r="417" spans="2:2" s="235" customFormat="1" ht="15.75">
      <c r="B417" s="234" t="s">
        <v>33101</v>
      </c>
    </row>
    <row r="418" spans="2:2" s="235" customFormat="1" ht="15.75"/>
    <row r="419" spans="2:2" s="235" customFormat="1" ht="16.5">
      <c r="B419" s="232" t="s">
        <v>33102</v>
      </c>
    </row>
    <row r="420" spans="2:2" s="235" customFormat="1" ht="15.75">
      <c r="B420" s="238"/>
    </row>
    <row r="421" spans="2:2" s="235" customFormat="1" ht="47.25">
      <c r="B421" s="226" t="s">
        <v>33103</v>
      </c>
    </row>
    <row r="422" spans="2:2" s="235" customFormat="1" ht="15.75">
      <c r="B422" s="238"/>
    </row>
    <row r="423" spans="2:2" s="235" customFormat="1" ht="31.5">
      <c r="B423" s="226" t="s">
        <v>33104</v>
      </c>
    </row>
    <row r="424" spans="2:2" s="235" customFormat="1" ht="15.75">
      <c r="B424" s="238"/>
    </row>
    <row r="425" spans="2:2" s="235" customFormat="1" ht="15.75">
      <c r="B425" s="226" t="s">
        <v>33105</v>
      </c>
    </row>
    <row r="426" spans="2:2" s="235" customFormat="1" ht="15.75">
      <c r="B426" s="238"/>
    </row>
    <row r="427" spans="2:2" s="235" customFormat="1" ht="96" customHeight="1">
      <c r="B427" s="226" t="s">
        <v>33106</v>
      </c>
    </row>
    <row r="428" spans="2:2" s="235" customFormat="1" ht="15.75">
      <c r="B428" s="238"/>
    </row>
    <row r="429" spans="2:2" s="235" customFormat="1" ht="15.75">
      <c r="B429" s="234" t="s">
        <v>33107</v>
      </c>
    </row>
  </sheetData>
  <mergeCells count="2">
    <mergeCell ref="A1:B1"/>
    <mergeCell ref="A4:A5"/>
  </mergeCells>
  <phoneticPr fontId="4"/>
  <hyperlinks>
    <hyperlink ref="C7" r:id="rId1"/>
    <hyperlink ref="C40" r:id="rId2"/>
    <hyperlink ref="C55" r:id="rId3"/>
    <hyperlink ref="C180" r:id="rId4" location="sp40.31.763.g"/>
    <hyperlink ref="C225" r:id="rId5"/>
    <hyperlink ref="C227" r:id="rId6" location="sp40.34.751.b"/>
    <hyperlink ref="C273" r:id="rId7" location="sp40.34.751.e"/>
    <hyperlink ref="B5" r:id="rId8"/>
  </hyperlinks>
  <pageMargins left="0.7" right="0.7" top="0.75" bottom="0.75" header="0.3" footer="0.3"/>
  <pageSetup paperSize="9" orientation="portrait" r:id="rId9"/>
  <drawing r:id="rId1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E123"/>
  <sheetViews>
    <sheetView showGridLines="0" zoomScaleNormal="100" workbookViewId="0">
      <selection activeCell="D2" sqref="D2"/>
    </sheetView>
  </sheetViews>
  <sheetFormatPr defaultColWidth="9" defaultRowHeight="12"/>
  <cols>
    <col min="1" max="1" width="9" style="10"/>
    <col min="2" max="2" width="77.375" style="10" customWidth="1"/>
    <col min="3" max="3" width="26.625" style="10" customWidth="1"/>
    <col min="4" max="4" width="17.25" style="10" customWidth="1"/>
    <col min="5" max="16384" width="9" style="10"/>
  </cols>
  <sheetData>
    <row r="1" spans="1:5" s="33" customFormat="1" ht="36.75" customHeight="1" thickBot="1">
      <c r="A1" s="1021" t="s">
        <v>27215</v>
      </c>
      <c r="B1" s="1022"/>
      <c r="C1" s="60"/>
      <c r="D1" s="60"/>
      <c r="E1" s="60"/>
    </row>
    <row r="2" spans="1:5" ht="83.25" customHeight="1" thickBot="1">
      <c r="A2" s="259" t="s">
        <v>13352</v>
      </c>
      <c r="B2" s="260" t="s">
        <v>33113</v>
      </c>
    </row>
    <row r="3" spans="1:5" ht="47.25" customHeight="1" thickBot="1">
      <c r="A3" s="69" t="s">
        <v>13388</v>
      </c>
      <c r="B3" s="260" t="s">
        <v>31149</v>
      </c>
    </row>
    <row r="4" spans="1:5" ht="28.5" customHeight="1" thickBot="1">
      <c r="A4" s="261" t="s">
        <v>13310</v>
      </c>
      <c r="B4" s="262" t="s">
        <v>33205</v>
      </c>
    </row>
    <row r="6" spans="1:5" ht="31.5">
      <c r="B6" s="293" t="s">
        <v>56</v>
      </c>
    </row>
    <row r="7" spans="1:5" ht="15.75">
      <c r="B7" s="294" t="s">
        <v>57</v>
      </c>
    </row>
    <row r="8" spans="1:5" ht="12.75">
      <c r="B8" s="258" t="s">
        <v>58</v>
      </c>
    </row>
    <row r="9" spans="1:5" ht="12.75">
      <c r="B9" s="257"/>
    </row>
    <row r="10" spans="1:5" ht="14.25">
      <c r="B10" s="295" t="s">
        <v>59</v>
      </c>
    </row>
    <row r="11" spans="1:5" ht="14.25">
      <c r="B11" s="296"/>
    </row>
    <row r="12" spans="1:5" ht="15">
      <c r="B12" s="297" t="s">
        <v>60</v>
      </c>
    </row>
    <row r="13" spans="1:5" ht="12.75">
      <c r="B13" s="257"/>
    </row>
    <row r="14" spans="1:5" ht="12.75">
      <c r="B14" s="257" t="s">
        <v>61</v>
      </c>
    </row>
    <row r="15" spans="1:5" ht="12.75">
      <c r="B15" s="257"/>
    </row>
    <row r="16" spans="1:5" ht="51">
      <c r="B16" s="257" t="s">
        <v>62</v>
      </c>
    </row>
    <row r="17" spans="2:2" ht="12.75">
      <c r="B17" s="257"/>
    </row>
    <row r="18" spans="2:2" ht="25.5">
      <c r="B18" s="257" t="s">
        <v>63</v>
      </c>
    </row>
    <row r="19" spans="2:2" ht="12.75">
      <c r="B19" s="257"/>
    </row>
    <row r="20" spans="2:2" ht="38.25">
      <c r="B20" s="257" t="s">
        <v>64</v>
      </c>
    </row>
    <row r="21" spans="2:2" ht="12.75">
      <c r="B21" s="257"/>
    </row>
    <row r="22" spans="2:2" ht="12.75">
      <c r="B22" s="257" t="s">
        <v>65</v>
      </c>
    </row>
    <row r="23" spans="2:2" ht="12.75">
      <c r="B23" s="257"/>
    </row>
    <row r="24" spans="2:2" ht="38.25">
      <c r="B24" s="257" t="s">
        <v>66</v>
      </c>
    </row>
    <row r="25" spans="2:2" ht="12.75">
      <c r="B25" s="257"/>
    </row>
    <row r="26" spans="2:2" ht="12.75">
      <c r="B26" s="257" t="s">
        <v>14492</v>
      </c>
    </row>
    <row r="27" spans="2:2" ht="12.75">
      <c r="B27" s="257"/>
    </row>
    <row r="28" spans="2:2" ht="25.5">
      <c r="B28" s="257" t="s">
        <v>26900</v>
      </c>
    </row>
    <row r="29" spans="2:2" ht="12.75">
      <c r="B29" s="257"/>
    </row>
    <row r="30" spans="2:2" ht="25.5">
      <c r="B30" s="257" t="s">
        <v>26901</v>
      </c>
    </row>
    <row r="31" spans="2:2" ht="12.75">
      <c r="B31" s="257"/>
    </row>
    <row r="32" spans="2:2" ht="25.5">
      <c r="B32" s="257" t="s">
        <v>26902</v>
      </c>
    </row>
    <row r="33" spans="2:4" ht="12.75">
      <c r="B33" s="257"/>
    </row>
    <row r="34" spans="2:4" ht="25.5">
      <c r="B34" s="257" t="s">
        <v>26903</v>
      </c>
    </row>
    <row r="35" spans="2:4" ht="12.75">
      <c r="B35" s="257"/>
    </row>
    <row r="36" spans="2:4" ht="25.5">
      <c r="B36" s="257" t="s">
        <v>26904</v>
      </c>
    </row>
    <row r="37" spans="2:4" ht="12.75">
      <c r="B37" s="257"/>
    </row>
    <row r="38" spans="2:4" ht="25.5">
      <c r="B38" s="257" t="s">
        <v>26905</v>
      </c>
    </row>
    <row r="39" spans="2:4" ht="12.75">
      <c r="B39" s="257"/>
    </row>
    <row r="40" spans="2:4" ht="12.75">
      <c r="B40" s="257" t="s">
        <v>14342</v>
      </c>
    </row>
    <row r="41" spans="2:4" ht="12.75">
      <c r="B41" s="257"/>
    </row>
    <row r="42" spans="2:4" ht="25.5">
      <c r="B42" s="257" t="s">
        <v>26906</v>
      </c>
    </row>
    <row r="46" spans="2:4" ht="14.25">
      <c r="B46" s="295" t="s">
        <v>67</v>
      </c>
    </row>
    <row r="47" spans="2:4" ht="14.25">
      <c r="B47" s="298"/>
    </row>
    <row r="48" spans="2:4" ht="15">
      <c r="B48" s="299" t="s">
        <v>26907</v>
      </c>
      <c r="C48" s="256"/>
      <c r="D48" s="256"/>
    </row>
    <row r="49" spans="2:4" ht="38.25">
      <c r="B49" s="257" t="s">
        <v>26908</v>
      </c>
    </row>
    <row r="50" spans="2:4" ht="38.25">
      <c r="B50" s="257" t="s">
        <v>26909</v>
      </c>
    </row>
    <row r="53" spans="2:4" ht="51">
      <c r="B53" s="249" t="s">
        <v>33114</v>
      </c>
      <c r="C53" s="249" t="s">
        <v>33115</v>
      </c>
      <c r="D53" s="249" t="s">
        <v>33116</v>
      </c>
    </row>
    <row r="54" spans="2:4" ht="12.75">
      <c r="B54" s="1009" t="s">
        <v>33117</v>
      </c>
      <c r="C54" s="1010"/>
      <c r="D54" s="1011"/>
    </row>
    <row r="55" spans="2:4" ht="25.5">
      <c r="B55" s="250" t="s">
        <v>33118</v>
      </c>
      <c r="C55" s="250"/>
      <c r="D55" s="250"/>
    </row>
    <row r="56" spans="2:4" ht="38.25">
      <c r="B56" s="250" t="s">
        <v>33119</v>
      </c>
      <c r="C56" s="250" t="s">
        <v>33120</v>
      </c>
      <c r="D56" s="250"/>
    </row>
    <row r="57" spans="2:4" ht="25.5">
      <c r="B57" s="250" t="s">
        <v>33121</v>
      </c>
      <c r="C57" s="250" t="s">
        <v>33122</v>
      </c>
      <c r="D57" s="250"/>
    </row>
    <row r="58" spans="2:4" ht="25.5">
      <c r="B58" s="250" t="s">
        <v>33123</v>
      </c>
      <c r="C58" s="250" t="s">
        <v>33124</v>
      </c>
      <c r="D58" s="250"/>
    </row>
    <row r="59" spans="2:4" ht="14.25">
      <c r="B59" s="935" t="s">
        <v>33125</v>
      </c>
      <c r="C59" s="250" t="s">
        <v>33200</v>
      </c>
      <c r="D59" s="250"/>
    </row>
    <row r="60" spans="2:4" ht="14.25">
      <c r="B60" s="940" t="s">
        <v>35396</v>
      </c>
      <c r="C60" s="939" t="s">
        <v>33201</v>
      </c>
      <c r="D60" s="250"/>
    </row>
    <row r="61" spans="2:4" ht="14.25">
      <c r="B61" s="936" t="s">
        <v>33126</v>
      </c>
      <c r="C61" s="250" t="s">
        <v>33200</v>
      </c>
      <c r="D61" s="250"/>
    </row>
    <row r="62" spans="2:4" ht="25.5">
      <c r="B62" s="250" t="s">
        <v>33127</v>
      </c>
      <c r="C62" s="250" t="s">
        <v>33124</v>
      </c>
      <c r="D62" s="250"/>
    </row>
    <row r="63" spans="2:4" ht="25.5">
      <c r="B63" s="250" t="s">
        <v>33128</v>
      </c>
      <c r="C63" s="250" t="s">
        <v>33129</v>
      </c>
      <c r="D63" s="250"/>
    </row>
    <row r="64" spans="2:4" ht="12.75">
      <c r="B64" s="1023" t="s">
        <v>33130</v>
      </c>
      <c r="C64" s="1010"/>
      <c r="D64" s="1011"/>
    </row>
    <row r="65" spans="2:4" ht="38.25">
      <c r="B65" s="940" t="s">
        <v>35397</v>
      </c>
      <c r="C65" s="939" t="s">
        <v>33131</v>
      </c>
      <c r="D65" s="250" t="s">
        <v>33132</v>
      </c>
    </row>
    <row r="66" spans="2:4" ht="15">
      <c r="B66" s="936" t="s">
        <v>33133</v>
      </c>
      <c r="C66" s="18" t="s">
        <v>33200</v>
      </c>
      <c r="D66" s="250" t="s">
        <v>33132</v>
      </c>
    </row>
    <row r="67" spans="2:4" ht="38.25">
      <c r="B67" s="250" t="s">
        <v>33134</v>
      </c>
      <c r="C67" s="250" t="s">
        <v>33120</v>
      </c>
      <c r="D67" s="250" t="s">
        <v>33132</v>
      </c>
    </row>
    <row r="68" spans="2:4" ht="25.5">
      <c r="B68" s="250" t="s">
        <v>33135</v>
      </c>
      <c r="C68" s="250" t="s">
        <v>33122</v>
      </c>
      <c r="D68" s="250"/>
    </row>
    <row r="69" spans="2:4" ht="38.25">
      <c r="B69" s="250" t="s">
        <v>33136</v>
      </c>
      <c r="C69" s="250" t="s">
        <v>33137</v>
      </c>
      <c r="D69" s="250"/>
    </row>
    <row r="70" spans="2:4" ht="25.5">
      <c r="B70" s="250" t="s">
        <v>33138</v>
      </c>
      <c r="C70" s="250" t="s">
        <v>33139</v>
      </c>
      <c r="D70" s="250"/>
    </row>
    <row r="71" spans="2:4" ht="38.25">
      <c r="B71" s="250" t="s">
        <v>33140</v>
      </c>
      <c r="C71" s="250" t="s">
        <v>33120</v>
      </c>
      <c r="D71" s="250" t="s">
        <v>33202</v>
      </c>
    </row>
    <row r="72" spans="2:4" ht="38.25">
      <c r="B72" s="250" t="s">
        <v>33141</v>
      </c>
      <c r="C72" s="250" t="s">
        <v>33142</v>
      </c>
      <c r="D72" s="250" t="s">
        <v>33202</v>
      </c>
    </row>
    <row r="73" spans="2:4" ht="38.25">
      <c r="B73" s="250" t="s">
        <v>33143</v>
      </c>
      <c r="C73" s="250" t="s">
        <v>33144</v>
      </c>
      <c r="D73" s="250" t="s">
        <v>33202</v>
      </c>
    </row>
    <row r="74" spans="2:4" ht="38.25">
      <c r="B74" s="250" t="s">
        <v>33145</v>
      </c>
      <c r="C74" s="250" t="s">
        <v>33146</v>
      </c>
      <c r="D74" s="250" t="s">
        <v>33202</v>
      </c>
    </row>
    <row r="75" spans="2:4" ht="12.75">
      <c r="B75" s="1018" t="s">
        <v>8444</v>
      </c>
      <c r="C75" s="1019"/>
      <c r="D75" s="1020"/>
    </row>
    <row r="76" spans="2:4" ht="25.5">
      <c r="B76" s="250" t="s">
        <v>33147</v>
      </c>
      <c r="C76" s="250" t="s">
        <v>33201</v>
      </c>
      <c r="D76" s="250" t="s">
        <v>33132</v>
      </c>
    </row>
    <row r="77" spans="2:4" ht="12.75">
      <c r="B77" s="1018" t="s">
        <v>31510</v>
      </c>
      <c r="C77" s="1019"/>
      <c r="D77" s="1020"/>
    </row>
    <row r="78" spans="2:4" ht="38.25">
      <c r="B78" s="250" t="s">
        <v>33148</v>
      </c>
      <c r="C78" s="250" t="s">
        <v>33149</v>
      </c>
      <c r="D78" s="250" t="s">
        <v>33202</v>
      </c>
    </row>
    <row r="79" spans="2:4" ht="12.75">
      <c r="B79" s="1018" t="s">
        <v>8444</v>
      </c>
      <c r="C79" s="1019"/>
      <c r="D79" s="1020"/>
    </row>
    <row r="80" spans="2:4" ht="38.25">
      <c r="B80" s="250" t="s">
        <v>33150</v>
      </c>
      <c r="C80" s="250" t="s">
        <v>33151</v>
      </c>
      <c r="D80" s="250" t="s">
        <v>33132</v>
      </c>
    </row>
    <row r="81" spans="2:4" ht="38.25">
      <c r="B81" s="250" t="s">
        <v>33152</v>
      </c>
      <c r="C81" s="250" t="s">
        <v>33153</v>
      </c>
      <c r="D81" s="250" t="s">
        <v>33132</v>
      </c>
    </row>
    <row r="82" spans="2:4" ht="38.25">
      <c r="B82" s="251" t="s">
        <v>33154</v>
      </c>
      <c r="C82" s="250" t="s">
        <v>35395</v>
      </c>
      <c r="D82" s="1015" t="s">
        <v>33132</v>
      </c>
    </row>
    <row r="83" spans="2:4" ht="38.25">
      <c r="B83" s="252" t="s">
        <v>33155</v>
      </c>
      <c r="C83" s="252" t="s">
        <v>33156</v>
      </c>
      <c r="D83" s="1016"/>
    </row>
    <row r="84" spans="2:4" ht="13.5">
      <c r="B84" s="252" t="s">
        <v>33157</v>
      </c>
      <c r="C84" s="253"/>
      <c r="D84" s="1016"/>
    </row>
    <row r="85" spans="2:4" ht="13.5">
      <c r="B85" s="254" t="s">
        <v>33158</v>
      </c>
      <c r="C85" s="255"/>
      <c r="D85" s="1017"/>
    </row>
    <row r="86" spans="2:4" ht="12.75">
      <c r="B86" s="1018" t="s">
        <v>31510</v>
      </c>
      <c r="C86" s="1019"/>
      <c r="D86" s="1020"/>
    </row>
    <row r="87" spans="2:4" ht="38.25">
      <c r="B87" s="250" t="s">
        <v>33159</v>
      </c>
      <c r="C87" s="250" t="s">
        <v>33160</v>
      </c>
      <c r="D87" s="250" t="s">
        <v>33202</v>
      </c>
    </row>
    <row r="88" spans="2:4" ht="38.25">
      <c r="B88" s="250" t="s">
        <v>33161</v>
      </c>
      <c r="C88" s="250" t="s">
        <v>33160</v>
      </c>
      <c r="D88" s="250" t="s">
        <v>33202</v>
      </c>
    </row>
    <row r="89" spans="2:4" ht="38.25">
      <c r="B89" s="250" t="s">
        <v>33162</v>
      </c>
      <c r="C89" s="250" t="s">
        <v>33163</v>
      </c>
      <c r="D89" s="250" t="s">
        <v>33202</v>
      </c>
    </row>
    <row r="90" spans="2:4" ht="12.75">
      <c r="B90" s="1018" t="s">
        <v>8444</v>
      </c>
      <c r="C90" s="1019"/>
      <c r="D90" s="1020"/>
    </row>
    <row r="91" spans="2:4" ht="38.25">
      <c r="B91" s="250" t="s">
        <v>33164</v>
      </c>
      <c r="C91" s="250" t="s">
        <v>33165</v>
      </c>
      <c r="D91" s="250" t="s">
        <v>33202</v>
      </c>
    </row>
    <row r="92" spans="2:4" ht="12.75">
      <c r="B92" s="1018" t="s">
        <v>31510</v>
      </c>
      <c r="C92" s="1019"/>
      <c r="D92" s="1020"/>
    </row>
    <row r="93" spans="2:4" ht="25.5">
      <c r="B93" s="250" t="s">
        <v>33166</v>
      </c>
      <c r="C93" s="250" t="s">
        <v>33167</v>
      </c>
      <c r="D93" s="250"/>
    </row>
    <row r="94" spans="2:4" ht="25.5" customHeight="1">
      <c r="B94" s="251" t="s">
        <v>33168</v>
      </c>
      <c r="C94" s="1015"/>
      <c r="D94" s="1015" t="s">
        <v>33203</v>
      </c>
    </row>
    <row r="95" spans="2:4" ht="12.75" customHeight="1">
      <c r="B95" s="252" t="s">
        <v>33204</v>
      </c>
      <c r="C95" s="1016"/>
      <c r="D95" s="1016"/>
    </row>
    <row r="96" spans="2:4" ht="12.75" customHeight="1">
      <c r="B96" s="252" t="s">
        <v>33169</v>
      </c>
      <c r="C96" s="1016"/>
      <c r="D96" s="1016"/>
    </row>
    <row r="97" spans="2:4" ht="12.75" customHeight="1">
      <c r="B97" s="254" t="s">
        <v>33170</v>
      </c>
      <c r="C97" s="1017"/>
      <c r="D97" s="1017"/>
    </row>
    <row r="98" spans="2:4" ht="25.5">
      <c r="B98" s="250" t="s">
        <v>33171</v>
      </c>
      <c r="C98" s="250"/>
      <c r="D98" s="250"/>
    </row>
    <row r="99" spans="2:4" ht="38.25">
      <c r="B99" s="250" t="s">
        <v>33172</v>
      </c>
      <c r="C99" s="250" t="s">
        <v>33120</v>
      </c>
      <c r="D99" s="250"/>
    </row>
    <row r="100" spans="2:4" ht="38.25">
      <c r="B100" s="250" t="s">
        <v>33173</v>
      </c>
      <c r="C100" s="250" t="s">
        <v>33174</v>
      </c>
      <c r="D100" s="250"/>
    </row>
    <row r="101" spans="2:4" ht="38.25">
      <c r="B101" s="250" t="s">
        <v>33175</v>
      </c>
      <c r="C101" s="250" t="s">
        <v>33176</v>
      </c>
      <c r="D101" s="250"/>
    </row>
    <row r="102" spans="2:4" ht="38.25">
      <c r="B102" s="250" t="s">
        <v>33177</v>
      </c>
      <c r="C102" s="250" t="s">
        <v>33131</v>
      </c>
      <c r="D102" s="250" t="s">
        <v>33132</v>
      </c>
    </row>
    <row r="103" spans="2:4" ht="12.75">
      <c r="B103" s="1009" t="s">
        <v>33178</v>
      </c>
      <c r="C103" s="1010"/>
      <c r="D103" s="1011"/>
    </row>
    <row r="104" spans="2:4" ht="25.5">
      <c r="B104" s="250" t="s">
        <v>33179</v>
      </c>
      <c r="C104" s="250" t="s">
        <v>33180</v>
      </c>
      <c r="D104" s="250"/>
    </row>
    <row r="105" spans="2:4" ht="25.5">
      <c r="B105" s="250" t="s">
        <v>33181</v>
      </c>
      <c r="C105" s="250" t="s">
        <v>33124</v>
      </c>
      <c r="D105" s="250"/>
    </row>
    <row r="106" spans="2:4" ht="12.75">
      <c r="B106" s="1018" t="s">
        <v>8508</v>
      </c>
      <c r="C106" s="1019"/>
      <c r="D106" s="1020"/>
    </row>
    <row r="107" spans="2:4" ht="25.5">
      <c r="B107" s="250" t="s">
        <v>33182</v>
      </c>
      <c r="C107" s="250"/>
      <c r="D107" s="250" t="s">
        <v>33132</v>
      </c>
    </row>
    <row r="108" spans="2:4" ht="38.25">
      <c r="B108" s="250" t="s">
        <v>33183</v>
      </c>
      <c r="C108" s="250" t="s">
        <v>33184</v>
      </c>
      <c r="D108" s="250"/>
    </row>
    <row r="109" spans="2:4" ht="38.25">
      <c r="B109" s="250" t="s">
        <v>33185</v>
      </c>
      <c r="C109" s="250" t="s">
        <v>33186</v>
      </c>
      <c r="D109" s="250"/>
    </row>
    <row r="110" spans="2:4" ht="12.75">
      <c r="B110" s="250" t="s">
        <v>33187</v>
      </c>
      <c r="C110" s="250"/>
      <c r="D110" s="250"/>
    </row>
    <row r="111" spans="2:4" ht="12.75">
      <c r="B111" s="1018" t="s">
        <v>31510</v>
      </c>
      <c r="C111" s="1019"/>
      <c r="D111" s="1020"/>
    </row>
    <row r="112" spans="2:4" ht="12.75">
      <c r="B112" s="1009" t="s">
        <v>4914</v>
      </c>
      <c r="C112" s="1010"/>
      <c r="D112" s="1011"/>
    </row>
    <row r="113" spans="2:4" ht="38.25">
      <c r="B113" s="250" t="s">
        <v>33188</v>
      </c>
      <c r="C113" s="250" t="s">
        <v>33189</v>
      </c>
      <c r="D113" s="250" t="s">
        <v>33132</v>
      </c>
    </row>
    <row r="114" spans="2:4" ht="38.25">
      <c r="B114" s="250" t="s">
        <v>33190</v>
      </c>
      <c r="C114" s="250" t="s">
        <v>33189</v>
      </c>
      <c r="D114" s="250" t="s">
        <v>33132</v>
      </c>
    </row>
    <row r="115" spans="2:4" ht="12.75">
      <c r="B115" s="1009" t="s">
        <v>160</v>
      </c>
      <c r="C115" s="1010"/>
      <c r="D115" s="1011"/>
    </row>
    <row r="116" spans="2:4" ht="38.25">
      <c r="B116" s="250" t="s">
        <v>33191</v>
      </c>
      <c r="C116" s="250" t="s">
        <v>33192</v>
      </c>
      <c r="D116" s="250"/>
    </row>
    <row r="117" spans="2:4" ht="12.75">
      <c r="B117" s="1012" t="s">
        <v>33193</v>
      </c>
      <c r="C117" s="1013"/>
      <c r="D117" s="1014"/>
    </row>
    <row r="118" spans="2:4" ht="12.75">
      <c r="B118" s="1000" t="s">
        <v>33194</v>
      </c>
      <c r="C118" s="1001"/>
      <c r="D118" s="1002"/>
    </row>
    <row r="119" spans="2:4" ht="12.75">
      <c r="B119" s="1003" t="s">
        <v>33195</v>
      </c>
      <c r="C119" s="1004"/>
      <c r="D119" s="1005"/>
    </row>
    <row r="120" spans="2:4" ht="12.75">
      <c r="B120" s="1000" t="s">
        <v>33196</v>
      </c>
      <c r="C120" s="1001"/>
      <c r="D120" s="1002"/>
    </row>
    <row r="121" spans="2:4" ht="12.75">
      <c r="B121" s="1003" t="s">
        <v>33197</v>
      </c>
      <c r="C121" s="1004"/>
      <c r="D121" s="1005"/>
    </row>
    <row r="122" spans="2:4" ht="12.75">
      <c r="B122" s="1003" t="s">
        <v>33198</v>
      </c>
      <c r="C122" s="1004"/>
      <c r="D122" s="1005"/>
    </row>
    <row r="123" spans="2:4" ht="12.75">
      <c r="B123" s="1006" t="s">
        <v>33199</v>
      </c>
      <c r="C123" s="1007"/>
      <c r="D123" s="1008"/>
    </row>
  </sheetData>
  <mergeCells count="24">
    <mergeCell ref="A1:B1"/>
    <mergeCell ref="B54:D54"/>
    <mergeCell ref="B64:D64"/>
    <mergeCell ref="B75:D75"/>
    <mergeCell ref="B77:D77"/>
    <mergeCell ref="B79:D79"/>
    <mergeCell ref="D82:D85"/>
    <mergeCell ref="B86:D86"/>
    <mergeCell ref="B90:D90"/>
    <mergeCell ref="B92:D92"/>
    <mergeCell ref="C94:C97"/>
    <mergeCell ref="D94:D97"/>
    <mergeCell ref="B103:D103"/>
    <mergeCell ref="B106:D106"/>
    <mergeCell ref="B111:D111"/>
    <mergeCell ref="B120:D120"/>
    <mergeCell ref="B121:D121"/>
    <mergeCell ref="B122:D122"/>
    <mergeCell ref="B123:D123"/>
    <mergeCell ref="B112:D112"/>
    <mergeCell ref="B115:D115"/>
    <mergeCell ref="B117:D117"/>
    <mergeCell ref="B118:D118"/>
    <mergeCell ref="B119:D119"/>
  </mergeCells>
  <phoneticPr fontId="4"/>
  <hyperlinks>
    <hyperlink ref="B4" r:id="rId1"/>
  </hyperlinks>
  <pageMargins left="0.7" right="0.7" top="0.75" bottom="0.75" header="0.3" footer="0.3"/>
  <pageSetup paperSize="9" orientation="portrait"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E480"/>
  <sheetViews>
    <sheetView showGridLines="0" workbookViewId="0">
      <selection activeCell="J12" sqref="J12"/>
    </sheetView>
  </sheetViews>
  <sheetFormatPr defaultColWidth="9" defaultRowHeight="12"/>
  <cols>
    <col min="1" max="1" width="9" style="4"/>
    <col min="2" max="2" width="76" style="4" customWidth="1"/>
    <col min="3" max="3" width="30.625" style="4" customWidth="1"/>
    <col min="4" max="16384" width="9" style="4"/>
  </cols>
  <sheetData>
    <row r="1" spans="1:5" s="34" customFormat="1" ht="36.75" customHeight="1" thickBot="1">
      <c r="A1" s="282" t="s">
        <v>27216</v>
      </c>
      <c r="B1" s="283"/>
      <c r="C1" s="37"/>
      <c r="D1" s="37"/>
      <c r="E1" s="37"/>
    </row>
    <row r="2" spans="1:5" ht="45.75" customHeight="1" thickBot="1">
      <c r="A2" s="284" t="s">
        <v>13352</v>
      </c>
      <c r="B2" s="285" t="s">
        <v>13289</v>
      </c>
    </row>
    <row r="3" spans="1:5" ht="39" customHeight="1" thickBot="1">
      <c r="A3" s="69" t="s">
        <v>13388</v>
      </c>
      <c r="B3" s="286" t="s">
        <v>33207</v>
      </c>
    </row>
    <row r="4" spans="1:5" s="10" customFormat="1" ht="33" customHeight="1" thickBot="1">
      <c r="A4" s="261" t="s">
        <v>13310</v>
      </c>
      <c r="B4" s="290" t="s">
        <v>33208</v>
      </c>
    </row>
    <row r="5" spans="1:5" ht="14.25">
      <c r="A5" s="287"/>
      <c r="B5" s="287"/>
    </row>
    <row r="6" spans="1:5" ht="15.75">
      <c r="A6" s="287"/>
      <c r="B6" s="141" t="s">
        <v>33206</v>
      </c>
    </row>
    <row r="7" spans="1:5" ht="15.75">
      <c r="A7" s="287"/>
      <c r="B7" s="141" t="s">
        <v>583</v>
      </c>
    </row>
    <row r="8" spans="1:5" ht="31.5">
      <c r="A8" s="287"/>
      <c r="B8" s="288" t="s">
        <v>584</v>
      </c>
    </row>
    <row r="9" spans="1:5" ht="15.75">
      <c r="A9" s="287"/>
      <c r="B9" s="141" t="s">
        <v>26913</v>
      </c>
    </row>
    <row r="10" spans="1:5" ht="15.75">
      <c r="A10" s="287"/>
      <c r="B10" s="140"/>
    </row>
    <row r="11" spans="1:5" ht="15.75">
      <c r="A11" s="287"/>
      <c r="B11" s="289" t="s">
        <v>59</v>
      </c>
    </row>
    <row r="12" spans="1:5" ht="15.75">
      <c r="A12" s="287"/>
      <c r="B12" s="144"/>
    </row>
    <row r="13" spans="1:5" ht="15.75">
      <c r="A13" s="287"/>
      <c r="B13" s="288" t="s">
        <v>60</v>
      </c>
    </row>
    <row r="14" spans="1:5" ht="14.25">
      <c r="A14" s="287"/>
      <c r="B14" s="292"/>
    </row>
    <row r="15" spans="1:5" ht="42.75">
      <c r="A15" s="287"/>
      <c r="B15" s="292" t="s">
        <v>27221</v>
      </c>
    </row>
    <row r="16" spans="1:5" ht="14.25">
      <c r="A16" s="287"/>
      <c r="B16" s="292"/>
    </row>
    <row r="17" spans="1:2" ht="71.25">
      <c r="A17" s="287"/>
      <c r="B17" s="292" t="s">
        <v>27222</v>
      </c>
    </row>
    <row r="18" spans="1:2" ht="14.25">
      <c r="A18" s="287"/>
      <c r="B18" s="292" t="s">
        <v>27224</v>
      </c>
    </row>
    <row r="19" spans="1:2" ht="71.25">
      <c r="A19" s="287"/>
      <c r="B19" s="292" t="s">
        <v>27225</v>
      </c>
    </row>
    <row r="20" spans="1:2" ht="14.25">
      <c r="A20" s="287"/>
      <c r="B20" s="292" t="s">
        <v>27226</v>
      </c>
    </row>
    <row r="21" spans="1:2" ht="28.5">
      <c r="A21" s="287"/>
      <c r="B21" s="292" t="s">
        <v>27227</v>
      </c>
    </row>
    <row r="22" spans="1:2" ht="14.25">
      <c r="A22" s="287"/>
      <c r="B22" s="277" t="s">
        <v>13311</v>
      </c>
    </row>
    <row r="23" spans="1:2" ht="14.25">
      <c r="A23" s="287"/>
      <c r="B23" s="277" t="s">
        <v>13312</v>
      </c>
    </row>
    <row r="24" spans="1:2" ht="14.25">
      <c r="A24" s="287"/>
      <c r="B24" s="277" t="s">
        <v>13313</v>
      </c>
    </row>
    <row r="25" spans="1:2" ht="14.25">
      <c r="A25" s="287"/>
      <c r="B25" s="277" t="s">
        <v>13314</v>
      </c>
    </row>
    <row r="26" spans="1:2" ht="14.25">
      <c r="A26" s="287"/>
      <c r="B26" s="277" t="s">
        <v>13315</v>
      </c>
    </row>
    <row r="27" spans="1:2" ht="14.25">
      <c r="A27" s="287"/>
      <c r="B27" s="277" t="s">
        <v>27223</v>
      </c>
    </row>
    <row r="28" spans="1:2" ht="28.5">
      <c r="A28" s="287"/>
      <c r="B28" s="277" t="s">
        <v>27228</v>
      </c>
    </row>
    <row r="29" spans="1:2" ht="14.25">
      <c r="A29" s="287"/>
      <c r="B29" s="277" t="s">
        <v>14342</v>
      </c>
    </row>
    <row r="30" spans="1:2" ht="28.5">
      <c r="A30" s="287"/>
      <c r="B30" s="277" t="s">
        <v>13316</v>
      </c>
    </row>
    <row r="31" spans="1:2" ht="14.25">
      <c r="A31" s="287"/>
      <c r="B31" s="277" t="s">
        <v>27223</v>
      </c>
    </row>
    <row r="32" spans="1:2" ht="42.75">
      <c r="A32" s="287"/>
      <c r="B32" s="292" t="s">
        <v>27229</v>
      </c>
    </row>
    <row r="33" spans="1:2" ht="28.5">
      <c r="A33" s="287"/>
      <c r="B33" s="292" t="s">
        <v>27230</v>
      </c>
    </row>
    <row r="34" spans="1:2" ht="28.5">
      <c r="A34" s="287"/>
      <c r="B34" s="292" t="s">
        <v>27231</v>
      </c>
    </row>
    <row r="35" spans="1:2" ht="28.5">
      <c r="A35" s="287"/>
      <c r="B35" s="292" t="s">
        <v>27232</v>
      </c>
    </row>
    <row r="36" spans="1:2" ht="28.5">
      <c r="A36" s="287"/>
      <c r="B36" s="292" t="s">
        <v>27233</v>
      </c>
    </row>
    <row r="37" spans="1:2" ht="42.75">
      <c r="A37" s="287"/>
      <c r="B37" s="292" t="s">
        <v>27234</v>
      </c>
    </row>
    <row r="38" spans="1:2" ht="14.25">
      <c r="A38" s="287"/>
      <c r="B38" s="292" t="s">
        <v>14342</v>
      </c>
    </row>
    <row r="39" spans="1:2" ht="14.25">
      <c r="A39" s="287"/>
      <c r="B39" s="292" t="s">
        <v>13317</v>
      </c>
    </row>
    <row r="40" spans="1:2" ht="14.25">
      <c r="A40" s="100"/>
      <c r="B40" s="292"/>
    </row>
    <row r="41" spans="1:2" ht="14.25">
      <c r="A41" s="287"/>
      <c r="B41" s="100" t="s">
        <v>27235</v>
      </c>
    </row>
    <row r="42" spans="1:2" ht="14.25">
      <c r="A42" s="287"/>
      <c r="B42" s="291"/>
    </row>
    <row r="43" spans="1:2" ht="14.25">
      <c r="A43" s="287"/>
      <c r="B43" s="142" t="s">
        <v>67</v>
      </c>
    </row>
    <row r="44" spans="1:2" ht="14.25">
      <c r="A44" s="100"/>
      <c r="B44" s="100"/>
    </row>
    <row r="45" spans="1:2" ht="28.5">
      <c r="A45" s="292"/>
      <c r="B45" s="292" t="s">
        <v>576</v>
      </c>
    </row>
    <row r="46" spans="1:2" ht="14.25">
      <c r="A46" s="292"/>
      <c r="B46" s="292"/>
    </row>
    <row r="47" spans="1:2" ht="14.25">
      <c r="A47" s="292"/>
      <c r="B47" s="292" t="s">
        <v>577</v>
      </c>
    </row>
    <row r="48" spans="1:2" ht="14.25">
      <c r="A48" s="292"/>
      <c r="B48" s="292" t="s">
        <v>578</v>
      </c>
    </row>
    <row r="49" spans="1:2" ht="14.25">
      <c r="A49" s="292"/>
      <c r="B49" s="292" t="s">
        <v>579</v>
      </c>
    </row>
    <row r="50" spans="1:2" ht="14.25">
      <c r="A50" s="292"/>
      <c r="B50" s="292" t="s">
        <v>580</v>
      </c>
    </row>
    <row r="51" spans="1:2" ht="14.25">
      <c r="A51" s="292"/>
      <c r="B51" s="292" t="s">
        <v>581</v>
      </c>
    </row>
    <row r="52" spans="1:2" ht="14.25">
      <c r="A52" s="292"/>
      <c r="B52" s="292" t="s">
        <v>582</v>
      </c>
    </row>
    <row r="53" spans="1:2" ht="14.25">
      <c r="A53" s="292"/>
      <c r="B53" s="292" t="s">
        <v>13306</v>
      </c>
    </row>
    <row r="54" spans="1:2" ht="14.25">
      <c r="A54" s="292"/>
      <c r="B54" s="292" t="s">
        <v>13307</v>
      </c>
    </row>
    <row r="55" spans="1:2" ht="14.25">
      <c r="A55" s="292"/>
      <c r="B55" s="292" t="s">
        <v>13308</v>
      </c>
    </row>
    <row r="56" spans="1:2" ht="14.25">
      <c r="A56" s="292"/>
      <c r="B56" s="292" t="s">
        <v>13309</v>
      </c>
    </row>
    <row r="57" spans="1:2" ht="14.25">
      <c r="A57" s="292"/>
      <c r="B57" s="292"/>
    </row>
    <row r="58" spans="1:2" ht="42.75">
      <c r="A58" s="100"/>
      <c r="B58" s="292" t="s">
        <v>27236</v>
      </c>
    </row>
    <row r="59" spans="1:2" ht="14.25">
      <c r="A59" s="100"/>
      <c r="B59" s="292"/>
    </row>
    <row r="60" spans="1:2" ht="71.25">
      <c r="A60" s="100"/>
      <c r="B60" s="292" t="s">
        <v>27237</v>
      </c>
    </row>
    <row r="61" spans="1:2" ht="14.25">
      <c r="A61" s="100"/>
      <c r="B61" s="292"/>
    </row>
    <row r="62" spans="1:2" ht="42.75">
      <c r="A62" s="287"/>
      <c r="B62" s="292" t="s">
        <v>27238</v>
      </c>
    </row>
    <row r="65" spans="1:3" s="263" customFormat="1" ht="15.75">
      <c r="A65" s="264" t="s">
        <v>14342</v>
      </c>
    </row>
    <row r="66" spans="1:3" s="263" customFormat="1" ht="14.25"/>
    <row r="67" spans="1:3" s="263" customFormat="1" ht="14.25"/>
    <row r="68" spans="1:3" s="263" customFormat="1" ht="14.25"/>
    <row r="69" spans="1:3" s="263" customFormat="1" ht="15.75">
      <c r="B69" s="265" t="s">
        <v>30945</v>
      </c>
    </row>
    <row r="70" spans="1:3" s="263" customFormat="1" ht="14.25">
      <c r="A70" s="266"/>
    </row>
    <row r="71" spans="1:3" s="263" customFormat="1" ht="14.25">
      <c r="A71" s="266"/>
    </row>
    <row r="72" spans="1:3" s="263" customFormat="1" ht="15.75">
      <c r="B72" s="267" t="s">
        <v>33209</v>
      </c>
    </row>
    <row r="73" spans="1:3" s="263" customFormat="1" ht="14.25">
      <c r="A73" s="1045" t="s">
        <v>33210</v>
      </c>
      <c r="B73" s="1046"/>
      <c r="C73" s="268" t="s">
        <v>33211</v>
      </c>
    </row>
    <row r="74" spans="1:3" s="263" customFormat="1" ht="14.25">
      <c r="A74" s="269">
        <v>1</v>
      </c>
      <c r="B74" s="269" t="s">
        <v>33212</v>
      </c>
      <c r="C74" s="269"/>
    </row>
    <row r="75" spans="1:3" s="263" customFormat="1" ht="71.25">
      <c r="A75" s="269" t="s">
        <v>33213</v>
      </c>
      <c r="B75" s="269" t="s">
        <v>33214</v>
      </c>
      <c r="C75" s="269" t="s">
        <v>33215</v>
      </c>
    </row>
    <row r="76" spans="1:3" s="263" customFormat="1" ht="42.75">
      <c r="A76" s="269" t="s">
        <v>33216</v>
      </c>
      <c r="B76" s="269" t="s">
        <v>33217</v>
      </c>
      <c r="C76" s="269" t="s">
        <v>33218</v>
      </c>
    </row>
    <row r="77" spans="1:3" s="263" customFormat="1" ht="14.25">
      <c r="A77" s="269" t="s">
        <v>33219</v>
      </c>
      <c r="B77" s="269" t="s">
        <v>33220</v>
      </c>
      <c r="C77" s="269"/>
    </row>
    <row r="78" spans="1:3" s="263" customFormat="1" ht="14.25">
      <c r="A78" s="269" t="s">
        <v>33221</v>
      </c>
      <c r="B78" s="269" t="s">
        <v>33222</v>
      </c>
      <c r="C78" s="269"/>
    </row>
    <row r="79" spans="1:3" s="263" customFormat="1" ht="42.75">
      <c r="A79" s="269" t="s">
        <v>33223</v>
      </c>
      <c r="B79" s="269" t="s">
        <v>33224</v>
      </c>
      <c r="C79" s="269" t="s">
        <v>33225</v>
      </c>
    </row>
    <row r="80" spans="1:3" s="263" customFormat="1" ht="14.25">
      <c r="A80" s="269" t="s">
        <v>33226</v>
      </c>
      <c r="B80" s="269" t="s">
        <v>33227</v>
      </c>
      <c r="C80" s="269"/>
    </row>
    <row r="81" spans="1:3" s="263" customFormat="1" ht="14.25">
      <c r="A81" s="1039" t="s">
        <v>28528</v>
      </c>
      <c r="B81" s="1040"/>
      <c r="C81" s="1041"/>
    </row>
    <row r="82" spans="1:3" s="263" customFormat="1" ht="14.25">
      <c r="A82" s="269" t="s">
        <v>33228</v>
      </c>
      <c r="B82" s="269" t="s">
        <v>33229</v>
      </c>
      <c r="C82" s="269" t="s">
        <v>33230</v>
      </c>
    </row>
    <row r="83" spans="1:3" s="263" customFormat="1" ht="14.25">
      <c r="A83" s="1039" t="s">
        <v>14342</v>
      </c>
      <c r="B83" s="1040"/>
      <c r="C83" s="1041"/>
    </row>
    <row r="84" spans="1:3" s="263" customFormat="1" ht="28.5">
      <c r="A84" s="269" t="s">
        <v>33231</v>
      </c>
      <c r="B84" s="269" t="s">
        <v>33232</v>
      </c>
      <c r="C84" s="269"/>
    </row>
    <row r="85" spans="1:3" s="263" customFormat="1" ht="42.75">
      <c r="A85" s="269" t="s">
        <v>33233</v>
      </c>
      <c r="B85" s="269" t="s">
        <v>33234</v>
      </c>
      <c r="C85" s="269" t="s">
        <v>33235</v>
      </c>
    </row>
    <row r="86" spans="1:3" s="263" customFormat="1" ht="42.75">
      <c r="A86" s="269" t="s">
        <v>33236</v>
      </c>
      <c r="B86" s="269" t="s">
        <v>33237</v>
      </c>
      <c r="C86" s="269" t="s">
        <v>33238</v>
      </c>
    </row>
    <row r="87" spans="1:3" s="263" customFormat="1" ht="42.75">
      <c r="A87" s="269" t="s">
        <v>33239</v>
      </c>
      <c r="B87" s="269" t="s">
        <v>33240</v>
      </c>
      <c r="C87" s="269" t="s">
        <v>33241</v>
      </c>
    </row>
    <row r="88" spans="1:3" s="263" customFormat="1" ht="42.75">
      <c r="A88" s="269" t="s">
        <v>33242</v>
      </c>
      <c r="B88" s="269" t="s">
        <v>33243</v>
      </c>
      <c r="C88" s="269" t="s">
        <v>33244</v>
      </c>
    </row>
    <row r="89" spans="1:3" s="263" customFormat="1" ht="42.75">
      <c r="A89" s="269" t="s">
        <v>33245</v>
      </c>
      <c r="B89" s="269" t="s">
        <v>33246</v>
      </c>
      <c r="C89" s="269" t="s">
        <v>33247</v>
      </c>
    </row>
    <row r="90" spans="1:3" s="263" customFormat="1" ht="14.25">
      <c r="A90" s="269" t="s">
        <v>33248</v>
      </c>
      <c r="B90" s="269" t="s">
        <v>33249</v>
      </c>
      <c r="C90" s="269"/>
    </row>
    <row r="91" spans="1:3" s="263" customFormat="1" ht="14.25">
      <c r="A91" s="269" t="s">
        <v>33250</v>
      </c>
      <c r="B91" s="269" t="s">
        <v>33251</v>
      </c>
      <c r="C91" s="269" t="s">
        <v>33252</v>
      </c>
    </row>
    <row r="92" spans="1:3" s="263" customFormat="1" ht="14.25">
      <c r="A92" s="269" t="s">
        <v>33253</v>
      </c>
      <c r="B92" s="269" t="s">
        <v>33254</v>
      </c>
      <c r="C92" s="269" t="s">
        <v>33255</v>
      </c>
    </row>
    <row r="93" spans="1:3" s="263" customFormat="1" ht="42.75">
      <c r="A93" s="269" t="s">
        <v>33256</v>
      </c>
      <c r="B93" s="269" t="s">
        <v>33257</v>
      </c>
      <c r="C93" s="269" t="s">
        <v>33258</v>
      </c>
    </row>
    <row r="94" spans="1:3" s="263" customFormat="1" ht="42.75">
      <c r="A94" s="269" t="s">
        <v>33259</v>
      </c>
      <c r="B94" s="269" t="s">
        <v>33260</v>
      </c>
      <c r="C94" s="269" t="s">
        <v>33258</v>
      </c>
    </row>
    <row r="95" spans="1:3" s="263" customFormat="1" ht="28.5">
      <c r="A95" s="269">
        <v>3</v>
      </c>
      <c r="B95" s="269" t="s">
        <v>33261</v>
      </c>
      <c r="C95" s="269"/>
    </row>
    <row r="96" spans="1:3" s="263" customFormat="1" ht="57">
      <c r="A96" s="269" t="s">
        <v>33262</v>
      </c>
      <c r="B96" s="269" t="s">
        <v>33263</v>
      </c>
      <c r="C96" s="269" t="s">
        <v>33264</v>
      </c>
    </row>
    <row r="97" spans="1:3" s="263" customFormat="1" ht="42.75">
      <c r="A97" s="269" t="s">
        <v>33265</v>
      </c>
      <c r="B97" s="269" t="s">
        <v>33266</v>
      </c>
      <c r="C97" s="269" t="s">
        <v>33267</v>
      </c>
    </row>
    <row r="98" spans="1:3" s="263" customFormat="1" ht="42.75">
      <c r="A98" s="269" t="s">
        <v>33268</v>
      </c>
      <c r="B98" s="269" t="s">
        <v>33269</v>
      </c>
      <c r="C98" s="269" t="s">
        <v>33270</v>
      </c>
    </row>
    <row r="99" spans="1:3" s="263" customFormat="1" ht="42.75">
      <c r="A99" s="269" t="s">
        <v>33271</v>
      </c>
      <c r="B99" s="269" t="s">
        <v>33272</v>
      </c>
      <c r="C99" s="269" t="s">
        <v>33258</v>
      </c>
    </row>
    <row r="100" spans="1:3" s="263" customFormat="1" ht="28.5">
      <c r="A100" s="269" t="s">
        <v>33273</v>
      </c>
      <c r="B100" s="269" t="s">
        <v>33274</v>
      </c>
      <c r="C100" s="269"/>
    </row>
    <row r="101" spans="1:3" s="263" customFormat="1" ht="42.75">
      <c r="A101" s="269" t="s">
        <v>33275</v>
      </c>
      <c r="B101" s="269" t="s">
        <v>33276</v>
      </c>
      <c r="C101" s="269" t="s">
        <v>33277</v>
      </c>
    </row>
    <row r="102" spans="1:3" s="263" customFormat="1" ht="42.75">
      <c r="A102" s="269" t="s">
        <v>33278</v>
      </c>
      <c r="B102" s="269" t="s">
        <v>33279</v>
      </c>
      <c r="C102" s="269" t="s">
        <v>33280</v>
      </c>
    </row>
    <row r="103" spans="1:3" s="263" customFormat="1" ht="42.75">
      <c r="A103" s="269" t="s">
        <v>33281</v>
      </c>
      <c r="B103" s="269" t="s">
        <v>33282</v>
      </c>
      <c r="C103" s="269" t="s">
        <v>33280</v>
      </c>
    </row>
    <row r="104" spans="1:3" s="263" customFormat="1" ht="28.5">
      <c r="A104" s="269" t="s">
        <v>33283</v>
      </c>
      <c r="B104" s="269" t="s">
        <v>33284</v>
      </c>
      <c r="C104" s="269"/>
    </row>
    <row r="105" spans="1:3" s="263" customFormat="1" ht="42.75">
      <c r="A105" s="269" t="s">
        <v>33285</v>
      </c>
      <c r="B105" s="269" t="s">
        <v>33276</v>
      </c>
      <c r="C105" s="269" t="s">
        <v>33286</v>
      </c>
    </row>
    <row r="106" spans="1:3" s="263" customFormat="1" ht="42.75">
      <c r="A106" s="269" t="s">
        <v>33287</v>
      </c>
      <c r="B106" s="269" t="s">
        <v>33279</v>
      </c>
      <c r="C106" s="269" t="s">
        <v>33277</v>
      </c>
    </row>
    <row r="107" spans="1:3" s="263" customFormat="1" ht="42.75">
      <c r="A107" s="269" t="s">
        <v>33288</v>
      </c>
      <c r="B107" s="269" t="s">
        <v>33282</v>
      </c>
      <c r="C107" s="269" t="s">
        <v>33280</v>
      </c>
    </row>
    <row r="108" spans="1:3" s="263" customFormat="1" ht="14.25">
      <c r="A108" s="269" t="s">
        <v>33289</v>
      </c>
      <c r="B108" s="269" t="s">
        <v>33290</v>
      </c>
      <c r="C108" s="269" t="s">
        <v>33291</v>
      </c>
    </row>
    <row r="109" spans="1:3" s="263" customFormat="1" ht="14.25">
      <c r="A109" s="269" t="s">
        <v>33292</v>
      </c>
      <c r="B109" s="269" t="s">
        <v>33293</v>
      </c>
      <c r="C109" s="269"/>
    </row>
    <row r="110" spans="1:3" s="263" customFormat="1" ht="14.25">
      <c r="A110" s="269" t="s">
        <v>33294</v>
      </c>
      <c r="B110" s="269" t="s">
        <v>33295</v>
      </c>
      <c r="C110" s="269"/>
    </row>
    <row r="111" spans="1:3" s="263" customFormat="1" ht="14.25">
      <c r="A111" s="1039" t="s">
        <v>31592</v>
      </c>
      <c r="B111" s="1040"/>
      <c r="C111" s="1041"/>
    </row>
    <row r="112" spans="1:3" s="263" customFormat="1" ht="28.5">
      <c r="A112" s="1036" t="s">
        <v>33296</v>
      </c>
      <c r="B112" s="270" t="s">
        <v>33297</v>
      </c>
      <c r="C112" s="1036" t="s">
        <v>33298</v>
      </c>
    </row>
    <row r="113" spans="1:3" s="263" customFormat="1" ht="28.5">
      <c r="A113" s="1037"/>
      <c r="B113" s="271" t="s">
        <v>33299</v>
      </c>
      <c r="C113" s="1037"/>
    </row>
    <row r="114" spans="1:3" s="263" customFormat="1" ht="28.5">
      <c r="A114" s="1038"/>
      <c r="B114" s="272" t="s">
        <v>33300</v>
      </c>
      <c r="C114" s="1038"/>
    </row>
    <row r="115" spans="1:3" s="263" customFormat="1" ht="14.25">
      <c r="A115" s="1039" t="s">
        <v>14342</v>
      </c>
      <c r="B115" s="1040"/>
      <c r="C115" s="1041"/>
    </row>
    <row r="116" spans="1:3" s="263" customFormat="1" ht="14.25">
      <c r="A116" s="269" t="s">
        <v>33301</v>
      </c>
      <c r="B116" s="269" t="s">
        <v>33302</v>
      </c>
      <c r="C116" s="269"/>
    </row>
    <row r="117" spans="1:3" s="263" customFormat="1" ht="14.25">
      <c r="A117" s="269" t="s">
        <v>33303</v>
      </c>
      <c r="B117" s="269" t="s">
        <v>33304</v>
      </c>
      <c r="C117" s="269"/>
    </row>
    <row r="118" spans="1:3" s="263" customFormat="1" ht="14.25">
      <c r="A118" s="1039" t="s">
        <v>33305</v>
      </c>
      <c r="B118" s="1040"/>
      <c r="C118" s="1041"/>
    </row>
    <row r="119" spans="1:3" s="263" customFormat="1" ht="14.25">
      <c r="A119" s="1036" t="s">
        <v>33306</v>
      </c>
      <c r="B119" s="1036" t="s">
        <v>33307</v>
      </c>
      <c r="C119" s="270" t="s">
        <v>33308</v>
      </c>
    </row>
    <row r="120" spans="1:3" s="263" customFormat="1" ht="57">
      <c r="A120" s="1037"/>
      <c r="B120" s="1037"/>
      <c r="C120" s="271" t="s">
        <v>33309</v>
      </c>
    </row>
    <row r="121" spans="1:3" s="263" customFormat="1" ht="28.5">
      <c r="A121" s="1037"/>
      <c r="B121" s="1037"/>
      <c r="C121" s="271" t="s">
        <v>33310</v>
      </c>
    </row>
    <row r="122" spans="1:3" s="263" customFormat="1" ht="42.75">
      <c r="A122" s="1038"/>
      <c r="B122" s="1038"/>
      <c r="C122" s="272" t="s">
        <v>33311</v>
      </c>
    </row>
    <row r="123" spans="1:3" s="263" customFormat="1" ht="42.75">
      <c r="A123" s="269" t="s">
        <v>33312</v>
      </c>
      <c r="B123" s="269" t="s">
        <v>33313</v>
      </c>
      <c r="C123" s="269" t="s">
        <v>33314</v>
      </c>
    </row>
    <row r="124" spans="1:3" s="263" customFormat="1" ht="14.25">
      <c r="A124" s="1039" t="s">
        <v>33315</v>
      </c>
      <c r="B124" s="1040"/>
      <c r="C124" s="1041"/>
    </row>
    <row r="125" spans="1:3" s="263" customFormat="1" ht="14.25">
      <c r="A125" s="1036" t="s">
        <v>33316</v>
      </c>
      <c r="B125" s="1036" t="s">
        <v>33317</v>
      </c>
      <c r="C125" s="270" t="s">
        <v>33308</v>
      </c>
    </row>
    <row r="126" spans="1:3" s="263" customFormat="1" ht="57">
      <c r="A126" s="1037"/>
      <c r="B126" s="1037"/>
      <c r="C126" s="271" t="s">
        <v>33318</v>
      </c>
    </row>
    <row r="127" spans="1:3" s="263" customFormat="1" ht="28.5">
      <c r="A127" s="1037"/>
      <c r="B127" s="1037"/>
      <c r="C127" s="271" t="s">
        <v>33319</v>
      </c>
    </row>
    <row r="128" spans="1:3" s="263" customFormat="1" ht="42.75">
      <c r="A128" s="1038"/>
      <c r="B128" s="1038"/>
      <c r="C128" s="272" t="s">
        <v>33320</v>
      </c>
    </row>
    <row r="129" spans="1:3" s="263" customFormat="1" ht="28.5">
      <c r="A129" s="269" t="s">
        <v>33321</v>
      </c>
      <c r="B129" s="269" t="s">
        <v>33322</v>
      </c>
      <c r="C129" s="269" t="s">
        <v>33323</v>
      </c>
    </row>
    <row r="130" spans="1:3" s="263" customFormat="1" ht="28.5">
      <c r="A130" s="269" t="s">
        <v>33324</v>
      </c>
      <c r="B130" s="269" t="s">
        <v>33325</v>
      </c>
      <c r="C130" s="269" t="s">
        <v>33326</v>
      </c>
    </row>
    <row r="131" spans="1:3" s="263" customFormat="1" ht="14.25">
      <c r="A131" s="1039" t="s">
        <v>13668</v>
      </c>
      <c r="B131" s="1040"/>
      <c r="C131" s="1041"/>
    </row>
    <row r="132" spans="1:3" s="263" customFormat="1" ht="14.25">
      <c r="A132" s="1036" t="s">
        <v>33327</v>
      </c>
      <c r="B132" s="1036" t="s">
        <v>33328</v>
      </c>
      <c r="C132" s="270" t="s">
        <v>33308</v>
      </c>
    </row>
    <row r="133" spans="1:3" s="263" customFormat="1" ht="28.5">
      <c r="A133" s="1037"/>
      <c r="B133" s="1037"/>
      <c r="C133" s="271" t="s">
        <v>33329</v>
      </c>
    </row>
    <row r="134" spans="1:3" s="263" customFormat="1" ht="57">
      <c r="A134" s="1037"/>
      <c r="B134" s="1037"/>
      <c r="C134" s="271" t="s">
        <v>33330</v>
      </c>
    </row>
    <row r="135" spans="1:3" s="263" customFormat="1" ht="28.5">
      <c r="A135" s="1037"/>
      <c r="B135" s="1037"/>
      <c r="C135" s="271" t="s">
        <v>33331</v>
      </c>
    </row>
    <row r="136" spans="1:3" s="263" customFormat="1" ht="42.75">
      <c r="A136" s="1038"/>
      <c r="B136" s="1038"/>
      <c r="C136" s="272" t="s">
        <v>33311</v>
      </c>
    </row>
    <row r="137" spans="1:3" s="263" customFormat="1" ht="14.25">
      <c r="A137" s="1039" t="s">
        <v>31515</v>
      </c>
      <c r="B137" s="1040"/>
      <c r="C137" s="1041"/>
    </row>
    <row r="138" spans="1:3" s="263" customFormat="1" ht="57">
      <c r="A138" s="1036" t="s">
        <v>33332</v>
      </c>
      <c r="B138" s="1036" t="s">
        <v>33333</v>
      </c>
      <c r="C138" s="270" t="s">
        <v>33334</v>
      </c>
    </row>
    <row r="139" spans="1:3" s="263" customFormat="1" ht="57">
      <c r="A139" s="1037"/>
      <c r="B139" s="1037"/>
      <c r="C139" s="271" t="s">
        <v>33335</v>
      </c>
    </row>
    <row r="140" spans="1:3" s="263" customFormat="1" ht="42.75">
      <c r="A140" s="1037"/>
      <c r="B140" s="1037"/>
      <c r="C140" s="271" t="s">
        <v>33336</v>
      </c>
    </row>
    <row r="141" spans="1:3" s="263" customFormat="1" ht="42.75">
      <c r="A141" s="1038"/>
      <c r="B141" s="1038"/>
      <c r="C141" s="272" t="s">
        <v>33337</v>
      </c>
    </row>
    <row r="142" spans="1:3" s="263" customFormat="1" ht="14.25">
      <c r="A142" s="1039" t="s">
        <v>14342</v>
      </c>
      <c r="B142" s="1040"/>
      <c r="C142" s="1041"/>
    </row>
    <row r="143" spans="1:3" s="263" customFormat="1" ht="42.75">
      <c r="A143" s="269" t="s">
        <v>33338</v>
      </c>
      <c r="B143" s="269" t="s">
        <v>33339</v>
      </c>
      <c r="C143" s="269"/>
    </row>
    <row r="144" spans="1:3" s="263" customFormat="1" ht="14.25">
      <c r="A144" s="1039" t="s">
        <v>31513</v>
      </c>
      <c r="B144" s="1040"/>
      <c r="C144" s="1041"/>
    </row>
    <row r="145" spans="1:3" s="263" customFormat="1" ht="57">
      <c r="A145" s="1036" t="s">
        <v>33340</v>
      </c>
      <c r="B145" s="1036" t="s">
        <v>33341</v>
      </c>
      <c r="C145" s="270" t="s">
        <v>33342</v>
      </c>
    </row>
    <row r="146" spans="1:3" s="263" customFormat="1" ht="57">
      <c r="A146" s="1037"/>
      <c r="B146" s="1037"/>
      <c r="C146" s="271" t="s">
        <v>33343</v>
      </c>
    </row>
    <row r="147" spans="1:3" s="263" customFormat="1" ht="42.75">
      <c r="A147" s="1037"/>
      <c r="B147" s="1037"/>
      <c r="C147" s="271" t="s">
        <v>33344</v>
      </c>
    </row>
    <row r="148" spans="1:3" s="263" customFormat="1" ht="42.75">
      <c r="A148" s="1038"/>
      <c r="B148" s="1038"/>
      <c r="C148" s="272" t="s">
        <v>33345</v>
      </c>
    </row>
    <row r="149" spans="1:3" s="263" customFormat="1" ht="14.25">
      <c r="A149" s="1039" t="s">
        <v>31593</v>
      </c>
      <c r="B149" s="1040"/>
      <c r="C149" s="1041"/>
    </row>
    <row r="150" spans="1:3" s="263" customFormat="1" ht="42.75">
      <c r="A150" s="1036" t="s">
        <v>33346</v>
      </c>
      <c r="B150" s="1036" t="s">
        <v>33347</v>
      </c>
      <c r="C150" s="270" t="s">
        <v>33348</v>
      </c>
    </row>
    <row r="151" spans="1:3" s="263" customFormat="1" ht="14.25">
      <c r="A151" s="1037"/>
      <c r="B151" s="1037"/>
      <c r="C151" s="271" t="s">
        <v>33308</v>
      </c>
    </row>
    <row r="152" spans="1:3" s="263" customFormat="1" ht="28.5">
      <c r="A152" s="1037"/>
      <c r="B152" s="1037"/>
      <c r="C152" s="271" t="s">
        <v>33349</v>
      </c>
    </row>
    <row r="153" spans="1:3" s="263" customFormat="1" ht="57">
      <c r="A153" s="1037"/>
      <c r="B153" s="1037"/>
      <c r="C153" s="271" t="s">
        <v>33309</v>
      </c>
    </row>
    <row r="154" spans="1:3" s="263" customFormat="1" ht="28.5">
      <c r="A154" s="1037"/>
      <c r="B154" s="1037"/>
      <c r="C154" s="271" t="s">
        <v>33310</v>
      </c>
    </row>
    <row r="155" spans="1:3" s="263" customFormat="1" ht="42.75">
      <c r="A155" s="1038"/>
      <c r="B155" s="1038"/>
      <c r="C155" s="272" t="s">
        <v>33311</v>
      </c>
    </row>
    <row r="156" spans="1:3" s="263" customFormat="1" ht="14.25">
      <c r="A156" s="1039" t="s">
        <v>14342</v>
      </c>
      <c r="B156" s="1040"/>
      <c r="C156" s="1041"/>
    </row>
    <row r="157" spans="1:3" s="263" customFormat="1" ht="57">
      <c r="A157" s="269" t="s">
        <v>33350</v>
      </c>
      <c r="B157" s="269" t="s">
        <v>33351</v>
      </c>
      <c r="C157" s="269" t="s">
        <v>33352</v>
      </c>
    </row>
    <row r="158" spans="1:3" s="263" customFormat="1" ht="14.25">
      <c r="A158" s="1039" t="s">
        <v>31517</v>
      </c>
      <c r="B158" s="1040"/>
      <c r="C158" s="1041"/>
    </row>
    <row r="159" spans="1:3" s="263" customFormat="1" ht="14.25">
      <c r="A159" s="1036" t="s">
        <v>33353</v>
      </c>
      <c r="B159" s="1036" t="s">
        <v>33354</v>
      </c>
      <c r="C159" s="270" t="s">
        <v>33308</v>
      </c>
    </row>
    <row r="160" spans="1:3" s="263" customFormat="1" ht="28.5">
      <c r="A160" s="1037"/>
      <c r="B160" s="1037"/>
      <c r="C160" s="271" t="s">
        <v>33349</v>
      </c>
    </row>
    <row r="161" spans="1:3" s="263" customFormat="1" ht="57">
      <c r="A161" s="1037"/>
      <c r="B161" s="1037"/>
      <c r="C161" s="271" t="s">
        <v>33309</v>
      </c>
    </row>
    <row r="162" spans="1:3" s="263" customFormat="1" ht="28.5">
      <c r="A162" s="1037"/>
      <c r="B162" s="1037"/>
      <c r="C162" s="271" t="s">
        <v>33310</v>
      </c>
    </row>
    <row r="163" spans="1:3" s="263" customFormat="1" ht="42.75">
      <c r="A163" s="1038"/>
      <c r="B163" s="1038"/>
      <c r="C163" s="272" t="s">
        <v>33311</v>
      </c>
    </row>
    <row r="164" spans="1:3" s="263" customFormat="1" ht="14.25">
      <c r="A164" s="1039" t="s">
        <v>14342</v>
      </c>
      <c r="B164" s="1040"/>
      <c r="C164" s="1041"/>
    </row>
    <row r="165" spans="1:3" s="263" customFormat="1" ht="57">
      <c r="A165" s="269" t="s">
        <v>33355</v>
      </c>
      <c r="B165" s="269" t="s">
        <v>33356</v>
      </c>
      <c r="C165" s="269" t="s">
        <v>33357</v>
      </c>
    </row>
    <row r="166" spans="1:3" s="263" customFormat="1" ht="14.25">
      <c r="A166" s="1039" t="s">
        <v>31518</v>
      </c>
      <c r="B166" s="1040"/>
      <c r="C166" s="1041"/>
    </row>
    <row r="167" spans="1:3" s="263" customFormat="1" ht="28.5">
      <c r="A167" s="1036" t="s">
        <v>33358</v>
      </c>
      <c r="B167" s="1036" t="s">
        <v>33359</v>
      </c>
      <c r="C167" s="270" t="s">
        <v>33360</v>
      </c>
    </row>
    <row r="168" spans="1:3" s="263" customFormat="1" ht="57">
      <c r="A168" s="1037"/>
      <c r="B168" s="1037"/>
      <c r="C168" s="271" t="s">
        <v>33361</v>
      </c>
    </row>
    <row r="169" spans="1:3" s="263" customFormat="1" ht="28.5">
      <c r="A169" s="1037"/>
      <c r="B169" s="1037"/>
      <c r="C169" s="271" t="s">
        <v>33362</v>
      </c>
    </row>
    <row r="170" spans="1:3" s="263" customFormat="1" ht="42.75">
      <c r="A170" s="1038"/>
      <c r="B170" s="1038"/>
      <c r="C170" s="272" t="s">
        <v>33311</v>
      </c>
    </row>
    <row r="171" spans="1:3" s="263" customFormat="1" ht="14.25">
      <c r="A171" s="1036" t="s">
        <v>33363</v>
      </c>
      <c r="B171" s="270" t="s">
        <v>33364</v>
      </c>
      <c r="C171" s="1036" t="s">
        <v>33365</v>
      </c>
    </row>
    <row r="172" spans="1:3" s="263" customFormat="1" ht="14.25">
      <c r="A172" s="1037"/>
      <c r="B172" s="271" t="s">
        <v>33366</v>
      </c>
      <c r="C172" s="1037"/>
    </row>
    <row r="173" spans="1:3" s="263" customFormat="1" ht="14.25">
      <c r="A173" s="1037"/>
      <c r="B173" s="271" t="s">
        <v>33367</v>
      </c>
      <c r="C173" s="1037"/>
    </row>
    <row r="174" spans="1:3" s="263" customFormat="1" ht="14.25">
      <c r="A174" s="1037"/>
      <c r="B174" s="271" t="s">
        <v>33368</v>
      </c>
      <c r="C174" s="1037"/>
    </row>
    <row r="175" spans="1:3" s="263" customFormat="1" ht="14.25">
      <c r="A175" s="1037"/>
      <c r="B175" s="271" t="s">
        <v>33369</v>
      </c>
      <c r="C175" s="1037"/>
    </row>
    <row r="176" spans="1:3" s="263" customFormat="1" ht="14.25">
      <c r="A176" s="1037"/>
      <c r="B176" s="273" t="s">
        <v>8700</v>
      </c>
      <c r="C176" s="1037"/>
    </row>
    <row r="177" spans="1:3" s="263" customFormat="1" ht="14.25">
      <c r="A177" s="1037"/>
      <c r="B177" s="271" t="s">
        <v>33370</v>
      </c>
      <c r="C177" s="1037"/>
    </row>
    <row r="178" spans="1:3" s="263" customFormat="1" ht="14.25">
      <c r="A178" s="1037"/>
      <c r="B178" s="271" t="s">
        <v>33371</v>
      </c>
      <c r="C178" s="1037"/>
    </row>
    <row r="179" spans="1:3" s="263" customFormat="1" ht="14.25">
      <c r="A179" s="1037"/>
      <c r="B179" s="271" t="s">
        <v>33372</v>
      </c>
      <c r="C179" s="1037"/>
    </row>
    <row r="180" spans="1:3" s="263" customFormat="1" ht="14.25">
      <c r="A180" s="1038"/>
      <c r="B180" s="272" t="s">
        <v>33373</v>
      </c>
      <c r="C180" s="1038"/>
    </row>
    <row r="181" spans="1:3" s="263" customFormat="1" ht="14.25">
      <c r="A181" s="1039" t="s">
        <v>33374</v>
      </c>
      <c r="B181" s="1040"/>
      <c r="C181" s="1041"/>
    </row>
    <row r="182" spans="1:3" s="263" customFormat="1" ht="28.5">
      <c r="A182" s="1036">
        <v>9</v>
      </c>
      <c r="B182" s="1036" t="s">
        <v>33375</v>
      </c>
      <c r="C182" s="270" t="s">
        <v>33360</v>
      </c>
    </row>
    <row r="183" spans="1:3" s="263" customFormat="1" ht="57">
      <c r="A183" s="1037"/>
      <c r="B183" s="1037"/>
      <c r="C183" s="271" t="s">
        <v>33376</v>
      </c>
    </row>
    <row r="184" spans="1:3" s="263" customFormat="1" ht="28.5">
      <c r="A184" s="1037"/>
      <c r="B184" s="1037"/>
      <c r="C184" s="271" t="s">
        <v>33377</v>
      </c>
    </row>
    <row r="185" spans="1:3" s="263" customFormat="1" ht="42.75">
      <c r="A185" s="1038"/>
      <c r="B185" s="1038"/>
      <c r="C185" s="272" t="s">
        <v>33311</v>
      </c>
    </row>
    <row r="186" spans="1:3" s="263" customFormat="1" ht="57">
      <c r="A186" s="269" t="s">
        <v>33378</v>
      </c>
      <c r="B186" s="269" t="s">
        <v>33379</v>
      </c>
      <c r="C186" s="269" t="s">
        <v>33380</v>
      </c>
    </row>
    <row r="187" spans="1:3" s="263" customFormat="1" ht="28.5">
      <c r="A187" s="1036" t="s">
        <v>33381</v>
      </c>
      <c r="B187" s="270" t="s">
        <v>33382</v>
      </c>
      <c r="C187" s="1036" t="s">
        <v>33383</v>
      </c>
    </row>
    <row r="188" spans="1:3" s="263" customFormat="1" ht="28.5">
      <c r="A188" s="1037"/>
      <c r="B188" s="271" t="s">
        <v>33384</v>
      </c>
      <c r="C188" s="1037"/>
    </row>
    <row r="189" spans="1:3" s="263" customFormat="1" ht="14.25">
      <c r="A189" s="1038"/>
      <c r="B189" s="272" t="s">
        <v>33385</v>
      </c>
      <c r="C189" s="1038"/>
    </row>
    <row r="190" spans="1:3" s="263" customFormat="1" ht="14.25">
      <c r="A190" s="1039" t="s">
        <v>31508</v>
      </c>
      <c r="B190" s="1040"/>
      <c r="C190" s="1041"/>
    </row>
    <row r="191" spans="1:3" s="263" customFormat="1" ht="28.5">
      <c r="A191" s="1036" t="s">
        <v>33386</v>
      </c>
      <c r="B191" s="1036" t="s">
        <v>33387</v>
      </c>
      <c r="C191" s="270" t="s">
        <v>33388</v>
      </c>
    </row>
    <row r="192" spans="1:3" s="263" customFormat="1" ht="28.5">
      <c r="A192" s="1037"/>
      <c r="B192" s="1037"/>
      <c r="C192" s="271" t="s">
        <v>33377</v>
      </c>
    </row>
    <row r="193" spans="1:3" s="263" customFormat="1" ht="42.75">
      <c r="A193" s="1037"/>
      <c r="B193" s="1037"/>
      <c r="C193" s="271" t="s">
        <v>33389</v>
      </c>
    </row>
    <row r="194" spans="1:3" s="263" customFormat="1" ht="28.5">
      <c r="A194" s="1038"/>
      <c r="B194" s="1038"/>
      <c r="C194" s="272" t="s">
        <v>33390</v>
      </c>
    </row>
    <row r="195" spans="1:3" s="263" customFormat="1" ht="42.75">
      <c r="A195" s="269" t="s">
        <v>33391</v>
      </c>
      <c r="B195" s="269" t="s">
        <v>33392</v>
      </c>
      <c r="C195" s="269" t="s">
        <v>33393</v>
      </c>
    </row>
    <row r="196" spans="1:3" s="263" customFormat="1" ht="14.25">
      <c r="A196" s="1039" t="s">
        <v>14342</v>
      </c>
      <c r="B196" s="1040"/>
      <c r="C196" s="1041"/>
    </row>
    <row r="197" spans="1:3" s="263" customFormat="1" ht="42.75">
      <c r="A197" s="269" t="s">
        <v>33394</v>
      </c>
      <c r="B197" s="269" t="s">
        <v>33395</v>
      </c>
      <c r="C197" s="269" t="s">
        <v>33396</v>
      </c>
    </row>
    <row r="198" spans="1:3" s="263" customFormat="1" ht="57">
      <c r="A198" s="269" t="s">
        <v>33397</v>
      </c>
      <c r="B198" s="269" t="s">
        <v>33398</v>
      </c>
      <c r="C198" s="269" t="s">
        <v>33352</v>
      </c>
    </row>
    <row r="199" spans="1:3" s="263" customFormat="1" ht="42.75">
      <c r="A199" s="269">
        <v>12</v>
      </c>
      <c r="B199" s="269" t="s">
        <v>33399</v>
      </c>
      <c r="C199" s="269" t="s">
        <v>33396</v>
      </c>
    </row>
    <row r="200" spans="1:3" s="263" customFormat="1" ht="14.25">
      <c r="A200" s="1039" t="s">
        <v>33400</v>
      </c>
      <c r="B200" s="1040"/>
      <c r="C200" s="1041"/>
    </row>
    <row r="201" spans="1:3" s="263" customFormat="1" ht="14.25">
      <c r="A201" s="1036" t="s">
        <v>33401</v>
      </c>
      <c r="B201" s="1036" t="s">
        <v>33402</v>
      </c>
      <c r="C201" s="270" t="s">
        <v>33403</v>
      </c>
    </row>
    <row r="202" spans="1:3" s="263" customFormat="1" ht="28.5">
      <c r="A202" s="1037"/>
      <c r="B202" s="1037"/>
      <c r="C202" s="271" t="s">
        <v>33310</v>
      </c>
    </row>
    <row r="203" spans="1:3" s="263" customFormat="1" ht="42.75">
      <c r="A203" s="1037"/>
      <c r="B203" s="1037"/>
      <c r="C203" s="271" t="s">
        <v>33404</v>
      </c>
    </row>
    <row r="204" spans="1:3" s="263" customFormat="1" ht="28.5">
      <c r="A204" s="1038"/>
      <c r="B204" s="1038"/>
      <c r="C204" s="272" t="s">
        <v>33405</v>
      </c>
    </row>
    <row r="205" spans="1:3" s="263" customFormat="1" ht="14.25">
      <c r="A205" s="1039" t="s">
        <v>33406</v>
      </c>
      <c r="B205" s="1040"/>
      <c r="C205" s="1041"/>
    </row>
    <row r="206" spans="1:3" s="263" customFormat="1" ht="28.5">
      <c r="A206" s="1036" t="s">
        <v>33407</v>
      </c>
      <c r="B206" s="1036" t="s">
        <v>33408</v>
      </c>
      <c r="C206" s="270" t="s">
        <v>33388</v>
      </c>
    </row>
    <row r="207" spans="1:3" s="263" customFormat="1" ht="28.5">
      <c r="A207" s="1037"/>
      <c r="B207" s="1037"/>
      <c r="C207" s="271" t="s">
        <v>33310</v>
      </c>
    </row>
    <row r="208" spans="1:3" s="263" customFormat="1" ht="42.75">
      <c r="A208" s="1037"/>
      <c r="B208" s="1037"/>
      <c r="C208" s="271" t="s">
        <v>33404</v>
      </c>
    </row>
    <row r="209" spans="1:3" s="263" customFormat="1" ht="28.5">
      <c r="A209" s="1038"/>
      <c r="B209" s="1038"/>
      <c r="C209" s="272" t="s">
        <v>33409</v>
      </c>
    </row>
    <row r="210" spans="1:3" s="263" customFormat="1" ht="14.25">
      <c r="A210" s="269" t="s">
        <v>33410</v>
      </c>
      <c r="B210" s="269" t="s">
        <v>33411</v>
      </c>
      <c r="C210" s="1036" t="s">
        <v>33412</v>
      </c>
    </row>
    <row r="211" spans="1:3" s="263" customFormat="1" ht="28.5">
      <c r="A211" s="269" t="s">
        <v>33413</v>
      </c>
      <c r="B211" s="269" t="s">
        <v>33414</v>
      </c>
      <c r="C211" s="1037"/>
    </row>
    <row r="212" spans="1:3" s="263" customFormat="1" ht="28.5">
      <c r="A212" s="269" t="s">
        <v>33415</v>
      </c>
      <c r="B212" s="269" t="s">
        <v>33416</v>
      </c>
      <c r="C212" s="1037"/>
    </row>
    <row r="213" spans="1:3" s="263" customFormat="1" ht="14.25">
      <c r="A213" s="1039" t="s">
        <v>14342</v>
      </c>
      <c r="B213" s="1041"/>
      <c r="C213" s="1038"/>
    </row>
    <row r="214" spans="1:3" s="263" customFormat="1" ht="57">
      <c r="A214" s="269">
        <v>14</v>
      </c>
      <c r="B214" s="269" t="s">
        <v>33417</v>
      </c>
      <c r="C214" s="269" t="s">
        <v>33418</v>
      </c>
    </row>
    <row r="215" spans="1:3" s="263" customFormat="1" ht="14.25">
      <c r="A215" s="1039" t="s">
        <v>33419</v>
      </c>
      <c r="B215" s="1040"/>
      <c r="C215" s="1041"/>
    </row>
    <row r="216" spans="1:3" s="263" customFormat="1" ht="28.5">
      <c r="A216" s="1036">
        <v>15</v>
      </c>
      <c r="B216" s="1036" t="s">
        <v>33420</v>
      </c>
      <c r="C216" s="270" t="s">
        <v>33360</v>
      </c>
    </row>
    <row r="217" spans="1:3" s="263" customFormat="1" ht="57">
      <c r="A217" s="1037"/>
      <c r="B217" s="1037"/>
      <c r="C217" s="271" t="s">
        <v>33309</v>
      </c>
    </row>
    <row r="218" spans="1:3" s="263" customFormat="1" ht="28.5">
      <c r="A218" s="1037"/>
      <c r="B218" s="1037"/>
      <c r="C218" s="271" t="s">
        <v>33310</v>
      </c>
    </row>
    <row r="219" spans="1:3" s="263" customFormat="1" ht="42.75">
      <c r="A219" s="1038"/>
      <c r="B219" s="1038"/>
      <c r="C219" s="272" t="s">
        <v>33311</v>
      </c>
    </row>
    <row r="220" spans="1:3" s="263" customFormat="1" ht="42.75">
      <c r="A220" s="1036" t="s">
        <v>33421</v>
      </c>
      <c r="B220" s="270" t="s">
        <v>33422</v>
      </c>
      <c r="C220" s="1036" t="s">
        <v>33365</v>
      </c>
    </row>
    <row r="221" spans="1:3" s="263" customFormat="1" ht="14.25">
      <c r="A221" s="1037"/>
      <c r="B221" s="271" t="s">
        <v>33423</v>
      </c>
      <c r="C221" s="1037"/>
    </row>
    <row r="222" spans="1:3" s="263" customFormat="1" ht="14.25">
      <c r="A222" s="1037"/>
      <c r="B222" s="271" t="s">
        <v>33424</v>
      </c>
      <c r="C222" s="1037"/>
    </row>
    <row r="223" spans="1:3" s="263" customFormat="1" ht="28.5">
      <c r="A223" s="1038"/>
      <c r="B223" s="272" t="s">
        <v>33425</v>
      </c>
      <c r="C223" s="1038"/>
    </row>
    <row r="224" spans="1:3" s="263" customFormat="1" ht="14.25">
      <c r="A224" s="1039" t="s">
        <v>14342</v>
      </c>
      <c r="B224" s="1040"/>
      <c r="C224" s="1041"/>
    </row>
    <row r="225" spans="1:3" s="263" customFormat="1" ht="14.25">
      <c r="A225" s="269">
        <v>16</v>
      </c>
      <c r="B225" s="269" t="s">
        <v>33426</v>
      </c>
      <c r="C225" s="269" t="s">
        <v>33427</v>
      </c>
    </row>
    <row r="226" spans="1:3" s="263" customFormat="1" ht="28.5">
      <c r="A226" s="269">
        <v>17</v>
      </c>
      <c r="B226" s="269" t="s">
        <v>33428</v>
      </c>
      <c r="C226" s="269"/>
    </row>
    <row r="227" spans="1:3" s="263" customFormat="1" ht="42.75">
      <c r="A227" s="269" t="s">
        <v>33429</v>
      </c>
      <c r="B227" s="269" t="s">
        <v>33430</v>
      </c>
      <c r="C227" s="269" t="s">
        <v>33431</v>
      </c>
    </row>
    <row r="228" spans="1:3" s="263" customFormat="1" ht="14.25">
      <c r="A228" s="1039" t="s">
        <v>31520</v>
      </c>
      <c r="B228" s="1040"/>
      <c r="C228" s="1041"/>
    </row>
    <row r="229" spans="1:3" s="263" customFormat="1" ht="14.25">
      <c r="A229" s="1036" t="s">
        <v>33432</v>
      </c>
      <c r="B229" s="1036" t="s">
        <v>33433</v>
      </c>
      <c r="C229" s="270" t="s">
        <v>33308</v>
      </c>
    </row>
    <row r="230" spans="1:3" s="263" customFormat="1" ht="28.5">
      <c r="A230" s="1037"/>
      <c r="B230" s="1037"/>
      <c r="C230" s="271" t="s">
        <v>33349</v>
      </c>
    </row>
    <row r="231" spans="1:3" s="263" customFormat="1" ht="57">
      <c r="A231" s="1037"/>
      <c r="B231" s="1037"/>
      <c r="C231" s="271" t="s">
        <v>33309</v>
      </c>
    </row>
    <row r="232" spans="1:3" s="263" customFormat="1" ht="28.5">
      <c r="A232" s="1037"/>
      <c r="B232" s="1037"/>
      <c r="C232" s="271" t="s">
        <v>33310</v>
      </c>
    </row>
    <row r="233" spans="1:3" s="263" customFormat="1" ht="42.75">
      <c r="A233" s="1038"/>
      <c r="B233" s="1038"/>
      <c r="C233" s="272" t="s">
        <v>33311</v>
      </c>
    </row>
    <row r="234" spans="1:3" s="263" customFormat="1" ht="57">
      <c r="A234" s="269" t="s">
        <v>33434</v>
      </c>
      <c r="B234" s="269" t="s">
        <v>33435</v>
      </c>
      <c r="C234" s="269" t="s">
        <v>33436</v>
      </c>
    </row>
    <row r="235" spans="1:3" s="263" customFormat="1" ht="14.25">
      <c r="A235" s="1039" t="s">
        <v>14342</v>
      </c>
      <c r="B235" s="1040"/>
      <c r="C235" s="1041"/>
    </row>
    <row r="236" spans="1:3" s="263" customFormat="1" ht="28.5">
      <c r="A236" s="269">
        <v>19</v>
      </c>
      <c r="B236" s="269" t="s">
        <v>33437</v>
      </c>
      <c r="C236" s="269" t="s">
        <v>33438</v>
      </c>
    </row>
    <row r="237" spans="1:3" s="263" customFormat="1" ht="28.5">
      <c r="A237" s="269">
        <v>20</v>
      </c>
      <c r="B237" s="269" t="s">
        <v>33439</v>
      </c>
      <c r="C237" s="269" t="s">
        <v>33438</v>
      </c>
    </row>
    <row r="238" spans="1:3" s="263" customFormat="1" ht="14.25">
      <c r="A238" s="1039" t="s">
        <v>31595</v>
      </c>
      <c r="B238" s="1040"/>
      <c r="C238" s="1041"/>
    </row>
    <row r="239" spans="1:3" s="263" customFormat="1" ht="28.5">
      <c r="A239" s="1036">
        <v>21</v>
      </c>
      <c r="B239" s="1036" t="s">
        <v>33440</v>
      </c>
      <c r="C239" s="270" t="s">
        <v>33360</v>
      </c>
    </row>
    <row r="240" spans="1:3" s="263" customFormat="1" ht="57">
      <c r="A240" s="1037"/>
      <c r="B240" s="1037"/>
      <c r="C240" s="271" t="s">
        <v>33309</v>
      </c>
    </row>
    <row r="241" spans="1:3" s="263" customFormat="1" ht="28.5">
      <c r="A241" s="1037"/>
      <c r="B241" s="1037"/>
      <c r="C241" s="271" t="s">
        <v>33310</v>
      </c>
    </row>
    <row r="242" spans="1:3" s="263" customFormat="1" ht="42.75">
      <c r="A242" s="1038"/>
      <c r="B242" s="1038"/>
      <c r="C242" s="272" t="s">
        <v>33311</v>
      </c>
    </row>
    <row r="243" spans="1:3" s="263" customFormat="1" ht="57">
      <c r="A243" s="269" t="s">
        <v>33441</v>
      </c>
      <c r="B243" s="269" t="s">
        <v>33442</v>
      </c>
      <c r="C243" s="269" t="s">
        <v>33443</v>
      </c>
    </row>
    <row r="244" spans="1:3" s="263" customFormat="1" ht="57">
      <c r="A244" s="269" t="s">
        <v>33444</v>
      </c>
      <c r="B244" s="269" t="s">
        <v>33445</v>
      </c>
      <c r="C244" s="269" t="s">
        <v>33446</v>
      </c>
    </row>
    <row r="245" spans="1:3" s="263" customFormat="1" ht="28.5">
      <c r="A245" s="269" t="s">
        <v>33447</v>
      </c>
      <c r="B245" s="269" t="s">
        <v>33448</v>
      </c>
      <c r="C245" s="269" t="s">
        <v>33365</v>
      </c>
    </row>
    <row r="246" spans="1:3" s="263" customFormat="1" ht="14.25">
      <c r="A246" s="1039" t="s">
        <v>14342</v>
      </c>
      <c r="B246" s="1040"/>
      <c r="C246" s="1041"/>
    </row>
    <row r="247" spans="1:3" s="263" customFormat="1" ht="42.75">
      <c r="A247" s="269">
        <v>23</v>
      </c>
      <c r="B247" s="269" t="s">
        <v>33449</v>
      </c>
      <c r="C247" s="269" t="s">
        <v>33396</v>
      </c>
    </row>
    <row r="248" spans="1:3" s="263" customFormat="1" ht="14.25">
      <c r="A248" s="1039" t="s">
        <v>33450</v>
      </c>
      <c r="B248" s="1040"/>
      <c r="C248" s="1041"/>
    </row>
    <row r="249" spans="1:3" s="263" customFormat="1" ht="14.25">
      <c r="A249" s="1036">
        <v>24</v>
      </c>
      <c r="B249" s="1036" t="s">
        <v>33451</v>
      </c>
      <c r="C249" s="270" t="s">
        <v>33308</v>
      </c>
    </row>
    <row r="250" spans="1:3" s="263" customFormat="1" ht="28.5">
      <c r="A250" s="1037"/>
      <c r="B250" s="1037"/>
      <c r="C250" s="271" t="s">
        <v>33329</v>
      </c>
    </row>
    <row r="251" spans="1:3" s="263" customFormat="1" ht="57">
      <c r="A251" s="1037"/>
      <c r="B251" s="1037"/>
      <c r="C251" s="271" t="s">
        <v>33330</v>
      </c>
    </row>
    <row r="252" spans="1:3" s="263" customFormat="1" ht="28.5">
      <c r="A252" s="1037"/>
      <c r="B252" s="1037"/>
      <c r="C252" s="271" t="s">
        <v>33331</v>
      </c>
    </row>
    <row r="253" spans="1:3" s="263" customFormat="1" ht="42.75">
      <c r="A253" s="1038"/>
      <c r="B253" s="1038"/>
      <c r="C253" s="272" t="s">
        <v>33311</v>
      </c>
    </row>
    <row r="254" spans="1:3" s="263" customFormat="1" ht="14.25">
      <c r="A254" s="1039" t="s">
        <v>14342</v>
      </c>
      <c r="B254" s="1040"/>
      <c r="C254" s="1041"/>
    </row>
    <row r="255" spans="1:3" s="263" customFormat="1" ht="28.5">
      <c r="A255" s="269">
        <v>25</v>
      </c>
      <c r="B255" s="269" t="s">
        <v>33452</v>
      </c>
      <c r="C255" s="269"/>
    </row>
    <row r="256" spans="1:3" s="263" customFormat="1" ht="14.25">
      <c r="A256" s="269">
        <v>26</v>
      </c>
      <c r="B256" s="269" t="s">
        <v>33453</v>
      </c>
      <c r="C256" s="269" t="s">
        <v>33438</v>
      </c>
    </row>
    <row r="257" spans="1:3" s="263" customFormat="1" ht="28.5">
      <c r="A257" s="269">
        <v>27</v>
      </c>
      <c r="B257" s="269" t="s">
        <v>33454</v>
      </c>
      <c r="C257" s="269" t="s">
        <v>33455</v>
      </c>
    </row>
    <row r="258" spans="1:3" s="263" customFormat="1" ht="14.25">
      <c r="A258" s="1039" t="s">
        <v>31519</v>
      </c>
      <c r="B258" s="1040"/>
      <c r="C258" s="1041"/>
    </row>
    <row r="259" spans="1:3" s="263" customFormat="1" ht="14.25">
      <c r="A259" s="1049">
        <v>29</v>
      </c>
      <c r="B259" s="1048" t="s">
        <v>33456</v>
      </c>
      <c r="C259" s="270" t="s">
        <v>33308</v>
      </c>
    </row>
    <row r="260" spans="1:3" s="263" customFormat="1" ht="28.5">
      <c r="A260" s="1050"/>
      <c r="B260" s="1048"/>
      <c r="C260" s="271" t="s">
        <v>33349</v>
      </c>
    </row>
    <row r="261" spans="1:3" s="263" customFormat="1" ht="57">
      <c r="A261" s="1050"/>
      <c r="B261" s="1048"/>
      <c r="C261" s="271" t="s">
        <v>33457</v>
      </c>
    </row>
    <row r="262" spans="1:3" s="263" customFormat="1" ht="28.5">
      <c r="A262" s="1050"/>
      <c r="B262" s="1048"/>
      <c r="C262" s="271" t="s">
        <v>33310</v>
      </c>
    </row>
    <row r="263" spans="1:3" s="263" customFormat="1" ht="42.75">
      <c r="A263" s="1051"/>
      <c r="B263" s="1048"/>
      <c r="C263" s="272" t="s">
        <v>33311</v>
      </c>
    </row>
    <row r="264" spans="1:3" s="263" customFormat="1" ht="14.25">
      <c r="A264" s="1039" t="s">
        <v>14342</v>
      </c>
      <c r="B264" s="1040"/>
      <c r="C264" s="1041"/>
    </row>
    <row r="265" spans="1:3" s="263" customFormat="1" ht="42.75">
      <c r="A265" s="269">
        <v>30</v>
      </c>
      <c r="B265" s="269" t="s">
        <v>33458</v>
      </c>
      <c r="C265" s="269"/>
    </row>
    <row r="266" spans="1:3" s="263" customFormat="1" ht="28.5">
      <c r="A266" s="269">
        <v>31</v>
      </c>
      <c r="B266" s="269" t="s">
        <v>33459</v>
      </c>
      <c r="C266" s="269"/>
    </row>
    <row r="267" spans="1:3" s="263" customFormat="1" ht="14.25">
      <c r="A267" s="1039" t="s">
        <v>33460</v>
      </c>
      <c r="B267" s="1040"/>
      <c r="C267" s="1041"/>
    </row>
    <row r="268" spans="1:3" s="263" customFormat="1" ht="14.25">
      <c r="A268" s="1036">
        <v>32</v>
      </c>
      <c r="B268" s="1036" t="s">
        <v>33461</v>
      </c>
      <c r="C268" s="270" t="s">
        <v>33308</v>
      </c>
    </row>
    <row r="269" spans="1:3" s="263" customFormat="1" ht="28.5">
      <c r="A269" s="1037"/>
      <c r="B269" s="1037"/>
      <c r="C269" s="271" t="s">
        <v>33329</v>
      </c>
    </row>
    <row r="270" spans="1:3" s="263" customFormat="1" ht="57">
      <c r="A270" s="1037"/>
      <c r="B270" s="1037"/>
      <c r="C270" s="271" t="s">
        <v>33330</v>
      </c>
    </row>
    <row r="271" spans="1:3" s="263" customFormat="1" ht="28.5">
      <c r="A271" s="1037"/>
      <c r="B271" s="1037"/>
      <c r="C271" s="271" t="s">
        <v>33331</v>
      </c>
    </row>
    <row r="272" spans="1:3" s="263" customFormat="1" ht="42.75">
      <c r="A272" s="1038"/>
      <c r="B272" s="1038"/>
      <c r="C272" s="272" t="s">
        <v>33311</v>
      </c>
    </row>
    <row r="273" spans="1:3" s="263" customFormat="1" ht="14.25">
      <c r="A273" s="1039" t="s">
        <v>14342</v>
      </c>
      <c r="B273" s="1040"/>
      <c r="C273" s="1041"/>
    </row>
    <row r="274" spans="1:3" s="263" customFormat="1" ht="28.5">
      <c r="A274" s="269">
        <v>33</v>
      </c>
      <c r="B274" s="269" t="s">
        <v>33462</v>
      </c>
      <c r="C274" s="269"/>
    </row>
    <row r="275" spans="1:3" s="263" customFormat="1" ht="14.25">
      <c r="A275" s="1039" t="s">
        <v>31514</v>
      </c>
      <c r="B275" s="1040"/>
      <c r="C275" s="1041"/>
    </row>
    <row r="276" spans="1:3" s="263" customFormat="1" ht="14.25">
      <c r="A276" s="1036">
        <v>34</v>
      </c>
      <c r="B276" s="1036" t="s">
        <v>33463</v>
      </c>
      <c r="C276" s="270" t="s">
        <v>33403</v>
      </c>
    </row>
    <row r="277" spans="1:3" s="263" customFormat="1" ht="28.5">
      <c r="A277" s="1037"/>
      <c r="B277" s="1037"/>
      <c r="C277" s="271" t="s">
        <v>33329</v>
      </c>
    </row>
    <row r="278" spans="1:3" s="263" customFormat="1" ht="57">
      <c r="A278" s="1037"/>
      <c r="B278" s="1037"/>
      <c r="C278" s="271" t="s">
        <v>33330</v>
      </c>
    </row>
    <row r="279" spans="1:3" s="263" customFormat="1" ht="28.5">
      <c r="A279" s="1037"/>
      <c r="B279" s="1037"/>
      <c r="C279" s="271" t="s">
        <v>33331</v>
      </c>
    </row>
    <row r="280" spans="1:3" s="263" customFormat="1" ht="42.75">
      <c r="A280" s="1038"/>
      <c r="B280" s="1038"/>
      <c r="C280" s="272" t="s">
        <v>33311</v>
      </c>
    </row>
    <row r="281" spans="1:3" s="263" customFormat="1" ht="14.25">
      <c r="A281" s="1039" t="s">
        <v>14342</v>
      </c>
      <c r="B281" s="1040"/>
      <c r="C281" s="1041"/>
    </row>
    <row r="282" spans="1:3" s="263" customFormat="1" ht="28.5">
      <c r="A282" s="269">
        <v>36</v>
      </c>
      <c r="B282" s="269" t="s">
        <v>33464</v>
      </c>
      <c r="C282" s="269" t="s">
        <v>33465</v>
      </c>
    </row>
    <row r="283" spans="1:3" s="263" customFormat="1" ht="14.25">
      <c r="A283" s="1039" t="s">
        <v>31509</v>
      </c>
      <c r="B283" s="1040"/>
      <c r="C283" s="1041"/>
    </row>
    <row r="284" spans="1:3" s="263" customFormat="1" ht="14.25">
      <c r="A284" s="1036">
        <v>37</v>
      </c>
      <c r="B284" s="1036" t="s">
        <v>33466</v>
      </c>
      <c r="C284" s="270" t="s">
        <v>33308</v>
      </c>
    </row>
    <row r="285" spans="1:3" s="263" customFormat="1" ht="28.5">
      <c r="A285" s="1037"/>
      <c r="B285" s="1037"/>
      <c r="C285" s="271" t="s">
        <v>33349</v>
      </c>
    </row>
    <row r="286" spans="1:3" s="263" customFormat="1" ht="57">
      <c r="A286" s="1037"/>
      <c r="B286" s="1037"/>
      <c r="C286" s="271" t="s">
        <v>33309</v>
      </c>
    </row>
    <row r="287" spans="1:3" s="263" customFormat="1" ht="28.5">
      <c r="A287" s="1037"/>
      <c r="B287" s="1037"/>
      <c r="C287" s="271" t="s">
        <v>33310</v>
      </c>
    </row>
    <row r="288" spans="1:3" s="263" customFormat="1" ht="42.75">
      <c r="A288" s="1038"/>
      <c r="B288" s="1038"/>
      <c r="C288" s="272" t="s">
        <v>33311</v>
      </c>
    </row>
    <row r="289" spans="1:3" s="263" customFormat="1" ht="14.25">
      <c r="A289" s="1039" t="s">
        <v>14342</v>
      </c>
      <c r="B289" s="1040"/>
      <c r="C289" s="1041"/>
    </row>
    <row r="290" spans="1:3" s="263" customFormat="1" ht="14.25">
      <c r="A290" s="269">
        <v>38</v>
      </c>
      <c r="B290" s="269" t="s">
        <v>33467</v>
      </c>
      <c r="C290" s="269"/>
    </row>
    <row r="291" spans="1:3" s="263" customFormat="1" ht="14.25">
      <c r="A291" s="1039" t="s">
        <v>33468</v>
      </c>
      <c r="B291" s="1040"/>
      <c r="C291" s="1041"/>
    </row>
    <row r="292" spans="1:3" s="263" customFormat="1" ht="28.5">
      <c r="A292" s="269" t="s">
        <v>33469</v>
      </c>
      <c r="B292" s="269" t="s">
        <v>33470</v>
      </c>
      <c r="C292" s="274" t="s">
        <v>33471</v>
      </c>
    </row>
    <row r="293" spans="1:3" s="263" customFormat="1" ht="14.25">
      <c r="A293" s="1039" t="s">
        <v>33472</v>
      </c>
      <c r="B293" s="1040"/>
      <c r="C293" s="1041"/>
    </row>
    <row r="294" spans="1:3" s="263" customFormat="1" ht="14.25">
      <c r="A294" s="269">
        <v>40</v>
      </c>
      <c r="B294" s="269" t="s">
        <v>33473</v>
      </c>
      <c r="C294" s="269" t="s">
        <v>33474</v>
      </c>
    </row>
    <row r="295" spans="1:3" s="263" customFormat="1" ht="14.25">
      <c r="A295" s="1039" t="s">
        <v>31918</v>
      </c>
      <c r="B295" s="1040"/>
      <c r="C295" s="1041"/>
    </row>
    <row r="296" spans="1:3" s="263" customFormat="1" ht="28.5">
      <c r="A296" s="1036">
        <v>41</v>
      </c>
      <c r="B296" s="1047" t="s">
        <v>33475</v>
      </c>
      <c r="C296" s="270" t="s">
        <v>33476</v>
      </c>
    </row>
    <row r="297" spans="1:3" s="263" customFormat="1" ht="28.5">
      <c r="A297" s="1037"/>
      <c r="B297" s="1047"/>
      <c r="C297" s="271" t="s">
        <v>33477</v>
      </c>
    </row>
    <row r="298" spans="1:3" s="263" customFormat="1" ht="57">
      <c r="A298" s="1037"/>
      <c r="B298" s="1047"/>
      <c r="C298" s="271" t="s">
        <v>33309</v>
      </c>
    </row>
    <row r="299" spans="1:3" s="263" customFormat="1" ht="28.5">
      <c r="A299" s="1037"/>
      <c r="B299" s="1047"/>
      <c r="C299" s="271" t="s">
        <v>33310</v>
      </c>
    </row>
    <row r="300" spans="1:3" s="263" customFormat="1" ht="42.75">
      <c r="A300" s="1038"/>
      <c r="B300" s="1047"/>
      <c r="C300" s="272" t="s">
        <v>33478</v>
      </c>
    </row>
    <row r="301" spans="1:3" s="263" customFormat="1" ht="14.25">
      <c r="A301" s="1039" t="s">
        <v>33479</v>
      </c>
      <c r="B301" s="1040"/>
      <c r="C301" s="1041"/>
    </row>
    <row r="302" spans="1:3" s="263" customFormat="1" ht="42.75">
      <c r="A302" s="1036">
        <v>42</v>
      </c>
      <c r="B302" s="270" t="s">
        <v>33480</v>
      </c>
      <c r="C302" s="270" t="s">
        <v>33481</v>
      </c>
    </row>
    <row r="303" spans="1:3" s="263" customFormat="1" ht="14.25">
      <c r="A303" s="1037"/>
      <c r="B303" s="271" t="s">
        <v>33482</v>
      </c>
      <c r="C303" s="271" t="s">
        <v>33483</v>
      </c>
    </row>
    <row r="304" spans="1:3" s="263" customFormat="1" ht="14.25">
      <c r="A304" s="1037"/>
      <c r="B304" s="271" t="s">
        <v>33484</v>
      </c>
      <c r="C304" s="275"/>
    </row>
    <row r="305" spans="1:3" s="263" customFormat="1" ht="57">
      <c r="A305" s="1038"/>
      <c r="B305" s="272" t="s">
        <v>33485</v>
      </c>
      <c r="C305" s="276"/>
    </row>
    <row r="306" spans="1:3" s="263" customFormat="1" ht="14.25">
      <c r="A306" s="1039" t="s">
        <v>33486</v>
      </c>
      <c r="B306" s="1040"/>
      <c r="C306" s="1041"/>
    </row>
    <row r="307" spans="1:3" s="263" customFormat="1" ht="57">
      <c r="A307" s="1036">
        <v>43</v>
      </c>
      <c r="B307" s="270" t="s">
        <v>33487</v>
      </c>
      <c r="C307" s="1036" t="s">
        <v>33488</v>
      </c>
    </row>
    <row r="308" spans="1:3" s="263" customFormat="1" ht="14.25">
      <c r="A308" s="1037"/>
      <c r="B308" s="271" t="s">
        <v>33489</v>
      </c>
      <c r="C308" s="1037"/>
    </row>
    <row r="309" spans="1:3" s="263" customFormat="1" ht="14.25">
      <c r="A309" s="1037"/>
      <c r="B309" s="271" t="s">
        <v>33490</v>
      </c>
      <c r="C309" s="1037"/>
    </row>
    <row r="310" spans="1:3" s="263" customFormat="1" ht="14.25">
      <c r="A310" s="1037"/>
      <c r="B310" s="271" t="s">
        <v>33491</v>
      </c>
      <c r="C310" s="1037"/>
    </row>
    <row r="311" spans="1:3" s="263" customFormat="1" ht="28.5">
      <c r="A311" s="1037"/>
      <c r="B311" s="271" t="s">
        <v>33492</v>
      </c>
      <c r="C311" s="1037"/>
    </row>
    <row r="312" spans="1:3" s="263" customFormat="1" ht="28.5">
      <c r="A312" s="1037"/>
      <c r="B312" s="271" t="s">
        <v>33493</v>
      </c>
      <c r="C312" s="1037"/>
    </row>
    <row r="313" spans="1:3" s="263" customFormat="1" ht="28.5">
      <c r="A313" s="1038"/>
      <c r="B313" s="272" t="s">
        <v>33494</v>
      </c>
      <c r="C313" s="1038"/>
    </row>
    <row r="314" spans="1:3" s="263" customFormat="1" ht="14.25">
      <c r="A314" s="1039" t="s">
        <v>33495</v>
      </c>
      <c r="B314" s="1040"/>
      <c r="C314" s="1041"/>
    </row>
    <row r="315" spans="1:3" s="263" customFormat="1" ht="57">
      <c r="A315" s="269">
        <v>44</v>
      </c>
      <c r="B315" s="277" t="s">
        <v>33496</v>
      </c>
      <c r="C315" s="269" t="s">
        <v>33488</v>
      </c>
    </row>
    <row r="316" spans="1:3" s="263" customFormat="1" ht="14.25">
      <c r="A316" s="1039" t="s">
        <v>14342</v>
      </c>
      <c r="B316" s="1040"/>
      <c r="C316" s="1041"/>
    </row>
    <row r="317" spans="1:3" s="263" customFormat="1" ht="14.25">
      <c r="A317" s="1042" t="s">
        <v>33497</v>
      </c>
      <c r="B317" s="1043"/>
      <c r="C317" s="1044"/>
    </row>
    <row r="318" spans="1:3" s="263" customFormat="1" ht="14.25">
      <c r="A318" s="1027" t="s">
        <v>31933</v>
      </c>
      <c r="B318" s="1028"/>
      <c r="C318" s="1029"/>
    </row>
    <row r="319" spans="1:3" s="263" customFormat="1" ht="14.25">
      <c r="A319" s="1024" t="s">
        <v>33498</v>
      </c>
      <c r="B319" s="1025"/>
      <c r="C319" s="1026"/>
    </row>
    <row r="320" spans="1:3" s="263" customFormat="1" ht="14.25">
      <c r="A320" s="1027" t="s">
        <v>33499</v>
      </c>
      <c r="B320" s="1028"/>
      <c r="C320" s="1029"/>
    </row>
    <row r="321" spans="1:3" s="263" customFormat="1" ht="14.25">
      <c r="A321" s="1030" t="s">
        <v>31505</v>
      </c>
      <c r="B321" s="1031"/>
      <c r="C321" s="1032"/>
    </row>
    <row r="322" spans="1:3" s="263" customFormat="1" ht="14.25">
      <c r="A322" s="1024" t="s">
        <v>33500</v>
      </c>
      <c r="B322" s="1025"/>
      <c r="C322" s="1026"/>
    </row>
    <row r="323" spans="1:3" s="263" customFormat="1" ht="14.25">
      <c r="A323" s="1027" t="s">
        <v>33501</v>
      </c>
      <c r="B323" s="1028"/>
      <c r="C323" s="1029"/>
    </row>
    <row r="324" spans="1:3" s="263" customFormat="1" ht="14.25">
      <c r="A324" s="1030" t="s">
        <v>31505</v>
      </c>
      <c r="B324" s="1031"/>
      <c r="C324" s="1032"/>
    </row>
    <row r="325" spans="1:3" s="263" customFormat="1" ht="14.25">
      <c r="A325" s="1024" t="s">
        <v>33502</v>
      </c>
      <c r="B325" s="1025"/>
      <c r="C325" s="1026"/>
    </row>
    <row r="326" spans="1:3" s="263" customFormat="1" ht="14.25">
      <c r="A326" s="1027" t="s">
        <v>33503</v>
      </c>
      <c r="B326" s="1028"/>
      <c r="C326" s="1029"/>
    </row>
    <row r="327" spans="1:3" s="263" customFormat="1" ht="14.25">
      <c r="A327" s="1033" t="s">
        <v>31505</v>
      </c>
      <c r="B327" s="1034"/>
      <c r="C327" s="1035"/>
    </row>
    <row r="328" spans="1:3" s="263" customFormat="1" ht="14.25"/>
    <row r="329" spans="1:3" s="263" customFormat="1" ht="14.25"/>
    <row r="330" spans="1:3" s="263" customFormat="1" ht="14.25"/>
    <row r="331" spans="1:3" s="263" customFormat="1" ht="15.75">
      <c r="B331" s="265" t="s">
        <v>31063</v>
      </c>
    </row>
    <row r="332" spans="1:3" s="263" customFormat="1" ht="31.5">
      <c r="B332" s="267" t="s">
        <v>33602</v>
      </c>
    </row>
    <row r="333" spans="1:3" s="263" customFormat="1" ht="14.25">
      <c r="B333" s="278" t="s">
        <v>33504</v>
      </c>
    </row>
    <row r="334" spans="1:3" s="263" customFormat="1" ht="14.25">
      <c r="B334" s="279" t="s">
        <v>33505</v>
      </c>
    </row>
    <row r="335" spans="1:3" s="263" customFormat="1" ht="14.25">
      <c r="B335" s="279" t="s">
        <v>33506</v>
      </c>
    </row>
    <row r="336" spans="1:3" s="263" customFormat="1" ht="28.5">
      <c r="B336" s="279" t="s">
        <v>33507</v>
      </c>
    </row>
    <row r="337" spans="2:2" s="263" customFormat="1" ht="42.75">
      <c r="B337" s="279" t="s">
        <v>33508</v>
      </c>
    </row>
    <row r="338" spans="2:2" s="263" customFormat="1" ht="14.25">
      <c r="B338" s="279" t="s">
        <v>33509</v>
      </c>
    </row>
    <row r="339" spans="2:2" s="263" customFormat="1" ht="14.25">
      <c r="B339" s="279" t="s">
        <v>33510</v>
      </c>
    </row>
    <row r="340" spans="2:2" s="263" customFormat="1" ht="14.25">
      <c r="B340" s="279" t="s">
        <v>33511</v>
      </c>
    </row>
    <row r="341" spans="2:2" s="263" customFormat="1" ht="14.25">
      <c r="B341" s="279" t="s">
        <v>33512</v>
      </c>
    </row>
    <row r="342" spans="2:2" s="263" customFormat="1" ht="14.25">
      <c r="B342" s="280" t="s">
        <v>33513</v>
      </c>
    </row>
    <row r="343" spans="2:2" s="263" customFormat="1" ht="14.25">
      <c r="B343" s="279" t="s">
        <v>33514</v>
      </c>
    </row>
    <row r="344" spans="2:2" s="263" customFormat="1" ht="14.25">
      <c r="B344" s="279" t="s">
        <v>33515</v>
      </c>
    </row>
    <row r="345" spans="2:2" s="263" customFormat="1" ht="14.25">
      <c r="B345" s="279" t="s">
        <v>33516</v>
      </c>
    </row>
    <row r="346" spans="2:2" s="263" customFormat="1" ht="28.5">
      <c r="B346" s="279" t="s">
        <v>33517</v>
      </c>
    </row>
    <row r="347" spans="2:2" s="263" customFormat="1" ht="14.25">
      <c r="B347" s="278" t="s">
        <v>33518</v>
      </c>
    </row>
    <row r="348" spans="2:2" s="263" customFormat="1" ht="14.25">
      <c r="B348" s="279" t="s">
        <v>33519</v>
      </c>
    </row>
    <row r="349" spans="2:2" s="263" customFormat="1" ht="14.25">
      <c r="B349" s="279" t="s">
        <v>33520</v>
      </c>
    </row>
    <row r="350" spans="2:2" s="263" customFormat="1" ht="14.25">
      <c r="B350" s="279" t="s">
        <v>33521</v>
      </c>
    </row>
    <row r="351" spans="2:2" s="263" customFormat="1" ht="14.25">
      <c r="B351" s="281" t="s">
        <v>8397</v>
      </c>
    </row>
    <row r="352" spans="2:2" s="263" customFormat="1" ht="42.75">
      <c r="B352" s="279" t="s">
        <v>33522</v>
      </c>
    </row>
    <row r="353" spans="2:2" s="263" customFormat="1" ht="14.25">
      <c r="B353" s="281" t="s">
        <v>14342</v>
      </c>
    </row>
    <row r="354" spans="2:2" s="263" customFormat="1" ht="14.25">
      <c r="B354" s="279" t="s">
        <v>33523</v>
      </c>
    </row>
    <row r="355" spans="2:2" s="263" customFormat="1" ht="14.25">
      <c r="B355" s="279" t="s">
        <v>33524</v>
      </c>
    </row>
    <row r="356" spans="2:2" s="263" customFormat="1" ht="14.25">
      <c r="B356" s="279" t="s">
        <v>33525</v>
      </c>
    </row>
    <row r="357" spans="2:2" s="263" customFormat="1" ht="42.75">
      <c r="B357" s="279" t="s">
        <v>33526</v>
      </c>
    </row>
    <row r="358" spans="2:2" s="263" customFormat="1" ht="14.25">
      <c r="B358" s="279" t="s">
        <v>33527</v>
      </c>
    </row>
    <row r="359" spans="2:2" s="263" customFormat="1" ht="28.5">
      <c r="B359" s="279" t="s">
        <v>33528</v>
      </c>
    </row>
    <row r="360" spans="2:2" s="263" customFormat="1" ht="14.25">
      <c r="B360" s="279" t="s">
        <v>33529</v>
      </c>
    </row>
    <row r="361" spans="2:2" s="263" customFormat="1" ht="14.25">
      <c r="B361" s="279" t="s">
        <v>33530</v>
      </c>
    </row>
    <row r="362" spans="2:2" s="263" customFormat="1" ht="14.25">
      <c r="B362" s="281" t="s">
        <v>33531</v>
      </c>
    </row>
    <row r="363" spans="2:2" s="263" customFormat="1" ht="28.5">
      <c r="B363" s="279" t="s">
        <v>33532</v>
      </c>
    </row>
    <row r="364" spans="2:2" s="263" customFormat="1" ht="14.25">
      <c r="B364" s="281" t="s">
        <v>31503</v>
      </c>
    </row>
    <row r="365" spans="2:2" s="263" customFormat="1" ht="42.75">
      <c r="B365" s="279" t="s">
        <v>33533</v>
      </c>
    </row>
    <row r="366" spans="2:2" s="263" customFormat="1" ht="14.25">
      <c r="B366" s="281" t="s">
        <v>31501</v>
      </c>
    </row>
    <row r="367" spans="2:2" s="263" customFormat="1" ht="28.5">
      <c r="B367" s="279" t="s">
        <v>33534</v>
      </c>
    </row>
    <row r="368" spans="2:2" s="263" customFormat="1" ht="14.25">
      <c r="B368" s="281" t="s">
        <v>31504</v>
      </c>
    </row>
    <row r="369" spans="2:2" s="263" customFormat="1" ht="28.5">
      <c r="B369" s="279" t="s">
        <v>33535</v>
      </c>
    </row>
    <row r="370" spans="2:2" s="263" customFormat="1" ht="14.25">
      <c r="B370" s="281" t="s">
        <v>33536</v>
      </c>
    </row>
    <row r="371" spans="2:2" s="263" customFormat="1" ht="42.75">
      <c r="B371" s="279" t="s">
        <v>33537</v>
      </c>
    </row>
    <row r="372" spans="2:2" s="263" customFormat="1" ht="14.25">
      <c r="B372" s="281" t="s">
        <v>33538</v>
      </c>
    </row>
    <row r="373" spans="2:2" s="263" customFormat="1" ht="28.5">
      <c r="B373" s="279" t="s">
        <v>33539</v>
      </c>
    </row>
    <row r="374" spans="2:2" s="263" customFormat="1" ht="14.25">
      <c r="B374" s="279" t="s">
        <v>31624</v>
      </c>
    </row>
    <row r="375" spans="2:2" s="263" customFormat="1" ht="14.25">
      <c r="B375" s="279" t="s">
        <v>33540</v>
      </c>
    </row>
    <row r="376" spans="2:2" s="263" customFormat="1" ht="14.25">
      <c r="B376" s="279" t="s">
        <v>31626</v>
      </c>
    </row>
    <row r="377" spans="2:2" s="263" customFormat="1" ht="28.5">
      <c r="B377" s="279" t="s">
        <v>33541</v>
      </c>
    </row>
    <row r="378" spans="2:2" s="263" customFormat="1" ht="14.25">
      <c r="B378" s="279" t="s">
        <v>31628</v>
      </c>
    </row>
    <row r="379" spans="2:2" s="263" customFormat="1" ht="14.25">
      <c r="B379" s="279" t="s">
        <v>33542</v>
      </c>
    </row>
    <row r="380" spans="2:2" s="263" customFormat="1" ht="14.25">
      <c r="B380" s="279" t="s">
        <v>31630</v>
      </c>
    </row>
    <row r="381" spans="2:2" s="263" customFormat="1" ht="14.25">
      <c r="B381" s="279" t="s">
        <v>33543</v>
      </c>
    </row>
    <row r="382" spans="2:2" s="263" customFormat="1" ht="28.5">
      <c r="B382" s="279" t="s">
        <v>33544</v>
      </c>
    </row>
    <row r="383" spans="2:2" s="263" customFormat="1" ht="14.25">
      <c r="B383" s="279" t="s">
        <v>33545</v>
      </c>
    </row>
    <row r="384" spans="2:2" s="263" customFormat="1" ht="14.25">
      <c r="B384" s="281" t="s">
        <v>33546</v>
      </c>
    </row>
    <row r="385" spans="2:2" s="263" customFormat="1" ht="14.25">
      <c r="B385" s="279" t="s">
        <v>33547</v>
      </c>
    </row>
    <row r="386" spans="2:2" s="263" customFormat="1" ht="14.25">
      <c r="B386" s="279" t="s">
        <v>33548</v>
      </c>
    </row>
    <row r="387" spans="2:2" s="263" customFormat="1" ht="14.25">
      <c r="B387" s="279" t="s">
        <v>33549</v>
      </c>
    </row>
    <row r="388" spans="2:2" s="263" customFormat="1" ht="14.25">
      <c r="B388" s="279" t="s">
        <v>33550</v>
      </c>
    </row>
    <row r="389" spans="2:2" s="263" customFormat="1" ht="14.25">
      <c r="B389" s="279" t="s">
        <v>33551</v>
      </c>
    </row>
    <row r="390" spans="2:2" s="263" customFormat="1" ht="14.25">
      <c r="B390" s="279" t="s">
        <v>31624</v>
      </c>
    </row>
    <row r="391" spans="2:2" s="263" customFormat="1" ht="42.75">
      <c r="B391" s="279" t="s">
        <v>33552</v>
      </c>
    </row>
    <row r="392" spans="2:2" s="263" customFormat="1" ht="14.25">
      <c r="B392" s="279" t="s">
        <v>31626</v>
      </c>
    </row>
    <row r="393" spans="2:2" s="263" customFormat="1" ht="28.5">
      <c r="B393" s="279" t="s">
        <v>33553</v>
      </c>
    </row>
    <row r="394" spans="2:2" s="263" customFormat="1" ht="14.25">
      <c r="B394" s="279" t="s">
        <v>33554</v>
      </c>
    </row>
    <row r="395" spans="2:2" s="263" customFormat="1" ht="14.25">
      <c r="B395" s="281" t="s">
        <v>33555</v>
      </c>
    </row>
    <row r="396" spans="2:2" s="263" customFormat="1" ht="28.5">
      <c r="B396" s="279" t="s">
        <v>33556</v>
      </c>
    </row>
    <row r="397" spans="2:2" s="263" customFormat="1" ht="14.25">
      <c r="B397" s="281" t="s">
        <v>31510</v>
      </c>
    </row>
    <row r="398" spans="2:2" s="263" customFormat="1" ht="57">
      <c r="B398" s="279" t="s">
        <v>33557</v>
      </c>
    </row>
    <row r="399" spans="2:2" s="263" customFormat="1" ht="14.25">
      <c r="B399" s="281" t="s">
        <v>14492</v>
      </c>
    </row>
    <row r="400" spans="2:2" s="263" customFormat="1" ht="42.75">
      <c r="B400" s="279" t="s">
        <v>33558</v>
      </c>
    </row>
    <row r="401" spans="2:2" s="263" customFormat="1" ht="14.25">
      <c r="B401" s="281" t="s">
        <v>33603</v>
      </c>
    </row>
    <row r="402" spans="2:2" s="263" customFormat="1" ht="14.25">
      <c r="B402" s="281" t="s">
        <v>33559</v>
      </c>
    </row>
    <row r="403" spans="2:2" s="263" customFormat="1" ht="71.25">
      <c r="B403" s="279" t="s">
        <v>33604</v>
      </c>
    </row>
    <row r="404" spans="2:2" s="263" customFormat="1" ht="14.25">
      <c r="B404" s="279" t="s">
        <v>33308</v>
      </c>
    </row>
    <row r="405" spans="2:2" s="263" customFormat="1" ht="14.25">
      <c r="B405" s="279" t="s">
        <v>31624</v>
      </c>
    </row>
    <row r="406" spans="2:2" s="263" customFormat="1" ht="14.25">
      <c r="B406" s="279" t="s">
        <v>33605</v>
      </c>
    </row>
    <row r="407" spans="2:2" s="263" customFormat="1" ht="14.25">
      <c r="B407" s="279" t="s">
        <v>31626</v>
      </c>
    </row>
    <row r="408" spans="2:2" s="263" customFormat="1" ht="14.25">
      <c r="B408" s="279" t="s">
        <v>33606</v>
      </c>
    </row>
    <row r="409" spans="2:2" s="263" customFormat="1" ht="14.25">
      <c r="B409" s="279" t="s">
        <v>31628</v>
      </c>
    </row>
    <row r="410" spans="2:2" s="263" customFormat="1" ht="14.25">
      <c r="B410" s="279" t="s">
        <v>33560</v>
      </c>
    </row>
    <row r="411" spans="2:2" s="263" customFormat="1" ht="14.25">
      <c r="B411" s="281" t="s">
        <v>31587</v>
      </c>
    </row>
    <row r="412" spans="2:2" s="263" customFormat="1" ht="42.75">
      <c r="B412" s="279" t="s">
        <v>33561</v>
      </c>
    </row>
    <row r="413" spans="2:2" s="263" customFormat="1" ht="14.25">
      <c r="B413" s="281" t="s">
        <v>8444</v>
      </c>
    </row>
    <row r="414" spans="2:2" s="263" customFormat="1" ht="42.75">
      <c r="B414" s="279" t="s">
        <v>33562</v>
      </c>
    </row>
    <row r="415" spans="2:2" s="263" customFormat="1" ht="14.25">
      <c r="B415" s="281" t="s">
        <v>28574</v>
      </c>
    </row>
    <row r="416" spans="2:2" s="263" customFormat="1" ht="42.75">
      <c r="B416" s="279" t="s">
        <v>33607</v>
      </c>
    </row>
    <row r="417" spans="2:2" s="263" customFormat="1" ht="14.25">
      <c r="B417" s="281" t="s">
        <v>33563</v>
      </c>
    </row>
    <row r="418" spans="2:2" s="263" customFormat="1" ht="42.75">
      <c r="B418" s="279" t="s">
        <v>33564</v>
      </c>
    </row>
    <row r="419" spans="2:2" s="263" customFormat="1" ht="14.25">
      <c r="B419" s="279" t="s">
        <v>33483</v>
      </c>
    </row>
    <row r="420" spans="2:2" s="263" customFormat="1" ht="14.25">
      <c r="B420" s="281" t="s">
        <v>33565</v>
      </c>
    </row>
    <row r="421" spans="2:2" s="263" customFormat="1" ht="28.5">
      <c r="B421" s="279" t="s">
        <v>33566</v>
      </c>
    </row>
    <row r="422" spans="2:2" s="263" customFormat="1" ht="28.5">
      <c r="B422" s="279" t="s">
        <v>33567</v>
      </c>
    </row>
    <row r="423" spans="2:2" s="263" customFormat="1" ht="14.25">
      <c r="B423" s="281" t="s">
        <v>31521</v>
      </c>
    </row>
    <row r="424" spans="2:2" s="263" customFormat="1" ht="28.5">
      <c r="B424" s="279" t="s">
        <v>33568</v>
      </c>
    </row>
    <row r="425" spans="2:2" s="263" customFormat="1" ht="14.25">
      <c r="B425" s="279" t="s">
        <v>31624</v>
      </c>
    </row>
    <row r="426" spans="2:2" s="263" customFormat="1" ht="42.75">
      <c r="B426" s="279" t="s">
        <v>33569</v>
      </c>
    </row>
    <row r="427" spans="2:2" s="263" customFormat="1" ht="14.25">
      <c r="B427" s="279" t="s">
        <v>31626</v>
      </c>
    </row>
    <row r="428" spans="2:2" s="263" customFormat="1" ht="28.5">
      <c r="B428" s="279" t="s">
        <v>33570</v>
      </c>
    </row>
    <row r="429" spans="2:2" s="263" customFormat="1" ht="14.25">
      <c r="B429" s="279" t="s">
        <v>33571</v>
      </c>
    </row>
    <row r="430" spans="2:2" s="263" customFormat="1" ht="14.25">
      <c r="B430" s="279" t="s">
        <v>33572</v>
      </c>
    </row>
    <row r="431" spans="2:2" s="263" customFormat="1" ht="14.25">
      <c r="B431" s="279" t="s">
        <v>33573</v>
      </c>
    </row>
    <row r="432" spans="2:2" s="263" customFormat="1" ht="14.25">
      <c r="B432" s="279" t="s">
        <v>33574</v>
      </c>
    </row>
    <row r="433" spans="2:2" s="263" customFormat="1" ht="14.25">
      <c r="B433" s="279" t="s">
        <v>33575</v>
      </c>
    </row>
    <row r="434" spans="2:2" s="263" customFormat="1" ht="14.25">
      <c r="B434" s="279" t="s">
        <v>33576</v>
      </c>
    </row>
    <row r="435" spans="2:2" s="263" customFormat="1" ht="14.25">
      <c r="B435" s="279" t="s">
        <v>31628</v>
      </c>
    </row>
    <row r="436" spans="2:2" s="263" customFormat="1" ht="28.5">
      <c r="B436" s="279" t="s">
        <v>33577</v>
      </c>
    </row>
    <row r="437" spans="2:2" s="263" customFormat="1" ht="14.25">
      <c r="B437" s="279" t="s">
        <v>33578</v>
      </c>
    </row>
    <row r="438" spans="2:2" s="263" customFormat="1" ht="14.25">
      <c r="B438" s="281" t="s">
        <v>29780</v>
      </c>
    </row>
    <row r="439" spans="2:2" s="263" customFormat="1" ht="42.75">
      <c r="B439" s="279" t="s">
        <v>33579</v>
      </c>
    </row>
    <row r="440" spans="2:2" s="263" customFormat="1" ht="28.5">
      <c r="B440" s="279" t="s">
        <v>33580</v>
      </c>
    </row>
    <row r="441" spans="2:2" s="263" customFormat="1" ht="14.25">
      <c r="B441" s="281" t="s">
        <v>31511</v>
      </c>
    </row>
    <row r="442" spans="2:2" s="263" customFormat="1" ht="28.5">
      <c r="B442" s="279" t="s">
        <v>33581</v>
      </c>
    </row>
    <row r="443" spans="2:2" s="263" customFormat="1" ht="14.25">
      <c r="B443" s="279" t="s">
        <v>31624</v>
      </c>
    </row>
    <row r="444" spans="2:2" s="263" customFormat="1" ht="57">
      <c r="B444" s="279" t="s">
        <v>33582</v>
      </c>
    </row>
    <row r="445" spans="2:2" s="263" customFormat="1" ht="14.25">
      <c r="B445" s="279" t="s">
        <v>31626</v>
      </c>
    </row>
    <row r="446" spans="2:2" s="263" customFormat="1" ht="28.5">
      <c r="B446" s="279" t="s">
        <v>33583</v>
      </c>
    </row>
    <row r="447" spans="2:2" s="263" customFormat="1" ht="14.25">
      <c r="B447" s="279" t="s">
        <v>33571</v>
      </c>
    </row>
    <row r="448" spans="2:2" s="263" customFormat="1" ht="14.25">
      <c r="B448" s="279" t="s">
        <v>33584</v>
      </c>
    </row>
    <row r="449" spans="2:2" s="263" customFormat="1" ht="14.25">
      <c r="B449" s="279" t="s">
        <v>33573</v>
      </c>
    </row>
    <row r="450" spans="2:2" s="263" customFormat="1" ht="15.75">
      <c r="B450" s="279" t="s">
        <v>33608</v>
      </c>
    </row>
    <row r="451" spans="2:2" s="263" customFormat="1" ht="14.25">
      <c r="B451" s="279" t="s">
        <v>33575</v>
      </c>
    </row>
    <row r="452" spans="2:2" s="263" customFormat="1" ht="15.75">
      <c r="B452" s="279" t="s">
        <v>33609</v>
      </c>
    </row>
    <row r="453" spans="2:2" s="263" customFormat="1" ht="14.25">
      <c r="B453" s="279" t="s">
        <v>31628</v>
      </c>
    </row>
    <row r="454" spans="2:2" s="263" customFormat="1" ht="14.25">
      <c r="B454" s="279" t="s">
        <v>33585</v>
      </c>
    </row>
    <row r="455" spans="2:2" s="263" customFormat="1" ht="14.25">
      <c r="B455" s="279" t="s">
        <v>31630</v>
      </c>
    </row>
    <row r="456" spans="2:2" s="263" customFormat="1" ht="15.75">
      <c r="B456" s="279" t="s">
        <v>33610</v>
      </c>
    </row>
    <row r="457" spans="2:2" s="263" customFormat="1" ht="14.25">
      <c r="B457" s="279" t="s">
        <v>33586</v>
      </c>
    </row>
    <row r="458" spans="2:2" s="263" customFormat="1" ht="15.75">
      <c r="B458" s="279" t="s">
        <v>33611</v>
      </c>
    </row>
    <row r="459" spans="2:2" s="263" customFormat="1" ht="14.25">
      <c r="B459" s="279" t="s">
        <v>33587</v>
      </c>
    </row>
    <row r="460" spans="2:2" s="263" customFormat="1" ht="14.25">
      <c r="B460" s="279" t="s">
        <v>31624</v>
      </c>
    </row>
    <row r="461" spans="2:2" s="263" customFormat="1" ht="14.25">
      <c r="B461" s="279" t="s">
        <v>33588</v>
      </c>
    </row>
    <row r="462" spans="2:2" s="263" customFormat="1" ht="14.25">
      <c r="B462" s="279" t="s">
        <v>31626</v>
      </c>
    </row>
    <row r="463" spans="2:2" s="263" customFormat="1" ht="14.25">
      <c r="B463" s="279" t="s">
        <v>33589</v>
      </c>
    </row>
    <row r="464" spans="2:2" s="263" customFormat="1" ht="14.25">
      <c r="B464" s="279" t="s">
        <v>31628</v>
      </c>
    </row>
    <row r="465" spans="2:2" s="263" customFormat="1" ht="14.25">
      <c r="B465" s="279" t="s">
        <v>33590</v>
      </c>
    </row>
    <row r="466" spans="2:2" s="263" customFormat="1" ht="14.25">
      <c r="B466" s="281" t="s">
        <v>33591</v>
      </c>
    </row>
    <row r="467" spans="2:2" s="263" customFormat="1" ht="28.5">
      <c r="B467" s="279" t="s">
        <v>33592</v>
      </c>
    </row>
    <row r="468" spans="2:2" s="263" customFormat="1" ht="28.5">
      <c r="B468" s="279" t="s">
        <v>33567</v>
      </c>
    </row>
    <row r="469" spans="2:2" s="263" customFormat="1" ht="14.25">
      <c r="B469" s="281" t="s">
        <v>31942</v>
      </c>
    </row>
    <row r="470" spans="2:2" s="263" customFormat="1" ht="57">
      <c r="B470" s="279" t="s">
        <v>33593</v>
      </c>
    </row>
    <row r="471" spans="2:2" s="263" customFormat="1" ht="14.25">
      <c r="B471" s="279" t="s">
        <v>33594</v>
      </c>
    </row>
    <row r="472" spans="2:2" s="263" customFormat="1" ht="14.25">
      <c r="B472" s="281" t="s">
        <v>13667</v>
      </c>
    </row>
    <row r="473" spans="2:2" s="263" customFormat="1" ht="28.5">
      <c r="B473" s="279" t="s">
        <v>33595</v>
      </c>
    </row>
    <row r="474" spans="2:2" s="263" customFormat="1" ht="14.25">
      <c r="B474" s="279" t="s">
        <v>33596</v>
      </c>
    </row>
    <row r="475" spans="2:2" s="263" customFormat="1" ht="14.25">
      <c r="B475" s="281" t="s">
        <v>33597</v>
      </c>
    </row>
    <row r="476" spans="2:2" s="263" customFormat="1" ht="28.5">
      <c r="B476" s="279" t="s">
        <v>33598</v>
      </c>
    </row>
    <row r="477" spans="2:2" s="263" customFormat="1" ht="14.25">
      <c r="B477" s="279" t="s">
        <v>33599</v>
      </c>
    </row>
    <row r="478" spans="2:2" s="263" customFormat="1" ht="14.25">
      <c r="B478" s="281" t="s">
        <v>31916</v>
      </c>
    </row>
    <row r="479" spans="2:2" s="263" customFormat="1" ht="42.75">
      <c r="B479" s="279" t="s">
        <v>33600</v>
      </c>
    </row>
    <row r="480" spans="2:2" s="263" customFormat="1" ht="14.25">
      <c r="B480" s="279" t="s">
        <v>33601</v>
      </c>
    </row>
  </sheetData>
  <mergeCells count="110">
    <mergeCell ref="A124:C124"/>
    <mergeCell ref="A125:A128"/>
    <mergeCell ref="A131:C131"/>
    <mergeCell ref="A132:A136"/>
    <mergeCell ref="A137:C137"/>
    <mergeCell ref="A138:A141"/>
    <mergeCell ref="B191:B194"/>
    <mergeCell ref="A190:C190"/>
    <mergeCell ref="A191:A194"/>
    <mergeCell ref="A196:C196"/>
    <mergeCell ref="B167:B170"/>
    <mergeCell ref="B182:B185"/>
    <mergeCell ref="B159:B163"/>
    <mergeCell ref="A166:C166"/>
    <mergeCell ref="B145:B148"/>
    <mergeCell ref="B150:B155"/>
    <mergeCell ref="A181:C181"/>
    <mergeCell ref="A182:A185"/>
    <mergeCell ref="A187:A189"/>
    <mergeCell ref="C187:C189"/>
    <mergeCell ref="A145:A148"/>
    <mergeCell ref="C210:C213"/>
    <mergeCell ref="A213:B213"/>
    <mergeCell ref="A215:C215"/>
    <mergeCell ref="B201:B204"/>
    <mergeCell ref="B206:B209"/>
    <mergeCell ref="A200:C200"/>
    <mergeCell ref="A201:A204"/>
    <mergeCell ref="A205:C205"/>
    <mergeCell ref="A206:A209"/>
    <mergeCell ref="B296:B300"/>
    <mergeCell ref="A293:C293"/>
    <mergeCell ref="A295:C295"/>
    <mergeCell ref="A296:A300"/>
    <mergeCell ref="A301:C301"/>
    <mergeCell ref="B284:B288"/>
    <mergeCell ref="B268:B272"/>
    <mergeCell ref="B276:B280"/>
    <mergeCell ref="B259:B263"/>
    <mergeCell ref="A276:A280"/>
    <mergeCell ref="A281:C281"/>
    <mergeCell ref="A283:C283"/>
    <mergeCell ref="A284:A288"/>
    <mergeCell ref="A289:C289"/>
    <mergeCell ref="A291:C291"/>
    <mergeCell ref="A259:A263"/>
    <mergeCell ref="A264:C264"/>
    <mergeCell ref="A267:C267"/>
    <mergeCell ref="A268:A272"/>
    <mergeCell ref="A273:C273"/>
    <mergeCell ref="A275:C275"/>
    <mergeCell ref="A73:B73"/>
    <mergeCell ref="A81:C81"/>
    <mergeCell ref="A83:C83"/>
    <mergeCell ref="A111:C111"/>
    <mergeCell ref="A112:A114"/>
    <mergeCell ref="C112:C114"/>
    <mergeCell ref="A167:A170"/>
    <mergeCell ref="A171:A180"/>
    <mergeCell ref="C171:C180"/>
    <mergeCell ref="A149:C149"/>
    <mergeCell ref="A150:A155"/>
    <mergeCell ref="A156:C156"/>
    <mergeCell ref="A158:C158"/>
    <mergeCell ref="A159:A163"/>
    <mergeCell ref="A164:C164"/>
    <mergeCell ref="A142:C142"/>
    <mergeCell ref="A144:C144"/>
    <mergeCell ref="B132:B136"/>
    <mergeCell ref="B138:B141"/>
    <mergeCell ref="B119:B122"/>
    <mergeCell ref="B125:B128"/>
    <mergeCell ref="A115:C115"/>
    <mergeCell ref="A118:C118"/>
    <mergeCell ref="A119:A122"/>
    <mergeCell ref="A239:A242"/>
    <mergeCell ref="A246:C246"/>
    <mergeCell ref="A248:C248"/>
    <mergeCell ref="A249:A253"/>
    <mergeCell ref="A254:C254"/>
    <mergeCell ref="A258:C258"/>
    <mergeCell ref="A216:A219"/>
    <mergeCell ref="A220:A223"/>
    <mergeCell ref="C220:C223"/>
    <mergeCell ref="A224:C224"/>
    <mergeCell ref="A228:C228"/>
    <mergeCell ref="A229:A233"/>
    <mergeCell ref="B239:B242"/>
    <mergeCell ref="B249:B253"/>
    <mergeCell ref="B229:B233"/>
    <mergeCell ref="A235:C235"/>
    <mergeCell ref="A238:C238"/>
    <mergeCell ref="B216:B219"/>
    <mergeCell ref="A322:C322"/>
    <mergeCell ref="A323:C323"/>
    <mergeCell ref="A324:C324"/>
    <mergeCell ref="A325:C325"/>
    <mergeCell ref="A326:C326"/>
    <mergeCell ref="A327:C327"/>
    <mergeCell ref="A302:A305"/>
    <mergeCell ref="A306:C306"/>
    <mergeCell ref="A307:A313"/>
    <mergeCell ref="C307:C313"/>
    <mergeCell ref="A314:C314"/>
    <mergeCell ref="A316:C316"/>
    <mergeCell ref="A318:C318"/>
    <mergeCell ref="A319:C319"/>
    <mergeCell ref="A320:C320"/>
    <mergeCell ref="A321:C321"/>
    <mergeCell ref="A317:C317"/>
  </mergeCells>
  <phoneticPr fontId="4"/>
  <hyperlinks>
    <hyperlink ref="B4" r:id="rId1"/>
  </hyperlinks>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93"/>
  <sheetViews>
    <sheetView showGridLines="0" zoomScaleNormal="100" workbookViewId="0">
      <selection activeCell="E35" sqref="E35"/>
    </sheetView>
  </sheetViews>
  <sheetFormatPr defaultColWidth="9" defaultRowHeight="12"/>
  <cols>
    <col min="1" max="1" width="9" style="9"/>
    <col min="2" max="2" width="32.25" style="9" customWidth="1"/>
    <col min="3" max="4" width="11.375" style="9" bestFit="1" customWidth="1"/>
    <col min="5" max="5" width="44.75" style="9" customWidth="1"/>
    <col min="6" max="6" width="9" style="9"/>
    <col min="7" max="7" width="9" style="8"/>
    <col min="8" max="16384" width="9" style="9"/>
  </cols>
  <sheetData>
    <row r="1" spans="1:7" s="35" customFormat="1" ht="36.75" customHeight="1" thickBot="1">
      <c r="A1" s="1071" t="s">
        <v>27217</v>
      </c>
      <c r="B1" s="1072"/>
      <c r="C1" s="1072"/>
      <c r="D1" s="1072"/>
      <c r="E1" s="1073"/>
      <c r="G1" s="36"/>
    </row>
    <row r="2" spans="1:7" ht="53.25" customHeight="1" thickBot="1">
      <c r="A2" s="314" t="s">
        <v>13352</v>
      </c>
      <c r="B2" s="1074" t="s">
        <v>26910</v>
      </c>
      <c r="C2" s="1075"/>
      <c r="D2" s="1075"/>
      <c r="E2" s="1074"/>
    </row>
    <row r="3" spans="1:7" ht="39.75" customHeight="1" thickBot="1">
      <c r="A3" s="221" t="s">
        <v>13388</v>
      </c>
      <c r="B3" s="1076" t="s">
        <v>33673</v>
      </c>
      <c r="C3" s="1077"/>
      <c r="D3" s="1077"/>
      <c r="E3" s="1078"/>
    </row>
    <row r="4" spans="1:7" ht="44.25" customHeight="1" thickBot="1">
      <c r="A4" s="315" t="s">
        <v>13310</v>
      </c>
      <c r="B4" s="1079" t="s">
        <v>33672</v>
      </c>
      <c r="C4" s="1080"/>
      <c r="D4" s="1080"/>
      <c r="E4" s="1081"/>
    </row>
    <row r="6" spans="1:7" ht="15.75">
      <c r="B6" s="1061" t="s">
        <v>33664</v>
      </c>
      <c r="C6" s="1061"/>
      <c r="D6" s="1061"/>
      <c r="E6" s="1061"/>
    </row>
    <row r="7" spans="1:7" ht="15.75">
      <c r="B7" s="1061" t="s">
        <v>26911</v>
      </c>
      <c r="C7" s="1061"/>
      <c r="D7" s="1061"/>
      <c r="E7" s="1061"/>
    </row>
    <row r="8" spans="1:7" ht="15.75">
      <c r="B8" s="1061" t="s">
        <v>26912</v>
      </c>
      <c r="C8" s="1061"/>
      <c r="D8" s="1061"/>
      <c r="E8" s="1061"/>
    </row>
    <row r="9" spans="1:7" ht="15.75">
      <c r="B9" s="1061" t="s">
        <v>26913</v>
      </c>
      <c r="C9" s="1061"/>
      <c r="D9" s="1061"/>
      <c r="E9" s="1061"/>
    </row>
    <row r="11" spans="1:7" s="50" customFormat="1" ht="15.75">
      <c r="B11" s="312" t="s">
        <v>26914</v>
      </c>
    </row>
    <row r="12" spans="1:7" s="50" customFormat="1" ht="15.75">
      <c r="B12" s="311" t="s">
        <v>26915</v>
      </c>
    </row>
    <row r="13" spans="1:7" s="50" customFormat="1" ht="13.5">
      <c r="B13" s="313" t="s">
        <v>13662</v>
      </c>
    </row>
    <row r="14" spans="1:7" s="50" customFormat="1" ht="13.5">
      <c r="B14" s="313" t="s">
        <v>33665</v>
      </c>
    </row>
    <row r="15" spans="1:7" s="50" customFormat="1" ht="13.5">
      <c r="B15" s="313" t="s">
        <v>65</v>
      </c>
    </row>
    <row r="16" spans="1:7" s="50" customFormat="1" ht="13.5">
      <c r="B16" s="313" t="s">
        <v>33666</v>
      </c>
    </row>
    <row r="17" spans="2:5" s="50" customFormat="1" ht="13.5"/>
    <row r="18" spans="2:5" s="50" customFormat="1" ht="15.75">
      <c r="B18" s="312" t="s">
        <v>33667</v>
      </c>
    </row>
    <row r="19" spans="2:5" s="50" customFormat="1" ht="15.75">
      <c r="B19" s="311" t="s">
        <v>33668</v>
      </c>
    </row>
    <row r="20" spans="2:5" s="50" customFormat="1" ht="13.5">
      <c r="B20" s="313" t="s">
        <v>13662</v>
      </c>
    </row>
    <row r="21" spans="2:5" s="50" customFormat="1" ht="13.5">
      <c r="B21" s="313" t="s">
        <v>33669</v>
      </c>
    </row>
    <row r="22" spans="2:5" s="50" customFormat="1" ht="13.5">
      <c r="B22" s="313" t="s">
        <v>31624</v>
      </c>
    </row>
    <row r="23" spans="2:5" s="50" customFormat="1" ht="13.5">
      <c r="B23" s="313" t="s">
        <v>33670</v>
      </c>
    </row>
    <row r="24" spans="2:5" s="50" customFormat="1" ht="13.5">
      <c r="B24" s="313" t="s">
        <v>31626</v>
      </c>
    </row>
    <row r="25" spans="2:5" s="50" customFormat="1" ht="13.5">
      <c r="B25" s="313" t="s">
        <v>33671</v>
      </c>
    </row>
    <row r="26" spans="2:5" ht="13.5">
      <c r="B26" s="129"/>
      <c r="C26" s="129"/>
      <c r="D26" s="129"/>
      <c r="E26" s="129"/>
    </row>
    <row r="27" spans="2:5" ht="13.5">
      <c r="B27" s="129"/>
      <c r="C27" s="129"/>
      <c r="D27" s="129"/>
      <c r="E27" s="129"/>
    </row>
    <row r="28" spans="2:5" s="50" customFormat="1" ht="15.75">
      <c r="B28" s="300" t="s">
        <v>8348</v>
      </c>
    </row>
    <row r="29" spans="2:5" s="50" customFormat="1" ht="15.75">
      <c r="B29" s="301" t="s">
        <v>31882</v>
      </c>
    </row>
    <row r="30" spans="2:5" s="50" customFormat="1" ht="15.75">
      <c r="B30" s="302" t="s">
        <v>33612</v>
      </c>
    </row>
    <row r="31" spans="2:5" s="50" customFormat="1" ht="15">
      <c r="B31" s="303"/>
    </row>
    <row r="32" spans="2:5" s="50" customFormat="1" ht="15">
      <c r="B32" s="303"/>
    </row>
    <row r="33" spans="2:5" s="50" customFormat="1" ht="25.5">
      <c r="B33" s="244" t="s">
        <v>585</v>
      </c>
      <c r="C33" s="244" t="s">
        <v>8349</v>
      </c>
      <c r="D33" s="244" t="s">
        <v>8</v>
      </c>
      <c r="E33" s="244" t="s">
        <v>8350</v>
      </c>
    </row>
    <row r="34" spans="2:5" s="50" customFormat="1" ht="13.5">
      <c r="B34" s="246" t="s">
        <v>6364</v>
      </c>
      <c r="C34" s="1068" t="s">
        <v>26916</v>
      </c>
      <c r="D34" s="1068" t="s">
        <v>26917</v>
      </c>
      <c r="E34" s="304" t="s">
        <v>33613</v>
      </c>
    </row>
    <row r="35" spans="2:5" s="50" customFormat="1" ht="51">
      <c r="B35" s="247" t="s">
        <v>33614</v>
      </c>
      <c r="C35" s="1069"/>
      <c r="D35" s="1069"/>
      <c r="E35" s="252" t="s">
        <v>31434</v>
      </c>
    </row>
    <row r="36" spans="2:5" s="50" customFormat="1" ht="89.25">
      <c r="B36" s="138"/>
      <c r="C36" s="1069"/>
      <c r="D36" s="1069"/>
      <c r="E36" s="252" t="s">
        <v>31435</v>
      </c>
    </row>
    <row r="37" spans="2:5" s="50" customFormat="1" ht="25.5">
      <c r="B37" s="138"/>
      <c r="C37" s="1069"/>
      <c r="D37" s="1069"/>
      <c r="E37" s="252" t="s">
        <v>31436</v>
      </c>
    </row>
    <row r="38" spans="2:5" s="50" customFormat="1" ht="39.75">
      <c r="B38" s="138"/>
      <c r="C38" s="1069"/>
      <c r="D38" s="1069"/>
      <c r="E38" s="252" t="s">
        <v>33615</v>
      </c>
    </row>
    <row r="39" spans="2:5" s="50" customFormat="1" ht="51">
      <c r="B39" s="137"/>
      <c r="C39" s="1070"/>
      <c r="D39" s="1070"/>
      <c r="E39" s="254" t="s">
        <v>33616</v>
      </c>
    </row>
    <row r="40" spans="2:5" s="50" customFormat="1" ht="51">
      <c r="B40" s="246" t="s">
        <v>7922</v>
      </c>
      <c r="C40" s="1068" t="s">
        <v>26918</v>
      </c>
      <c r="D40" s="1068" t="s">
        <v>26919</v>
      </c>
      <c r="E40" s="251" t="s">
        <v>31437</v>
      </c>
    </row>
    <row r="41" spans="2:5" s="50" customFormat="1" ht="89.25">
      <c r="B41" s="247" t="s">
        <v>33617</v>
      </c>
      <c r="C41" s="1069"/>
      <c r="D41" s="1069"/>
      <c r="E41" s="252" t="s">
        <v>33618</v>
      </c>
    </row>
    <row r="42" spans="2:5" s="50" customFormat="1" ht="25.5">
      <c r="B42" s="138"/>
      <c r="C42" s="1069"/>
      <c r="D42" s="1069"/>
      <c r="E42" s="252" t="s">
        <v>31436</v>
      </c>
    </row>
    <row r="43" spans="2:5" s="50" customFormat="1" ht="25.5">
      <c r="B43" s="138"/>
      <c r="C43" s="1069"/>
      <c r="D43" s="1069"/>
      <c r="E43" s="252" t="s">
        <v>31438</v>
      </c>
    </row>
    <row r="44" spans="2:5" s="50" customFormat="1" ht="51">
      <c r="B44" s="137"/>
      <c r="C44" s="1070"/>
      <c r="D44" s="1070"/>
      <c r="E44" s="254" t="s">
        <v>33619</v>
      </c>
    </row>
    <row r="45" spans="2:5" s="50" customFormat="1" ht="51">
      <c r="B45" s="246" t="s">
        <v>6360</v>
      </c>
      <c r="C45" s="1068" t="s">
        <v>26920</v>
      </c>
      <c r="D45" s="1068" t="s">
        <v>26921</v>
      </c>
      <c r="E45" s="251" t="s">
        <v>31439</v>
      </c>
    </row>
    <row r="46" spans="2:5" s="50" customFormat="1" ht="89.25">
      <c r="B46" s="247" t="s">
        <v>33620</v>
      </c>
      <c r="C46" s="1069"/>
      <c r="D46" s="1069"/>
      <c r="E46" s="252" t="s">
        <v>33618</v>
      </c>
    </row>
    <row r="47" spans="2:5" s="50" customFormat="1" ht="25.5">
      <c r="B47" s="138"/>
      <c r="C47" s="1069"/>
      <c r="D47" s="1069"/>
      <c r="E47" s="252" t="s">
        <v>31436</v>
      </c>
    </row>
    <row r="48" spans="2:5" s="50" customFormat="1" ht="25.5">
      <c r="B48" s="138"/>
      <c r="C48" s="1069"/>
      <c r="D48" s="1069"/>
      <c r="E48" s="252" t="s">
        <v>31438</v>
      </c>
    </row>
    <row r="49" spans="2:5" s="50" customFormat="1" ht="51">
      <c r="B49" s="137"/>
      <c r="C49" s="1070"/>
      <c r="D49" s="1070"/>
      <c r="E49" s="254" t="s">
        <v>33621</v>
      </c>
    </row>
    <row r="50" spans="2:5" s="50" customFormat="1" ht="51">
      <c r="B50" s="246" t="s">
        <v>6362</v>
      </c>
      <c r="C50" s="1068" t="s">
        <v>26922</v>
      </c>
      <c r="D50" s="1068" t="s">
        <v>26923</v>
      </c>
      <c r="E50" s="251" t="s">
        <v>31440</v>
      </c>
    </row>
    <row r="51" spans="2:5" s="50" customFormat="1" ht="89.25">
      <c r="B51" s="247" t="s">
        <v>33622</v>
      </c>
      <c r="C51" s="1069"/>
      <c r="D51" s="1069"/>
      <c r="E51" s="252" t="s">
        <v>33618</v>
      </c>
    </row>
    <row r="52" spans="2:5" s="50" customFormat="1" ht="25.5">
      <c r="B52" s="138"/>
      <c r="C52" s="1069"/>
      <c r="D52" s="1069"/>
      <c r="E52" s="252" t="s">
        <v>31436</v>
      </c>
    </row>
    <row r="53" spans="2:5" s="50" customFormat="1" ht="25.5">
      <c r="B53" s="138"/>
      <c r="C53" s="1069"/>
      <c r="D53" s="1069"/>
      <c r="E53" s="252" t="s">
        <v>31438</v>
      </c>
    </row>
    <row r="54" spans="2:5" s="50" customFormat="1" ht="51">
      <c r="B54" s="137"/>
      <c r="C54" s="1070"/>
      <c r="D54" s="1070"/>
      <c r="E54" s="254" t="s">
        <v>33623</v>
      </c>
    </row>
    <row r="55" spans="2:5" s="50" customFormat="1" ht="51">
      <c r="B55" s="1068" t="s">
        <v>26924</v>
      </c>
      <c r="C55" s="1068" t="s">
        <v>212</v>
      </c>
      <c r="D55" s="1068" t="s">
        <v>211</v>
      </c>
      <c r="E55" s="251" t="s">
        <v>31441</v>
      </c>
    </row>
    <row r="56" spans="2:5" s="50" customFormat="1" ht="89.25">
      <c r="B56" s="1069"/>
      <c r="C56" s="1069"/>
      <c r="D56" s="1069"/>
      <c r="E56" s="252" t="s">
        <v>31442</v>
      </c>
    </row>
    <row r="57" spans="2:5" s="50" customFormat="1" ht="63.75">
      <c r="B57" s="1069"/>
      <c r="C57" s="1069"/>
      <c r="D57" s="1069"/>
      <c r="E57" s="252" t="s">
        <v>31443</v>
      </c>
    </row>
    <row r="58" spans="2:5" s="50" customFormat="1" ht="63.75">
      <c r="B58" s="1069"/>
      <c r="C58" s="1069"/>
      <c r="D58" s="1069"/>
      <c r="E58" s="252" t="s">
        <v>31444</v>
      </c>
    </row>
    <row r="59" spans="2:5" s="50" customFormat="1" ht="25.5">
      <c r="B59" s="1069"/>
      <c r="C59" s="1069"/>
      <c r="D59" s="1069"/>
      <c r="E59" s="252" t="s">
        <v>31445</v>
      </c>
    </row>
    <row r="60" spans="2:5" s="50" customFormat="1" ht="63.75">
      <c r="B60" s="1069"/>
      <c r="C60" s="1069"/>
      <c r="D60" s="1069"/>
      <c r="E60" s="252" t="s">
        <v>31446</v>
      </c>
    </row>
    <row r="61" spans="2:5" s="50" customFormat="1" ht="63.75">
      <c r="B61" s="1069"/>
      <c r="C61" s="1069"/>
      <c r="D61" s="1069"/>
      <c r="E61" s="252" t="s">
        <v>33624</v>
      </c>
    </row>
    <row r="62" spans="2:5" s="50" customFormat="1" ht="25.5">
      <c r="B62" s="1069"/>
      <c r="C62" s="1069"/>
      <c r="D62" s="1069"/>
      <c r="E62" s="252" t="s">
        <v>33625</v>
      </c>
    </row>
    <row r="63" spans="2:5" s="50" customFormat="1" ht="51">
      <c r="B63" s="1069"/>
      <c r="C63" s="1069"/>
      <c r="D63" s="1069"/>
      <c r="E63" s="252" t="s">
        <v>31447</v>
      </c>
    </row>
    <row r="64" spans="2:5" s="50" customFormat="1" ht="76.5">
      <c r="B64" s="1069"/>
      <c r="C64" s="1069"/>
      <c r="D64" s="1069"/>
      <c r="E64" s="252" t="s">
        <v>31448</v>
      </c>
    </row>
    <row r="65" spans="2:5" s="50" customFormat="1" ht="25.5">
      <c r="B65" s="1069"/>
      <c r="C65" s="1069"/>
      <c r="D65" s="1069"/>
      <c r="E65" s="252" t="s">
        <v>31449</v>
      </c>
    </row>
    <row r="66" spans="2:5" s="50" customFormat="1" ht="51">
      <c r="B66" s="1069"/>
      <c r="C66" s="1069"/>
      <c r="D66" s="1069"/>
      <c r="E66" s="252" t="s">
        <v>33626</v>
      </c>
    </row>
    <row r="67" spans="2:5" s="50" customFormat="1" ht="51">
      <c r="B67" s="1069"/>
      <c r="C67" s="1069"/>
      <c r="D67" s="1069"/>
      <c r="E67" s="252" t="s">
        <v>31450</v>
      </c>
    </row>
    <row r="68" spans="2:5" s="50" customFormat="1" ht="63.75">
      <c r="B68" s="1069"/>
      <c r="C68" s="1069"/>
      <c r="D68" s="1069"/>
      <c r="E68" s="252" t="s">
        <v>33627</v>
      </c>
    </row>
    <row r="69" spans="2:5" s="50" customFormat="1" ht="89.25">
      <c r="B69" s="1069"/>
      <c r="C69" s="1069"/>
      <c r="D69" s="1069"/>
      <c r="E69" s="252" t="s">
        <v>33628</v>
      </c>
    </row>
    <row r="70" spans="2:5" s="50" customFormat="1" ht="25.5">
      <c r="B70" s="1069"/>
      <c r="C70" s="1069"/>
      <c r="D70" s="1069"/>
      <c r="E70" s="252" t="s">
        <v>31451</v>
      </c>
    </row>
    <row r="71" spans="2:5" s="50" customFormat="1" ht="102">
      <c r="B71" s="1069"/>
      <c r="C71" s="1069"/>
      <c r="D71" s="1069"/>
      <c r="E71" s="252" t="s">
        <v>31452</v>
      </c>
    </row>
    <row r="72" spans="2:5" s="50" customFormat="1" ht="13.5">
      <c r="B72" s="1070"/>
      <c r="C72" s="1070"/>
      <c r="D72" s="1070"/>
      <c r="E72" s="254" t="s">
        <v>9007</v>
      </c>
    </row>
    <row r="73" spans="2:5" s="50" customFormat="1" ht="51">
      <c r="B73" s="246" t="s">
        <v>8351</v>
      </c>
      <c r="C73" s="246" t="s">
        <v>6062</v>
      </c>
      <c r="D73" s="246" t="s">
        <v>26925</v>
      </c>
      <c r="E73" s="246" t="s">
        <v>31453</v>
      </c>
    </row>
    <row r="74" spans="2:5" s="50" customFormat="1" ht="102">
      <c r="B74" s="247" t="s">
        <v>33629</v>
      </c>
      <c r="C74" s="247" t="s">
        <v>6073</v>
      </c>
      <c r="D74" s="247" t="s">
        <v>26926</v>
      </c>
      <c r="E74" s="247" t="s">
        <v>33630</v>
      </c>
    </row>
    <row r="75" spans="2:5" s="50" customFormat="1" ht="51">
      <c r="B75" s="247" t="s">
        <v>8352</v>
      </c>
      <c r="C75" s="247" t="s">
        <v>6077</v>
      </c>
      <c r="D75" s="247" t="s">
        <v>26927</v>
      </c>
      <c r="E75" s="247" t="s">
        <v>31454</v>
      </c>
    </row>
    <row r="76" spans="2:5" s="50" customFormat="1" ht="127.5">
      <c r="B76" s="138"/>
      <c r="C76" s="247" t="s">
        <v>6075</v>
      </c>
      <c r="D76" s="247" t="s">
        <v>26928</v>
      </c>
      <c r="E76" s="247" t="s">
        <v>31455</v>
      </c>
    </row>
    <row r="77" spans="2:5" s="50" customFormat="1" ht="89.25">
      <c r="B77" s="138"/>
      <c r="C77" s="247" t="s">
        <v>26929</v>
      </c>
      <c r="D77" s="247" t="s">
        <v>26930</v>
      </c>
      <c r="E77" s="247" t="s">
        <v>31456</v>
      </c>
    </row>
    <row r="78" spans="2:5" s="50" customFormat="1" ht="51">
      <c r="B78" s="138"/>
      <c r="C78" s="247" t="s">
        <v>6079</v>
      </c>
      <c r="D78" s="247" t="s">
        <v>26931</v>
      </c>
      <c r="E78" s="305" t="s">
        <v>33631</v>
      </c>
    </row>
    <row r="79" spans="2:5" s="50" customFormat="1" ht="25.5">
      <c r="B79" s="138"/>
      <c r="C79" s="247" t="s">
        <v>26932</v>
      </c>
      <c r="D79" s="247" t="s">
        <v>26933</v>
      </c>
      <c r="E79" s="247" t="s">
        <v>31457</v>
      </c>
    </row>
    <row r="80" spans="2:5" s="50" customFormat="1" ht="38.25">
      <c r="B80" s="138"/>
      <c r="C80" s="247" t="s">
        <v>26934</v>
      </c>
      <c r="D80" s="247" t="s">
        <v>26935</v>
      </c>
      <c r="E80" s="247" t="s">
        <v>31458</v>
      </c>
    </row>
    <row r="81" spans="2:5" s="50" customFormat="1" ht="25.5">
      <c r="B81" s="138"/>
      <c r="C81" s="247" t="s">
        <v>26936</v>
      </c>
      <c r="D81" s="247" t="s">
        <v>26937</v>
      </c>
      <c r="E81" s="247" t="s">
        <v>33632</v>
      </c>
    </row>
    <row r="82" spans="2:5" s="50" customFormat="1" ht="89.25">
      <c r="B82" s="138"/>
      <c r="C82" s="247" t="s">
        <v>26938</v>
      </c>
      <c r="D82" s="247" t="s">
        <v>26939</v>
      </c>
      <c r="E82" s="247" t="s">
        <v>31459</v>
      </c>
    </row>
    <row r="83" spans="2:5" s="50" customFormat="1" ht="25.5">
      <c r="B83" s="138"/>
      <c r="C83" s="247" t="s">
        <v>26940</v>
      </c>
      <c r="D83" s="247" t="s">
        <v>26941</v>
      </c>
      <c r="E83" s="138"/>
    </row>
    <row r="84" spans="2:5" s="50" customFormat="1" ht="25.5">
      <c r="B84" s="137"/>
      <c r="C84" s="248" t="s">
        <v>26942</v>
      </c>
      <c r="D84" s="137"/>
      <c r="E84" s="137"/>
    </row>
    <row r="85" spans="2:5" s="50" customFormat="1" ht="25.5">
      <c r="B85" s="245" t="s">
        <v>8353</v>
      </c>
      <c r="C85" s="245" t="s">
        <v>8354</v>
      </c>
      <c r="D85" s="245" t="s">
        <v>8355</v>
      </c>
      <c r="E85" s="245" t="s">
        <v>8356</v>
      </c>
    </row>
    <row r="86" spans="2:5" s="50" customFormat="1" ht="13.5">
      <c r="B86" s="245" t="s">
        <v>8357</v>
      </c>
      <c r="C86" s="245" t="s">
        <v>8358</v>
      </c>
      <c r="D86" s="245" t="s">
        <v>8359</v>
      </c>
      <c r="E86" s="245" t="s">
        <v>8356</v>
      </c>
    </row>
    <row r="87" spans="2:5" s="50" customFormat="1" ht="13.5">
      <c r="B87" s="1068" t="s">
        <v>8360</v>
      </c>
      <c r="C87" s="245" t="s">
        <v>3556</v>
      </c>
      <c r="D87" s="245" t="s">
        <v>8361</v>
      </c>
      <c r="E87" s="1068" t="s">
        <v>8356</v>
      </c>
    </row>
    <row r="88" spans="2:5" s="50" customFormat="1" ht="13.5">
      <c r="B88" s="1069"/>
      <c r="C88" s="245" t="s">
        <v>8362</v>
      </c>
      <c r="D88" s="245" t="s">
        <v>8363</v>
      </c>
      <c r="E88" s="1069"/>
    </row>
    <row r="89" spans="2:5" s="50" customFormat="1" ht="13.5">
      <c r="B89" s="1069"/>
      <c r="C89" s="245" t="s">
        <v>8364</v>
      </c>
      <c r="D89" s="245" t="s">
        <v>8365</v>
      </c>
      <c r="E89" s="1069"/>
    </row>
    <row r="90" spans="2:5" s="50" customFormat="1" ht="13.5">
      <c r="B90" s="1070"/>
      <c r="C90" s="245" t="s">
        <v>8366</v>
      </c>
      <c r="D90" s="245" t="s">
        <v>8367</v>
      </c>
      <c r="E90" s="1070"/>
    </row>
    <row r="91" spans="2:5" s="50" customFormat="1" ht="13.5">
      <c r="B91" s="245" t="s">
        <v>8368</v>
      </c>
      <c r="C91" s="245" t="s">
        <v>8369</v>
      </c>
      <c r="D91" s="245" t="s">
        <v>8370</v>
      </c>
      <c r="E91" s="245" t="s">
        <v>8356</v>
      </c>
    </row>
    <row r="92" spans="2:5" s="50" customFormat="1" ht="13.5">
      <c r="B92" s="245" t="s">
        <v>8371</v>
      </c>
      <c r="C92" s="245" t="s">
        <v>8372</v>
      </c>
      <c r="D92" s="245" t="s">
        <v>8373</v>
      </c>
      <c r="E92" s="245" t="s">
        <v>8356</v>
      </c>
    </row>
    <row r="93" spans="2:5" s="50" customFormat="1" ht="13.5">
      <c r="B93" s="245" t="s">
        <v>8374</v>
      </c>
      <c r="C93" s="245" t="s">
        <v>8375</v>
      </c>
      <c r="D93" s="245" t="s">
        <v>8376</v>
      </c>
      <c r="E93" s="245" t="s">
        <v>8356</v>
      </c>
    </row>
    <row r="94" spans="2:5" s="50" customFormat="1" ht="38.25">
      <c r="B94" s="1068" t="s">
        <v>8377</v>
      </c>
      <c r="C94" s="246" t="s">
        <v>8378</v>
      </c>
      <c r="D94" s="1068" t="s">
        <v>8381</v>
      </c>
      <c r="E94" s="246" t="s">
        <v>31460</v>
      </c>
    </row>
    <row r="95" spans="2:5" s="50" customFormat="1" ht="25.5">
      <c r="B95" s="1069"/>
      <c r="C95" s="247" t="s">
        <v>8379</v>
      </c>
      <c r="D95" s="1069"/>
      <c r="E95" s="247" t="s">
        <v>31461</v>
      </c>
    </row>
    <row r="96" spans="2:5" s="50" customFormat="1" ht="13.5">
      <c r="B96" s="1070"/>
      <c r="C96" s="248" t="s">
        <v>8380</v>
      </c>
      <c r="D96" s="1070"/>
      <c r="E96" s="137"/>
    </row>
    <row r="97" spans="2:5" s="50" customFormat="1" ht="13.5">
      <c r="B97" s="245" t="s">
        <v>3549</v>
      </c>
      <c r="C97" s="245" t="s">
        <v>3550</v>
      </c>
      <c r="D97" s="245" t="s">
        <v>10325</v>
      </c>
      <c r="E97" s="245" t="s">
        <v>8356</v>
      </c>
    </row>
    <row r="98" spans="2:5" s="50" customFormat="1" ht="13.5">
      <c r="B98" s="245" t="s">
        <v>8382</v>
      </c>
      <c r="C98" s="245" t="s">
        <v>8383</v>
      </c>
      <c r="D98" s="245" t="s">
        <v>8384</v>
      </c>
      <c r="E98" s="245" t="s">
        <v>8356</v>
      </c>
    </row>
    <row r="99" spans="2:5" s="50" customFormat="1" ht="13.5">
      <c r="B99" s="245" t="s">
        <v>8385</v>
      </c>
      <c r="C99" s="245" t="s">
        <v>8386</v>
      </c>
      <c r="D99" s="245" t="s">
        <v>8387</v>
      </c>
      <c r="E99" s="245" t="s">
        <v>8356</v>
      </c>
    </row>
    <row r="100" spans="2:5" s="50" customFormat="1" ht="13.5">
      <c r="B100" s="245" t="s">
        <v>6031</v>
      </c>
      <c r="C100" s="245" t="s">
        <v>6032</v>
      </c>
      <c r="D100" s="245" t="s">
        <v>17978</v>
      </c>
      <c r="E100" s="245" t="s">
        <v>8356</v>
      </c>
    </row>
    <row r="101" spans="2:5" s="50" customFormat="1" ht="38.25">
      <c r="B101" s="1068" t="s">
        <v>8388</v>
      </c>
      <c r="C101" s="1068" t="s">
        <v>8389</v>
      </c>
      <c r="D101" s="1068" t="s">
        <v>8390</v>
      </c>
      <c r="E101" s="246" t="s">
        <v>26943</v>
      </c>
    </row>
    <row r="102" spans="2:5" s="50" customFormat="1" ht="63.75">
      <c r="B102" s="1070"/>
      <c r="C102" s="1070"/>
      <c r="D102" s="1070"/>
      <c r="E102" s="248" t="s">
        <v>33633</v>
      </c>
    </row>
    <row r="103" spans="2:5" s="50" customFormat="1" ht="13.5">
      <c r="B103" s="245" t="s">
        <v>8391</v>
      </c>
      <c r="C103" s="245" t="s">
        <v>3503</v>
      </c>
      <c r="D103" s="245" t="s">
        <v>8392</v>
      </c>
      <c r="E103" s="245" t="s">
        <v>8356</v>
      </c>
    </row>
    <row r="104" spans="2:5" s="50" customFormat="1" ht="13.5">
      <c r="B104" s="245" t="s">
        <v>8393</v>
      </c>
      <c r="C104" s="245" t="s">
        <v>8394</v>
      </c>
      <c r="D104" s="245" t="s">
        <v>8395</v>
      </c>
      <c r="E104" s="245" t="s">
        <v>8356</v>
      </c>
    </row>
    <row r="105" spans="2:5" s="50" customFormat="1" ht="13.5">
      <c r="B105" s="245" t="s">
        <v>6341</v>
      </c>
      <c r="C105" s="245" t="s">
        <v>6342</v>
      </c>
      <c r="D105" s="245" t="s">
        <v>8396</v>
      </c>
      <c r="E105" s="245" t="s">
        <v>8356</v>
      </c>
    </row>
    <row r="106" spans="2:5" s="50" customFormat="1" ht="76.5">
      <c r="B106" s="306" t="s">
        <v>33634</v>
      </c>
      <c r="C106" s="246" t="s">
        <v>8399</v>
      </c>
      <c r="D106" s="246" t="s">
        <v>8403</v>
      </c>
      <c r="E106" s="246" t="s">
        <v>31462</v>
      </c>
    </row>
    <row r="107" spans="2:5" s="50" customFormat="1" ht="114.75">
      <c r="B107" s="247" t="s">
        <v>26944</v>
      </c>
      <c r="C107" s="247" t="s">
        <v>8400</v>
      </c>
      <c r="D107" s="247" t="s">
        <v>8404</v>
      </c>
      <c r="E107" s="247" t="s">
        <v>33635</v>
      </c>
    </row>
    <row r="108" spans="2:5" s="50" customFormat="1" ht="76.5">
      <c r="B108" s="138"/>
      <c r="C108" s="247" t="s">
        <v>8401</v>
      </c>
      <c r="D108" s="138"/>
      <c r="E108" s="247" t="s">
        <v>31463</v>
      </c>
    </row>
    <row r="109" spans="2:5" s="50" customFormat="1" ht="13.5">
      <c r="B109" s="138"/>
      <c r="C109" s="247" t="s">
        <v>8402</v>
      </c>
      <c r="D109" s="138"/>
      <c r="E109" s="138"/>
    </row>
    <row r="110" spans="2:5" s="50" customFormat="1" ht="13.5">
      <c r="B110" s="137"/>
      <c r="C110" s="248" t="s">
        <v>7504</v>
      </c>
      <c r="D110" s="137"/>
      <c r="E110" s="137"/>
    </row>
    <row r="111" spans="2:5" s="50" customFormat="1" ht="38.25">
      <c r="B111" s="1068" t="s">
        <v>8405</v>
      </c>
      <c r="C111" s="1068" t="s">
        <v>3553</v>
      </c>
      <c r="D111" s="1068" t="s">
        <v>8406</v>
      </c>
      <c r="E111" s="246" t="s">
        <v>31464</v>
      </c>
    </row>
    <row r="112" spans="2:5" s="50" customFormat="1" ht="25.5">
      <c r="B112" s="1070"/>
      <c r="C112" s="1070"/>
      <c r="D112" s="1070"/>
      <c r="E112" s="248" t="s">
        <v>31461</v>
      </c>
    </row>
    <row r="113" spans="2:5" s="50" customFormat="1" ht="63.75">
      <c r="B113" s="245" t="s">
        <v>26945</v>
      </c>
      <c r="C113" s="245" t="s">
        <v>26946</v>
      </c>
      <c r="D113" s="245" t="s">
        <v>26947</v>
      </c>
      <c r="E113" s="307" t="s">
        <v>33636</v>
      </c>
    </row>
    <row r="114" spans="2:5" s="50" customFormat="1" ht="38.25">
      <c r="B114" s="1068" t="s">
        <v>33637</v>
      </c>
      <c r="C114" s="1068" t="s">
        <v>26948</v>
      </c>
      <c r="D114" s="1068" t="s">
        <v>26949</v>
      </c>
      <c r="E114" s="246" t="s">
        <v>31465</v>
      </c>
    </row>
    <row r="115" spans="2:5" s="50" customFormat="1" ht="25.5">
      <c r="B115" s="1070"/>
      <c r="C115" s="1070"/>
      <c r="D115" s="1070"/>
      <c r="E115" s="248" t="s">
        <v>31461</v>
      </c>
    </row>
    <row r="116" spans="2:5" s="50" customFormat="1" ht="63.75">
      <c r="B116" s="1068" t="s">
        <v>33638</v>
      </c>
      <c r="C116" s="1068" t="s">
        <v>26950</v>
      </c>
      <c r="D116" s="1068" t="s">
        <v>535</v>
      </c>
      <c r="E116" s="246" t="s">
        <v>31466</v>
      </c>
    </row>
    <row r="117" spans="2:5" s="50" customFormat="1" ht="13.5">
      <c r="B117" s="1069"/>
      <c r="C117" s="1069"/>
      <c r="D117" s="1069"/>
      <c r="E117" s="247" t="s">
        <v>31467</v>
      </c>
    </row>
    <row r="118" spans="2:5" s="50" customFormat="1" ht="38.25">
      <c r="B118" s="1069"/>
      <c r="C118" s="1069"/>
      <c r="D118" s="1069"/>
      <c r="E118" s="247" t="s">
        <v>31468</v>
      </c>
    </row>
    <row r="119" spans="2:5" s="50" customFormat="1" ht="25.5">
      <c r="B119" s="1069"/>
      <c r="C119" s="1069"/>
      <c r="D119" s="1069"/>
      <c r="E119" s="247" t="s">
        <v>31469</v>
      </c>
    </row>
    <row r="120" spans="2:5" s="50" customFormat="1" ht="25.5">
      <c r="B120" s="1070"/>
      <c r="C120" s="1070"/>
      <c r="D120" s="1070"/>
      <c r="E120" s="248" t="s">
        <v>31470</v>
      </c>
    </row>
    <row r="121" spans="2:5" s="50" customFormat="1" ht="13.5">
      <c r="B121" s="1018" t="s">
        <v>31471</v>
      </c>
      <c r="C121" s="1019"/>
      <c r="D121" s="1019"/>
      <c r="E121" s="1020"/>
    </row>
    <row r="122" spans="2:5" s="50" customFormat="1" ht="51">
      <c r="B122" s="246" t="s">
        <v>31472</v>
      </c>
      <c r="C122" s="1068" t="s">
        <v>31473</v>
      </c>
      <c r="D122" s="1068" t="s">
        <v>31080</v>
      </c>
      <c r="E122" s="246" t="s">
        <v>31474</v>
      </c>
    </row>
    <row r="123" spans="2:5" s="50" customFormat="1" ht="63.75">
      <c r="B123" s="247" t="s">
        <v>31475</v>
      </c>
      <c r="C123" s="1069"/>
      <c r="D123" s="1069"/>
      <c r="E123" s="247" t="s">
        <v>31476</v>
      </c>
    </row>
    <row r="124" spans="2:5" s="50" customFormat="1" ht="140.25">
      <c r="B124" s="247" t="s">
        <v>31477</v>
      </c>
      <c r="C124" s="1069"/>
      <c r="D124" s="1069"/>
      <c r="E124" s="305" t="s">
        <v>33639</v>
      </c>
    </row>
    <row r="125" spans="2:5" s="50" customFormat="1" ht="140.25">
      <c r="B125" s="247" t="s">
        <v>31478</v>
      </c>
      <c r="C125" s="1069"/>
      <c r="D125" s="1069"/>
      <c r="E125" s="305" t="s">
        <v>33640</v>
      </c>
    </row>
    <row r="126" spans="2:5" s="50" customFormat="1" ht="89.25">
      <c r="B126" s="247" t="s">
        <v>33641</v>
      </c>
      <c r="C126" s="1069"/>
      <c r="D126" s="1069"/>
      <c r="E126" s="247" t="s">
        <v>31479</v>
      </c>
    </row>
    <row r="127" spans="2:5" s="50" customFormat="1" ht="25.5">
      <c r="B127" s="247" t="s">
        <v>31480</v>
      </c>
      <c r="C127" s="1069"/>
      <c r="D127" s="1069"/>
      <c r="E127" s="247" t="s">
        <v>31481</v>
      </c>
    </row>
    <row r="128" spans="2:5" s="50" customFormat="1" ht="13.5">
      <c r="B128" s="247" t="s">
        <v>33642</v>
      </c>
      <c r="C128" s="1069"/>
      <c r="D128" s="1069"/>
      <c r="E128" s="247" t="s">
        <v>31482</v>
      </c>
    </row>
    <row r="129" spans="2:5" s="50" customFormat="1" ht="38.25">
      <c r="B129" s="247" t="s">
        <v>33643</v>
      </c>
      <c r="C129" s="1069"/>
      <c r="D129" s="1069"/>
      <c r="E129" s="247" t="s">
        <v>31483</v>
      </c>
    </row>
    <row r="130" spans="2:5" s="50" customFormat="1" ht="38.25">
      <c r="B130" s="247" t="s">
        <v>31484</v>
      </c>
      <c r="C130" s="1069"/>
      <c r="D130" s="1069"/>
      <c r="E130" s="247" t="s">
        <v>31485</v>
      </c>
    </row>
    <row r="131" spans="2:5" s="50" customFormat="1" ht="51">
      <c r="B131" s="247" t="s">
        <v>31486</v>
      </c>
      <c r="C131" s="1069"/>
      <c r="D131" s="1069"/>
      <c r="E131" s="247" t="s">
        <v>31487</v>
      </c>
    </row>
    <row r="132" spans="2:5" s="50" customFormat="1" ht="38.25">
      <c r="B132" s="247" t="s">
        <v>31488</v>
      </c>
      <c r="C132" s="1069"/>
      <c r="D132" s="1069"/>
      <c r="E132" s="247" t="s">
        <v>31489</v>
      </c>
    </row>
    <row r="133" spans="2:5" s="50" customFormat="1" ht="13.5">
      <c r="B133" s="138"/>
      <c r="C133" s="1069"/>
      <c r="D133" s="1069"/>
      <c r="E133" s="247" t="s">
        <v>31490</v>
      </c>
    </row>
    <row r="134" spans="2:5" s="50" customFormat="1" ht="25.5">
      <c r="B134" s="138"/>
      <c r="C134" s="1069"/>
      <c r="D134" s="1069"/>
      <c r="E134" s="247" t="s">
        <v>31491</v>
      </c>
    </row>
    <row r="135" spans="2:5" s="50" customFormat="1" ht="13.5">
      <c r="B135" s="138"/>
      <c r="C135" s="1069"/>
      <c r="D135" s="1069"/>
      <c r="E135" s="247" t="s">
        <v>31492</v>
      </c>
    </row>
    <row r="136" spans="2:5" s="50" customFormat="1" ht="76.5">
      <c r="B136" s="138"/>
      <c r="C136" s="1069"/>
      <c r="D136" s="1069"/>
      <c r="E136" s="247" t="s">
        <v>31493</v>
      </c>
    </row>
    <row r="137" spans="2:5" s="50" customFormat="1" ht="38.25">
      <c r="B137" s="138"/>
      <c r="C137" s="1069"/>
      <c r="D137" s="1069"/>
      <c r="E137" s="247" t="s">
        <v>31494</v>
      </c>
    </row>
    <row r="138" spans="2:5" s="50" customFormat="1" ht="38.25">
      <c r="B138" s="138"/>
      <c r="C138" s="1069"/>
      <c r="D138" s="1069"/>
      <c r="E138" s="247" t="s">
        <v>31495</v>
      </c>
    </row>
    <row r="139" spans="2:5" s="50" customFormat="1" ht="51">
      <c r="B139" s="138"/>
      <c r="C139" s="1069"/>
      <c r="D139" s="1069"/>
      <c r="E139" s="247" t="s">
        <v>31496</v>
      </c>
    </row>
    <row r="140" spans="2:5" s="50" customFormat="1" ht="38.25">
      <c r="B140" s="138"/>
      <c r="C140" s="1069"/>
      <c r="D140" s="1069"/>
      <c r="E140" s="247" t="s">
        <v>31497</v>
      </c>
    </row>
    <row r="141" spans="2:5" s="50" customFormat="1" ht="63.75">
      <c r="B141" s="138"/>
      <c r="C141" s="1069"/>
      <c r="D141" s="1069"/>
      <c r="E141" s="247" t="s">
        <v>31498</v>
      </c>
    </row>
    <row r="142" spans="2:5" s="50" customFormat="1" ht="51">
      <c r="B142" s="138"/>
      <c r="C142" s="1069"/>
      <c r="D142" s="1069"/>
      <c r="E142" s="247" t="s">
        <v>31499</v>
      </c>
    </row>
    <row r="143" spans="2:5" s="50" customFormat="1" ht="51">
      <c r="B143" s="138"/>
      <c r="C143" s="1069"/>
      <c r="D143" s="1069"/>
      <c r="E143" s="247" t="s">
        <v>33644</v>
      </c>
    </row>
    <row r="144" spans="2:5" s="50" customFormat="1" ht="27">
      <c r="B144" s="138"/>
      <c r="C144" s="1069"/>
      <c r="D144" s="1069"/>
      <c r="E144" s="248" t="s">
        <v>33645</v>
      </c>
    </row>
    <row r="145" spans="2:5" s="50" customFormat="1" ht="13.5">
      <c r="B145" s="138"/>
      <c r="C145" s="1069"/>
      <c r="D145" s="1069"/>
      <c r="E145" s="247" t="s">
        <v>31500</v>
      </c>
    </row>
    <row r="146" spans="2:5" s="50" customFormat="1" ht="13.5">
      <c r="B146" s="138"/>
      <c r="C146" s="1069"/>
      <c r="D146" s="1069"/>
      <c r="E146" s="247" t="s">
        <v>33646</v>
      </c>
    </row>
    <row r="147" spans="2:5" s="50" customFormat="1" ht="89.25">
      <c r="B147" s="137"/>
      <c r="C147" s="1070"/>
      <c r="D147" s="1070"/>
      <c r="E147" s="248" t="s">
        <v>33647</v>
      </c>
    </row>
    <row r="148" spans="2:5" s="50" customFormat="1" ht="13.5">
      <c r="B148" s="1018" t="s">
        <v>31501</v>
      </c>
      <c r="C148" s="1019"/>
      <c r="D148" s="1019"/>
      <c r="E148" s="1020"/>
    </row>
    <row r="149" spans="2:5" s="50" customFormat="1" ht="13.5">
      <c r="B149" s="245" t="s">
        <v>31150</v>
      </c>
      <c r="C149" s="245" t="s">
        <v>18266</v>
      </c>
      <c r="D149" s="245" t="s">
        <v>18265</v>
      </c>
      <c r="E149" s="245" t="s">
        <v>31151</v>
      </c>
    </row>
    <row r="150" spans="2:5" s="50" customFormat="1" ht="13.5">
      <c r="B150" s="1018" t="s">
        <v>14342</v>
      </c>
      <c r="C150" s="1019"/>
      <c r="D150" s="1019"/>
      <c r="E150" s="1020"/>
    </row>
    <row r="151" spans="2:5" s="50" customFormat="1" ht="13.5">
      <c r="B151" s="1065" t="s">
        <v>31957</v>
      </c>
      <c r="C151" s="1066"/>
      <c r="D151" s="1066"/>
      <c r="E151" s="1067"/>
    </row>
    <row r="152" spans="2:5" s="50" customFormat="1" ht="25.5" customHeight="1">
      <c r="B152" s="1052" t="s">
        <v>31935</v>
      </c>
      <c r="C152" s="1053"/>
      <c r="D152" s="1053"/>
      <c r="E152" s="1054"/>
    </row>
    <row r="153" spans="2:5" s="50" customFormat="1" ht="13.5">
      <c r="B153" s="1062" t="s">
        <v>33648</v>
      </c>
      <c r="C153" s="1063"/>
      <c r="D153" s="1063"/>
      <c r="E153" s="1064"/>
    </row>
    <row r="154" spans="2:5" s="50" customFormat="1" ht="38.25" customHeight="1">
      <c r="B154" s="1052" t="s">
        <v>33649</v>
      </c>
      <c r="C154" s="1053"/>
      <c r="D154" s="1053"/>
      <c r="E154" s="1054"/>
    </row>
    <row r="155" spans="2:5" s="50" customFormat="1" ht="13.5">
      <c r="B155" s="1062" t="s">
        <v>33650</v>
      </c>
      <c r="C155" s="1063"/>
      <c r="D155" s="1063"/>
      <c r="E155" s="1064"/>
    </row>
    <row r="156" spans="2:5" s="50" customFormat="1" ht="38.25" customHeight="1">
      <c r="B156" s="1052" t="s">
        <v>33651</v>
      </c>
      <c r="C156" s="1053"/>
      <c r="D156" s="1053"/>
      <c r="E156" s="1054"/>
    </row>
    <row r="157" spans="2:5" s="50" customFormat="1" ht="13.5">
      <c r="B157" s="1062" t="s">
        <v>33652</v>
      </c>
      <c r="C157" s="1063"/>
      <c r="D157" s="1063"/>
      <c r="E157" s="1064"/>
    </row>
    <row r="158" spans="2:5" s="50" customFormat="1" ht="25.5" customHeight="1">
      <c r="B158" s="1052" t="s">
        <v>33653</v>
      </c>
      <c r="C158" s="1053"/>
      <c r="D158" s="1053"/>
      <c r="E158" s="1054"/>
    </row>
    <row r="159" spans="2:5" s="50" customFormat="1" ht="13.5">
      <c r="B159" s="1062" t="s">
        <v>33654</v>
      </c>
      <c r="C159" s="1063"/>
      <c r="D159" s="1063"/>
      <c r="E159" s="1064"/>
    </row>
    <row r="160" spans="2:5" s="50" customFormat="1" ht="25.5" customHeight="1">
      <c r="B160" s="1052" t="s">
        <v>33655</v>
      </c>
      <c r="C160" s="1053"/>
      <c r="D160" s="1053"/>
      <c r="E160" s="1054"/>
    </row>
    <row r="161" spans="2:5" s="50" customFormat="1" ht="13.5">
      <c r="B161" s="1062" t="s">
        <v>33656</v>
      </c>
      <c r="C161" s="1063"/>
      <c r="D161" s="1063"/>
      <c r="E161" s="1064"/>
    </row>
    <row r="162" spans="2:5" s="50" customFormat="1" ht="13.5">
      <c r="B162" s="1052" t="s">
        <v>33657</v>
      </c>
      <c r="C162" s="1053"/>
      <c r="D162" s="1053"/>
      <c r="E162" s="1054"/>
    </row>
    <row r="163" spans="2:5" s="50" customFormat="1" ht="13.5">
      <c r="B163" s="1062" t="s">
        <v>33658</v>
      </c>
      <c r="C163" s="1063"/>
      <c r="D163" s="1063"/>
      <c r="E163" s="1064"/>
    </row>
    <row r="164" spans="2:5" s="50" customFormat="1" ht="25.5" customHeight="1">
      <c r="B164" s="1052" t="s">
        <v>33659</v>
      </c>
      <c r="C164" s="1053"/>
      <c r="D164" s="1053"/>
      <c r="E164" s="1054"/>
    </row>
    <row r="165" spans="2:5" s="50" customFormat="1" ht="13.5">
      <c r="B165" s="1055" t="s">
        <v>33660</v>
      </c>
      <c r="C165" s="1056"/>
      <c r="D165" s="1056"/>
      <c r="E165" s="1057"/>
    </row>
    <row r="166" spans="2:5" s="50" customFormat="1" ht="25.5" customHeight="1">
      <c r="B166" s="1052" t="s">
        <v>33661</v>
      </c>
      <c r="C166" s="1053"/>
      <c r="D166" s="1053"/>
      <c r="E166" s="1054"/>
    </row>
    <row r="167" spans="2:5" s="50" customFormat="1" ht="13.5">
      <c r="B167" s="1058" t="s">
        <v>31505</v>
      </c>
      <c r="C167" s="1059"/>
      <c r="D167" s="1059"/>
      <c r="E167" s="1060"/>
    </row>
    <row r="168" spans="2:5" s="50" customFormat="1" ht="13.5">
      <c r="B168" s="256"/>
      <c r="C168" s="256"/>
      <c r="D168" s="256"/>
      <c r="E168" s="256"/>
    </row>
    <row r="169" spans="2:5" s="50" customFormat="1" ht="15.75">
      <c r="B169" s="301" t="s">
        <v>26951</v>
      </c>
    </row>
    <row r="170" spans="2:5" s="50" customFormat="1" ht="15.75">
      <c r="B170" s="302" t="s">
        <v>31502</v>
      </c>
    </row>
    <row r="171" spans="2:5" s="50" customFormat="1" ht="15">
      <c r="B171" s="303"/>
    </row>
    <row r="172" spans="2:5" s="50" customFormat="1" ht="15">
      <c r="B172" s="303"/>
    </row>
    <row r="173" spans="2:5" s="50" customFormat="1" ht="25.5">
      <c r="B173" s="244" t="s">
        <v>585</v>
      </c>
      <c r="C173" s="244" t="s">
        <v>8349</v>
      </c>
      <c r="D173" s="244" t="s">
        <v>8</v>
      </c>
      <c r="E173" s="244" t="s">
        <v>8350</v>
      </c>
    </row>
    <row r="174" spans="2:5" s="50" customFormat="1" ht="13.5">
      <c r="B174" s="245"/>
      <c r="C174" s="245"/>
      <c r="D174" s="245"/>
      <c r="E174" s="245"/>
    </row>
    <row r="175" spans="2:5" s="50" customFormat="1" ht="13.5"/>
    <row r="176" spans="2:5" s="50" customFormat="1" ht="13.5"/>
    <row r="177" spans="2:5" s="50" customFormat="1" ht="13.5"/>
    <row r="178" spans="2:5" s="50" customFormat="1" ht="15.75">
      <c r="B178" s="300" t="s">
        <v>67</v>
      </c>
    </row>
    <row r="179" spans="2:5" s="50" customFormat="1" ht="15.75">
      <c r="B179" s="302" t="s">
        <v>33662</v>
      </c>
    </row>
    <row r="180" spans="2:5" s="50" customFormat="1" ht="15">
      <c r="B180" s="308" t="s">
        <v>31882</v>
      </c>
    </row>
    <row r="181" spans="2:5" s="50" customFormat="1" ht="15">
      <c r="B181" s="309" t="s">
        <v>33663</v>
      </c>
    </row>
    <row r="182" spans="2:5" s="50" customFormat="1" ht="15">
      <c r="B182" s="303"/>
    </row>
    <row r="183" spans="2:5" s="50" customFormat="1" ht="15">
      <c r="B183" s="303"/>
    </row>
    <row r="184" spans="2:5" s="50" customFormat="1" ht="13.5">
      <c r="B184" s="244" t="s">
        <v>585</v>
      </c>
      <c r="C184" s="244" t="s">
        <v>8349</v>
      </c>
      <c r="D184" s="244" t="s">
        <v>8</v>
      </c>
      <c r="E184" s="244" t="s">
        <v>8514</v>
      </c>
    </row>
    <row r="185" spans="2:5" s="50" customFormat="1" ht="13.5">
      <c r="B185" s="245"/>
      <c r="C185" s="245"/>
      <c r="D185" s="245"/>
      <c r="E185" s="245"/>
    </row>
    <row r="186" spans="2:5" s="50" customFormat="1" ht="13.5">
      <c r="B186" s="310"/>
      <c r="C186" s="310"/>
      <c r="D186" s="310"/>
      <c r="E186" s="310"/>
    </row>
    <row r="187" spans="2:5" s="50" customFormat="1" ht="15">
      <c r="B187" s="308" t="s">
        <v>26951</v>
      </c>
    </row>
    <row r="188" spans="2:5" s="50" customFormat="1" ht="15">
      <c r="B188" s="309" t="s">
        <v>31502</v>
      </c>
    </row>
    <row r="189" spans="2:5" s="50" customFormat="1" ht="15">
      <c r="B189" s="303"/>
    </row>
    <row r="190" spans="2:5" s="50" customFormat="1" ht="15">
      <c r="B190" s="303"/>
    </row>
    <row r="191" spans="2:5" s="50" customFormat="1" ht="13.5">
      <c r="B191" s="244" t="s">
        <v>585</v>
      </c>
      <c r="C191" s="244" t="s">
        <v>8349</v>
      </c>
      <c r="D191" s="244" t="s">
        <v>8</v>
      </c>
      <c r="E191" s="244" t="s">
        <v>8514</v>
      </c>
    </row>
    <row r="192" spans="2:5" s="50" customFormat="1" ht="13.5">
      <c r="B192" s="245"/>
      <c r="C192" s="245"/>
      <c r="D192" s="245"/>
      <c r="E192" s="245"/>
    </row>
    <row r="193" s="50" customFormat="1" ht="13.5"/>
  </sheetData>
  <mergeCells count="57">
    <mergeCell ref="C40:C44"/>
    <mergeCell ref="D40:D44"/>
    <mergeCell ref="C45:C49"/>
    <mergeCell ref="A1:E1"/>
    <mergeCell ref="B2:E2"/>
    <mergeCell ref="B3:E3"/>
    <mergeCell ref="B4:E4"/>
    <mergeCell ref="C34:C39"/>
    <mergeCell ref="D34:D39"/>
    <mergeCell ref="D45:D49"/>
    <mergeCell ref="C50:C54"/>
    <mergeCell ref="D50:D54"/>
    <mergeCell ref="B55:B72"/>
    <mergeCell ref="C55:C72"/>
    <mergeCell ref="D55:D72"/>
    <mergeCell ref="B87:B90"/>
    <mergeCell ref="E87:E90"/>
    <mergeCell ref="B94:B96"/>
    <mergeCell ref="D94:D96"/>
    <mergeCell ref="B101:B102"/>
    <mergeCell ref="C101:C102"/>
    <mergeCell ref="D101:D102"/>
    <mergeCell ref="B111:B112"/>
    <mergeCell ref="C111:C112"/>
    <mergeCell ref="D111:D112"/>
    <mergeCell ref="B114:B115"/>
    <mergeCell ref="C114:C115"/>
    <mergeCell ref="D114:D115"/>
    <mergeCell ref="B116:B120"/>
    <mergeCell ref="C116:C120"/>
    <mergeCell ref="D116:D120"/>
    <mergeCell ref="B121:E121"/>
    <mergeCell ref="C122:C147"/>
    <mergeCell ref="D122:D147"/>
    <mergeCell ref="B157:E157"/>
    <mergeCell ref="B158:E158"/>
    <mergeCell ref="B148:E148"/>
    <mergeCell ref="B150:E150"/>
    <mergeCell ref="B151:E151"/>
    <mergeCell ref="B152:E152"/>
    <mergeCell ref="B153:E153"/>
    <mergeCell ref="B164:E164"/>
    <mergeCell ref="B165:E165"/>
    <mergeCell ref="B166:E166"/>
    <mergeCell ref="B167:E167"/>
    <mergeCell ref="B6:E6"/>
    <mergeCell ref="B9:E9"/>
    <mergeCell ref="B8:E8"/>
    <mergeCell ref="B7:E7"/>
    <mergeCell ref="B159:E159"/>
    <mergeCell ref="B160:E160"/>
    <mergeCell ref="B161:E161"/>
    <mergeCell ref="B162:E162"/>
    <mergeCell ref="B163:E163"/>
    <mergeCell ref="B154:E154"/>
    <mergeCell ref="B155:E155"/>
    <mergeCell ref="B156:E156"/>
  </mergeCells>
  <phoneticPr fontId="4"/>
  <hyperlinks>
    <hyperlink ref="B4" r:id="rId1"/>
  </hyperlinks>
  <pageMargins left="0.70866141732283472" right="0.70866141732283472" top="0.74803149606299213" bottom="0.74803149606299213" header="0.31496062992125984" footer="0.31496062992125984"/>
  <pageSetup paperSize="9" scale="80" orientation="portrait"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698"/>
  <sheetViews>
    <sheetView showGridLines="0" workbookViewId="0">
      <selection activeCell="G7" sqref="G7"/>
    </sheetView>
  </sheetViews>
  <sheetFormatPr defaultColWidth="9" defaultRowHeight="14.25"/>
  <cols>
    <col min="1" max="1" width="7.75" style="287" customWidth="1"/>
    <col min="2" max="2" width="9" style="287"/>
    <col min="3" max="3" width="40" style="287" customWidth="1"/>
    <col min="4" max="6" width="12.875" style="287" customWidth="1"/>
    <col min="7" max="7" width="69.75" style="287" customWidth="1"/>
    <col min="8" max="8" width="12.875" style="287" customWidth="1"/>
    <col min="9" max="16384" width="9" style="287"/>
  </cols>
  <sheetData>
    <row r="1" spans="1:8" s="324" customFormat="1" ht="36.75" customHeight="1" thickBot="1">
      <c r="A1" s="1116" t="s">
        <v>28458</v>
      </c>
      <c r="B1" s="1117"/>
      <c r="C1" s="1117"/>
      <c r="D1" s="1117"/>
      <c r="E1" s="1117"/>
      <c r="F1" s="1118"/>
      <c r="G1" s="1118"/>
      <c r="H1" s="1119"/>
    </row>
    <row r="2" spans="1:8" ht="100.5" customHeight="1" thickBot="1">
      <c r="A2" s="325" t="s">
        <v>13352</v>
      </c>
      <c r="B2" s="1120" t="s">
        <v>37379</v>
      </c>
      <c r="C2" s="1121"/>
      <c r="D2" s="1121"/>
      <c r="E2" s="1121"/>
      <c r="F2" s="1121"/>
      <c r="G2" s="1121"/>
      <c r="H2" s="1122"/>
    </row>
    <row r="3" spans="1:8" ht="45" customHeight="1" thickBot="1">
      <c r="A3" s="69" t="s">
        <v>13388</v>
      </c>
      <c r="B3" s="1123" t="s">
        <v>36140</v>
      </c>
      <c r="C3" s="1124"/>
      <c r="D3" s="1124"/>
      <c r="E3" s="1124"/>
      <c r="F3" s="1124"/>
      <c r="G3" s="1124"/>
      <c r="H3" s="1125"/>
    </row>
    <row r="4" spans="1:8" ht="20.100000000000001" customHeight="1">
      <c r="A4" s="1282" t="s">
        <v>13310</v>
      </c>
      <c r="B4" s="1276" t="s">
        <v>37469</v>
      </c>
      <c r="C4" s="1277"/>
      <c r="D4" s="1277"/>
      <c r="E4" s="1277"/>
      <c r="F4" s="1277"/>
      <c r="G4" s="1277"/>
      <c r="H4" s="1278"/>
    </row>
    <row r="5" spans="1:8" ht="20.100000000000001" customHeight="1" thickBot="1">
      <c r="A5" s="1283"/>
      <c r="B5" s="1279" t="s">
        <v>37470</v>
      </c>
      <c r="C5" s="1280"/>
      <c r="D5" s="1280"/>
      <c r="E5" s="1280"/>
      <c r="F5" s="1280"/>
      <c r="G5" s="1280"/>
      <c r="H5" s="1281"/>
    </row>
    <row r="6" spans="1:8" ht="15.75">
      <c r="C6" s="326"/>
    </row>
    <row r="7" spans="1:8" ht="24">
      <c r="C7" s="327" t="s">
        <v>31654</v>
      </c>
    </row>
    <row r="8" spans="1:8" ht="15.75">
      <c r="C8" s="328" t="s">
        <v>13328</v>
      </c>
    </row>
    <row r="9" spans="1:8" ht="15.75">
      <c r="C9" s="329" t="s">
        <v>68</v>
      </c>
    </row>
    <row r="10" spans="1:8" ht="15.75">
      <c r="C10" s="330"/>
    </row>
    <row r="11" spans="1:8" ht="41.25" customHeight="1">
      <c r="C11" s="1114" t="s">
        <v>37380</v>
      </c>
      <c r="D11" s="1114"/>
      <c r="E11" s="1114"/>
      <c r="F11" s="1114"/>
      <c r="G11" s="1114"/>
    </row>
    <row r="12" spans="1:8" ht="41.25" customHeight="1">
      <c r="C12" s="1114" t="s">
        <v>33712</v>
      </c>
      <c r="D12" s="1114"/>
      <c r="E12" s="1114"/>
      <c r="F12" s="1114"/>
      <c r="G12" s="1114"/>
    </row>
    <row r="13" spans="1:8" ht="54" customHeight="1">
      <c r="C13" s="1115" t="s">
        <v>37381</v>
      </c>
      <c r="D13" s="1115"/>
      <c r="E13" s="1115"/>
      <c r="F13" s="1115"/>
      <c r="G13" s="1115"/>
    </row>
    <row r="14" spans="1:8" ht="15.75">
      <c r="C14" s="328"/>
    </row>
    <row r="15" spans="1:8" ht="15.75">
      <c r="C15" s="328"/>
    </row>
    <row r="16" spans="1:8" ht="15.75">
      <c r="C16" s="967" t="s">
        <v>37374</v>
      </c>
    </row>
    <row r="17" spans="3:14" s="966" customFormat="1" ht="15">
      <c r="C17" s="972" t="s">
        <v>36143</v>
      </c>
      <c r="D17" s="972" t="s">
        <v>36144</v>
      </c>
      <c r="E17" s="972" t="s">
        <v>36145</v>
      </c>
      <c r="F17" s="972" t="s">
        <v>36146</v>
      </c>
      <c r="G17" s="972" t="s">
        <v>36147</v>
      </c>
      <c r="H17" s="972" t="s">
        <v>36148</v>
      </c>
      <c r="I17" s="972" t="s">
        <v>69</v>
      </c>
      <c r="J17" s="972" t="s">
        <v>36149</v>
      </c>
      <c r="K17" s="972" t="s">
        <v>36150</v>
      </c>
      <c r="L17" s="972" t="s">
        <v>36151</v>
      </c>
      <c r="M17" s="972" t="s">
        <v>36152</v>
      </c>
      <c r="N17" s="973"/>
    </row>
    <row r="18" spans="3:14" s="966" customFormat="1" ht="15">
      <c r="C18" s="972" t="s">
        <v>36141</v>
      </c>
      <c r="D18" s="974" t="s">
        <v>0</v>
      </c>
      <c r="E18" s="974" t="s">
        <v>77</v>
      </c>
      <c r="F18" s="974" t="s">
        <v>77</v>
      </c>
      <c r="G18" s="974" t="s">
        <v>37382</v>
      </c>
      <c r="H18" s="974" t="s">
        <v>36142</v>
      </c>
      <c r="I18" s="974" t="s">
        <v>36153</v>
      </c>
      <c r="J18" s="974" t="s">
        <v>36154</v>
      </c>
      <c r="K18" s="974" t="s">
        <v>36155</v>
      </c>
      <c r="L18" s="974" t="s">
        <v>36156</v>
      </c>
      <c r="M18" s="974" t="s">
        <v>0</v>
      </c>
      <c r="N18" s="975"/>
    </row>
    <row r="19" spans="3:14" s="966" customFormat="1" ht="15">
      <c r="C19" s="972" t="s">
        <v>36157</v>
      </c>
      <c r="D19" s="974" t="s">
        <v>0</v>
      </c>
      <c r="E19" s="974" t="s">
        <v>36158</v>
      </c>
      <c r="F19" s="974" t="s">
        <v>28488</v>
      </c>
      <c r="G19" s="974" t="s">
        <v>37382</v>
      </c>
      <c r="H19" s="974" t="s">
        <v>36142</v>
      </c>
      <c r="I19" s="974" t="s">
        <v>36153</v>
      </c>
      <c r="J19" s="974" t="s">
        <v>36154</v>
      </c>
      <c r="K19" s="974" t="s">
        <v>36155</v>
      </c>
      <c r="L19" s="974" t="s">
        <v>36156</v>
      </c>
      <c r="M19" s="974" t="s">
        <v>0</v>
      </c>
      <c r="N19" s="975"/>
    </row>
    <row r="20" spans="3:14" s="966" customFormat="1" ht="15">
      <c r="C20" s="972" t="s">
        <v>28495</v>
      </c>
      <c r="D20" s="974" t="s">
        <v>0</v>
      </c>
      <c r="E20" s="974" t="s">
        <v>77</v>
      </c>
      <c r="F20" s="974" t="s">
        <v>28496</v>
      </c>
      <c r="G20" s="974" t="s">
        <v>37382</v>
      </c>
      <c r="H20" s="974" t="s">
        <v>36142</v>
      </c>
      <c r="I20" s="974" t="s">
        <v>36153</v>
      </c>
      <c r="J20" s="974" t="s">
        <v>36154</v>
      </c>
      <c r="K20" s="974" t="s">
        <v>36155</v>
      </c>
      <c r="L20" s="974" t="s">
        <v>36156</v>
      </c>
      <c r="M20" s="974" t="s">
        <v>0</v>
      </c>
      <c r="N20" s="975"/>
    </row>
    <row r="21" spans="3:14" s="966" customFormat="1" ht="15">
      <c r="C21" s="972" t="s">
        <v>36159</v>
      </c>
      <c r="D21" s="974" t="s">
        <v>0</v>
      </c>
      <c r="E21" s="974" t="s">
        <v>77</v>
      </c>
      <c r="F21" s="974" t="s">
        <v>28494</v>
      </c>
      <c r="G21" s="974" t="s">
        <v>37382</v>
      </c>
      <c r="H21" s="974" t="s">
        <v>36142</v>
      </c>
      <c r="I21" s="974" t="s">
        <v>36153</v>
      </c>
      <c r="J21" s="974" t="s">
        <v>36154</v>
      </c>
      <c r="K21" s="974" t="s">
        <v>36155</v>
      </c>
      <c r="L21" s="974" t="s">
        <v>36156</v>
      </c>
      <c r="M21" s="974" t="s">
        <v>0</v>
      </c>
      <c r="N21" s="975"/>
    </row>
    <row r="22" spans="3:14" s="966" customFormat="1" ht="15">
      <c r="C22" s="972" t="s">
        <v>36160</v>
      </c>
      <c r="D22" s="974" t="s">
        <v>0</v>
      </c>
      <c r="E22" s="974" t="s">
        <v>77</v>
      </c>
      <c r="F22" s="974" t="s">
        <v>36161</v>
      </c>
      <c r="G22" s="974" t="s">
        <v>37382</v>
      </c>
      <c r="H22" s="974" t="s">
        <v>36142</v>
      </c>
      <c r="I22" s="974" t="s">
        <v>36153</v>
      </c>
      <c r="J22" s="974" t="s">
        <v>36154</v>
      </c>
      <c r="K22" s="974" t="s">
        <v>36155</v>
      </c>
      <c r="L22" s="974" t="s">
        <v>36156</v>
      </c>
      <c r="M22" s="974" t="s">
        <v>0</v>
      </c>
      <c r="N22" s="975"/>
    </row>
    <row r="23" spans="3:14" s="966" customFormat="1" ht="15">
      <c r="C23" s="972" t="s">
        <v>36162</v>
      </c>
      <c r="D23" s="974" t="s">
        <v>0</v>
      </c>
      <c r="E23" s="974" t="s">
        <v>77</v>
      </c>
      <c r="F23" s="974" t="s">
        <v>36163</v>
      </c>
      <c r="G23" s="974" t="s">
        <v>37382</v>
      </c>
      <c r="H23" s="974" t="s">
        <v>36142</v>
      </c>
      <c r="I23" s="974" t="s">
        <v>36153</v>
      </c>
      <c r="J23" s="974" t="s">
        <v>36154</v>
      </c>
      <c r="K23" s="974" t="s">
        <v>36155</v>
      </c>
      <c r="L23" s="974" t="s">
        <v>36156</v>
      </c>
      <c r="M23" s="974" t="s">
        <v>0</v>
      </c>
      <c r="N23" s="975"/>
    </row>
    <row r="24" spans="3:14" s="966" customFormat="1" ht="15">
      <c r="C24" s="972" t="s">
        <v>36164</v>
      </c>
      <c r="D24" s="974" t="s">
        <v>0</v>
      </c>
      <c r="E24" s="974" t="s">
        <v>77</v>
      </c>
      <c r="F24" s="974" t="s">
        <v>36165</v>
      </c>
      <c r="G24" s="974" t="s">
        <v>37382</v>
      </c>
      <c r="H24" s="974" t="s">
        <v>36142</v>
      </c>
      <c r="I24" s="974" t="s">
        <v>36153</v>
      </c>
      <c r="J24" s="974" t="s">
        <v>36154</v>
      </c>
      <c r="K24" s="974" t="s">
        <v>36155</v>
      </c>
      <c r="L24" s="974" t="s">
        <v>36156</v>
      </c>
      <c r="M24" s="974" t="s">
        <v>0</v>
      </c>
      <c r="N24" s="975"/>
    </row>
    <row r="25" spans="3:14" s="966" customFormat="1" ht="15">
      <c r="C25" s="972" t="s">
        <v>35427</v>
      </c>
      <c r="D25" s="974" t="s">
        <v>0</v>
      </c>
      <c r="E25" s="974" t="s">
        <v>77</v>
      </c>
      <c r="F25" s="974" t="s">
        <v>77</v>
      </c>
      <c r="G25" s="974" t="s">
        <v>74</v>
      </c>
      <c r="H25" s="974" t="s">
        <v>36142</v>
      </c>
      <c r="I25" s="974" t="s">
        <v>36166</v>
      </c>
      <c r="J25" s="974" t="s">
        <v>36167</v>
      </c>
      <c r="K25" s="974" t="s">
        <v>36168</v>
      </c>
      <c r="L25" s="974" t="s">
        <v>36169</v>
      </c>
      <c r="M25" s="974" t="s">
        <v>0</v>
      </c>
      <c r="N25" s="975"/>
    </row>
    <row r="26" spans="3:14" s="966" customFormat="1" ht="15">
      <c r="C26" s="972" t="s">
        <v>35446</v>
      </c>
      <c r="D26" s="974" t="s">
        <v>0</v>
      </c>
      <c r="E26" s="974" t="s">
        <v>77</v>
      </c>
      <c r="F26" s="974" t="s">
        <v>35447</v>
      </c>
      <c r="G26" s="974" t="s">
        <v>74</v>
      </c>
      <c r="H26" s="974" t="s">
        <v>36142</v>
      </c>
      <c r="I26" s="974" t="s">
        <v>36166</v>
      </c>
      <c r="J26" s="974" t="s">
        <v>36167</v>
      </c>
      <c r="K26" s="974" t="s">
        <v>36168</v>
      </c>
      <c r="L26" s="974" t="s">
        <v>36169</v>
      </c>
      <c r="M26" s="974" t="s">
        <v>0</v>
      </c>
      <c r="N26" s="975"/>
    </row>
    <row r="27" spans="3:14" s="966" customFormat="1" ht="15">
      <c r="C27" s="972" t="s">
        <v>35449</v>
      </c>
      <c r="D27" s="974" t="s">
        <v>0</v>
      </c>
      <c r="E27" s="974" t="s">
        <v>77</v>
      </c>
      <c r="F27" s="974" t="s">
        <v>35450</v>
      </c>
      <c r="G27" s="974" t="s">
        <v>74</v>
      </c>
      <c r="H27" s="974" t="s">
        <v>36142</v>
      </c>
      <c r="I27" s="974" t="s">
        <v>36166</v>
      </c>
      <c r="J27" s="974" t="s">
        <v>36167</v>
      </c>
      <c r="K27" s="974" t="s">
        <v>36168</v>
      </c>
      <c r="L27" s="974" t="s">
        <v>36169</v>
      </c>
      <c r="M27" s="974" t="s">
        <v>0</v>
      </c>
      <c r="N27" s="975"/>
    </row>
    <row r="28" spans="3:14" s="966" customFormat="1" ht="15">
      <c r="C28" s="972" t="s">
        <v>35452</v>
      </c>
      <c r="D28" s="974" t="s">
        <v>0</v>
      </c>
      <c r="E28" s="974" t="s">
        <v>36170</v>
      </c>
      <c r="F28" s="974" t="s">
        <v>35453</v>
      </c>
      <c r="G28" s="974" t="s">
        <v>74</v>
      </c>
      <c r="H28" s="974" t="s">
        <v>36142</v>
      </c>
      <c r="I28" s="974" t="s">
        <v>36166</v>
      </c>
      <c r="J28" s="974" t="s">
        <v>36167</v>
      </c>
      <c r="K28" s="974" t="s">
        <v>36168</v>
      </c>
      <c r="L28" s="974" t="s">
        <v>36169</v>
      </c>
      <c r="M28" s="974" t="s">
        <v>0</v>
      </c>
      <c r="N28" s="975"/>
    </row>
    <row r="29" spans="3:14" s="966" customFormat="1" ht="15">
      <c r="C29" s="972" t="s">
        <v>35455</v>
      </c>
      <c r="D29" s="974" t="s">
        <v>0</v>
      </c>
      <c r="E29" s="974" t="s">
        <v>36171</v>
      </c>
      <c r="F29" s="974" t="s">
        <v>35456</v>
      </c>
      <c r="G29" s="974" t="s">
        <v>74</v>
      </c>
      <c r="H29" s="974" t="s">
        <v>36142</v>
      </c>
      <c r="I29" s="974" t="s">
        <v>36166</v>
      </c>
      <c r="J29" s="974" t="s">
        <v>36167</v>
      </c>
      <c r="K29" s="974" t="s">
        <v>36168</v>
      </c>
      <c r="L29" s="974" t="s">
        <v>36169</v>
      </c>
      <c r="M29" s="974" t="s">
        <v>0</v>
      </c>
      <c r="N29" s="975"/>
    </row>
    <row r="30" spans="3:14" s="966" customFormat="1" ht="15">
      <c r="C30" s="972" t="s">
        <v>35458</v>
      </c>
      <c r="D30" s="974" t="s">
        <v>0</v>
      </c>
      <c r="E30" s="974" t="s">
        <v>36172</v>
      </c>
      <c r="F30" s="974" t="s">
        <v>35459</v>
      </c>
      <c r="G30" s="974" t="s">
        <v>74</v>
      </c>
      <c r="H30" s="974" t="s">
        <v>36142</v>
      </c>
      <c r="I30" s="974" t="s">
        <v>36166</v>
      </c>
      <c r="J30" s="974" t="s">
        <v>36167</v>
      </c>
      <c r="K30" s="974" t="s">
        <v>36168</v>
      </c>
      <c r="L30" s="974" t="s">
        <v>36169</v>
      </c>
      <c r="M30" s="974" t="s">
        <v>0</v>
      </c>
      <c r="N30" s="975"/>
    </row>
    <row r="31" spans="3:14" s="966" customFormat="1" ht="15">
      <c r="C31" s="972" t="s">
        <v>35461</v>
      </c>
      <c r="D31" s="974" t="s">
        <v>0</v>
      </c>
      <c r="E31" s="974" t="s">
        <v>77</v>
      </c>
      <c r="F31" s="974" t="s">
        <v>35462</v>
      </c>
      <c r="G31" s="974" t="s">
        <v>74</v>
      </c>
      <c r="H31" s="974" t="s">
        <v>36142</v>
      </c>
      <c r="I31" s="974" t="s">
        <v>36166</v>
      </c>
      <c r="J31" s="974" t="s">
        <v>36167</v>
      </c>
      <c r="K31" s="974" t="s">
        <v>36168</v>
      </c>
      <c r="L31" s="974" t="s">
        <v>36169</v>
      </c>
      <c r="M31" s="974" t="s">
        <v>0</v>
      </c>
      <c r="N31" s="975"/>
    </row>
    <row r="32" spans="3:14" s="966" customFormat="1" ht="15">
      <c r="C32" s="972" t="s">
        <v>35422</v>
      </c>
      <c r="D32" s="974" t="s">
        <v>36173</v>
      </c>
      <c r="E32" s="974" t="s">
        <v>77</v>
      </c>
      <c r="F32" s="974" t="s">
        <v>77</v>
      </c>
      <c r="G32" s="974" t="s">
        <v>37383</v>
      </c>
      <c r="H32" s="974" t="s">
        <v>36142</v>
      </c>
      <c r="I32" s="974" t="s">
        <v>36174</v>
      </c>
      <c r="J32" s="974" t="s">
        <v>36175</v>
      </c>
      <c r="K32" s="974" t="s">
        <v>36176</v>
      </c>
      <c r="L32" s="974" t="s">
        <v>37384</v>
      </c>
      <c r="M32" s="974" t="s">
        <v>0</v>
      </c>
      <c r="N32" s="975"/>
    </row>
    <row r="33" spans="3:14" s="966" customFormat="1" ht="15">
      <c r="C33" s="972" t="s">
        <v>35440</v>
      </c>
      <c r="D33" s="974" t="s">
        <v>0</v>
      </c>
      <c r="E33" s="974" t="s">
        <v>77</v>
      </c>
      <c r="F33" s="974" t="s">
        <v>35441</v>
      </c>
      <c r="G33" s="974" t="s">
        <v>37383</v>
      </c>
      <c r="H33" s="974" t="s">
        <v>36142</v>
      </c>
      <c r="I33" s="974" t="s">
        <v>36174</v>
      </c>
      <c r="J33" s="974" t="s">
        <v>36175</v>
      </c>
      <c r="K33" s="974" t="s">
        <v>36176</v>
      </c>
      <c r="L33" s="974" t="s">
        <v>37384</v>
      </c>
      <c r="M33" s="974" t="s">
        <v>0</v>
      </c>
      <c r="N33" s="975"/>
    </row>
    <row r="34" spans="3:14" s="966" customFormat="1" ht="15">
      <c r="C34" s="972" t="s">
        <v>35431</v>
      </c>
      <c r="D34" s="974" t="s">
        <v>0</v>
      </c>
      <c r="E34" s="974" t="s">
        <v>18039</v>
      </c>
      <c r="F34" s="974" t="s">
        <v>2271</v>
      </c>
      <c r="G34" s="974" t="s">
        <v>37383</v>
      </c>
      <c r="H34" s="974" t="s">
        <v>36142</v>
      </c>
      <c r="I34" s="974" t="s">
        <v>36174</v>
      </c>
      <c r="J34" s="974" t="s">
        <v>36175</v>
      </c>
      <c r="K34" s="974" t="s">
        <v>36176</v>
      </c>
      <c r="L34" s="974" t="s">
        <v>37384</v>
      </c>
      <c r="M34" s="974" t="s">
        <v>0</v>
      </c>
      <c r="N34" s="975"/>
    </row>
    <row r="35" spans="3:14" s="966" customFormat="1" ht="15">
      <c r="C35" s="972" t="s">
        <v>35434</v>
      </c>
      <c r="D35" s="974" t="s">
        <v>0</v>
      </c>
      <c r="E35" s="974" t="s">
        <v>36177</v>
      </c>
      <c r="F35" s="974" t="s">
        <v>77</v>
      </c>
      <c r="G35" s="974" t="s">
        <v>37383</v>
      </c>
      <c r="H35" s="974" t="s">
        <v>36142</v>
      </c>
      <c r="I35" s="974" t="s">
        <v>36174</v>
      </c>
      <c r="J35" s="974" t="s">
        <v>36175</v>
      </c>
      <c r="K35" s="974" t="s">
        <v>36176</v>
      </c>
      <c r="L35" s="974" t="s">
        <v>37384</v>
      </c>
      <c r="M35" s="974" t="s">
        <v>0</v>
      </c>
      <c r="N35" s="975"/>
    </row>
    <row r="36" spans="3:14" s="966" customFormat="1" ht="15">
      <c r="C36" s="972" t="s">
        <v>35437</v>
      </c>
      <c r="D36" s="974" t="s">
        <v>0</v>
      </c>
      <c r="E36" s="974" t="s">
        <v>77</v>
      </c>
      <c r="F36" s="974" t="s">
        <v>35438</v>
      </c>
      <c r="G36" s="974" t="s">
        <v>37383</v>
      </c>
      <c r="H36" s="974" t="s">
        <v>36142</v>
      </c>
      <c r="I36" s="974" t="s">
        <v>36174</v>
      </c>
      <c r="J36" s="974" t="s">
        <v>36175</v>
      </c>
      <c r="K36" s="974" t="s">
        <v>36176</v>
      </c>
      <c r="L36" s="974" t="s">
        <v>37384</v>
      </c>
      <c r="M36" s="974" t="s">
        <v>0</v>
      </c>
      <c r="N36" s="975"/>
    </row>
    <row r="37" spans="3:14" s="966" customFormat="1" ht="15">
      <c r="C37" s="972" t="s">
        <v>36178</v>
      </c>
      <c r="D37" s="974" t="s">
        <v>0</v>
      </c>
      <c r="E37" s="974" t="s">
        <v>19221</v>
      </c>
      <c r="F37" s="974" t="s">
        <v>1806</v>
      </c>
      <c r="G37" s="974" t="s">
        <v>13396</v>
      </c>
      <c r="H37" s="974" t="s">
        <v>36142</v>
      </c>
      <c r="I37" s="974" t="s">
        <v>36179</v>
      </c>
      <c r="J37" s="974" t="s">
        <v>36180</v>
      </c>
      <c r="K37" s="974" t="s">
        <v>36181</v>
      </c>
      <c r="L37" s="974" t="s">
        <v>36182</v>
      </c>
      <c r="M37" s="974" t="s">
        <v>0</v>
      </c>
      <c r="N37" s="975"/>
    </row>
    <row r="38" spans="3:14" s="966" customFormat="1" ht="15">
      <c r="C38" s="972" t="s">
        <v>35418</v>
      </c>
      <c r="D38" s="974" t="s">
        <v>0</v>
      </c>
      <c r="E38" s="974" t="s">
        <v>36183</v>
      </c>
      <c r="F38" s="974" t="s">
        <v>14030</v>
      </c>
      <c r="G38" s="974" t="s">
        <v>37385</v>
      </c>
      <c r="H38" s="974" t="s">
        <v>36142</v>
      </c>
      <c r="I38" s="974" t="s">
        <v>36184</v>
      </c>
      <c r="J38" s="974" t="s">
        <v>36185</v>
      </c>
      <c r="K38" s="974" t="s">
        <v>36186</v>
      </c>
      <c r="L38" s="974" t="s">
        <v>36187</v>
      </c>
      <c r="M38" s="974" t="s">
        <v>0</v>
      </c>
      <c r="N38" s="975"/>
    </row>
    <row r="39" spans="3:14" s="966" customFormat="1" ht="15">
      <c r="C39" s="972" t="s">
        <v>36188</v>
      </c>
      <c r="D39" s="974" t="s">
        <v>0</v>
      </c>
      <c r="E39" s="974" t="s">
        <v>77</v>
      </c>
      <c r="F39" s="974" t="s">
        <v>77</v>
      </c>
      <c r="G39" s="974" t="s">
        <v>74</v>
      </c>
      <c r="H39" s="974" t="s">
        <v>36142</v>
      </c>
      <c r="I39" s="974" t="s">
        <v>36189</v>
      </c>
      <c r="J39" s="974" t="s">
        <v>36190</v>
      </c>
      <c r="K39" s="974" t="s">
        <v>36191</v>
      </c>
      <c r="L39" s="974" t="s">
        <v>36192</v>
      </c>
      <c r="M39" s="974" t="s">
        <v>0</v>
      </c>
      <c r="N39" s="975"/>
    </row>
    <row r="40" spans="3:14" s="966" customFormat="1" ht="15">
      <c r="C40" s="972" t="s">
        <v>36193</v>
      </c>
      <c r="D40" s="974" t="s">
        <v>0</v>
      </c>
      <c r="E40" s="974" t="s">
        <v>77</v>
      </c>
      <c r="F40" s="974" t="s">
        <v>36194</v>
      </c>
      <c r="G40" s="974" t="s">
        <v>74</v>
      </c>
      <c r="H40" s="974" t="s">
        <v>36142</v>
      </c>
      <c r="I40" s="974" t="s">
        <v>36189</v>
      </c>
      <c r="J40" s="974" t="s">
        <v>36190</v>
      </c>
      <c r="K40" s="974" t="s">
        <v>36191</v>
      </c>
      <c r="L40" s="974" t="s">
        <v>36192</v>
      </c>
      <c r="M40" s="974" t="s">
        <v>0</v>
      </c>
      <c r="N40" s="975"/>
    </row>
    <row r="41" spans="3:14" s="966" customFormat="1" ht="15">
      <c r="C41" s="972" t="s">
        <v>31247</v>
      </c>
      <c r="D41" s="974" t="s">
        <v>0</v>
      </c>
      <c r="E41" s="974" t="s">
        <v>31248</v>
      </c>
      <c r="F41" s="974" t="s">
        <v>31249</v>
      </c>
      <c r="G41" s="974" t="s">
        <v>74</v>
      </c>
      <c r="H41" s="974" t="s">
        <v>36142</v>
      </c>
      <c r="I41" s="974" t="s">
        <v>36189</v>
      </c>
      <c r="J41" s="974" t="s">
        <v>36190</v>
      </c>
      <c r="K41" s="974" t="s">
        <v>36191</v>
      </c>
      <c r="L41" s="974" t="s">
        <v>36192</v>
      </c>
      <c r="M41" s="974" t="s">
        <v>0</v>
      </c>
      <c r="N41" s="975"/>
    </row>
    <row r="42" spans="3:14" s="966" customFormat="1" ht="15">
      <c r="C42" s="972" t="s">
        <v>36195</v>
      </c>
      <c r="D42" s="974" t="s">
        <v>0</v>
      </c>
      <c r="E42" s="974" t="s">
        <v>77</v>
      </c>
      <c r="F42" s="974" t="s">
        <v>36196</v>
      </c>
      <c r="G42" s="974" t="s">
        <v>74</v>
      </c>
      <c r="H42" s="974" t="s">
        <v>36142</v>
      </c>
      <c r="I42" s="974" t="s">
        <v>36189</v>
      </c>
      <c r="J42" s="974" t="s">
        <v>36190</v>
      </c>
      <c r="K42" s="974" t="s">
        <v>36191</v>
      </c>
      <c r="L42" s="974" t="s">
        <v>36192</v>
      </c>
      <c r="M42" s="974" t="s">
        <v>0</v>
      </c>
      <c r="N42" s="975"/>
    </row>
    <row r="43" spans="3:14" s="966" customFormat="1" ht="15">
      <c r="C43" s="972" t="s">
        <v>36197</v>
      </c>
      <c r="D43" s="974" t="s">
        <v>0</v>
      </c>
      <c r="E43" s="974" t="s">
        <v>77</v>
      </c>
      <c r="F43" s="974" t="s">
        <v>77</v>
      </c>
      <c r="G43" s="974" t="s">
        <v>86</v>
      </c>
      <c r="H43" s="974" t="s">
        <v>36142</v>
      </c>
      <c r="I43" s="974" t="s">
        <v>36198</v>
      </c>
      <c r="J43" s="974" t="s">
        <v>36199</v>
      </c>
      <c r="K43" s="974" t="s">
        <v>36200</v>
      </c>
      <c r="L43" s="974" t="s">
        <v>36201</v>
      </c>
      <c r="M43" s="974" t="s">
        <v>0</v>
      </c>
      <c r="N43" s="975"/>
    </row>
    <row r="44" spans="3:14" s="966" customFormat="1" ht="15">
      <c r="C44" s="972" t="s">
        <v>36202</v>
      </c>
      <c r="D44" s="974" t="s">
        <v>0</v>
      </c>
      <c r="E44" s="974" t="s">
        <v>36203</v>
      </c>
      <c r="F44" s="974" t="s">
        <v>7329</v>
      </c>
      <c r="G44" s="974" t="s">
        <v>86</v>
      </c>
      <c r="H44" s="974" t="s">
        <v>36142</v>
      </c>
      <c r="I44" s="974" t="s">
        <v>36198</v>
      </c>
      <c r="J44" s="974" t="s">
        <v>36199</v>
      </c>
      <c r="K44" s="974" t="s">
        <v>36200</v>
      </c>
      <c r="L44" s="974" t="s">
        <v>36201</v>
      </c>
      <c r="M44" s="974" t="s">
        <v>0</v>
      </c>
      <c r="N44" s="975"/>
    </row>
    <row r="45" spans="3:14" s="966" customFormat="1" ht="15">
      <c r="C45" s="972" t="s">
        <v>36204</v>
      </c>
      <c r="D45" s="974" t="s">
        <v>0</v>
      </c>
      <c r="E45" s="974" t="s">
        <v>77</v>
      </c>
      <c r="F45" s="974" t="s">
        <v>36205</v>
      </c>
      <c r="G45" s="974" t="s">
        <v>86</v>
      </c>
      <c r="H45" s="974" t="s">
        <v>36142</v>
      </c>
      <c r="I45" s="974" t="s">
        <v>36198</v>
      </c>
      <c r="J45" s="974" t="s">
        <v>36199</v>
      </c>
      <c r="K45" s="974" t="s">
        <v>36200</v>
      </c>
      <c r="L45" s="974" t="s">
        <v>36201</v>
      </c>
      <c r="M45" s="974" t="s">
        <v>0</v>
      </c>
      <c r="N45" s="975"/>
    </row>
    <row r="46" spans="3:14" s="966" customFormat="1" ht="15">
      <c r="C46" s="972" t="s">
        <v>36206</v>
      </c>
      <c r="D46" s="974" t="s">
        <v>0</v>
      </c>
      <c r="E46" s="974" t="s">
        <v>31239</v>
      </c>
      <c r="F46" s="974" t="s">
        <v>7323</v>
      </c>
      <c r="G46" s="974" t="s">
        <v>86</v>
      </c>
      <c r="H46" s="974" t="s">
        <v>36142</v>
      </c>
      <c r="I46" s="974" t="s">
        <v>36198</v>
      </c>
      <c r="J46" s="974" t="s">
        <v>36199</v>
      </c>
      <c r="K46" s="974" t="s">
        <v>36200</v>
      </c>
      <c r="L46" s="974" t="s">
        <v>36201</v>
      </c>
      <c r="M46" s="974" t="s">
        <v>0</v>
      </c>
      <c r="N46" s="975"/>
    </row>
    <row r="47" spans="3:14" s="966" customFormat="1" ht="15">
      <c r="C47" s="972" t="s">
        <v>36207</v>
      </c>
      <c r="D47" s="974" t="s">
        <v>0</v>
      </c>
      <c r="E47" s="974" t="s">
        <v>10332</v>
      </c>
      <c r="F47" s="974" t="s">
        <v>7326</v>
      </c>
      <c r="G47" s="974" t="s">
        <v>86</v>
      </c>
      <c r="H47" s="974" t="s">
        <v>36142</v>
      </c>
      <c r="I47" s="974" t="s">
        <v>36198</v>
      </c>
      <c r="J47" s="974" t="s">
        <v>36199</v>
      </c>
      <c r="K47" s="974" t="s">
        <v>36200</v>
      </c>
      <c r="L47" s="974" t="s">
        <v>36201</v>
      </c>
      <c r="M47" s="974" t="s">
        <v>0</v>
      </c>
      <c r="N47" s="975"/>
    </row>
    <row r="48" spans="3:14" s="966" customFormat="1" ht="15">
      <c r="C48" s="972" t="s">
        <v>18183</v>
      </c>
      <c r="D48" s="974" t="s">
        <v>0</v>
      </c>
      <c r="E48" s="974" t="s">
        <v>18184</v>
      </c>
      <c r="F48" s="974" t="s">
        <v>18185</v>
      </c>
      <c r="G48" s="974" t="s">
        <v>37386</v>
      </c>
      <c r="H48" s="974" t="s">
        <v>36142</v>
      </c>
      <c r="I48" s="974" t="s">
        <v>36208</v>
      </c>
      <c r="J48" s="974" t="s">
        <v>36209</v>
      </c>
      <c r="K48" s="974" t="s">
        <v>36210</v>
      </c>
      <c r="L48" s="974" t="s">
        <v>36211</v>
      </c>
      <c r="M48" s="974" t="s">
        <v>0</v>
      </c>
      <c r="N48" s="975"/>
    </row>
    <row r="49" spans="3:14" s="966" customFormat="1" ht="15">
      <c r="C49" s="972" t="s">
        <v>31668</v>
      </c>
      <c r="D49" s="974" t="s">
        <v>0</v>
      </c>
      <c r="E49" s="974" t="s">
        <v>77</v>
      </c>
      <c r="F49" s="974" t="s">
        <v>77</v>
      </c>
      <c r="G49" s="974" t="s">
        <v>74</v>
      </c>
      <c r="H49" s="974" t="s">
        <v>36212</v>
      </c>
      <c r="I49" s="974" t="s">
        <v>36213</v>
      </c>
      <c r="J49" s="974" t="s">
        <v>36214</v>
      </c>
      <c r="K49" s="974" t="s">
        <v>36215</v>
      </c>
      <c r="L49" s="974" t="s">
        <v>36216</v>
      </c>
      <c r="M49" s="974" t="s">
        <v>0</v>
      </c>
      <c r="N49" s="975"/>
    </row>
    <row r="50" spans="3:14" s="966" customFormat="1" ht="15">
      <c r="C50" s="972" t="s">
        <v>3463</v>
      </c>
      <c r="D50" s="974" t="s">
        <v>0</v>
      </c>
      <c r="E50" s="974" t="s">
        <v>36218</v>
      </c>
      <c r="F50" s="974" t="s">
        <v>3464</v>
      </c>
      <c r="G50" s="974" t="s">
        <v>74</v>
      </c>
      <c r="H50" s="974" t="s">
        <v>36212</v>
      </c>
      <c r="I50" s="974" t="s">
        <v>36213</v>
      </c>
      <c r="J50" s="974" t="s">
        <v>36214</v>
      </c>
      <c r="K50" s="974" t="s">
        <v>36215</v>
      </c>
      <c r="L50" s="974" t="s">
        <v>36216</v>
      </c>
      <c r="M50" s="974" t="s">
        <v>0</v>
      </c>
      <c r="N50" s="975"/>
    </row>
    <row r="51" spans="3:14" s="966" customFormat="1" ht="15">
      <c r="C51" s="972" t="s">
        <v>31876</v>
      </c>
      <c r="D51" s="974" t="s">
        <v>0</v>
      </c>
      <c r="E51" s="974" t="s">
        <v>77</v>
      </c>
      <c r="F51" s="974" t="s">
        <v>77</v>
      </c>
      <c r="G51" s="974" t="s">
        <v>74</v>
      </c>
      <c r="H51" s="974" t="s">
        <v>36212</v>
      </c>
      <c r="I51" s="974" t="s">
        <v>36213</v>
      </c>
      <c r="J51" s="974" t="s">
        <v>36214</v>
      </c>
      <c r="K51" s="974" t="s">
        <v>36215</v>
      </c>
      <c r="L51" s="974" t="s">
        <v>36216</v>
      </c>
      <c r="M51" s="974" t="s">
        <v>0</v>
      </c>
      <c r="N51" s="975"/>
    </row>
    <row r="52" spans="3:14" s="966" customFormat="1" ht="15">
      <c r="C52" s="972" t="s">
        <v>14014</v>
      </c>
      <c r="D52" s="974" t="s">
        <v>0</v>
      </c>
      <c r="E52" s="974" t="s">
        <v>36217</v>
      </c>
      <c r="F52" s="974" t="s">
        <v>14015</v>
      </c>
      <c r="G52" s="974" t="s">
        <v>74</v>
      </c>
      <c r="H52" s="974" t="s">
        <v>36212</v>
      </c>
      <c r="I52" s="974" t="s">
        <v>36213</v>
      </c>
      <c r="J52" s="974" t="s">
        <v>36214</v>
      </c>
      <c r="K52" s="974" t="s">
        <v>36215</v>
      </c>
      <c r="L52" s="974" t="s">
        <v>36216</v>
      </c>
      <c r="M52" s="974" t="s">
        <v>0</v>
      </c>
      <c r="N52" s="975"/>
    </row>
    <row r="53" spans="3:14" s="966" customFormat="1" ht="15">
      <c r="C53" s="972" t="s">
        <v>31663</v>
      </c>
      <c r="D53" s="974" t="s">
        <v>0</v>
      </c>
      <c r="E53" s="974" t="s">
        <v>31229</v>
      </c>
      <c r="F53" s="974" t="s">
        <v>31230</v>
      </c>
      <c r="G53" s="974" t="s">
        <v>74</v>
      </c>
      <c r="H53" s="974" t="s">
        <v>36212</v>
      </c>
      <c r="I53" s="974" t="s">
        <v>36219</v>
      </c>
      <c r="J53" s="974" t="s">
        <v>36220</v>
      </c>
      <c r="K53" s="974" t="s">
        <v>36221</v>
      </c>
      <c r="L53" s="974" t="s">
        <v>36222</v>
      </c>
      <c r="M53" s="974" t="s">
        <v>0</v>
      </c>
      <c r="N53" s="975"/>
    </row>
    <row r="54" spans="3:14" s="966" customFormat="1" ht="15">
      <c r="C54" s="972" t="s">
        <v>31105</v>
      </c>
      <c r="D54" s="974" t="s">
        <v>0</v>
      </c>
      <c r="E54" s="974" t="s">
        <v>31061</v>
      </c>
      <c r="F54" s="974" t="s">
        <v>3439</v>
      </c>
      <c r="G54" s="974" t="s">
        <v>74</v>
      </c>
      <c r="H54" s="974" t="s">
        <v>31106</v>
      </c>
      <c r="I54" s="974" t="s">
        <v>36223</v>
      </c>
      <c r="J54" s="974" t="s">
        <v>36224</v>
      </c>
      <c r="K54" s="974" t="s">
        <v>36225</v>
      </c>
      <c r="L54" s="974" t="s">
        <v>36226</v>
      </c>
      <c r="M54" s="974" t="s">
        <v>0</v>
      </c>
      <c r="N54" s="975"/>
    </row>
    <row r="55" spans="3:14" s="966" customFormat="1" ht="15">
      <c r="C55" s="972" t="s">
        <v>36227</v>
      </c>
      <c r="D55" s="974" t="s">
        <v>0</v>
      </c>
      <c r="E55" s="974" t="s">
        <v>31107</v>
      </c>
      <c r="F55" s="974" t="s">
        <v>31108</v>
      </c>
      <c r="G55" s="974" t="s">
        <v>13394</v>
      </c>
      <c r="H55" s="974" t="s">
        <v>31106</v>
      </c>
      <c r="I55" s="974" t="s">
        <v>36228</v>
      </c>
      <c r="J55" s="974" t="s">
        <v>36229</v>
      </c>
      <c r="K55" s="974" t="s">
        <v>36230</v>
      </c>
      <c r="L55" s="974" t="s">
        <v>36231</v>
      </c>
      <c r="M55" s="974" t="s">
        <v>0</v>
      </c>
      <c r="N55" s="975"/>
    </row>
    <row r="56" spans="3:14" s="966" customFormat="1" ht="15">
      <c r="C56" s="972" t="s">
        <v>31044</v>
      </c>
      <c r="D56" s="974" t="s">
        <v>0</v>
      </c>
      <c r="E56" s="974" t="s">
        <v>31045</v>
      </c>
      <c r="F56" s="974" t="s">
        <v>31046</v>
      </c>
      <c r="G56" s="974" t="s">
        <v>74</v>
      </c>
      <c r="H56" s="974" t="s">
        <v>31106</v>
      </c>
      <c r="I56" s="974" t="s">
        <v>36232</v>
      </c>
      <c r="J56" s="974" t="s">
        <v>36233</v>
      </c>
      <c r="K56" s="974" t="s">
        <v>36234</v>
      </c>
      <c r="L56" s="974" t="s">
        <v>36235</v>
      </c>
      <c r="M56" s="974" t="s">
        <v>0</v>
      </c>
      <c r="N56" s="975"/>
    </row>
    <row r="57" spans="3:14" s="966" customFormat="1" ht="15">
      <c r="C57" s="972" t="s">
        <v>28439</v>
      </c>
      <c r="D57" s="974" t="s">
        <v>0</v>
      </c>
      <c r="E57" s="974" t="s">
        <v>28440</v>
      </c>
      <c r="F57" s="974" t="s">
        <v>28441</v>
      </c>
      <c r="G57" s="974" t="s">
        <v>74</v>
      </c>
      <c r="H57" s="974" t="s">
        <v>31106</v>
      </c>
      <c r="I57" s="974" t="s">
        <v>36236</v>
      </c>
      <c r="J57" s="974" t="s">
        <v>36237</v>
      </c>
      <c r="K57" s="974" t="s">
        <v>36238</v>
      </c>
      <c r="L57" s="974" t="s">
        <v>36239</v>
      </c>
      <c r="M57" s="974" t="s">
        <v>0</v>
      </c>
      <c r="N57" s="975"/>
    </row>
    <row r="58" spans="3:14" s="966" customFormat="1" ht="15">
      <c r="C58" s="972" t="s">
        <v>28457</v>
      </c>
      <c r="D58" s="974" t="s">
        <v>0</v>
      </c>
      <c r="E58" s="974" t="s">
        <v>77</v>
      </c>
      <c r="F58" s="974" t="s">
        <v>77</v>
      </c>
      <c r="G58" s="974" t="s">
        <v>37387</v>
      </c>
      <c r="H58" s="974" t="s">
        <v>28452</v>
      </c>
      <c r="I58" s="974" t="s">
        <v>36240</v>
      </c>
      <c r="J58" s="974" t="s">
        <v>36241</v>
      </c>
      <c r="K58" s="974" t="s">
        <v>36242</v>
      </c>
      <c r="L58" s="974" t="s">
        <v>36243</v>
      </c>
      <c r="M58" s="974" t="s">
        <v>36244</v>
      </c>
      <c r="N58" s="975"/>
    </row>
    <row r="59" spans="3:14" s="966" customFormat="1" ht="15">
      <c r="C59" s="972" t="s">
        <v>36245</v>
      </c>
      <c r="D59" s="974" t="s">
        <v>0</v>
      </c>
      <c r="E59" s="974" t="s">
        <v>36246</v>
      </c>
      <c r="F59" s="974" t="s">
        <v>77</v>
      </c>
      <c r="G59" s="974" t="s">
        <v>37387</v>
      </c>
      <c r="H59" s="974" t="s">
        <v>28452</v>
      </c>
      <c r="I59" s="974" t="s">
        <v>36240</v>
      </c>
      <c r="J59" s="974" t="s">
        <v>36241</v>
      </c>
      <c r="K59" s="974" t="s">
        <v>36242</v>
      </c>
      <c r="L59" s="974" t="s">
        <v>36243</v>
      </c>
      <c r="M59" s="974" t="s">
        <v>36244</v>
      </c>
      <c r="N59" s="975"/>
    </row>
    <row r="60" spans="3:14" s="966" customFormat="1" ht="15">
      <c r="C60" s="972" t="s">
        <v>16020</v>
      </c>
      <c r="D60" s="974" t="s">
        <v>0</v>
      </c>
      <c r="E60" s="974" t="s">
        <v>16021</v>
      </c>
      <c r="F60" s="974" t="s">
        <v>16022</v>
      </c>
      <c r="G60" s="974" t="s">
        <v>37387</v>
      </c>
      <c r="H60" s="974" t="s">
        <v>28452</v>
      </c>
      <c r="I60" s="974" t="s">
        <v>36240</v>
      </c>
      <c r="J60" s="974" t="s">
        <v>36241</v>
      </c>
      <c r="K60" s="974" t="s">
        <v>36242</v>
      </c>
      <c r="L60" s="974" t="s">
        <v>36243</v>
      </c>
      <c r="M60" s="974" t="s">
        <v>36244</v>
      </c>
      <c r="N60" s="975"/>
    </row>
    <row r="61" spans="3:14" s="966" customFormat="1" ht="15">
      <c r="C61" s="972" t="s">
        <v>36247</v>
      </c>
      <c r="D61" s="974" t="s">
        <v>0</v>
      </c>
      <c r="E61" s="974" t="s">
        <v>36248</v>
      </c>
      <c r="F61" s="974" t="s">
        <v>36249</v>
      </c>
      <c r="G61" s="974" t="s">
        <v>37387</v>
      </c>
      <c r="H61" s="974" t="s">
        <v>28452</v>
      </c>
      <c r="I61" s="974" t="s">
        <v>36240</v>
      </c>
      <c r="J61" s="974" t="s">
        <v>36241</v>
      </c>
      <c r="K61" s="974" t="s">
        <v>36242</v>
      </c>
      <c r="L61" s="974" t="s">
        <v>36243</v>
      </c>
      <c r="M61" s="974" t="s">
        <v>36244</v>
      </c>
      <c r="N61" s="975"/>
    </row>
    <row r="62" spans="3:14" s="966" customFormat="1" ht="15">
      <c r="C62" s="972" t="s">
        <v>36250</v>
      </c>
      <c r="D62" s="974" t="s">
        <v>0</v>
      </c>
      <c r="E62" s="974" t="s">
        <v>36251</v>
      </c>
      <c r="F62" s="974" t="s">
        <v>77</v>
      </c>
      <c r="G62" s="974" t="s">
        <v>37387</v>
      </c>
      <c r="H62" s="974" t="s">
        <v>28452</v>
      </c>
      <c r="I62" s="974" t="s">
        <v>36240</v>
      </c>
      <c r="J62" s="974" t="s">
        <v>36241</v>
      </c>
      <c r="K62" s="974" t="s">
        <v>36242</v>
      </c>
      <c r="L62" s="974" t="s">
        <v>36243</v>
      </c>
      <c r="M62" s="974" t="s">
        <v>36244</v>
      </c>
      <c r="N62" s="975"/>
    </row>
    <row r="63" spans="3:14" s="966" customFormat="1" ht="15">
      <c r="C63" s="972" t="s">
        <v>36252</v>
      </c>
      <c r="D63" s="974" t="s">
        <v>0</v>
      </c>
      <c r="E63" s="974" t="s">
        <v>36253</v>
      </c>
      <c r="F63" s="974" t="s">
        <v>36254</v>
      </c>
      <c r="G63" s="974" t="s">
        <v>37387</v>
      </c>
      <c r="H63" s="974" t="s">
        <v>28452</v>
      </c>
      <c r="I63" s="974" t="s">
        <v>36240</v>
      </c>
      <c r="J63" s="974" t="s">
        <v>36241</v>
      </c>
      <c r="K63" s="974" t="s">
        <v>36242</v>
      </c>
      <c r="L63" s="974" t="s">
        <v>36243</v>
      </c>
      <c r="M63" s="974" t="s">
        <v>36244</v>
      </c>
      <c r="N63" s="975"/>
    </row>
    <row r="64" spans="3:14" s="966" customFormat="1" ht="15">
      <c r="C64" s="972" t="s">
        <v>28461</v>
      </c>
      <c r="D64" s="974" t="s">
        <v>0</v>
      </c>
      <c r="E64" s="974" t="s">
        <v>36255</v>
      </c>
      <c r="F64" s="974" t="s">
        <v>26653</v>
      </c>
      <c r="G64" s="974" t="s">
        <v>37387</v>
      </c>
      <c r="H64" s="974" t="s">
        <v>28452</v>
      </c>
      <c r="I64" s="974" t="s">
        <v>36240</v>
      </c>
      <c r="J64" s="974" t="s">
        <v>36241</v>
      </c>
      <c r="K64" s="974" t="s">
        <v>36242</v>
      </c>
      <c r="L64" s="974" t="s">
        <v>36243</v>
      </c>
      <c r="M64" s="974" t="s">
        <v>36244</v>
      </c>
      <c r="N64" s="975"/>
    </row>
    <row r="65" spans="3:14" s="966" customFormat="1" ht="15">
      <c r="C65" s="972" t="s">
        <v>36256</v>
      </c>
      <c r="D65" s="974" t="s">
        <v>0</v>
      </c>
      <c r="E65" s="974" t="s">
        <v>77</v>
      </c>
      <c r="F65" s="974" t="s">
        <v>36257</v>
      </c>
      <c r="G65" s="974" t="s">
        <v>37387</v>
      </c>
      <c r="H65" s="974" t="s">
        <v>28452</v>
      </c>
      <c r="I65" s="974" t="s">
        <v>36240</v>
      </c>
      <c r="J65" s="974" t="s">
        <v>36241</v>
      </c>
      <c r="K65" s="974" t="s">
        <v>36242</v>
      </c>
      <c r="L65" s="974" t="s">
        <v>36243</v>
      </c>
      <c r="M65" s="974" t="s">
        <v>36244</v>
      </c>
      <c r="N65" s="975"/>
    </row>
    <row r="66" spans="3:14" s="966" customFormat="1" ht="15">
      <c r="C66" s="972" t="s">
        <v>36258</v>
      </c>
      <c r="D66" s="974" t="s">
        <v>0</v>
      </c>
      <c r="E66" s="974" t="s">
        <v>77</v>
      </c>
      <c r="F66" s="974" t="s">
        <v>36259</v>
      </c>
      <c r="G66" s="974" t="s">
        <v>37387</v>
      </c>
      <c r="H66" s="974" t="s">
        <v>28452</v>
      </c>
      <c r="I66" s="974" t="s">
        <v>36240</v>
      </c>
      <c r="J66" s="974" t="s">
        <v>36241</v>
      </c>
      <c r="K66" s="974" t="s">
        <v>36242</v>
      </c>
      <c r="L66" s="974" t="s">
        <v>36243</v>
      </c>
      <c r="M66" s="974" t="s">
        <v>36244</v>
      </c>
      <c r="N66" s="975"/>
    </row>
    <row r="67" spans="3:14" s="966" customFormat="1" ht="15">
      <c r="C67" s="972" t="s">
        <v>36260</v>
      </c>
      <c r="D67" s="974" t="s">
        <v>0</v>
      </c>
      <c r="E67" s="974" t="s">
        <v>77</v>
      </c>
      <c r="F67" s="974" t="s">
        <v>28464</v>
      </c>
      <c r="G67" s="974" t="s">
        <v>37387</v>
      </c>
      <c r="H67" s="974" t="s">
        <v>28452</v>
      </c>
      <c r="I67" s="974" t="s">
        <v>36240</v>
      </c>
      <c r="J67" s="974" t="s">
        <v>36241</v>
      </c>
      <c r="K67" s="974" t="s">
        <v>36242</v>
      </c>
      <c r="L67" s="974" t="s">
        <v>36243</v>
      </c>
      <c r="M67" s="974" t="s">
        <v>36244</v>
      </c>
      <c r="N67" s="975"/>
    </row>
    <row r="68" spans="3:14" s="966" customFormat="1" ht="15">
      <c r="C68" s="972" t="s">
        <v>36261</v>
      </c>
      <c r="D68" s="974" t="s">
        <v>0</v>
      </c>
      <c r="E68" s="974" t="s">
        <v>36262</v>
      </c>
      <c r="F68" s="974" t="s">
        <v>34164</v>
      </c>
      <c r="G68" s="974" t="s">
        <v>37387</v>
      </c>
      <c r="H68" s="974" t="s">
        <v>28452</v>
      </c>
      <c r="I68" s="974" t="s">
        <v>36240</v>
      </c>
      <c r="J68" s="974" t="s">
        <v>36241</v>
      </c>
      <c r="K68" s="974" t="s">
        <v>36242</v>
      </c>
      <c r="L68" s="974" t="s">
        <v>36243</v>
      </c>
      <c r="M68" s="974" t="s">
        <v>36244</v>
      </c>
      <c r="N68" s="975"/>
    </row>
    <row r="69" spans="3:14" s="966" customFormat="1" ht="15">
      <c r="C69" s="972" t="s">
        <v>36263</v>
      </c>
      <c r="D69" s="974" t="s">
        <v>0</v>
      </c>
      <c r="E69" s="974" t="s">
        <v>36264</v>
      </c>
      <c r="F69" s="974" t="s">
        <v>36265</v>
      </c>
      <c r="G69" s="974" t="s">
        <v>37387</v>
      </c>
      <c r="H69" s="974" t="s">
        <v>28452</v>
      </c>
      <c r="I69" s="974" t="s">
        <v>36240</v>
      </c>
      <c r="J69" s="974" t="s">
        <v>36241</v>
      </c>
      <c r="K69" s="974" t="s">
        <v>36242</v>
      </c>
      <c r="L69" s="974" t="s">
        <v>36243</v>
      </c>
      <c r="M69" s="974" t="s">
        <v>36244</v>
      </c>
      <c r="N69" s="975"/>
    </row>
    <row r="70" spans="3:14" s="966" customFormat="1" ht="15">
      <c r="C70" s="972" t="s">
        <v>36266</v>
      </c>
      <c r="D70" s="974" t="s">
        <v>0</v>
      </c>
      <c r="E70" s="974" t="s">
        <v>77</v>
      </c>
      <c r="F70" s="974" t="s">
        <v>36267</v>
      </c>
      <c r="G70" s="974" t="s">
        <v>37387</v>
      </c>
      <c r="H70" s="974" t="s">
        <v>28452</v>
      </c>
      <c r="I70" s="974" t="s">
        <v>36240</v>
      </c>
      <c r="J70" s="974" t="s">
        <v>36241</v>
      </c>
      <c r="K70" s="974" t="s">
        <v>36242</v>
      </c>
      <c r="L70" s="974" t="s">
        <v>36243</v>
      </c>
      <c r="M70" s="974" t="s">
        <v>36244</v>
      </c>
      <c r="N70" s="975"/>
    </row>
    <row r="71" spans="3:14" s="966" customFormat="1" ht="15">
      <c r="C71" s="972" t="s">
        <v>28456</v>
      </c>
      <c r="D71" s="974" t="s">
        <v>0</v>
      </c>
      <c r="E71" s="974" t="s">
        <v>28455</v>
      </c>
      <c r="F71" s="974" t="s">
        <v>28454</v>
      </c>
      <c r="G71" s="974" t="s">
        <v>74</v>
      </c>
      <c r="H71" s="974" t="s">
        <v>28452</v>
      </c>
      <c r="I71" s="974" t="s">
        <v>36268</v>
      </c>
      <c r="J71" s="974" t="s">
        <v>36269</v>
      </c>
      <c r="K71" s="974" t="s">
        <v>36270</v>
      </c>
      <c r="L71" s="974" t="s">
        <v>36271</v>
      </c>
      <c r="M71" s="974" t="s">
        <v>0</v>
      </c>
      <c r="N71" s="975"/>
    </row>
    <row r="72" spans="3:14" s="966" customFormat="1" ht="15">
      <c r="C72" s="972" t="s">
        <v>14168</v>
      </c>
      <c r="D72" s="974" t="s">
        <v>0</v>
      </c>
      <c r="E72" s="974" t="s">
        <v>13949</v>
      </c>
      <c r="F72" s="974" t="s">
        <v>13950</v>
      </c>
      <c r="G72" s="974" t="s">
        <v>74</v>
      </c>
      <c r="H72" s="974" t="s">
        <v>28452</v>
      </c>
      <c r="I72" s="974" t="s">
        <v>36272</v>
      </c>
      <c r="J72" s="974" t="s">
        <v>36273</v>
      </c>
      <c r="K72" s="974" t="s">
        <v>36274</v>
      </c>
      <c r="L72" s="974" t="s">
        <v>36275</v>
      </c>
      <c r="M72" s="974" t="s">
        <v>0</v>
      </c>
      <c r="N72" s="975"/>
    </row>
    <row r="73" spans="3:14" s="966" customFormat="1" ht="15">
      <c r="C73" s="972" t="s">
        <v>28453</v>
      </c>
      <c r="D73" s="974" t="s">
        <v>0</v>
      </c>
      <c r="E73" s="974" t="s">
        <v>19421</v>
      </c>
      <c r="F73" s="974" t="s">
        <v>19422</v>
      </c>
      <c r="G73" s="974" t="s">
        <v>74</v>
      </c>
      <c r="H73" s="974" t="s">
        <v>28452</v>
      </c>
      <c r="I73" s="974" t="s">
        <v>36276</v>
      </c>
      <c r="J73" s="974" t="s">
        <v>36277</v>
      </c>
      <c r="K73" s="974" t="s">
        <v>36278</v>
      </c>
      <c r="L73" s="974" t="s">
        <v>36279</v>
      </c>
      <c r="M73" s="974" t="s">
        <v>0</v>
      </c>
      <c r="N73" s="975"/>
    </row>
    <row r="74" spans="3:14" s="966" customFormat="1" ht="15">
      <c r="C74" s="972" t="s">
        <v>37453</v>
      </c>
      <c r="D74" s="974" t="s">
        <v>0</v>
      </c>
      <c r="E74" s="974" t="s">
        <v>77</v>
      </c>
      <c r="F74" s="974" t="s">
        <v>77</v>
      </c>
      <c r="G74" s="974" t="s">
        <v>13395</v>
      </c>
      <c r="H74" s="974" t="s">
        <v>26953</v>
      </c>
      <c r="I74" s="974" t="s">
        <v>36280</v>
      </c>
      <c r="J74" s="974" t="s">
        <v>36281</v>
      </c>
      <c r="K74" s="974" t="s">
        <v>36282</v>
      </c>
      <c r="L74" s="974" t="s">
        <v>36283</v>
      </c>
      <c r="M74" s="974" t="s">
        <v>0</v>
      </c>
      <c r="N74" s="975"/>
    </row>
    <row r="75" spans="3:14" s="966" customFormat="1" ht="15">
      <c r="C75" s="972" t="s">
        <v>36284</v>
      </c>
      <c r="D75" s="974" t="s">
        <v>0</v>
      </c>
      <c r="E75" s="974" t="s">
        <v>77</v>
      </c>
      <c r="F75" s="974" t="s">
        <v>27204</v>
      </c>
      <c r="G75" s="974" t="s">
        <v>13395</v>
      </c>
      <c r="H75" s="974" t="s">
        <v>26953</v>
      </c>
      <c r="I75" s="974" t="s">
        <v>36280</v>
      </c>
      <c r="J75" s="974" t="s">
        <v>36281</v>
      </c>
      <c r="K75" s="974" t="s">
        <v>36282</v>
      </c>
      <c r="L75" s="974" t="s">
        <v>36283</v>
      </c>
      <c r="M75" s="974" t="s">
        <v>0</v>
      </c>
      <c r="N75" s="975"/>
    </row>
    <row r="76" spans="3:14" s="966" customFormat="1" ht="15">
      <c r="C76" s="972" t="s">
        <v>36285</v>
      </c>
      <c r="D76" s="974" t="s">
        <v>0</v>
      </c>
      <c r="E76" s="974" t="s">
        <v>77</v>
      </c>
      <c r="F76" s="974" t="s">
        <v>77</v>
      </c>
      <c r="G76" s="974" t="s">
        <v>13395</v>
      </c>
      <c r="H76" s="974" t="s">
        <v>26953</v>
      </c>
      <c r="I76" s="974" t="s">
        <v>36280</v>
      </c>
      <c r="J76" s="974" t="s">
        <v>36281</v>
      </c>
      <c r="K76" s="974" t="s">
        <v>36282</v>
      </c>
      <c r="L76" s="974" t="s">
        <v>36283</v>
      </c>
      <c r="M76" s="974" t="s">
        <v>0</v>
      </c>
      <c r="N76" s="975"/>
    </row>
    <row r="77" spans="3:14" s="966" customFormat="1" ht="15">
      <c r="C77" s="972" t="s">
        <v>16048</v>
      </c>
      <c r="D77" s="974" t="s">
        <v>0</v>
      </c>
      <c r="E77" s="974" t="s">
        <v>16049</v>
      </c>
      <c r="F77" s="974" t="s">
        <v>6809</v>
      </c>
      <c r="G77" s="974" t="s">
        <v>13395</v>
      </c>
      <c r="H77" s="974" t="s">
        <v>26953</v>
      </c>
      <c r="I77" s="974" t="s">
        <v>36280</v>
      </c>
      <c r="J77" s="974" t="s">
        <v>36281</v>
      </c>
      <c r="K77" s="974" t="s">
        <v>36282</v>
      </c>
      <c r="L77" s="974" t="s">
        <v>36283</v>
      </c>
      <c r="M77" s="974" t="s">
        <v>0</v>
      </c>
      <c r="N77" s="975"/>
    </row>
    <row r="78" spans="3:14" s="966" customFormat="1" ht="15">
      <c r="C78" s="972" t="s">
        <v>36286</v>
      </c>
      <c r="D78" s="974" t="s">
        <v>0</v>
      </c>
      <c r="E78" s="974" t="s">
        <v>77</v>
      </c>
      <c r="F78" s="974" t="s">
        <v>27207</v>
      </c>
      <c r="G78" s="974" t="s">
        <v>13395</v>
      </c>
      <c r="H78" s="974" t="s">
        <v>26953</v>
      </c>
      <c r="I78" s="974" t="s">
        <v>36280</v>
      </c>
      <c r="J78" s="974" t="s">
        <v>36281</v>
      </c>
      <c r="K78" s="974" t="s">
        <v>36282</v>
      </c>
      <c r="L78" s="974" t="s">
        <v>36283</v>
      </c>
      <c r="M78" s="974" t="s">
        <v>0</v>
      </c>
      <c r="N78" s="975"/>
    </row>
    <row r="79" spans="3:14" s="966" customFormat="1" ht="15">
      <c r="C79" s="972" t="s">
        <v>27209</v>
      </c>
      <c r="D79" s="974" t="s">
        <v>0</v>
      </c>
      <c r="E79" s="974" t="s">
        <v>77</v>
      </c>
      <c r="F79" s="974" t="s">
        <v>27210</v>
      </c>
      <c r="G79" s="974" t="s">
        <v>13395</v>
      </c>
      <c r="H79" s="974" t="s">
        <v>26953</v>
      </c>
      <c r="I79" s="974" t="s">
        <v>36280</v>
      </c>
      <c r="J79" s="974" t="s">
        <v>36281</v>
      </c>
      <c r="K79" s="974" t="s">
        <v>36282</v>
      </c>
      <c r="L79" s="974" t="s">
        <v>36283</v>
      </c>
      <c r="M79" s="974" t="s">
        <v>0</v>
      </c>
      <c r="N79" s="975"/>
    </row>
    <row r="80" spans="3:14" s="966" customFormat="1" ht="15">
      <c r="C80" s="972" t="s">
        <v>19126</v>
      </c>
      <c r="D80" s="974" t="s">
        <v>0</v>
      </c>
      <c r="E80" s="974" t="s">
        <v>19127</v>
      </c>
      <c r="F80" s="974" t="s">
        <v>19128</v>
      </c>
      <c r="G80" s="974" t="s">
        <v>13395</v>
      </c>
      <c r="H80" s="974" t="s">
        <v>26953</v>
      </c>
      <c r="I80" s="974" t="s">
        <v>36287</v>
      </c>
      <c r="J80" s="974" t="s">
        <v>36288</v>
      </c>
      <c r="K80" s="974" t="s">
        <v>36289</v>
      </c>
      <c r="L80" s="974" t="s">
        <v>36290</v>
      </c>
      <c r="M80" s="974" t="s">
        <v>0</v>
      </c>
      <c r="N80" s="975"/>
    </row>
    <row r="81" spans="3:14" s="966" customFormat="1" ht="15">
      <c r="C81" s="972" t="s">
        <v>26955</v>
      </c>
      <c r="D81" s="974" t="s">
        <v>0</v>
      </c>
      <c r="E81" s="974" t="s">
        <v>13095</v>
      </c>
      <c r="F81" s="974" t="s">
        <v>3535</v>
      </c>
      <c r="G81" s="974" t="s">
        <v>74</v>
      </c>
      <c r="H81" s="974" t="s">
        <v>26953</v>
      </c>
      <c r="I81" s="974" t="s">
        <v>36291</v>
      </c>
      <c r="J81" s="974" t="s">
        <v>36292</v>
      </c>
      <c r="K81" s="974" t="s">
        <v>36293</v>
      </c>
      <c r="L81" s="974" t="s">
        <v>36294</v>
      </c>
      <c r="M81" s="974" t="s">
        <v>0</v>
      </c>
      <c r="N81" s="975"/>
    </row>
    <row r="82" spans="3:14" s="966" customFormat="1" ht="15">
      <c r="C82" s="972" t="s">
        <v>26952</v>
      </c>
      <c r="D82" s="974" t="s">
        <v>26954</v>
      </c>
      <c r="E82" s="974" t="s">
        <v>77</v>
      </c>
      <c r="F82" s="974" t="s">
        <v>77</v>
      </c>
      <c r="G82" s="974" t="s">
        <v>37387</v>
      </c>
      <c r="H82" s="974" t="s">
        <v>26953</v>
      </c>
      <c r="I82" s="974" t="s">
        <v>36295</v>
      </c>
      <c r="J82" s="974" t="s">
        <v>36296</v>
      </c>
      <c r="K82" s="974" t="s">
        <v>36297</v>
      </c>
      <c r="L82" s="974" t="s">
        <v>36298</v>
      </c>
      <c r="M82" s="974" t="s">
        <v>36299</v>
      </c>
      <c r="N82" s="975"/>
    </row>
    <row r="83" spans="3:14" s="966" customFormat="1" ht="15">
      <c r="C83" s="972" t="s">
        <v>36300</v>
      </c>
      <c r="D83" s="974" t="s">
        <v>0</v>
      </c>
      <c r="E83" s="974" t="s">
        <v>36301</v>
      </c>
      <c r="F83" s="974" t="s">
        <v>36302</v>
      </c>
      <c r="G83" s="974" t="s">
        <v>37387</v>
      </c>
      <c r="H83" s="974" t="s">
        <v>26953</v>
      </c>
      <c r="I83" s="974" t="s">
        <v>36295</v>
      </c>
      <c r="J83" s="974" t="s">
        <v>36296</v>
      </c>
      <c r="K83" s="974" t="s">
        <v>36297</v>
      </c>
      <c r="L83" s="974" t="s">
        <v>36298</v>
      </c>
      <c r="M83" s="974" t="s">
        <v>36299</v>
      </c>
      <c r="N83" s="975"/>
    </row>
    <row r="84" spans="3:14" s="966" customFormat="1" ht="15">
      <c r="C84" s="972" t="s">
        <v>36303</v>
      </c>
      <c r="D84" s="974" t="s">
        <v>0</v>
      </c>
      <c r="E84" s="974" t="s">
        <v>36304</v>
      </c>
      <c r="F84" s="974" t="s">
        <v>36305</v>
      </c>
      <c r="G84" s="974" t="s">
        <v>37387</v>
      </c>
      <c r="H84" s="974" t="s">
        <v>26953</v>
      </c>
      <c r="I84" s="974" t="s">
        <v>36295</v>
      </c>
      <c r="J84" s="974" t="s">
        <v>36296</v>
      </c>
      <c r="K84" s="974" t="s">
        <v>36297</v>
      </c>
      <c r="L84" s="974" t="s">
        <v>36298</v>
      </c>
      <c r="M84" s="974" t="s">
        <v>36299</v>
      </c>
      <c r="N84" s="975"/>
    </row>
    <row r="85" spans="3:14" s="966" customFormat="1" ht="15">
      <c r="C85" s="972" t="s">
        <v>36306</v>
      </c>
      <c r="D85" s="974" t="s">
        <v>0</v>
      </c>
      <c r="E85" s="974" t="s">
        <v>77</v>
      </c>
      <c r="F85" s="974" t="s">
        <v>36307</v>
      </c>
      <c r="G85" s="974" t="s">
        <v>37387</v>
      </c>
      <c r="H85" s="974" t="s">
        <v>26953</v>
      </c>
      <c r="I85" s="974" t="s">
        <v>36295</v>
      </c>
      <c r="J85" s="974" t="s">
        <v>36296</v>
      </c>
      <c r="K85" s="974" t="s">
        <v>36297</v>
      </c>
      <c r="L85" s="974" t="s">
        <v>36298</v>
      </c>
      <c r="M85" s="974" t="s">
        <v>36299</v>
      </c>
      <c r="N85" s="975"/>
    </row>
    <row r="86" spans="3:14" s="966" customFormat="1" ht="15">
      <c r="C86" s="972" t="s">
        <v>36308</v>
      </c>
      <c r="D86" s="974" t="s">
        <v>0</v>
      </c>
      <c r="E86" s="974" t="s">
        <v>36309</v>
      </c>
      <c r="F86" s="974" t="s">
        <v>36310</v>
      </c>
      <c r="G86" s="974" t="s">
        <v>37387</v>
      </c>
      <c r="H86" s="974" t="s">
        <v>26953</v>
      </c>
      <c r="I86" s="974" t="s">
        <v>36295</v>
      </c>
      <c r="J86" s="974" t="s">
        <v>36296</v>
      </c>
      <c r="K86" s="974" t="s">
        <v>36297</v>
      </c>
      <c r="L86" s="974" t="s">
        <v>36298</v>
      </c>
      <c r="M86" s="974" t="s">
        <v>36299</v>
      </c>
      <c r="N86" s="975"/>
    </row>
    <row r="87" spans="3:14" s="966" customFormat="1" ht="15">
      <c r="C87" s="972" t="s">
        <v>36311</v>
      </c>
      <c r="D87" s="974" t="s">
        <v>0</v>
      </c>
      <c r="E87" s="974" t="s">
        <v>77</v>
      </c>
      <c r="F87" s="974" t="s">
        <v>36312</v>
      </c>
      <c r="G87" s="974" t="s">
        <v>37387</v>
      </c>
      <c r="H87" s="974" t="s">
        <v>26953</v>
      </c>
      <c r="I87" s="974" t="s">
        <v>36295</v>
      </c>
      <c r="J87" s="974" t="s">
        <v>36296</v>
      </c>
      <c r="K87" s="974" t="s">
        <v>36297</v>
      </c>
      <c r="L87" s="974" t="s">
        <v>36298</v>
      </c>
      <c r="M87" s="974" t="s">
        <v>36299</v>
      </c>
      <c r="N87" s="975"/>
    </row>
    <row r="88" spans="3:14" s="966" customFormat="1" ht="15">
      <c r="C88" s="972" t="s">
        <v>36313</v>
      </c>
      <c r="D88" s="974" t="s">
        <v>0</v>
      </c>
      <c r="E88" s="974" t="s">
        <v>77</v>
      </c>
      <c r="F88" s="974" t="s">
        <v>36314</v>
      </c>
      <c r="G88" s="974" t="s">
        <v>37387</v>
      </c>
      <c r="H88" s="974" t="s">
        <v>26953</v>
      </c>
      <c r="I88" s="974" t="s">
        <v>36295</v>
      </c>
      <c r="J88" s="974" t="s">
        <v>36296</v>
      </c>
      <c r="K88" s="974" t="s">
        <v>36297</v>
      </c>
      <c r="L88" s="974" t="s">
        <v>36298</v>
      </c>
      <c r="M88" s="974" t="s">
        <v>36299</v>
      </c>
      <c r="N88" s="975"/>
    </row>
    <row r="89" spans="3:14" s="966" customFormat="1" ht="15">
      <c r="C89" s="972" t="s">
        <v>14208</v>
      </c>
      <c r="D89" s="974" t="s">
        <v>0</v>
      </c>
      <c r="E89" s="974" t="s">
        <v>14223</v>
      </c>
      <c r="F89" s="974" t="s">
        <v>26889</v>
      </c>
      <c r="G89" s="974" t="s">
        <v>37383</v>
      </c>
      <c r="H89" s="974" t="s">
        <v>14222</v>
      </c>
      <c r="I89" s="974" t="s">
        <v>36315</v>
      </c>
      <c r="J89" s="974" t="s">
        <v>36316</v>
      </c>
      <c r="K89" s="974" t="s">
        <v>36317</v>
      </c>
      <c r="L89" s="974" t="s">
        <v>36318</v>
      </c>
      <c r="M89" s="974" t="s">
        <v>0</v>
      </c>
      <c r="N89" s="975"/>
    </row>
    <row r="90" spans="3:14" s="966" customFormat="1" ht="15">
      <c r="C90" s="972" t="s">
        <v>14211</v>
      </c>
      <c r="D90" s="974" t="s">
        <v>0</v>
      </c>
      <c r="E90" s="974" t="s">
        <v>14224</v>
      </c>
      <c r="F90" s="974" t="s">
        <v>14210</v>
      </c>
      <c r="G90" s="974" t="s">
        <v>13392</v>
      </c>
      <c r="H90" s="974" t="s">
        <v>14222</v>
      </c>
      <c r="I90" s="974" t="s">
        <v>36319</v>
      </c>
      <c r="J90" s="974" t="s">
        <v>36320</v>
      </c>
      <c r="K90" s="974" t="s">
        <v>36321</v>
      </c>
      <c r="L90" s="974" t="s">
        <v>36322</v>
      </c>
      <c r="M90" s="974" t="s">
        <v>0</v>
      </c>
      <c r="N90" s="975"/>
    </row>
    <row r="91" spans="3:14" s="966" customFormat="1" ht="15">
      <c r="C91" s="972" t="s">
        <v>14213</v>
      </c>
      <c r="D91" s="974" t="s">
        <v>0</v>
      </c>
      <c r="E91" s="974" t="s">
        <v>14225</v>
      </c>
      <c r="F91" s="974" t="s">
        <v>26957</v>
      </c>
      <c r="G91" s="974" t="s">
        <v>37383</v>
      </c>
      <c r="H91" s="974" t="s">
        <v>14222</v>
      </c>
      <c r="I91" s="974" t="s">
        <v>36323</v>
      </c>
      <c r="J91" s="974" t="s">
        <v>36324</v>
      </c>
      <c r="K91" s="974" t="s">
        <v>36325</v>
      </c>
      <c r="L91" s="974" t="s">
        <v>36326</v>
      </c>
      <c r="M91" s="974" t="s">
        <v>0</v>
      </c>
      <c r="N91" s="975"/>
    </row>
    <row r="92" spans="3:14" s="966" customFormat="1" ht="15">
      <c r="C92" s="972" t="s">
        <v>7117</v>
      </c>
      <c r="D92" s="974" t="s">
        <v>0</v>
      </c>
      <c r="E92" s="974" t="s">
        <v>10283</v>
      </c>
      <c r="F92" s="974" t="s">
        <v>6446</v>
      </c>
      <c r="G92" s="974" t="s">
        <v>37388</v>
      </c>
      <c r="H92" s="974" t="s">
        <v>14222</v>
      </c>
      <c r="I92" s="974" t="s">
        <v>36327</v>
      </c>
      <c r="J92" s="974" t="s">
        <v>36328</v>
      </c>
      <c r="K92" s="974" t="s">
        <v>36329</v>
      </c>
      <c r="L92" s="974" t="s">
        <v>36330</v>
      </c>
      <c r="M92" s="974" t="s">
        <v>0</v>
      </c>
      <c r="N92" s="975"/>
    </row>
    <row r="93" spans="3:14" s="966" customFormat="1" ht="15">
      <c r="C93" s="972" t="s">
        <v>14219</v>
      </c>
      <c r="D93" s="974" t="s">
        <v>0</v>
      </c>
      <c r="E93" s="974" t="s">
        <v>13072</v>
      </c>
      <c r="F93" s="974" t="s">
        <v>13073</v>
      </c>
      <c r="G93" s="974" t="s">
        <v>74</v>
      </c>
      <c r="H93" s="974" t="s">
        <v>14222</v>
      </c>
      <c r="I93" s="974" t="s">
        <v>36331</v>
      </c>
      <c r="J93" s="974" t="s">
        <v>36332</v>
      </c>
      <c r="K93" s="974" t="s">
        <v>36333</v>
      </c>
      <c r="L93" s="974" t="s">
        <v>36334</v>
      </c>
      <c r="M93" s="974" t="s">
        <v>0</v>
      </c>
      <c r="N93" s="975"/>
    </row>
    <row r="94" spans="3:14" s="966" customFormat="1" ht="15">
      <c r="C94" s="972" t="s">
        <v>14229</v>
      </c>
      <c r="D94" s="974" t="s">
        <v>14226</v>
      </c>
      <c r="E94" s="974" t="s">
        <v>14228</v>
      </c>
      <c r="F94" s="974" t="s">
        <v>14227</v>
      </c>
      <c r="G94" s="974" t="s">
        <v>13395</v>
      </c>
      <c r="H94" s="974" t="s">
        <v>14222</v>
      </c>
      <c r="I94" s="974" t="s">
        <v>36335</v>
      </c>
      <c r="J94" s="974" t="s">
        <v>36336</v>
      </c>
      <c r="K94" s="974" t="s">
        <v>36337</v>
      </c>
      <c r="L94" s="974" t="s">
        <v>36338</v>
      </c>
      <c r="M94" s="974" t="s">
        <v>0</v>
      </c>
      <c r="N94" s="975"/>
    </row>
    <row r="95" spans="3:14" s="966" customFormat="1" ht="15">
      <c r="C95" s="972" t="s">
        <v>14115</v>
      </c>
      <c r="D95" s="974" t="s">
        <v>0</v>
      </c>
      <c r="E95" s="974" t="s">
        <v>14116</v>
      </c>
      <c r="F95" s="974" t="s">
        <v>14117</v>
      </c>
      <c r="G95" s="974" t="s">
        <v>13392</v>
      </c>
      <c r="H95" s="974" t="s">
        <v>14096</v>
      </c>
      <c r="I95" s="974" t="s">
        <v>36339</v>
      </c>
      <c r="J95" s="974" t="s">
        <v>36340</v>
      </c>
      <c r="K95" s="974" t="s">
        <v>36341</v>
      </c>
      <c r="L95" s="974" t="s">
        <v>36342</v>
      </c>
      <c r="M95" s="974" t="s">
        <v>0</v>
      </c>
      <c r="N95" s="975"/>
    </row>
    <row r="96" spans="3:14" s="966" customFormat="1" ht="15">
      <c r="C96" s="972" t="s">
        <v>14046</v>
      </c>
      <c r="D96" s="974" t="s">
        <v>14114</v>
      </c>
      <c r="E96" s="974" t="s">
        <v>14113</v>
      </c>
      <c r="F96" s="974" t="s">
        <v>14047</v>
      </c>
      <c r="G96" s="974" t="s">
        <v>37383</v>
      </c>
      <c r="H96" s="974" t="s">
        <v>14096</v>
      </c>
      <c r="I96" s="974" t="s">
        <v>36343</v>
      </c>
      <c r="J96" s="974" t="s">
        <v>36344</v>
      </c>
      <c r="K96" s="974" t="s">
        <v>36345</v>
      </c>
      <c r="L96" s="974" t="s">
        <v>36346</v>
      </c>
      <c r="M96" s="974" t="s">
        <v>0</v>
      </c>
      <c r="N96" s="975"/>
    </row>
    <row r="97" spans="3:14" s="966" customFormat="1" ht="15">
      <c r="C97" s="972" t="s">
        <v>4144</v>
      </c>
      <c r="D97" s="974" t="s">
        <v>0</v>
      </c>
      <c r="E97" s="974" t="s">
        <v>13740</v>
      </c>
      <c r="F97" s="974" t="s">
        <v>4145</v>
      </c>
      <c r="G97" s="974" t="s">
        <v>74</v>
      </c>
      <c r="H97" s="974" t="s">
        <v>14096</v>
      </c>
      <c r="I97" s="974" t="s">
        <v>36347</v>
      </c>
      <c r="J97" s="974" t="s">
        <v>36348</v>
      </c>
      <c r="K97" s="974" t="s">
        <v>36349</v>
      </c>
      <c r="L97" s="974" t="s">
        <v>36350</v>
      </c>
      <c r="M97" s="974" t="s">
        <v>0</v>
      </c>
      <c r="N97" s="975"/>
    </row>
    <row r="98" spans="3:14" s="966" customFormat="1" ht="15">
      <c r="C98" s="972" t="s">
        <v>14109</v>
      </c>
      <c r="D98" s="974" t="s">
        <v>14112</v>
      </c>
      <c r="E98" s="974" t="s">
        <v>14110</v>
      </c>
      <c r="F98" s="974" t="s">
        <v>14111</v>
      </c>
      <c r="G98" s="974" t="s">
        <v>13396</v>
      </c>
      <c r="H98" s="974" t="s">
        <v>14096</v>
      </c>
      <c r="I98" s="974" t="s">
        <v>36351</v>
      </c>
      <c r="J98" s="974" t="s">
        <v>36352</v>
      </c>
      <c r="K98" s="974" t="s">
        <v>36353</v>
      </c>
      <c r="L98" s="974" t="s">
        <v>36354</v>
      </c>
      <c r="M98" s="974" t="s">
        <v>0</v>
      </c>
      <c r="N98" s="975"/>
    </row>
    <row r="99" spans="3:14" s="966" customFormat="1" ht="15">
      <c r="C99" s="972" t="s">
        <v>14105</v>
      </c>
      <c r="D99" s="974" t="s">
        <v>14108</v>
      </c>
      <c r="E99" s="974" t="s">
        <v>14106</v>
      </c>
      <c r="F99" s="974" t="s">
        <v>14107</v>
      </c>
      <c r="G99" s="974" t="s">
        <v>37383</v>
      </c>
      <c r="H99" s="974" t="s">
        <v>14096</v>
      </c>
      <c r="I99" s="974" t="s">
        <v>36355</v>
      </c>
      <c r="J99" s="974" t="s">
        <v>36356</v>
      </c>
      <c r="K99" s="974" t="s">
        <v>36357</v>
      </c>
      <c r="L99" s="974" t="s">
        <v>36358</v>
      </c>
      <c r="M99" s="974" t="s">
        <v>37454</v>
      </c>
      <c r="N99" s="975"/>
    </row>
    <row r="100" spans="3:14" s="966" customFormat="1" ht="15">
      <c r="C100" s="972" t="s">
        <v>14022</v>
      </c>
      <c r="D100" s="974" t="s">
        <v>0</v>
      </c>
      <c r="E100" s="974" t="s">
        <v>14104</v>
      </c>
      <c r="F100" s="974" t="s">
        <v>14023</v>
      </c>
      <c r="G100" s="974" t="s">
        <v>74</v>
      </c>
      <c r="H100" s="974" t="s">
        <v>14096</v>
      </c>
      <c r="I100" s="974" t="s">
        <v>36359</v>
      </c>
      <c r="J100" s="974" t="s">
        <v>36360</v>
      </c>
      <c r="K100" s="974" t="s">
        <v>36361</v>
      </c>
      <c r="L100" s="974" t="s">
        <v>36362</v>
      </c>
      <c r="M100" s="974" t="s">
        <v>0</v>
      </c>
      <c r="N100" s="975"/>
    </row>
    <row r="101" spans="3:14" s="966" customFormat="1" ht="15">
      <c r="C101" s="972" t="s">
        <v>13918</v>
      </c>
      <c r="D101" s="974" t="s">
        <v>14103</v>
      </c>
      <c r="E101" s="974" t="s">
        <v>13787</v>
      </c>
      <c r="F101" s="974" t="s">
        <v>13788</v>
      </c>
      <c r="G101" s="974" t="s">
        <v>37389</v>
      </c>
      <c r="H101" s="974" t="s">
        <v>14096</v>
      </c>
      <c r="I101" s="974" t="s">
        <v>37390</v>
      </c>
      <c r="J101" s="974" t="s">
        <v>36363</v>
      </c>
      <c r="K101" s="974" t="s">
        <v>37391</v>
      </c>
      <c r="L101" s="974" t="s">
        <v>36364</v>
      </c>
      <c r="M101" s="974" t="s">
        <v>0</v>
      </c>
      <c r="N101" s="975"/>
    </row>
    <row r="102" spans="3:14" s="966" customFormat="1" ht="15">
      <c r="C102" s="972" t="s">
        <v>13998</v>
      </c>
      <c r="D102" s="974" t="s">
        <v>14102</v>
      </c>
      <c r="E102" s="974" t="s">
        <v>14101</v>
      </c>
      <c r="F102" s="974" t="s">
        <v>13999</v>
      </c>
      <c r="G102" s="974" t="s">
        <v>37383</v>
      </c>
      <c r="H102" s="974" t="s">
        <v>14096</v>
      </c>
      <c r="I102" s="974" t="s">
        <v>36365</v>
      </c>
      <c r="J102" s="974" t="s">
        <v>36366</v>
      </c>
      <c r="K102" s="974" t="s">
        <v>36367</v>
      </c>
      <c r="L102" s="974" t="s">
        <v>36368</v>
      </c>
      <c r="M102" s="974" t="s">
        <v>37455</v>
      </c>
      <c r="N102" s="975"/>
    </row>
    <row r="103" spans="3:14" s="966" customFormat="1" ht="15">
      <c r="C103" s="972" t="s">
        <v>14098</v>
      </c>
      <c r="D103" s="974" t="s">
        <v>0</v>
      </c>
      <c r="E103" s="974" t="s">
        <v>14099</v>
      </c>
      <c r="F103" s="974" t="s">
        <v>14100</v>
      </c>
      <c r="G103" s="974" t="s">
        <v>37383</v>
      </c>
      <c r="H103" s="974" t="s">
        <v>14096</v>
      </c>
      <c r="I103" s="974" t="s">
        <v>36369</v>
      </c>
      <c r="J103" s="974" t="s">
        <v>36370</v>
      </c>
      <c r="K103" s="974" t="s">
        <v>36371</v>
      </c>
      <c r="L103" s="974" t="s">
        <v>36372</v>
      </c>
      <c r="M103" s="974" t="s">
        <v>0</v>
      </c>
      <c r="N103" s="975"/>
    </row>
    <row r="104" spans="3:14" s="966" customFormat="1" ht="15">
      <c r="C104" s="972" t="s">
        <v>14093</v>
      </c>
      <c r="D104" s="974" t="s">
        <v>14097</v>
      </c>
      <c r="E104" s="974" t="s">
        <v>14094</v>
      </c>
      <c r="F104" s="974" t="s">
        <v>14095</v>
      </c>
      <c r="G104" s="974" t="s">
        <v>13396</v>
      </c>
      <c r="H104" s="974" t="s">
        <v>14096</v>
      </c>
      <c r="I104" s="974" t="s">
        <v>36373</v>
      </c>
      <c r="J104" s="974" t="s">
        <v>36374</v>
      </c>
      <c r="K104" s="974" t="s">
        <v>36375</v>
      </c>
      <c r="L104" s="974" t="s">
        <v>36376</v>
      </c>
      <c r="M104" s="974" t="s">
        <v>0</v>
      </c>
      <c r="N104" s="975"/>
    </row>
    <row r="105" spans="3:14" s="966" customFormat="1" ht="15">
      <c r="C105" s="972" t="s">
        <v>13820</v>
      </c>
      <c r="D105" s="974" t="s">
        <v>37456</v>
      </c>
      <c r="E105" s="974" t="s">
        <v>77</v>
      </c>
      <c r="F105" s="974" t="s">
        <v>77</v>
      </c>
      <c r="G105" s="974" t="s">
        <v>13395</v>
      </c>
      <c r="H105" s="974" t="s">
        <v>13813</v>
      </c>
      <c r="I105" s="974" t="s">
        <v>36377</v>
      </c>
      <c r="J105" s="974" t="s">
        <v>36378</v>
      </c>
      <c r="K105" s="974" t="s">
        <v>36379</v>
      </c>
      <c r="L105" s="974" t="s">
        <v>36380</v>
      </c>
      <c r="M105" s="974" t="s">
        <v>0</v>
      </c>
      <c r="N105" s="975"/>
    </row>
    <row r="106" spans="3:14" s="966" customFormat="1" ht="15">
      <c r="C106" s="972" t="s">
        <v>36381</v>
      </c>
      <c r="D106" s="974" t="s">
        <v>0</v>
      </c>
      <c r="E106" s="974" t="s">
        <v>36382</v>
      </c>
      <c r="F106" s="974" t="s">
        <v>36383</v>
      </c>
      <c r="G106" s="974" t="s">
        <v>13395</v>
      </c>
      <c r="H106" s="974" t="s">
        <v>13813</v>
      </c>
      <c r="I106" s="974" t="s">
        <v>36377</v>
      </c>
      <c r="J106" s="974" t="s">
        <v>36378</v>
      </c>
      <c r="K106" s="974" t="s">
        <v>36379</v>
      </c>
      <c r="L106" s="974" t="s">
        <v>36380</v>
      </c>
      <c r="M106" s="974" t="s">
        <v>0</v>
      </c>
      <c r="N106" s="975"/>
    </row>
    <row r="107" spans="3:14" s="966" customFormat="1" ht="15">
      <c r="C107" s="972" t="s">
        <v>36384</v>
      </c>
      <c r="D107" s="974" t="s">
        <v>0</v>
      </c>
      <c r="E107" s="974" t="s">
        <v>77</v>
      </c>
      <c r="F107" s="974" t="s">
        <v>36385</v>
      </c>
      <c r="G107" s="974" t="s">
        <v>13395</v>
      </c>
      <c r="H107" s="974" t="s">
        <v>13813</v>
      </c>
      <c r="I107" s="974" t="s">
        <v>36377</v>
      </c>
      <c r="J107" s="974" t="s">
        <v>36378</v>
      </c>
      <c r="K107" s="974" t="s">
        <v>36379</v>
      </c>
      <c r="L107" s="974" t="s">
        <v>36380</v>
      </c>
      <c r="M107" s="974" t="s">
        <v>0</v>
      </c>
      <c r="N107" s="975"/>
    </row>
    <row r="108" spans="3:14" s="966" customFormat="1" ht="15">
      <c r="C108" s="972" t="s">
        <v>10287</v>
      </c>
      <c r="D108" s="974" t="s">
        <v>0</v>
      </c>
      <c r="E108" s="974" t="s">
        <v>10289</v>
      </c>
      <c r="F108" s="974" t="s">
        <v>6448</v>
      </c>
      <c r="G108" s="974" t="s">
        <v>37388</v>
      </c>
      <c r="H108" s="974" t="s">
        <v>13813</v>
      </c>
      <c r="I108" s="974" t="s">
        <v>36386</v>
      </c>
      <c r="J108" s="974" t="s">
        <v>36387</v>
      </c>
      <c r="K108" s="974" t="s">
        <v>36388</v>
      </c>
      <c r="L108" s="974" t="s">
        <v>36389</v>
      </c>
      <c r="M108" s="974" t="s">
        <v>0</v>
      </c>
      <c r="N108" s="975"/>
    </row>
    <row r="109" spans="3:14" s="966" customFormat="1" ht="15">
      <c r="C109" s="972" t="s">
        <v>13817</v>
      </c>
      <c r="D109" s="974" t="s">
        <v>0</v>
      </c>
      <c r="E109" s="974" t="s">
        <v>13818</v>
      </c>
      <c r="F109" s="974" t="s">
        <v>2101</v>
      </c>
      <c r="G109" s="974" t="s">
        <v>37392</v>
      </c>
      <c r="H109" s="974" t="s">
        <v>13813</v>
      </c>
      <c r="I109" s="974" t="s">
        <v>36390</v>
      </c>
      <c r="J109" s="974" t="s">
        <v>36391</v>
      </c>
      <c r="K109" s="974" t="s">
        <v>36392</v>
      </c>
      <c r="L109" s="974" t="s">
        <v>36393</v>
      </c>
      <c r="M109" s="974" t="s">
        <v>0</v>
      </c>
      <c r="N109" s="975"/>
    </row>
    <row r="110" spans="3:14" s="966" customFormat="1" ht="15">
      <c r="C110" s="972" t="s">
        <v>13796</v>
      </c>
      <c r="D110" s="974" t="s">
        <v>0</v>
      </c>
      <c r="E110" s="974" t="s">
        <v>13816</v>
      </c>
      <c r="F110" s="974" t="s">
        <v>2083</v>
      </c>
      <c r="G110" s="974" t="s">
        <v>37392</v>
      </c>
      <c r="H110" s="974" t="s">
        <v>13813</v>
      </c>
      <c r="I110" s="974" t="s">
        <v>36394</v>
      </c>
      <c r="J110" s="974" t="s">
        <v>36395</v>
      </c>
      <c r="K110" s="974" t="s">
        <v>36396</v>
      </c>
      <c r="L110" s="974" t="s">
        <v>36397</v>
      </c>
      <c r="M110" s="974" t="s">
        <v>0</v>
      </c>
      <c r="N110" s="975"/>
    </row>
    <row r="111" spans="3:14" s="966" customFormat="1" ht="15">
      <c r="C111" s="972" t="s">
        <v>2056</v>
      </c>
      <c r="D111" s="974" t="s">
        <v>0</v>
      </c>
      <c r="E111" s="974" t="s">
        <v>13815</v>
      </c>
      <c r="F111" s="974" t="s">
        <v>2057</v>
      </c>
      <c r="G111" s="974" t="s">
        <v>37392</v>
      </c>
      <c r="H111" s="974" t="s">
        <v>13813</v>
      </c>
      <c r="I111" s="974" t="s">
        <v>36398</v>
      </c>
      <c r="J111" s="974" t="s">
        <v>36399</v>
      </c>
      <c r="K111" s="974" t="s">
        <v>36400</v>
      </c>
      <c r="L111" s="974" t="s">
        <v>36401</v>
      </c>
      <c r="M111" s="974" t="s">
        <v>0</v>
      </c>
      <c r="N111" s="975"/>
    </row>
    <row r="112" spans="3:14" s="966" customFormat="1" ht="15">
      <c r="C112" s="972" t="s">
        <v>13791</v>
      </c>
      <c r="D112" s="974" t="s">
        <v>0</v>
      </c>
      <c r="E112" s="974" t="s">
        <v>10276</v>
      </c>
      <c r="F112" s="974" t="s">
        <v>6437</v>
      </c>
      <c r="G112" s="974" t="s">
        <v>37388</v>
      </c>
      <c r="H112" s="974" t="s">
        <v>13813</v>
      </c>
      <c r="I112" s="974" t="s">
        <v>36402</v>
      </c>
      <c r="J112" s="974" t="s">
        <v>36403</v>
      </c>
      <c r="K112" s="974" t="s">
        <v>36404</v>
      </c>
      <c r="L112" s="974" t="s">
        <v>36405</v>
      </c>
      <c r="M112" s="974" t="s">
        <v>0</v>
      </c>
      <c r="N112" s="975"/>
    </row>
    <row r="113" spans="3:14" s="966" customFormat="1" ht="15">
      <c r="C113" s="972" t="s">
        <v>14118</v>
      </c>
      <c r="D113" s="974" t="s">
        <v>13819</v>
      </c>
      <c r="E113" s="974" t="s">
        <v>77</v>
      </c>
      <c r="F113" s="974" t="s">
        <v>77</v>
      </c>
      <c r="G113" s="974" t="s">
        <v>13392</v>
      </c>
      <c r="H113" s="974" t="s">
        <v>13813</v>
      </c>
      <c r="I113" s="974" t="s">
        <v>36406</v>
      </c>
      <c r="J113" s="974" t="s">
        <v>36407</v>
      </c>
      <c r="K113" s="974" t="s">
        <v>36408</v>
      </c>
      <c r="L113" s="974" t="s">
        <v>36409</v>
      </c>
      <c r="M113" s="974" t="s">
        <v>0</v>
      </c>
      <c r="N113" s="975"/>
    </row>
    <row r="114" spans="3:14" s="966" customFormat="1" ht="15">
      <c r="C114" s="972" t="s">
        <v>36410</v>
      </c>
      <c r="D114" s="974" t="s">
        <v>0</v>
      </c>
      <c r="E114" s="974" t="s">
        <v>36411</v>
      </c>
      <c r="F114" s="974" t="s">
        <v>3507</v>
      </c>
      <c r="G114" s="974" t="s">
        <v>13392</v>
      </c>
      <c r="H114" s="974" t="s">
        <v>13813</v>
      </c>
      <c r="I114" s="974" t="s">
        <v>36406</v>
      </c>
      <c r="J114" s="974" t="s">
        <v>36407</v>
      </c>
      <c r="K114" s="974" t="s">
        <v>36408</v>
      </c>
      <c r="L114" s="974" t="s">
        <v>36409</v>
      </c>
      <c r="M114" s="974" t="s">
        <v>0</v>
      </c>
      <c r="N114" s="975"/>
    </row>
    <row r="115" spans="3:14" s="966" customFormat="1" ht="15">
      <c r="C115" s="972" t="s">
        <v>37457</v>
      </c>
      <c r="D115" s="974" t="s">
        <v>0</v>
      </c>
      <c r="E115" s="974" t="s">
        <v>77</v>
      </c>
      <c r="F115" s="974" t="s">
        <v>13807</v>
      </c>
      <c r="G115" s="974" t="s">
        <v>13392</v>
      </c>
      <c r="H115" s="974" t="s">
        <v>13813</v>
      </c>
      <c r="I115" s="974" t="s">
        <v>36406</v>
      </c>
      <c r="J115" s="974" t="s">
        <v>36407</v>
      </c>
      <c r="K115" s="974" t="s">
        <v>36408</v>
      </c>
      <c r="L115" s="974" t="s">
        <v>36409</v>
      </c>
      <c r="M115" s="974" t="s">
        <v>0</v>
      </c>
      <c r="N115" s="975"/>
    </row>
    <row r="116" spans="3:14" s="966" customFormat="1" ht="15">
      <c r="C116" s="972" t="s">
        <v>37458</v>
      </c>
      <c r="D116" s="974" t="s">
        <v>0</v>
      </c>
      <c r="E116" s="974" t="s">
        <v>77</v>
      </c>
      <c r="F116" s="974" t="s">
        <v>13811</v>
      </c>
      <c r="G116" s="974" t="s">
        <v>13392</v>
      </c>
      <c r="H116" s="974" t="s">
        <v>13813</v>
      </c>
      <c r="I116" s="974" t="s">
        <v>36406</v>
      </c>
      <c r="J116" s="974" t="s">
        <v>36407</v>
      </c>
      <c r="K116" s="974" t="s">
        <v>36408</v>
      </c>
      <c r="L116" s="974" t="s">
        <v>36409</v>
      </c>
      <c r="M116" s="974" t="s">
        <v>0</v>
      </c>
      <c r="N116" s="975"/>
    </row>
    <row r="117" spans="3:14" s="966" customFormat="1" ht="15">
      <c r="C117" s="972" t="s">
        <v>36412</v>
      </c>
      <c r="D117" s="974" t="s">
        <v>0</v>
      </c>
      <c r="E117" s="974" t="s">
        <v>77</v>
      </c>
      <c r="F117" s="974" t="s">
        <v>77</v>
      </c>
      <c r="G117" s="974" t="s">
        <v>13392</v>
      </c>
      <c r="H117" s="974" t="s">
        <v>13813</v>
      </c>
      <c r="I117" s="974" t="s">
        <v>36406</v>
      </c>
      <c r="J117" s="974" t="s">
        <v>36407</v>
      </c>
      <c r="K117" s="974" t="s">
        <v>36408</v>
      </c>
      <c r="L117" s="974" t="s">
        <v>36409</v>
      </c>
      <c r="M117" s="974" t="s">
        <v>0</v>
      </c>
      <c r="N117" s="975"/>
    </row>
    <row r="118" spans="3:14" s="966" customFormat="1" ht="15">
      <c r="C118" s="972" t="s">
        <v>36413</v>
      </c>
      <c r="D118" s="974" t="s">
        <v>0</v>
      </c>
      <c r="E118" s="974" t="s">
        <v>77</v>
      </c>
      <c r="F118" s="974" t="s">
        <v>77</v>
      </c>
      <c r="G118" s="974" t="s">
        <v>13392</v>
      </c>
      <c r="H118" s="974" t="s">
        <v>13813</v>
      </c>
      <c r="I118" s="974" t="s">
        <v>36406</v>
      </c>
      <c r="J118" s="974" t="s">
        <v>36407</v>
      </c>
      <c r="K118" s="974" t="s">
        <v>36408</v>
      </c>
      <c r="L118" s="974" t="s">
        <v>36409</v>
      </c>
      <c r="M118" s="974" t="s">
        <v>0</v>
      </c>
      <c r="N118" s="975"/>
    </row>
    <row r="119" spans="3:14" s="966" customFormat="1" ht="15">
      <c r="C119" s="972" t="s">
        <v>13390</v>
      </c>
      <c r="D119" s="974" t="s">
        <v>13393</v>
      </c>
      <c r="E119" s="974" t="s">
        <v>77</v>
      </c>
      <c r="F119" s="974" t="s">
        <v>77</v>
      </c>
      <c r="G119" s="974" t="s">
        <v>13392</v>
      </c>
      <c r="H119" s="974" t="s">
        <v>13391</v>
      </c>
      <c r="I119" s="974" t="s">
        <v>36414</v>
      </c>
      <c r="J119" s="974" t="s">
        <v>36415</v>
      </c>
      <c r="K119" s="974" t="s">
        <v>36416</v>
      </c>
      <c r="L119" s="974" t="s">
        <v>36417</v>
      </c>
      <c r="M119" s="974" t="s">
        <v>0</v>
      </c>
      <c r="N119" s="975"/>
    </row>
    <row r="120" spans="3:14" s="966" customFormat="1" ht="15">
      <c r="C120" s="972" t="s">
        <v>36418</v>
      </c>
      <c r="D120" s="974" t="s">
        <v>0</v>
      </c>
      <c r="E120" s="974" t="s">
        <v>36419</v>
      </c>
      <c r="F120" s="974" t="s">
        <v>36420</v>
      </c>
      <c r="G120" s="974" t="s">
        <v>13392</v>
      </c>
      <c r="H120" s="974" t="s">
        <v>13391</v>
      </c>
      <c r="I120" s="974" t="s">
        <v>36414</v>
      </c>
      <c r="J120" s="974" t="s">
        <v>36415</v>
      </c>
      <c r="K120" s="974" t="s">
        <v>36416</v>
      </c>
      <c r="L120" s="974" t="s">
        <v>36417</v>
      </c>
      <c r="M120" s="974" t="s">
        <v>0</v>
      </c>
      <c r="N120" s="975"/>
    </row>
    <row r="121" spans="3:14" s="966" customFormat="1" ht="15">
      <c r="C121" s="972" t="s">
        <v>13724</v>
      </c>
      <c r="D121" s="974" t="s">
        <v>0</v>
      </c>
      <c r="E121" s="974" t="s">
        <v>36421</v>
      </c>
      <c r="F121" s="974" t="s">
        <v>13725</v>
      </c>
      <c r="G121" s="974" t="s">
        <v>13392</v>
      </c>
      <c r="H121" s="974" t="s">
        <v>13391</v>
      </c>
      <c r="I121" s="974" t="s">
        <v>36414</v>
      </c>
      <c r="J121" s="974" t="s">
        <v>36415</v>
      </c>
      <c r="K121" s="974" t="s">
        <v>36416</v>
      </c>
      <c r="L121" s="974" t="s">
        <v>36417</v>
      </c>
      <c r="M121" s="974" t="s">
        <v>0</v>
      </c>
      <c r="N121" s="975"/>
    </row>
    <row r="122" spans="3:14" s="966" customFormat="1" ht="15">
      <c r="C122" s="972" t="s">
        <v>13727</v>
      </c>
      <c r="D122" s="974" t="s">
        <v>0</v>
      </c>
      <c r="E122" s="974" t="s">
        <v>36422</v>
      </c>
      <c r="F122" s="974" t="s">
        <v>13728</v>
      </c>
      <c r="G122" s="974" t="s">
        <v>13392</v>
      </c>
      <c r="H122" s="974" t="s">
        <v>13391</v>
      </c>
      <c r="I122" s="974" t="s">
        <v>36414</v>
      </c>
      <c r="J122" s="974" t="s">
        <v>36415</v>
      </c>
      <c r="K122" s="974" t="s">
        <v>36416</v>
      </c>
      <c r="L122" s="974" t="s">
        <v>36417</v>
      </c>
      <c r="M122" s="974" t="s">
        <v>0</v>
      </c>
      <c r="N122" s="975"/>
    </row>
    <row r="123" spans="3:14" s="966" customFormat="1" ht="15">
      <c r="C123" s="972" t="s">
        <v>36423</v>
      </c>
      <c r="D123" s="974" t="s">
        <v>0</v>
      </c>
      <c r="E123" s="974" t="s">
        <v>36424</v>
      </c>
      <c r="F123" s="974" t="s">
        <v>13721</v>
      </c>
      <c r="G123" s="974" t="s">
        <v>13392</v>
      </c>
      <c r="H123" s="974" t="s">
        <v>13391</v>
      </c>
      <c r="I123" s="974" t="s">
        <v>36414</v>
      </c>
      <c r="J123" s="974" t="s">
        <v>36415</v>
      </c>
      <c r="K123" s="974" t="s">
        <v>36416</v>
      </c>
      <c r="L123" s="974" t="s">
        <v>36417</v>
      </c>
      <c r="M123" s="974" t="s">
        <v>0</v>
      </c>
      <c r="N123" s="975"/>
    </row>
    <row r="124" spans="3:14" s="966" customFormat="1" ht="15">
      <c r="C124" s="972" t="s">
        <v>36425</v>
      </c>
      <c r="D124" s="974" t="s">
        <v>0</v>
      </c>
      <c r="E124" s="974" t="s">
        <v>77</v>
      </c>
      <c r="F124" s="974" t="s">
        <v>36426</v>
      </c>
      <c r="G124" s="974" t="s">
        <v>13392</v>
      </c>
      <c r="H124" s="974" t="s">
        <v>13391</v>
      </c>
      <c r="I124" s="974" t="s">
        <v>36414</v>
      </c>
      <c r="J124" s="974" t="s">
        <v>36415</v>
      </c>
      <c r="K124" s="974" t="s">
        <v>36416</v>
      </c>
      <c r="L124" s="974" t="s">
        <v>36417</v>
      </c>
      <c r="M124" s="974" t="s">
        <v>0</v>
      </c>
      <c r="N124" s="975"/>
    </row>
    <row r="125" spans="3:14" s="966" customFormat="1" ht="15">
      <c r="C125" s="972" t="s">
        <v>36427</v>
      </c>
      <c r="D125" s="974" t="s">
        <v>0</v>
      </c>
      <c r="E125" s="974" t="s">
        <v>77</v>
      </c>
      <c r="F125" s="974" t="s">
        <v>36428</v>
      </c>
      <c r="G125" s="974" t="s">
        <v>13392</v>
      </c>
      <c r="H125" s="974" t="s">
        <v>13391</v>
      </c>
      <c r="I125" s="974" t="s">
        <v>36414</v>
      </c>
      <c r="J125" s="974" t="s">
        <v>36415</v>
      </c>
      <c r="K125" s="974" t="s">
        <v>36416</v>
      </c>
      <c r="L125" s="974" t="s">
        <v>36417</v>
      </c>
      <c r="M125" s="974" t="s">
        <v>0</v>
      </c>
      <c r="N125" s="975"/>
    </row>
    <row r="126" spans="3:14" s="966" customFormat="1" ht="15">
      <c r="C126" s="972" t="s">
        <v>36429</v>
      </c>
      <c r="D126" s="974" t="s">
        <v>0</v>
      </c>
      <c r="E126" s="974" t="s">
        <v>77</v>
      </c>
      <c r="F126" s="974" t="s">
        <v>36430</v>
      </c>
      <c r="G126" s="974" t="s">
        <v>13392</v>
      </c>
      <c r="H126" s="974" t="s">
        <v>13391</v>
      </c>
      <c r="I126" s="974" t="s">
        <v>36414</v>
      </c>
      <c r="J126" s="974" t="s">
        <v>36415</v>
      </c>
      <c r="K126" s="974" t="s">
        <v>36416</v>
      </c>
      <c r="L126" s="974" t="s">
        <v>36417</v>
      </c>
      <c r="M126" s="974" t="s">
        <v>0</v>
      </c>
      <c r="N126" s="975"/>
    </row>
    <row r="127" spans="3:14" s="966" customFormat="1" ht="15">
      <c r="C127" s="972" t="s">
        <v>36431</v>
      </c>
      <c r="D127" s="974" t="s">
        <v>0</v>
      </c>
      <c r="E127" s="974" t="s">
        <v>77</v>
      </c>
      <c r="F127" s="974" t="s">
        <v>36432</v>
      </c>
      <c r="G127" s="974" t="s">
        <v>13392</v>
      </c>
      <c r="H127" s="974" t="s">
        <v>13391</v>
      </c>
      <c r="I127" s="974" t="s">
        <v>36414</v>
      </c>
      <c r="J127" s="974" t="s">
        <v>36415</v>
      </c>
      <c r="K127" s="974" t="s">
        <v>36416</v>
      </c>
      <c r="L127" s="974" t="s">
        <v>36417</v>
      </c>
      <c r="M127" s="974" t="s">
        <v>0</v>
      </c>
      <c r="N127" s="975"/>
    </row>
    <row r="128" spans="3:14" s="966" customFormat="1" ht="15">
      <c r="C128" s="972" t="s">
        <v>36433</v>
      </c>
      <c r="D128" s="974" t="s">
        <v>0</v>
      </c>
      <c r="E128" s="974" t="s">
        <v>77</v>
      </c>
      <c r="F128" s="974" t="s">
        <v>36434</v>
      </c>
      <c r="G128" s="974" t="s">
        <v>13392</v>
      </c>
      <c r="H128" s="974" t="s">
        <v>13391</v>
      </c>
      <c r="I128" s="974" t="s">
        <v>36414</v>
      </c>
      <c r="J128" s="974" t="s">
        <v>36415</v>
      </c>
      <c r="K128" s="974" t="s">
        <v>36416</v>
      </c>
      <c r="L128" s="974" t="s">
        <v>36417</v>
      </c>
      <c r="M128" s="974" t="s">
        <v>0</v>
      </c>
      <c r="N128" s="975"/>
    </row>
    <row r="129" spans="3:14" s="966" customFormat="1" ht="15">
      <c r="C129" s="972" t="s">
        <v>36435</v>
      </c>
      <c r="D129" s="974" t="s">
        <v>0</v>
      </c>
      <c r="E129" s="974" t="s">
        <v>77</v>
      </c>
      <c r="F129" s="974" t="s">
        <v>36436</v>
      </c>
      <c r="G129" s="974" t="s">
        <v>13392</v>
      </c>
      <c r="H129" s="974" t="s">
        <v>13391</v>
      </c>
      <c r="I129" s="974" t="s">
        <v>36414</v>
      </c>
      <c r="J129" s="974" t="s">
        <v>36415</v>
      </c>
      <c r="K129" s="974" t="s">
        <v>36416</v>
      </c>
      <c r="L129" s="974" t="s">
        <v>36417</v>
      </c>
      <c r="M129" s="974" t="s">
        <v>0</v>
      </c>
      <c r="N129" s="975"/>
    </row>
    <row r="130" spans="3:14" s="966" customFormat="1" ht="15">
      <c r="C130" s="972" t="s">
        <v>36437</v>
      </c>
      <c r="D130" s="974" t="s">
        <v>0</v>
      </c>
      <c r="E130" s="974" t="s">
        <v>77</v>
      </c>
      <c r="F130" s="974" t="s">
        <v>36438</v>
      </c>
      <c r="G130" s="974" t="s">
        <v>13392</v>
      </c>
      <c r="H130" s="974" t="s">
        <v>13391</v>
      </c>
      <c r="I130" s="974" t="s">
        <v>36414</v>
      </c>
      <c r="J130" s="974" t="s">
        <v>36415</v>
      </c>
      <c r="K130" s="974" t="s">
        <v>36416</v>
      </c>
      <c r="L130" s="974" t="s">
        <v>36417</v>
      </c>
      <c r="M130" s="974" t="s">
        <v>0</v>
      </c>
      <c r="N130" s="975"/>
    </row>
    <row r="131" spans="3:14" s="966" customFormat="1" ht="15">
      <c r="C131" s="972" t="s">
        <v>36439</v>
      </c>
      <c r="D131" s="974" t="s">
        <v>0</v>
      </c>
      <c r="E131" s="974" t="s">
        <v>77</v>
      </c>
      <c r="F131" s="974" t="s">
        <v>36440</v>
      </c>
      <c r="G131" s="974" t="s">
        <v>13392</v>
      </c>
      <c r="H131" s="974" t="s">
        <v>13391</v>
      </c>
      <c r="I131" s="974" t="s">
        <v>36414</v>
      </c>
      <c r="J131" s="974" t="s">
        <v>36415</v>
      </c>
      <c r="K131" s="974" t="s">
        <v>36416</v>
      </c>
      <c r="L131" s="974" t="s">
        <v>36417</v>
      </c>
      <c r="M131" s="974" t="s">
        <v>0</v>
      </c>
      <c r="N131" s="975"/>
    </row>
    <row r="132" spans="3:14" s="966" customFormat="1" ht="15">
      <c r="C132" s="972" t="s">
        <v>36441</v>
      </c>
      <c r="D132" s="974" t="s">
        <v>0</v>
      </c>
      <c r="E132" s="974" t="s">
        <v>77</v>
      </c>
      <c r="F132" s="974" t="s">
        <v>36442</v>
      </c>
      <c r="G132" s="974" t="s">
        <v>13392</v>
      </c>
      <c r="H132" s="974" t="s">
        <v>13391</v>
      </c>
      <c r="I132" s="974" t="s">
        <v>36414</v>
      </c>
      <c r="J132" s="974" t="s">
        <v>36415</v>
      </c>
      <c r="K132" s="974" t="s">
        <v>36416</v>
      </c>
      <c r="L132" s="974" t="s">
        <v>36417</v>
      </c>
      <c r="M132" s="974" t="s">
        <v>0</v>
      </c>
      <c r="N132" s="975"/>
    </row>
    <row r="133" spans="3:14" s="966" customFormat="1" ht="15">
      <c r="C133" s="972" t="s">
        <v>36443</v>
      </c>
      <c r="D133" s="974" t="s">
        <v>0</v>
      </c>
      <c r="E133" s="974" t="s">
        <v>77</v>
      </c>
      <c r="F133" s="974" t="s">
        <v>36444</v>
      </c>
      <c r="G133" s="974" t="s">
        <v>13392</v>
      </c>
      <c r="H133" s="974" t="s">
        <v>13391</v>
      </c>
      <c r="I133" s="974" t="s">
        <v>36414</v>
      </c>
      <c r="J133" s="974" t="s">
        <v>36415</v>
      </c>
      <c r="K133" s="974" t="s">
        <v>36416</v>
      </c>
      <c r="L133" s="974" t="s">
        <v>36417</v>
      </c>
      <c r="M133" s="974" t="s">
        <v>0</v>
      </c>
      <c r="N133" s="975"/>
    </row>
    <row r="134" spans="3:14" s="966" customFormat="1" ht="15">
      <c r="C134" s="972" t="s">
        <v>36445</v>
      </c>
      <c r="D134" s="974" t="s">
        <v>0</v>
      </c>
      <c r="E134" s="974" t="s">
        <v>77</v>
      </c>
      <c r="F134" s="974" t="s">
        <v>36446</v>
      </c>
      <c r="G134" s="974" t="s">
        <v>13392</v>
      </c>
      <c r="H134" s="974" t="s">
        <v>13391</v>
      </c>
      <c r="I134" s="974" t="s">
        <v>36414</v>
      </c>
      <c r="J134" s="974" t="s">
        <v>36415</v>
      </c>
      <c r="K134" s="974" t="s">
        <v>36416</v>
      </c>
      <c r="L134" s="974" t="s">
        <v>36417</v>
      </c>
      <c r="M134" s="974" t="s">
        <v>0</v>
      </c>
      <c r="N134" s="975"/>
    </row>
    <row r="135" spans="3:14" s="966" customFormat="1" ht="15">
      <c r="C135" s="972" t="s">
        <v>36447</v>
      </c>
      <c r="D135" s="974" t="s">
        <v>0</v>
      </c>
      <c r="E135" s="974" t="s">
        <v>77</v>
      </c>
      <c r="F135" s="974" t="s">
        <v>36448</v>
      </c>
      <c r="G135" s="974" t="s">
        <v>13392</v>
      </c>
      <c r="H135" s="974" t="s">
        <v>13391</v>
      </c>
      <c r="I135" s="974" t="s">
        <v>36414</v>
      </c>
      <c r="J135" s="974" t="s">
        <v>36415</v>
      </c>
      <c r="K135" s="974" t="s">
        <v>36416</v>
      </c>
      <c r="L135" s="974" t="s">
        <v>36417</v>
      </c>
      <c r="M135" s="974" t="s">
        <v>0</v>
      </c>
      <c r="N135" s="975"/>
    </row>
    <row r="136" spans="3:14" s="966" customFormat="1" ht="15">
      <c r="C136" s="972" t="s">
        <v>36449</v>
      </c>
      <c r="D136" s="974" t="s">
        <v>0</v>
      </c>
      <c r="E136" s="974" t="s">
        <v>77</v>
      </c>
      <c r="F136" s="974" t="s">
        <v>36450</v>
      </c>
      <c r="G136" s="974" t="s">
        <v>13392</v>
      </c>
      <c r="H136" s="974" t="s">
        <v>13391</v>
      </c>
      <c r="I136" s="974" t="s">
        <v>36414</v>
      </c>
      <c r="J136" s="974" t="s">
        <v>36415</v>
      </c>
      <c r="K136" s="974" t="s">
        <v>36416</v>
      </c>
      <c r="L136" s="974" t="s">
        <v>36417</v>
      </c>
      <c r="M136" s="974" t="s">
        <v>0</v>
      </c>
      <c r="N136" s="975"/>
    </row>
    <row r="137" spans="3:14" s="966" customFormat="1" ht="15">
      <c r="C137" s="972" t="s">
        <v>36451</v>
      </c>
      <c r="D137" s="974" t="s">
        <v>0</v>
      </c>
      <c r="E137" s="974" t="s">
        <v>77</v>
      </c>
      <c r="F137" s="974" t="s">
        <v>36452</v>
      </c>
      <c r="G137" s="974" t="s">
        <v>13392</v>
      </c>
      <c r="H137" s="974" t="s">
        <v>13391</v>
      </c>
      <c r="I137" s="974" t="s">
        <v>36414</v>
      </c>
      <c r="J137" s="974" t="s">
        <v>36415</v>
      </c>
      <c r="K137" s="974" t="s">
        <v>36416</v>
      </c>
      <c r="L137" s="974" t="s">
        <v>36417</v>
      </c>
      <c r="M137" s="974" t="s">
        <v>0</v>
      </c>
      <c r="N137" s="975"/>
    </row>
    <row r="138" spans="3:14" s="966" customFormat="1" ht="15">
      <c r="C138" s="972" t="s">
        <v>36453</v>
      </c>
      <c r="D138" s="974" t="s">
        <v>0</v>
      </c>
      <c r="E138" s="974" t="s">
        <v>77</v>
      </c>
      <c r="F138" s="974" t="s">
        <v>36454</v>
      </c>
      <c r="G138" s="974" t="s">
        <v>13392</v>
      </c>
      <c r="H138" s="974" t="s">
        <v>13391</v>
      </c>
      <c r="I138" s="974" t="s">
        <v>36414</v>
      </c>
      <c r="J138" s="974" t="s">
        <v>36415</v>
      </c>
      <c r="K138" s="974" t="s">
        <v>36416</v>
      </c>
      <c r="L138" s="974" t="s">
        <v>36417</v>
      </c>
      <c r="M138" s="974" t="s">
        <v>0</v>
      </c>
      <c r="N138" s="975"/>
    </row>
    <row r="139" spans="3:14" s="966" customFormat="1" ht="15">
      <c r="C139" s="972" t="s">
        <v>36455</v>
      </c>
      <c r="D139" s="974" t="s">
        <v>0</v>
      </c>
      <c r="E139" s="974" t="s">
        <v>77</v>
      </c>
      <c r="F139" s="974" t="s">
        <v>36456</v>
      </c>
      <c r="G139" s="974" t="s">
        <v>13392</v>
      </c>
      <c r="H139" s="974" t="s">
        <v>13391</v>
      </c>
      <c r="I139" s="974" t="s">
        <v>36414</v>
      </c>
      <c r="J139" s="974" t="s">
        <v>36415</v>
      </c>
      <c r="K139" s="974" t="s">
        <v>36416</v>
      </c>
      <c r="L139" s="974" t="s">
        <v>36417</v>
      </c>
      <c r="M139" s="974" t="s">
        <v>0</v>
      </c>
      <c r="N139" s="975"/>
    </row>
    <row r="140" spans="3:14" s="966" customFormat="1" ht="15">
      <c r="C140" s="972" t="s">
        <v>36457</v>
      </c>
      <c r="D140" s="974" t="s">
        <v>0</v>
      </c>
      <c r="E140" s="974" t="s">
        <v>77</v>
      </c>
      <c r="F140" s="974" t="s">
        <v>36458</v>
      </c>
      <c r="G140" s="974" t="s">
        <v>13392</v>
      </c>
      <c r="H140" s="974" t="s">
        <v>13391</v>
      </c>
      <c r="I140" s="974" t="s">
        <v>36414</v>
      </c>
      <c r="J140" s="974" t="s">
        <v>36415</v>
      </c>
      <c r="K140" s="974" t="s">
        <v>36416</v>
      </c>
      <c r="L140" s="974" t="s">
        <v>36417</v>
      </c>
      <c r="M140" s="974" t="s">
        <v>0</v>
      </c>
      <c r="N140" s="975"/>
    </row>
    <row r="141" spans="3:14" s="966" customFormat="1" ht="15">
      <c r="C141" s="972" t="s">
        <v>36459</v>
      </c>
      <c r="D141" s="974" t="s">
        <v>0</v>
      </c>
      <c r="E141" s="974" t="s">
        <v>77</v>
      </c>
      <c r="F141" s="974" t="s">
        <v>36460</v>
      </c>
      <c r="G141" s="974" t="s">
        <v>13392</v>
      </c>
      <c r="H141" s="974" t="s">
        <v>13391</v>
      </c>
      <c r="I141" s="974" t="s">
        <v>36414</v>
      </c>
      <c r="J141" s="974" t="s">
        <v>36415</v>
      </c>
      <c r="K141" s="974" t="s">
        <v>36416</v>
      </c>
      <c r="L141" s="974" t="s">
        <v>36417</v>
      </c>
      <c r="M141" s="974" t="s">
        <v>0</v>
      </c>
      <c r="N141" s="975"/>
    </row>
    <row r="142" spans="3:14" s="966" customFormat="1" ht="15">
      <c r="C142" s="972" t="s">
        <v>36461</v>
      </c>
      <c r="D142" s="974" t="s">
        <v>0</v>
      </c>
      <c r="E142" s="974" t="s">
        <v>77</v>
      </c>
      <c r="F142" s="974" t="s">
        <v>36462</v>
      </c>
      <c r="G142" s="974" t="s">
        <v>13392</v>
      </c>
      <c r="H142" s="974" t="s">
        <v>13391</v>
      </c>
      <c r="I142" s="974" t="s">
        <v>36414</v>
      </c>
      <c r="J142" s="974" t="s">
        <v>36415</v>
      </c>
      <c r="K142" s="974" t="s">
        <v>36416</v>
      </c>
      <c r="L142" s="974" t="s">
        <v>36417</v>
      </c>
      <c r="M142" s="974" t="s">
        <v>0</v>
      </c>
      <c r="N142" s="975"/>
    </row>
    <row r="143" spans="3:14" s="966" customFormat="1" ht="15">
      <c r="C143" s="972" t="s">
        <v>36463</v>
      </c>
      <c r="D143" s="974" t="s">
        <v>0</v>
      </c>
      <c r="E143" s="974" t="s">
        <v>77</v>
      </c>
      <c r="F143" s="974" t="s">
        <v>36464</v>
      </c>
      <c r="G143" s="974" t="s">
        <v>13392</v>
      </c>
      <c r="H143" s="974" t="s">
        <v>13391</v>
      </c>
      <c r="I143" s="974" t="s">
        <v>36414</v>
      </c>
      <c r="J143" s="974" t="s">
        <v>36415</v>
      </c>
      <c r="K143" s="974" t="s">
        <v>36416</v>
      </c>
      <c r="L143" s="974" t="s">
        <v>36417</v>
      </c>
      <c r="M143" s="974" t="s">
        <v>0</v>
      </c>
      <c r="N143" s="975"/>
    </row>
    <row r="144" spans="3:14" s="966" customFormat="1" ht="15">
      <c r="C144" s="972" t="s">
        <v>36465</v>
      </c>
      <c r="D144" s="974" t="s">
        <v>0</v>
      </c>
      <c r="E144" s="974" t="s">
        <v>77</v>
      </c>
      <c r="F144" s="974" t="s">
        <v>36466</v>
      </c>
      <c r="G144" s="974" t="s">
        <v>13392</v>
      </c>
      <c r="H144" s="974" t="s">
        <v>13391</v>
      </c>
      <c r="I144" s="974" t="s">
        <v>36414</v>
      </c>
      <c r="J144" s="974" t="s">
        <v>36415</v>
      </c>
      <c r="K144" s="974" t="s">
        <v>36416</v>
      </c>
      <c r="L144" s="974" t="s">
        <v>36417</v>
      </c>
      <c r="M144" s="974" t="s">
        <v>0</v>
      </c>
      <c r="N144" s="975"/>
    </row>
    <row r="145" spans="3:14" s="966" customFormat="1" ht="15">
      <c r="C145" s="972" t="s">
        <v>36467</v>
      </c>
      <c r="D145" s="974" t="s">
        <v>0</v>
      </c>
      <c r="E145" s="974" t="s">
        <v>77</v>
      </c>
      <c r="F145" s="974" t="s">
        <v>36468</v>
      </c>
      <c r="G145" s="974" t="s">
        <v>13392</v>
      </c>
      <c r="H145" s="974" t="s">
        <v>13391</v>
      </c>
      <c r="I145" s="974" t="s">
        <v>36414</v>
      </c>
      <c r="J145" s="974" t="s">
        <v>36415</v>
      </c>
      <c r="K145" s="974" t="s">
        <v>36416</v>
      </c>
      <c r="L145" s="974" t="s">
        <v>36417</v>
      </c>
      <c r="M145" s="974" t="s">
        <v>0</v>
      </c>
      <c r="N145" s="975"/>
    </row>
    <row r="146" spans="3:14" s="966" customFormat="1" ht="15">
      <c r="C146" s="972" t="s">
        <v>36469</v>
      </c>
      <c r="D146" s="974" t="s">
        <v>0</v>
      </c>
      <c r="E146" s="974" t="s">
        <v>77</v>
      </c>
      <c r="F146" s="974" t="s">
        <v>36470</v>
      </c>
      <c r="G146" s="974" t="s">
        <v>13392</v>
      </c>
      <c r="H146" s="974" t="s">
        <v>13391</v>
      </c>
      <c r="I146" s="974" t="s">
        <v>36414</v>
      </c>
      <c r="J146" s="974" t="s">
        <v>36415</v>
      </c>
      <c r="K146" s="974" t="s">
        <v>36416</v>
      </c>
      <c r="L146" s="974" t="s">
        <v>36417</v>
      </c>
      <c r="M146" s="974" t="s">
        <v>0</v>
      </c>
      <c r="N146" s="975"/>
    </row>
    <row r="147" spans="3:14" s="966" customFormat="1" ht="15">
      <c r="C147" s="972" t="s">
        <v>36471</v>
      </c>
      <c r="D147" s="974" t="s">
        <v>0</v>
      </c>
      <c r="E147" s="974" t="s">
        <v>77</v>
      </c>
      <c r="F147" s="974" t="s">
        <v>36472</v>
      </c>
      <c r="G147" s="974" t="s">
        <v>13392</v>
      </c>
      <c r="H147" s="974" t="s">
        <v>13391</v>
      </c>
      <c r="I147" s="974" t="s">
        <v>36414</v>
      </c>
      <c r="J147" s="974" t="s">
        <v>36415</v>
      </c>
      <c r="K147" s="974" t="s">
        <v>36416</v>
      </c>
      <c r="L147" s="974" t="s">
        <v>36417</v>
      </c>
      <c r="M147" s="974" t="s">
        <v>0</v>
      </c>
      <c r="N147" s="975"/>
    </row>
    <row r="148" spans="3:14" s="966" customFormat="1" ht="15">
      <c r="C148" s="972" t="s">
        <v>36473</v>
      </c>
      <c r="D148" s="974" t="s">
        <v>0</v>
      </c>
      <c r="E148" s="974" t="s">
        <v>77</v>
      </c>
      <c r="F148" s="974" t="s">
        <v>36474</v>
      </c>
      <c r="G148" s="974" t="s">
        <v>13392</v>
      </c>
      <c r="H148" s="974" t="s">
        <v>13391</v>
      </c>
      <c r="I148" s="974" t="s">
        <v>36414</v>
      </c>
      <c r="J148" s="974" t="s">
        <v>36415</v>
      </c>
      <c r="K148" s="974" t="s">
        <v>36416</v>
      </c>
      <c r="L148" s="974" t="s">
        <v>36417</v>
      </c>
      <c r="M148" s="974" t="s">
        <v>0</v>
      </c>
      <c r="N148" s="975"/>
    </row>
    <row r="149" spans="3:14" s="966" customFormat="1" ht="15">
      <c r="C149" s="972" t="s">
        <v>36475</v>
      </c>
      <c r="D149" s="974" t="s">
        <v>0</v>
      </c>
      <c r="E149" s="974" t="s">
        <v>77</v>
      </c>
      <c r="F149" s="974" t="s">
        <v>36476</v>
      </c>
      <c r="G149" s="974" t="s">
        <v>13392</v>
      </c>
      <c r="H149" s="974" t="s">
        <v>13391</v>
      </c>
      <c r="I149" s="974" t="s">
        <v>36414</v>
      </c>
      <c r="J149" s="974" t="s">
        <v>36415</v>
      </c>
      <c r="K149" s="974" t="s">
        <v>36416</v>
      </c>
      <c r="L149" s="974" t="s">
        <v>36417</v>
      </c>
      <c r="M149" s="974" t="s">
        <v>0</v>
      </c>
      <c r="N149" s="975"/>
    </row>
    <row r="150" spans="3:14" s="966" customFormat="1" ht="15">
      <c r="C150" s="972" t="s">
        <v>36477</v>
      </c>
      <c r="D150" s="974" t="s">
        <v>0</v>
      </c>
      <c r="E150" s="974" t="s">
        <v>77</v>
      </c>
      <c r="F150" s="974" t="s">
        <v>36478</v>
      </c>
      <c r="G150" s="974" t="s">
        <v>13392</v>
      </c>
      <c r="H150" s="974" t="s">
        <v>13391</v>
      </c>
      <c r="I150" s="974" t="s">
        <v>36414</v>
      </c>
      <c r="J150" s="974" t="s">
        <v>36415</v>
      </c>
      <c r="K150" s="974" t="s">
        <v>36416</v>
      </c>
      <c r="L150" s="974" t="s">
        <v>36417</v>
      </c>
      <c r="M150" s="974" t="s">
        <v>0</v>
      </c>
      <c r="N150" s="975"/>
    </row>
    <row r="151" spans="3:14" s="966" customFormat="1" ht="15">
      <c r="C151" s="972" t="s">
        <v>36479</v>
      </c>
      <c r="D151" s="974" t="s">
        <v>0</v>
      </c>
      <c r="E151" s="974" t="s">
        <v>77</v>
      </c>
      <c r="F151" s="974" t="s">
        <v>36480</v>
      </c>
      <c r="G151" s="974" t="s">
        <v>13392</v>
      </c>
      <c r="H151" s="974" t="s">
        <v>13391</v>
      </c>
      <c r="I151" s="974" t="s">
        <v>36414</v>
      </c>
      <c r="J151" s="974" t="s">
        <v>36415</v>
      </c>
      <c r="K151" s="974" t="s">
        <v>36416</v>
      </c>
      <c r="L151" s="974" t="s">
        <v>36417</v>
      </c>
      <c r="M151" s="974" t="s">
        <v>0</v>
      </c>
      <c r="N151" s="975"/>
    </row>
    <row r="152" spans="3:14" s="966" customFormat="1" ht="15">
      <c r="C152" s="972" t="s">
        <v>36481</v>
      </c>
      <c r="D152" s="974" t="s">
        <v>0</v>
      </c>
      <c r="E152" s="974" t="s">
        <v>77</v>
      </c>
      <c r="F152" s="974" t="s">
        <v>36482</v>
      </c>
      <c r="G152" s="974" t="s">
        <v>13392</v>
      </c>
      <c r="H152" s="974" t="s">
        <v>13391</v>
      </c>
      <c r="I152" s="974" t="s">
        <v>36414</v>
      </c>
      <c r="J152" s="974" t="s">
        <v>36415</v>
      </c>
      <c r="K152" s="974" t="s">
        <v>36416</v>
      </c>
      <c r="L152" s="974" t="s">
        <v>36417</v>
      </c>
      <c r="M152" s="974" t="s">
        <v>0</v>
      </c>
      <c r="N152" s="975"/>
    </row>
    <row r="153" spans="3:14" s="966" customFormat="1" ht="15">
      <c r="C153" s="972" t="s">
        <v>36483</v>
      </c>
      <c r="D153" s="974" t="s">
        <v>0</v>
      </c>
      <c r="E153" s="974" t="s">
        <v>77</v>
      </c>
      <c r="F153" s="974" t="s">
        <v>36484</v>
      </c>
      <c r="G153" s="974" t="s">
        <v>13392</v>
      </c>
      <c r="H153" s="974" t="s">
        <v>13391</v>
      </c>
      <c r="I153" s="974" t="s">
        <v>36414</v>
      </c>
      <c r="J153" s="974" t="s">
        <v>36415</v>
      </c>
      <c r="K153" s="974" t="s">
        <v>36416</v>
      </c>
      <c r="L153" s="974" t="s">
        <v>36417</v>
      </c>
      <c r="M153" s="974" t="s">
        <v>0</v>
      </c>
      <c r="N153" s="975"/>
    </row>
    <row r="154" spans="3:14" s="966" customFormat="1" ht="15">
      <c r="C154" s="972" t="s">
        <v>36485</v>
      </c>
      <c r="D154" s="974" t="s">
        <v>0</v>
      </c>
      <c r="E154" s="974" t="s">
        <v>77</v>
      </c>
      <c r="F154" s="974" t="s">
        <v>36486</v>
      </c>
      <c r="G154" s="974" t="s">
        <v>13392</v>
      </c>
      <c r="H154" s="974" t="s">
        <v>13391</v>
      </c>
      <c r="I154" s="974" t="s">
        <v>36414</v>
      </c>
      <c r="J154" s="974" t="s">
        <v>36415</v>
      </c>
      <c r="K154" s="974" t="s">
        <v>36416</v>
      </c>
      <c r="L154" s="974" t="s">
        <v>36417</v>
      </c>
      <c r="M154" s="974" t="s">
        <v>0</v>
      </c>
      <c r="N154" s="975"/>
    </row>
    <row r="155" spans="3:14" s="966" customFormat="1" ht="15">
      <c r="C155" s="972" t="s">
        <v>36487</v>
      </c>
      <c r="D155" s="974" t="s">
        <v>0</v>
      </c>
      <c r="E155" s="974" t="s">
        <v>77</v>
      </c>
      <c r="F155" s="974" t="s">
        <v>36488</v>
      </c>
      <c r="G155" s="974" t="s">
        <v>13392</v>
      </c>
      <c r="H155" s="974" t="s">
        <v>13391</v>
      </c>
      <c r="I155" s="974" t="s">
        <v>36414</v>
      </c>
      <c r="J155" s="974" t="s">
        <v>36415</v>
      </c>
      <c r="K155" s="974" t="s">
        <v>36416</v>
      </c>
      <c r="L155" s="974" t="s">
        <v>36417</v>
      </c>
      <c r="M155" s="974" t="s">
        <v>0</v>
      </c>
      <c r="N155" s="975"/>
    </row>
    <row r="156" spans="3:14" s="966" customFormat="1" ht="15">
      <c r="C156" s="972" t="s">
        <v>36489</v>
      </c>
      <c r="D156" s="974" t="s">
        <v>0</v>
      </c>
      <c r="E156" s="974" t="s">
        <v>77</v>
      </c>
      <c r="F156" s="974" t="s">
        <v>36490</v>
      </c>
      <c r="G156" s="974" t="s">
        <v>13392</v>
      </c>
      <c r="H156" s="974" t="s">
        <v>13391</v>
      </c>
      <c r="I156" s="974" t="s">
        <v>36414</v>
      </c>
      <c r="J156" s="974" t="s">
        <v>36415</v>
      </c>
      <c r="K156" s="974" t="s">
        <v>36416</v>
      </c>
      <c r="L156" s="974" t="s">
        <v>36417</v>
      </c>
      <c r="M156" s="974" t="s">
        <v>0</v>
      </c>
      <c r="N156" s="975"/>
    </row>
    <row r="157" spans="3:14" s="966" customFormat="1" ht="15">
      <c r="C157" s="972" t="s">
        <v>79</v>
      </c>
      <c r="D157" s="974" t="s">
        <v>0</v>
      </c>
      <c r="E157" s="974" t="s">
        <v>80</v>
      </c>
      <c r="F157" s="974" t="s">
        <v>81</v>
      </c>
      <c r="G157" s="974" t="s">
        <v>13395</v>
      </c>
      <c r="H157" s="974" t="s">
        <v>73</v>
      </c>
      <c r="I157" s="974" t="s">
        <v>36491</v>
      </c>
      <c r="J157" s="974" t="s">
        <v>36492</v>
      </c>
      <c r="K157" s="974" t="s">
        <v>0</v>
      </c>
      <c r="L157" s="974" t="s">
        <v>36493</v>
      </c>
      <c r="M157" s="974" t="s">
        <v>0</v>
      </c>
      <c r="N157" s="975"/>
    </row>
    <row r="158" spans="3:14" s="966" customFormat="1" ht="15">
      <c r="C158" s="972" t="s">
        <v>78</v>
      </c>
      <c r="D158" s="974" t="s">
        <v>0</v>
      </c>
      <c r="E158" s="974" t="s">
        <v>77</v>
      </c>
      <c r="F158" s="974" t="s">
        <v>77</v>
      </c>
      <c r="G158" s="974" t="s">
        <v>37393</v>
      </c>
      <c r="H158" s="974" t="s">
        <v>73</v>
      </c>
      <c r="I158" s="974" t="s">
        <v>36494</v>
      </c>
      <c r="J158" s="974" t="s">
        <v>36495</v>
      </c>
      <c r="K158" s="974" t="s">
        <v>0</v>
      </c>
      <c r="L158" s="974" t="s">
        <v>0</v>
      </c>
      <c r="M158" s="974" t="s">
        <v>0</v>
      </c>
      <c r="N158" s="975"/>
    </row>
    <row r="159" spans="3:14" s="966" customFormat="1" ht="15">
      <c r="C159" s="972" t="s">
        <v>8336</v>
      </c>
      <c r="D159" s="974" t="s">
        <v>0</v>
      </c>
      <c r="E159" s="974" t="s">
        <v>36496</v>
      </c>
      <c r="F159" s="974" t="s">
        <v>8337</v>
      </c>
      <c r="G159" s="974" t="s">
        <v>37393</v>
      </c>
      <c r="H159" s="974" t="s">
        <v>73</v>
      </c>
      <c r="I159" s="974" t="s">
        <v>36494</v>
      </c>
      <c r="J159" s="974" t="s">
        <v>36495</v>
      </c>
      <c r="K159" s="974" t="s">
        <v>0</v>
      </c>
      <c r="L159" s="974" t="s">
        <v>0</v>
      </c>
      <c r="M159" s="974" t="s">
        <v>0</v>
      </c>
      <c r="N159" s="975"/>
    </row>
    <row r="160" spans="3:14" s="966" customFormat="1" ht="15">
      <c r="C160" s="972" t="s">
        <v>36497</v>
      </c>
      <c r="D160" s="974" t="s">
        <v>0</v>
      </c>
      <c r="E160" s="974" t="s">
        <v>77</v>
      </c>
      <c r="F160" s="974" t="s">
        <v>8341</v>
      </c>
      <c r="G160" s="974" t="s">
        <v>37393</v>
      </c>
      <c r="H160" s="974" t="s">
        <v>73</v>
      </c>
      <c r="I160" s="974" t="s">
        <v>36494</v>
      </c>
      <c r="J160" s="974" t="s">
        <v>36495</v>
      </c>
      <c r="K160" s="974" t="s">
        <v>0</v>
      </c>
      <c r="L160" s="974" t="s">
        <v>0</v>
      </c>
      <c r="M160" s="974" t="s">
        <v>0</v>
      </c>
      <c r="N160" s="975"/>
    </row>
    <row r="161" spans="3:14" s="966" customFormat="1" ht="15">
      <c r="C161" s="972" t="s">
        <v>8340</v>
      </c>
      <c r="D161" s="974" t="s">
        <v>0</v>
      </c>
      <c r="E161" s="974" t="s">
        <v>77</v>
      </c>
      <c r="F161" s="974" t="s">
        <v>8341</v>
      </c>
      <c r="G161" s="974" t="s">
        <v>37393</v>
      </c>
      <c r="H161" s="974" t="s">
        <v>73</v>
      </c>
      <c r="I161" s="974" t="s">
        <v>36494</v>
      </c>
      <c r="J161" s="974" t="s">
        <v>36495</v>
      </c>
      <c r="K161" s="974" t="s">
        <v>0</v>
      </c>
      <c r="L161" s="974" t="s">
        <v>0</v>
      </c>
      <c r="M161" s="974" t="s">
        <v>0</v>
      </c>
      <c r="N161" s="975"/>
    </row>
    <row r="162" spans="3:14" s="966" customFormat="1" ht="15">
      <c r="C162" s="972" t="s">
        <v>8343</v>
      </c>
      <c r="D162" s="974" t="s">
        <v>0</v>
      </c>
      <c r="E162" s="974" t="s">
        <v>36498</v>
      </c>
      <c r="F162" s="974" t="s">
        <v>8344</v>
      </c>
      <c r="G162" s="974" t="s">
        <v>37393</v>
      </c>
      <c r="H162" s="974" t="s">
        <v>73</v>
      </c>
      <c r="I162" s="974" t="s">
        <v>36494</v>
      </c>
      <c r="J162" s="974" t="s">
        <v>36495</v>
      </c>
      <c r="K162" s="974" t="s">
        <v>0</v>
      </c>
      <c r="L162" s="974" t="s">
        <v>0</v>
      </c>
      <c r="M162" s="974" t="s">
        <v>0</v>
      </c>
      <c r="N162" s="975"/>
    </row>
    <row r="163" spans="3:14" s="966" customFormat="1" ht="15">
      <c r="C163" s="972" t="s">
        <v>75</v>
      </c>
      <c r="D163" s="974" t="s">
        <v>76</v>
      </c>
      <c r="E163" s="974" t="s">
        <v>77</v>
      </c>
      <c r="F163" s="974" t="s">
        <v>77</v>
      </c>
      <c r="G163" s="974" t="s">
        <v>13395</v>
      </c>
      <c r="H163" s="974" t="s">
        <v>73</v>
      </c>
      <c r="I163" s="974" t="s">
        <v>36499</v>
      </c>
      <c r="J163" s="974" t="s">
        <v>36500</v>
      </c>
      <c r="K163" s="974" t="s">
        <v>36501</v>
      </c>
      <c r="L163" s="974" t="s">
        <v>0</v>
      </c>
      <c r="M163" s="974" t="s">
        <v>0</v>
      </c>
      <c r="N163" s="975"/>
    </row>
    <row r="164" spans="3:14" s="966" customFormat="1" ht="15">
      <c r="C164" s="972" t="s">
        <v>36502</v>
      </c>
      <c r="D164" s="974" t="s">
        <v>0</v>
      </c>
      <c r="E164" s="974" t="s">
        <v>36503</v>
      </c>
      <c r="F164" s="974" t="s">
        <v>36504</v>
      </c>
      <c r="G164" s="974" t="s">
        <v>13395</v>
      </c>
      <c r="H164" s="974" t="s">
        <v>73</v>
      </c>
      <c r="I164" s="974" t="s">
        <v>36499</v>
      </c>
      <c r="J164" s="974" t="s">
        <v>36500</v>
      </c>
      <c r="K164" s="974" t="s">
        <v>36501</v>
      </c>
      <c r="L164" s="974" t="s">
        <v>0</v>
      </c>
      <c r="M164" s="974" t="s">
        <v>0</v>
      </c>
      <c r="N164" s="975"/>
    </row>
    <row r="165" spans="3:14" s="966" customFormat="1" ht="15">
      <c r="C165" s="972" t="s">
        <v>36505</v>
      </c>
      <c r="D165" s="974" t="s">
        <v>0</v>
      </c>
      <c r="E165" s="974" t="s">
        <v>36506</v>
      </c>
      <c r="F165" s="974" t="s">
        <v>36507</v>
      </c>
      <c r="G165" s="974" t="s">
        <v>13395</v>
      </c>
      <c r="H165" s="974" t="s">
        <v>73</v>
      </c>
      <c r="I165" s="974" t="s">
        <v>36499</v>
      </c>
      <c r="J165" s="974" t="s">
        <v>36500</v>
      </c>
      <c r="K165" s="974" t="s">
        <v>36501</v>
      </c>
      <c r="L165" s="974" t="s">
        <v>0</v>
      </c>
      <c r="M165" s="974" t="s">
        <v>0</v>
      </c>
      <c r="N165" s="975"/>
    </row>
    <row r="166" spans="3:14" s="966" customFormat="1" ht="15">
      <c r="C166" s="972" t="s">
        <v>36508</v>
      </c>
      <c r="D166" s="974" t="s">
        <v>0</v>
      </c>
      <c r="E166" s="974" t="s">
        <v>77</v>
      </c>
      <c r="F166" s="974" t="s">
        <v>36509</v>
      </c>
      <c r="G166" s="974" t="s">
        <v>13395</v>
      </c>
      <c r="H166" s="974" t="s">
        <v>73</v>
      </c>
      <c r="I166" s="974" t="s">
        <v>36499</v>
      </c>
      <c r="J166" s="974" t="s">
        <v>36500</v>
      </c>
      <c r="K166" s="974" t="s">
        <v>36501</v>
      </c>
      <c r="L166" s="974" t="s">
        <v>0</v>
      </c>
      <c r="M166" s="974" t="s">
        <v>0</v>
      </c>
      <c r="N166" s="975"/>
    </row>
    <row r="167" spans="3:14" s="966" customFormat="1" ht="15">
      <c r="C167" s="972" t="s">
        <v>36510</v>
      </c>
      <c r="D167" s="974" t="s">
        <v>0</v>
      </c>
      <c r="E167" s="974" t="s">
        <v>77</v>
      </c>
      <c r="F167" s="974" t="s">
        <v>36511</v>
      </c>
      <c r="G167" s="974" t="s">
        <v>13395</v>
      </c>
      <c r="H167" s="974" t="s">
        <v>73</v>
      </c>
      <c r="I167" s="974" t="s">
        <v>36499</v>
      </c>
      <c r="J167" s="974" t="s">
        <v>36500</v>
      </c>
      <c r="K167" s="974" t="s">
        <v>36501</v>
      </c>
      <c r="L167" s="974" t="s">
        <v>0</v>
      </c>
      <c r="M167" s="974" t="s">
        <v>0</v>
      </c>
      <c r="N167" s="975"/>
    </row>
    <row r="168" spans="3:14" s="966" customFormat="1" ht="15">
      <c r="C168" s="972" t="s">
        <v>36512</v>
      </c>
      <c r="D168" s="974" t="s">
        <v>0</v>
      </c>
      <c r="E168" s="974" t="s">
        <v>77</v>
      </c>
      <c r="F168" s="974" t="s">
        <v>36513</v>
      </c>
      <c r="G168" s="974" t="s">
        <v>13395</v>
      </c>
      <c r="H168" s="974" t="s">
        <v>73</v>
      </c>
      <c r="I168" s="974" t="s">
        <v>36499</v>
      </c>
      <c r="J168" s="974" t="s">
        <v>36500</v>
      </c>
      <c r="K168" s="974" t="s">
        <v>36501</v>
      </c>
      <c r="L168" s="974" t="s">
        <v>0</v>
      </c>
      <c r="M168" s="974" t="s">
        <v>0</v>
      </c>
      <c r="N168" s="975"/>
    </row>
    <row r="169" spans="3:14" s="966" customFormat="1" ht="15">
      <c r="C169" s="972" t="s">
        <v>36514</v>
      </c>
      <c r="D169" s="974" t="s">
        <v>0</v>
      </c>
      <c r="E169" s="974" t="s">
        <v>77</v>
      </c>
      <c r="F169" s="974" t="s">
        <v>36515</v>
      </c>
      <c r="G169" s="974" t="s">
        <v>13395</v>
      </c>
      <c r="H169" s="974" t="s">
        <v>73</v>
      </c>
      <c r="I169" s="974" t="s">
        <v>36499</v>
      </c>
      <c r="J169" s="974" t="s">
        <v>36500</v>
      </c>
      <c r="K169" s="974" t="s">
        <v>36501</v>
      </c>
      <c r="L169" s="974" t="s">
        <v>0</v>
      </c>
      <c r="M169" s="974" t="s">
        <v>0</v>
      </c>
      <c r="N169" s="975"/>
    </row>
    <row r="170" spans="3:14" s="966" customFormat="1" ht="15">
      <c r="C170" s="972" t="s">
        <v>36516</v>
      </c>
      <c r="D170" s="974" t="s">
        <v>0</v>
      </c>
      <c r="E170" s="974" t="s">
        <v>77</v>
      </c>
      <c r="F170" s="974" t="s">
        <v>36517</v>
      </c>
      <c r="G170" s="974" t="s">
        <v>13395</v>
      </c>
      <c r="H170" s="974" t="s">
        <v>73</v>
      </c>
      <c r="I170" s="974" t="s">
        <v>36499</v>
      </c>
      <c r="J170" s="974" t="s">
        <v>36500</v>
      </c>
      <c r="K170" s="974" t="s">
        <v>36501</v>
      </c>
      <c r="L170" s="974" t="s">
        <v>0</v>
      </c>
      <c r="M170" s="974" t="s">
        <v>0</v>
      </c>
      <c r="N170" s="975"/>
    </row>
    <row r="171" spans="3:14" s="966" customFormat="1" ht="15">
      <c r="C171" s="972" t="s">
        <v>36518</v>
      </c>
      <c r="D171" s="974" t="s">
        <v>0</v>
      </c>
      <c r="E171" s="974" t="s">
        <v>77</v>
      </c>
      <c r="F171" s="974" t="s">
        <v>36519</v>
      </c>
      <c r="G171" s="974" t="s">
        <v>13395</v>
      </c>
      <c r="H171" s="974" t="s">
        <v>73</v>
      </c>
      <c r="I171" s="974" t="s">
        <v>36499</v>
      </c>
      <c r="J171" s="974" t="s">
        <v>36500</v>
      </c>
      <c r="K171" s="974" t="s">
        <v>36501</v>
      </c>
      <c r="L171" s="974" t="s">
        <v>0</v>
      </c>
      <c r="M171" s="974" t="s">
        <v>0</v>
      </c>
      <c r="N171" s="975"/>
    </row>
    <row r="172" spans="3:14" s="966" customFormat="1" ht="15">
      <c r="C172" s="972" t="s">
        <v>36520</v>
      </c>
      <c r="D172" s="974" t="s">
        <v>0</v>
      </c>
      <c r="E172" s="974" t="s">
        <v>77</v>
      </c>
      <c r="F172" s="974" t="s">
        <v>36521</v>
      </c>
      <c r="G172" s="974" t="s">
        <v>13395</v>
      </c>
      <c r="H172" s="974" t="s">
        <v>73</v>
      </c>
      <c r="I172" s="974" t="s">
        <v>36499</v>
      </c>
      <c r="J172" s="974" t="s">
        <v>36500</v>
      </c>
      <c r="K172" s="974" t="s">
        <v>36501</v>
      </c>
      <c r="L172" s="974" t="s">
        <v>0</v>
      </c>
      <c r="M172" s="974" t="s">
        <v>0</v>
      </c>
      <c r="N172" s="975"/>
    </row>
    <row r="173" spans="3:14" s="966" customFormat="1" ht="15">
      <c r="C173" s="972" t="s">
        <v>36522</v>
      </c>
      <c r="D173" s="974" t="s">
        <v>0</v>
      </c>
      <c r="E173" s="974" t="s">
        <v>77</v>
      </c>
      <c r="F173" s="974" t="s">
        <v>36523</v>
      </c>
      <c r="G173" s="974" t="s">
        <v>13395</v>
      </c>
      <c r="H173" s="974" t="s">
        <v>73</v>
      </c>
      <c r="I173" s="974" t="s">
        <v>36499</v>
      </c>
      <c r="J173" s="974" t="s">
        <v>36500</v>
      </c>
      <c r="K173" s="974" t="s">
        <v>36501</v>
      </c>
      <c r="L173" s="974" t="s">
        <v>0</v>
      </c>
      <c r="M173" s="974" t="s">
        <v>0</v>
      </c>
      <c r="N173" s="975"/>
    </row>
    <row r="174" spans="3:14" s="966" customFormat="1" ht="15">
      <c r="C174" s="972" t="s">
        <v>36524</v>
      </c>
      <c r="D174" s="974" t="s">
        <v>0</v>
      </c>
      <c r="E174" s="974" t="s">
        <v>77</v>
      </c>
      <c r="F174" s="974" t="s">
        <v>36525</v>
      </c>
      <c r="G174" s="974" t="s">
        <v>13395</v>
      </c>
      <c r="H174" s="974" t="s">
        <v>73</v>
      </c>
      <c r="I174" s="974" t="s">
        <v>36499</v>
      </c>
      <c r="J174" s="974" t="s">
        <v>36500</v>
      </c>
      <c r="K174" s="974" t="s">
        <v>36501</v>
      </c>
      <c r="L174" s="974" t="s">
        <v>0</v>
      </c>
      <c r="M174" s="974" t="s">
        <v>0</v>
      </c>
      <c r="N174" s="975"/>
    </row>
    <row r="175" spans="3:14" s="966" customFormat="1" ht="15">
      <c r="C175" s="972" t="s">
        <v>36526</v>
      </c>
      <c r="D175" s="974" t="s">
        <v>0</v>
      </c>
      <c r="E175" s="974" t="s">
        <v>77</v>
      </c>
      <c r="F175" s="974" t="s">
        <v>36527</v>
      </c>
      <c r="G175" s="974" t="s">
        <v>13395</v>
      </c>
      <c r="H175" s="974" t="s">
        <v>73</v>
      </c>
      <c r="I175" s="974" t="s">
        <v>36499</v>
      </c>
      <c r="J175" s="974" t="s">
        <v>36500</v>
      </c>
      <c r="K175" s="974" t="s">
        <v>36501</v>
      </c>
      <c r="L175" s="974" t="s">
        <v>0</v>
      </c>
      <c r="M175" s="974" t="s">
        <v>0</v>
      </c>
      <c r="N175" s="975"/>
    </row>
    <row r="176" spans="3:14" s="966" customFormat="1" ht="15">
      <c r="C176" s="972" t="s">
        <v>36528</v>
      </c>
      <c r="D176" s="974" t="s">
        <v>0</v>
      </c>
      <c r="E176" s="974" t="s">
        <v>77</v>
      </c>
      <c r="F176" s="974" t="s">
        <v>36529</v>
      </c>
      <c r="G176" s="974" t="s">
        <v>13395</v>
      </c>
      <c r="H176" s="974" t="s">
        <v>73</v>
      </c>
      <c r="I176" s="974" t="s">
        <v>36499</v>
      </c>
      <c r="J176" s="974" t="s">
        <v>36500</v>
      </c>
      <c r="K176" s="974" t="s">
        <v>36501</v>
      </c>
      <c r="L176" s="974" t="s">
        <v>0</v>
      </c>
      <c r="M176" s="974" t="s">
        <v>0</v>
      </c>
      <c r="N176" s="975"/>
    </row>
    <row r="177" spans="3:14" s="966" customFormat="1" ht="15">
      <c r="C177" s="972" t="s">
        <v>36530</v>
      </c>
      <c r="D177" s="974" t="s">
        <v>0</v>
      </c>
      <c r="E177" s="974" t="s">
        <v>77</v>
      </c>
      <c r="F177" s="974" t="s">
        <v>36531</v>
      </c>
      <c r="G177" s="974" t="s">
        <v>13395</v>
      </c>
      <c r="H177" s="974" t="s">
        <v>73</v>
      </c>
      <c r="I177" s="974" t="s">
        <v>36499</v>
      </c>
      <c r="J177" s="974" t="s">
        <v>36500</v>
      </c>
      <c r="K177" s="974" t="s">
        <v>36501</v>
      </c>
      <c r="L177" s="974" t="s">
        <v>0</v>
      </c>
      <c r="M177" s="974" t="s">
        <v>0</v>
      </c>
      <c r="N177" s="975"/>
    </row>
    <row r="178" spans="3:14" s="966" customFormat="1" ht="15">
      <c r="C178" s="972" t="s">
        <v>36532</v>
      </c>
      <c r="D178" s="974" t="s">
        <v>0</v>
      </c>
      <c r="E178" s="974" t="s">
        <v>77</v>
      </c>
      <c r="F178" s="974" t="s">
        <v>36533</v>
      </c>
      <c r="G178" s="974" t="s">
        <v>13395</v>
      </c>
      <c r="H178" s="974" t="s">
        <v>73</v>
      </c>
      <c r="I178" s="974" t="s">
        <v>36499</v>
      </c>
      <c r="J178" s="974" t="s">
        <v>36500</v>
      </c>
      <c r="K178" s="974" t="s">
        <v>36501</v>
      </c>
      <c r="L178" s="974" t="s">
        <v>0</v>
      </c>
      <c r="M178" s="974" t="s">
        <v>0</v>
      </c>
      <c r="N178" s="975"/>
    </row>
    <row r="179" spans="3:14" s="966" customFormat="1" ht="15">
      <c r="C179" s="972" t="s">
        <v>36534</v>
      </c>
      <c r="D179" s="974" t="s">
        <v>0</v>
      </c>
      <c r="E179" s="974" t="s">
        <v>77</v>
      </c>
      <c r="F179" s="974" t="s">
        <v>36535</v>
      </c>
      <c r="G179" s="974" t="s">
        <v>13395</v>
      </c>
      <c r="H179" s="974" t="s">
        <v>73</v>
      </c>
      <c r="I179" s="974" t="s">
        <v>36499</v>
      </c>
      <c r="J179" s="974" t="s">
        <v>36500</v>
      </c>
      <c r="K179" s="974" t="s">
        <v>36501</v>
      </c>
      <c r="L179" s="974" t="s">
        <v>0</v>
      </c>
      <c r="M179" s="974" t="s">
        <v>0</v>
      </c>
      <c r="N179" s="975"/>
    </row>
    <row r="180" spans="3:14" s="966" customFormat="1" ht="15">
      <c r="C180" s="972" t="s">
        <v>36536</v>
      </c>
      <c r="D180" s="974" t="s">
        <v>0</v>
      </c>
      <c r="E180" s="974" t="s">
        <v>77</v>
      </c>
      <c r="F180" s="974" t="s">
        <v>36537</v>
      </c>
      <c r="G180" s="974" t="s">
        <v>13395</v>
      </c>
      <c r="H180" s="974" t="s">
        <v>73</v>
      </c>
      <c r="I180" s="974" t="s">
        <v>36499</v>
      </c>
      <c r="J180" s="974" t="s">
        <v>36500</v>
      </c>
      <c r="K180" s="974" t="s">
        <v>36501</v>
      </c>
      <c r="L180" s="974" t="s">
        <v>0</v>
      </c>
      <c r="M180" s="974" t="s">
        <v>0</v>
      </c>
      <c r="N180" s="975"/>
    </row>
    <row r="181" spans="3:14" s="966" customFormat="1" ht="15">
      <c r="C181" s="972" t="s">
        <v>36538</v>
      </c>
      <c r="D181" s="974" t="s">
        <v>0</v>
      </c>
      <c r="E181" s="974" t="s">
        <v>77</v>
      </c>
      <c r="F181" s="974" t="s">
        <v>36539</v>
      </c>
      <c r="G181" s="974" t="s">
        <v>13395</v>
      </c>
      <c r="H181" s="974" t="s">
        <v>73</v>
      </c>
      <c r="I181" s="974" t="s">
        <v>36499</v>
      </c>
      <c r="J181" s="974" t="s">
        <v>36500</v>
      </c>
      <c r="K181" s="974" t="s">
        <v>36501</v>
      </c>
      <c r="L181" s="974" t="s">
        <v>0</v>
      </c>
      <c r="M181" s="974" t="s">
        <v>0</v>
      </c>
      <c r="N181" s="975"/>
    </row>
    <row r="182" spans="3:14" s="966" customFormat="1" ht="15">
      <c r="C182" s="972" t="s">
        <v>36540</v>
      </c>
      <c r="D182" s="974" t="s">
        <v>0</v>
      </c>
      <c r="E182" s="974" t="s">
        <v>77</v>
      </c>
      <c r="F182" s="974" t="s">
        <v>36541</v>
      </c>
      <c r="G182" s="974" t="s">
        <v>13395</v>
      </c>
      <c r="H182" s="974" t="s">
        <v>73</v>
      </c>
      <c r="I182" s="974" t="s">
        <v>36499</v>
      </c>
      <c r="J182" s="974" t="s">
        <v>36500</v>
      </c>
      <c r="K182" s="974" t="s">
        <v>36501</v>
      </c>
      <c r="L182" s="974" t="s">
        <v>0</v>
      </c>
      <c r="M182" s="974" t="s">
        <v>0</v>
      </c>
      <c r="N182" s="975"/>
    </row>
    <row r="183" spans="3:14" s="966" customFormat="1" ht="15">
      <c r="C183" s="972" t="s">
        <v>36542</v>
      </c>
      <c r="D183" s="974" t="s">
        <v>0</v>
      </c>
      <c r="E183" s="974" t="s">
        <v>36543</v>
      </c>
      <c r="F183" s="974" t="s">
        <v>36544</v>
      </c>
      <c r="G183" s="974" t="s">
        <v>13395</v>
      </c>
      <c r="H183" s="974" t="s">
        <v>73</v>
      </c>
      <c r="I183" s="974" t="s">
        <v>36499</v>
      </c>
      <c r="J183" s="974" t="s">
        <v>36500</v>
      </c>
      <c r="K183" s="974" t="s">
        <v>36501</v>
      </c>
      <c r="L183" s="974" t="s">
        <v>0</v>
      </c>
      <c r="M183" s="974" t="s">
        <v>0</v>
      </c>
      <c r="N183" s="975"/>
    </row>
    <row r="184" spans="3:14" s="966" customFormat="1" ht="15">
      <c r="C184" s="972" t="s">
        <v>36545</v>
      </c>
      <c r="D184" s="974" t="s">
        <v>0</v>
      </c>
      <c r="E184" s="974" t="s">
        <v>36546</v>
      </c>
      <c r="F184" s="974" t="s">
        <v>36547</v>
      </c>
      <c r="G184" s="974" t="s">
        <v>13395</v>
      </c>
      <c r="H184" s="974" t="s">
        <v>73</v>
      </c>
      <c r="I184" s="974" t="s">
        <v>36499</v>
      </c>
      <c r="J184" s="974" t="s">
        <v>36500</v>
      </c>
      <c r="K184" s="974" t="s">
        <v>36501</v>
      </c>
      <c r="L184" s="974" t="s">
        <v>0</v>
      </c>
      <c r="M184" s="974" t="s">
        <v>0</v>
      </c>
      <c r="N184" s="975"/>
    </row>
    <row r="185" spans="3:14" s="966" customFormat="1" ht="15">
      <c r="C185" s="972" t="s">
        <v>36548</v>
      </c>
      <c r="D185" s="974" t="s">
        <v>0</v>
      </c>
      <c r="E185" s="974" t="s">
        <v>77</v>
      </c>
      <c r="F185" s="974" t="s">
        <v>36549</v>
      </c>
      <c r="G185" s="974" t="s">
        <v>13395</v>
      </c>
      <c r="H185" s="974" t="s">
        <v>73</v>
      </c>
      <c r="I185" s="974" t="s">
        <v>36499</v>
      </c>
      <c r="J185" s="974" t="s">
        <v>36500</v>
      </c>
      <c r="K185" s="974" t="s">
        <v>36501</v>
      </c>
      <c r="L185" s="974" t="s">
        <v>0</v>
      </c>
      <c r="M185" s="974" t="s">
        <v>0</v>
      </c>
      <c r="N185" s="975"/>
    </row>
    <row r="186" spans="3:14" s="966" customFormat="1" ht="15">
      <c r="C186" s="972" t="s">
        <v>36550</v>
      </c>
      <c r="D186" s="974" t="s">
        <v>0</v>
      </c>
      <c r="E186" s="974" t="s">
        <v>77</v>
      </c>
      <c r="F186" s="974" t="s">
        <v>36551</v>
      </c>
      <c r="G186" s="974" t="s">
        <v>13395</v>
      </c>
      <c r="H186" s="974" t="s">
        <v>73</v>
      </c>
      <c r="I186" s="974" t="s">
        <v>36499</v>
      </c>
      <c r="J186" s="974" t="s">
        <v>36500</v>
      </c>
      <c r="K186" s="974" t="s">
        <v>36501</v>
      </c>
      <c r="L186" s="974" t="s">
        <v>0</v>
      </c>
      <c r="M186" s="974" t="s">
        <v>0</v>
      </c>
      <c r="N186" s="975"/>
    </row>
    <row r="187" spans="3:14" s="966" customFormat="1" ht="15">
      <c r="C187" s="972" t="s">
        <v>36552</v>
      </c>
      <c r="D187" s="974" t="s">
        <v>0</v>
      </c>
      <c r="E187" s="974" t="s">
        <v>77</v>
      </c>
      <c r="F187" s="974" t="s">
        <v>36553</v>
      </c>
      <c r="G187" s="974" t="s">
        <v>13395</v>
      </c>
      <c r="H187" s="974" t="s">
        <v>73</v>
      </c>
      <c r="I187" s="974" t="s">
        <v>36499</v>
      </c>
      <c r="J187" s="974" t="s">
        <v>36500</v>
      </c>
      <c r="K187" s="974" t="s">
        <v>36501</v>
      </c>
      <c r="L187" s="974" t="s">
        <v>0</v>
      </c>
      <c r="M187" s="974" t="s">
        <v>0</v>
      </c>
      <c r="N187" s="975"/>
    </row>
    <row r="188" spans="3:14" s="966" customFormat="1" ht="15">
      <c r="C188" s="972" t="s">
        <v>36554</v>
      </c>
      <c r="D188" s="974" t="s">
        <v>0</v>
      </c>
      <c r="E188" s="974" t="s">
        <v>77</v>
      </c>
      <c r="F188" s="974" t="s">
        <v>36555</v>
      </c>
      <c r="G188" s="974" t="s">
        <v>13395</v>
      </c>
      <c r="H188" s="974" t="s">
        <v>73</v>
      </c>
      <c r="I188" s="974" t="s">
        <v>36499</v>
      </c>
      <c r="J188" s="974" t="s">
        <v>36500</v>
      </c>
      <c r="K188" s="974" t="s">
        <v>36501</v>
      </c>
      <c r="L188" s="974" t="s">
        <v>0</v>
      </c>
      <c r="M188" s="974" t="s">
        <v>0</v>
      </c>
      <c r="N188" s="975"/>
    </row>
    <row r="189" spans="3:14" s="966" customFormat="1" ht="15">
      <c r="C189" s="972" t="s">
        <v>70</v>
      </c>
      <c r="D189" s="974" t="s">
        <v>71</v>
      </c>
      <c r="E189" s="974" t="s">
        <v>72</v>
      </c>
      <c r="F189" s="974" t="s">
        <v>573</v>
      </c>
      <c r="G189" s="974" t="s">
        <v>37382</v>
      </c>
      <c r="H189" s="974" t="s">
        <v>73</v>
      </c>
      <c r="I189" s="974" t="s">
        <v>37394</v>
      </c>
      <c r="J189" s="974" t="s">
        <v>36556</v>
      </c>
      <c r="K189" s="974" t="s">
        <v>37395</v>
      </c>
      <c r="L189" s="974" t="s">
        <v>37396</v>
      </c>
      <c r="M189" s="974" t="s">
        <v>0</v>
      </c>
      <c r="N189" s="975"/>
    </row>
    <row r="190" spans="3:14" s="966" customFormat="1" ht="15">
      <c r="C190" s="972" t="s">
        <v>82</v>
      </c>
      <c r="D190" s="974" t="s">
        <v>0</v>
      </c>
      <c r="E190" s="974" t="s">
        <v>83</v>
      </c>
      <c r="F190" s="974" t="s">
        <v>84</v>
      </c>
      <c r="G190" s="974" t="s">
        <v>37397</v>
      </c>
      <c r="H190" s="974" t="s">
        <v>85</v>
      </c>
      <c r="I190" s="974" t="s">
        <v>36557</v>
      </c>
      <c r="J190" s="974" t="s">
        <v>36558</v>
      </c>
      <c r="K190" s="974" t="s">
        <v>36559</v>
      </c>
      <c r="L190" s="974" t="s">
        <v>36560</v>
      </c>
      <c r="M190" s="974" t="s">
        <v>0</v>
      </c>
      <c r="N190" s="975"/>
    </row>
    <row r="191" spans="3:14" s="966" customFormat="1" ht="15">
      <c r="C191" s="972" t="s">
        <v>101</v>
      </c>
      <c r="D191" s="974" t="s">
        <v>0</v>
      </c>
      <c r="E191" s="974" t="s">
        <v>77</v>
      </c>
      <c r="F191" s="974" t="s">
        <v>77</v>
      </c>
      <c r="G191" s="974" t="s">
        <v>37393</v>
      </c>
      <c r="H191" s="974" t="s">
        <v>91</v>
      </c>
      <c r="I191" s="974" t="s">
        <v>36561</v>
      </c>
      <c r="J191" s="974" t="s">
        <v>36562</v>
      </c>
      <c r="K191" s="974" t="s">
        <v>36563</v>
      </c>
      <c r="L191" s="974" t="s">
        <v>36564</v>
      </c>
      <c r="M191" s="974" t="s">
        <v>0</v>
      </c>
      <c r="N191" s="975"/>
    </row>
    <row r="192" spans="3:14" s="966" customFormat="1" ht="15">
      <c r="C192" s="972" t="s">
        <v>8326</v>
      </c>
      <c r="D192" s="974" t="s">
        <v>0</v>
      </c>
      <c r="E192" s="974" t="s">
        <v>36565</v>
      </c>
      <c r="F192" s="974" t="s">
        <v>6085</v>
      </c>
      <c r="G192" s="974" t="s">
        <v>37393</v>
      </c>
      <c r="H192" s="974" t="s">
        <v>91</v>
      </c>
      <c r="I192" s="974" t="s">
        <v>36561</v>
      </c>
      <c r="J192" s="974" t="s">
        <v>36562</v>
      </c>
      <c r="K192" s="974" t="s">
        <v>36563</v>
      </c>
      <c r="L192" s="974" t="s">
        <v>36564</v>
      </c>
      <c r="M192" s="974" t="s">
        <v>0</v>
      </c>
      <c r="N192" s="975"/>
    </row>
    <row r="193" spans="3:14" s="966" customFormat="1" ht="15">
      <c r="C193" s="972" t="s">
        <v>36566</v>
      </c>
      <c r="D193" s="974" t="s">
        <v>0</v>
      </c>
      <c r="E193" s="974" t="s">
        <v>77</v>
      </c>
      <c r="F193" s="974" t="s">
        <v>36567</v>
      </c>
      <c r="G193" s="974" t="s">
        <v>37393</v>
      </c>
      <c r="H193" s="974" t="s">
        <v>91</v>
      </c>
      <c r="I193" s="974" t="s">
        <v>36561</v>
      </c>
      <c r="J193" s="974" t="s">
        <v>36562</v>
      </c>
      <c r="K193" s="974" t="s">
        <v>36563</v>
      </c>
      <c r="L193" s="974" t="s">
        <v>36564</v>
      </c>
      <c r="M193" s="974" t="s">
        <v>0</v>
      </c>
      <c r="N193" s="975"/>
    </row>
    <row r="194" spans="3:14" s="966" customFormat="1" ht="15">
      <c r="C194" s="972" t="s">
        <v>36568</v>
      </c>
      <c r="D194" s="974" t="s">
        <v>0</v>
      </c>
      <c r="E194" s="974" t="s">
        <v>77</v>
      </c>
      <c r="F194" s="974" t="s">
        <v>36569</v>
      </c>
      <c r="G194" s="974" t="s">
        <v>37393</v>
      </c>
      <c r="H194" s="974" t="s">
        <v>91</v>
      </c>
      <c r="I194" s="974" t="s">
        <v>36561</v>
      </c>
      <c r="J194" s="974" t="s">
        <v>36562</v>
      </c>
      <c r="K194" s="974" t="s">
        <v>36563</v>
      </c>
      <c r="L194" s="974" t="s">
        <v>36564</v>
      </c>
      <c r="M194" s="974" t="s">
        <v>0</v>
      </c>
      <c r="N194" s="975"/>
    </row>
    <row r="195" spans="3:14" s="966" customFormat="1" ht="15">
      <c r="C195" s="972" t="s">
        <v>98</v>
      </c>
      <c r="D195" s="974" t="s">
        <v>0</v>
      </c>
      <c r="E195" s="974" t="s">
        <v>99</v>
      </c>
      <c r="F195" s="974" t="s">
        <v>100</v>
      </c>
      <c r="G195" s="974" t="s">
        <v>74</v>
      </c>
      <c r="H195" s="974" t="s">
        <v>91</v>
      </c>
      <c r="I195" s="974" t="s">
        <v>36570</v>
      </c>
      <c r="J195" s="974" t="s">
        <v>36571</v>
      </c>
      <c r="K195" s="974" t="s">
        <v>36572</v>
      </c>
      <c r="L195" s="974" t="s">
        <v>36573</v>
      </c>
      <c r="M195" s="974" t="s">
        <v>0</v>
      </c>
      <c r="N195" s="975"/>
    </row>
    <row r="196" spans="3:14" s="966" customFormat="1" ht="15">
      <c r="C196" s="972" t="s">
        <v>95</v>
      </c>
      <c r="D196" s="974" t="s">
        <v>0</v>
      </c>
      <c r="E196" s="974" t="s">
        <v>96</v>
      </c>
      <c r="F196" s="974" t="s">
        <v>97</v>
      </c>
      <c r="G196" s="974" t="s">
        <v>13392</v>
      </c>
      <c r="H196" s="974" t="s">
        <v>91</v>
      </c>
      <c r="I196" s="974" t="s">
        <v>36574</v>
      </c>
      <c r="J196" s="974" t="s">
        <v>36575</v>
      </c>
      <c r="K196" s="974" t="s">
        <v>36576</v>
      </c>
      <c r="L196" s="974" t="s">
        <v>36577</v>
      </c>
      <c r="M196" s="974" t="s">
        <v>0</v>
      </c>
      <c r="N196" s="975"/>
    </row>
    <row r="197" spans="3:14" s="966" customFormat="1" ht="15">
      <c r="C197" s="972" t="s">
        <v>92</v>
      </c>
      <c r="D197" s="974" t="s">
        <v>0</v>
      </c>
      <c r="E197" s="974" t="s">
        <v>93</v>
      </c>
      <c r="F197" s="974" t="s">
        <v>94</v>
      </c>
      <c r="G197" s="974" t="s">
        <v>13392</v>
      </c>
      <c r="H197" s="974" t="s">
        <v>91</v>
      </c>
      <c r="I197" s="974" t="s">
        <v>36578</v>
      </c>
      <c r="J197" s="974" t="s">
        <v>36579</v>
      </c>
      <c r="K197" s="974" t="s">
        <v>36580</v>
      </c>
      <c r="L197" s="974" t="s">
        <v>36581</v>
      </c>
      <c r="M197" s="974" t="s">
        <v>0</v>
      </c>
      <c r="N197" s="975"/>
    </row>
    <row r="198" spans="3:14" s="966" customFormat="1" ht="15">
      <c r="C198" s="972" t="s">
        <v>88</v>
      </c>
      <c r="D198" s="974" t="s">
        <v>0</v>
      </c>
      <c r="E198" s="974" t="s">
        <v>89</v>
      </c>
      <c r="F198" s="974" t="s">
        <v>90</v>
      </c>
      <c r="G198" s="974" t="s">
        <v>86</v>
      </c>
      <c r="H198" s="974" t="s">
        <v>91</v>
      </c>
      <c r="I198" s="974" t="s">
        <v>36582</v>
      </c>
      <c r="J198" s="974" t="s">
        <v>36583</v>
      </c>
      <c r="K198" s="974" t="s">
        <v>36584</v>
      </c>
      <c r="L198" s="974" t="s">
        <v>36585</v>
      </c>
      <c r="M198" s="974" t="s">
        <v>0</v>
      </c>
      <c r="N198" s="975"/>
    </row>
    <row r="199" spans="3:14" s="966" customFormat="1" ht="15">
      <c r="C199" s="972" t="s">
        <v>104</v>
      </c>
      <c r="D199" s="974" t="s">
        <v>105</v>
      </c>
      <c r="E199" s="974" t="s">
        <v>77</v>
      </c>
      <c r="F199" s="974" t="s">
        <v>77</v>
      </c>
      <c r="G199" s="974" t="s">
        <v>13392</v>
      </c>
      <c r="H199" s="974" t="s">
        <v>103</v>
      </c>
      <c r="I199" s="974" t="s">
        <v>36586</v>
      </c>
      <c r="J199" s="974" t="s">
        <v>36587</v>
      </c>
      <c r="K199" s="974" t="s">
        <v>36588</v>
      </c>
      <c r="L199" s="974" t="s">
        <v>36589</v>
      </c>
      <c r="M199" s="974" t="s">
        <v>0</v>
      </c>
      <c r="N199" s="975"/>
    </row>
    <row r="200" spans="3:14" s="966" customFormat="1" ht="15">
      <c r="C200" s="972" t="s">
        <v>36590</v>
      </c>
      <c r="D200" s="974" t="s">
        <v>0</v>
      </c>
      <c r="E200" s="974" t="s">
        <v>36591</v>
      </c>
      <c r="F200" s="974" t="s">
        <v>36592</v>
      </c>
      <c r="G200" s="974" t="s">
        <v>13392</v>
      </c>
      <c r="H200" s="974" t="s">
        <v>103</v>
      </c>
      <c r="I200" s="974" t="s">
        <v>36586</v>
      </c>
      <c r="J200" s="974" t="s">
        <v>36587</v>
      </c>
      <c r="K200" s="974" t="s">
        <v>36588</v>
      </c>
      <c r="L200" s="974" t="s">
        <v>36589</v>
      </c>
      <c r="M200" s="974" t="s">
        <v>0</v>
      </c>
      <c r="N200" s="975"/>
    </row>
    <row r="201" spans="3:14" s="966" customFormat="1" ht="15">
      <c r="C201" s="972" t="s">
        <v>36593</v>
      </c>
      <c r="D201" s="974" t="s">
        <v>0</v>
      </c>
      <c r="E201" s="974" t="s">
        <v>77</v>
      </c>
      <c r="F201" s="974" t="s">
        <v>36594</v>
      </c>
      <c r="G201" s="974" t="s">
        <v>13392</v>
      </c>
      <c r="H201" s="974" t="s">
        <v>103</v>
      </c>
      <c r="I201" s="974" t="s">
        <v>36586</v>
      </c>
      <c r="J201" s="974" t="s">
        <v>36587</v>
      </c>
      <c r="K201" s="974" t="s">
        <v>36588</v>
      </c>
      <c r="L201" s="974" t="s">
        <v>36589</v>
      </c>
      <c r="M201" s="974" t="s">
        <v>0</v>
      </c>
      <c r="N201" s="975"/>
    </row>
    <row r="202" spans="3:14" s="966" customFormat="1" ht="15">
      <c r="C202" s="972" t="s">
        <v>36595</v>
      </c>
      <c r="D202" s="974" t="s">
        <v>0</v>
      </c>
      <c r="E202" s="974" t="s">
        <v>77</v>
      </c>
      <c r="F202" s="974" t="s">
        <v>77</v>
      </c>
      <c r="G202" s="974" t="s">
        <v>13392</v>
      </c>
      <c r="H202" s="974" t="s">
        <v>103</v>
      </c>
      <c r="I202" s="974" t="s">
        <v>36586</v>
      </c>
      <c r="J202" s="974" t="s">
        <v>36587</v>
      </c>
      <c r="K202" s="974" t="s">
        <v>36588</v>
      </c>
      <c r="L202" s="974" t="s">
        <v>36589</v>
      </c>
      <c r="M202" s="974" t="s">
        <v>0</v>
      </c>
      <c r="N202" s="975"/>
    </row>
    <row r="203" spans="3:14" s="966" customFormat="1" ht="15">
      <c r="C203" s="972" t="s">
        <v>36596</v>
      </c>
      <c r="D203" s="974" t="s">
        <v>0</v>
      </c>
      <c r="E203" s="974" t="s">
        <v>77</v>
      </c>
      <c r="F203" s="974" t="s">
        <v>77</v>
      </c>
      <c r="G203" s="974" t="s">
        <v>13392</v>
      </c>
      <c r="H203" s="974" t="s">
        <v>103</v>
      </c>
      <c r="I203" s="974" t="s">
        <v>36586</v>
      </c>
      <c r="J203" s="974" t="s">
        <v>36587</v>
      </c>
      <c r="K203" s="974" t="s">
        <v>36588</v>
      </c>
      <c r="L203" s="974" t="s">
        <v>36589</v>
      </c>
      <c r="M203" s="974" t="s">
        <v>0</v>
      </c>
      <c r="N203" s="975"/>
    </row>
    <row r="204" spans="3:14" s="966" customFormat="1" ht="15">
      <c r="C204" s="972" t="s">
        <v>36597</v>
      </c>
      <c r="D204" s="974" t="s">
        <v>0</v>
      </c>
      <c r="E204" s="974" t="s">
        <v>77</v>
      </c>
      <c r="F204" s="974" t="s">
        <v>36598</v>
      </c>
      <c r="G204" s="974" t="s">
        <v>13392</v>
      </c>
      <c r="H204" s="974" t="s">
        <v>103</v>
      </c>
      <c r="I204" s="974" t="s">
        <v>36586</v>
      </c>
      <c r="J204" s="974" t="s">
        <v>36587</v>
      </c>
      <c r="K204" s="974" t="s">
        <v>36588</v>
      </c>
      <c r="L204" s="974" t="s">
        <v>36589</v>
      </c>
      <c r="M204" s="974" t="s">
        <v>0</v>
      </c>
      <c r="N204" s="975"/>
    </row>
    <row r="205" spans="3:14" s="966" customFormat="1" ht="15">
      <c r="C205" s="972" t="s">
        <v>36597</v>
      </c>
      <c r="D205" s="974" t="s">
        <v>0</v>
      </c>
      <c r="E205" s="974" t="s">
        <v>77</v>
      </c>
      <c r="F205" s="974" t="s">
        <v>36592</v>
      </c>
      <c r="G205" s="974" t="s">
        <v>13392</v>
      </c>
      <c r="H205" s="974" t="s">
        <v>103</v>
      </c>
      <c r="I205" s="974" t="s">
        <v>36586</v>
      </c>
      <c r="J205" s="974" t="s">
        <v>36587</v>
      </c>
      <c r="K205" s="974" t="s">
        <v>36588</v>
      </c>
      <c r="L205" s="974" t="s">
        <v>36589</v>
      </c>
      <c r="M205" s="974" t="s">
        <v>0</v>
      </c>
      <c r="N205" s="975"/>
    </row>
    <row r="206" spans="3:14" s="966" customFormat="1" ht="15">
      <c r="C206" s="972" t="s">
        <v>36599</v>
      </c>
      <c r="D206" s="974" t="s">
        <v>0</v>
      </c>
      <c r="E206" s="974" t="s">
        <v>77</v>
      </c>
      <c r="F206" s="974" t="s">
        <v>36600</v>
      </c>
      <c r="G206" s="974" t="s">
        <v>13392</v>
      </c>
      <c r="H206" s="974" t="s">
        <v>103</v>
      </c>
      <c r="I206" s="974" t="s">
        <v>36586</v>
      </c>
      <c r="J206" s="974" t="s">
        <v>36587</v>
      </c>
      <c r="K206" s="974" t="s">
        <v>36588</v>
      </c>
      <c r="L206" s="974" t="s">
        <v>36589</v>
      </c>
      <c r="M206" s="974" t="s">
        <v>0</v>
      </c>
      <c r="N206" s="975"/>
    </row>
    <row r="207" spans="3:14" s="966" customFormat="1" ht="15">
      <c r="C207" s="972" t="s">
        <v>36601</v>
      </c>
      <c r="D207" s="974" t="s">
        <v>0</v>
      </c>
      <c r="E207" s="974" t="s">
        <v>77</v>
      </c>
      <c r="F207" s="974" t="s">
        <v>36602</v>
      </c>
      <c r="G207" s="974" t="s">
        <v>13392</v>
      </c>
      <c r="H207" s="974" t="s">
        <v>103</v>
      </c>
      <c r="I207" s="974" t="s">
        <v>36586</v>
      </c>
      <c r="J207" s="974" t="s">
        <v>36587</v>
      </c>
      <c r="K207" s="974" t="s">
        <v>36588</v>
      </c>
      <c r="L207" s="974" t="s">
        <v>36589</v>
      </c>
      <c r="M207" s="974" t="s">
        <v>0</v>
      </c>
      <c r="N207" s="975"/>
    </row>
    <row r="208" spans="3:14" s="966" customFormat="1" ht="15">
      <c r="C208" s="972" t="s">
        <v>36603</v>
      </c>
      <c r="D208" s="974" t="s">
        <v>0</v>
      </c>
      <c r="E208" s="974" t="s">
        <v>77</v>
      </c>
      <c r="F208" s="974" t="s">
        <v>36604</v>
      </c>
      <c r="G208" s="974" t="s">
        <v>13392</v>
      </c>
      <c r="H208" s="974" t="s">
        <v>103</v>
      </c>
      <c r="I208" s="974" t="s">
        <v>36586</v>
      </c>
      <c r="J208" s="974" t="s">
        <v>36587</v>
      </c>
      <c r="K208" s="974" t="s">
        <v>36588</v>
      </c>
      <c r="L208" s="974" t="s">
        <v>36589</v>
      </c>
      <c r="M208" s="974" t="s">
        <v>0</v>
      </c>
      <c r="N208" s="975"/>
    </row>
    <row r="209" spans="3:14" s="966" customFormat="1" ht="15">
      <c r="C209" s="972" t="s">
        <v>36605</v>
      </c>
      <c r="D209" s="974" t="s">
        <v>0</v>
      </c>
      <c r="E209" s="974" t="s">
        <v>77</v>
      </c>
      <c r="F209" s="974" t="s">
        <v>36606</v>
      </c>
      <c r="G209" s="974" t="s">
        <v>13392</v>
      </c>
      <c r="H209" s="974" t="s">
        <v>103</v>
      </c>
      <c r="I209" s="974" t="s">
        <v>36586</v>
      </c>
      <c r="J209" s="974" t="s">
        <v>36587</v>
      </c>
      <c r="K209" s="974" t="s">
        <v>36588</v>
      </c>
      <c r="L209" s="974" t="s">
        <v>36589</v>
      </c>
      <c r="M209" s="974" t="s">
        <v>0</v>
      </c>
      <c r="N209" s="975"/>
    </row>
    <row r="210" spans="3:14" s="966" customFormat="1" ht="15">
      <c r="C210" s="972" t="s">
        <v>36607</v>
      </c>
      <c r="D210" s="974" t="s">
        <v>0</v>
      </c>
      <c r="E210" s="974" t="s">
        <v>77</v>
      </c>
      <c r="F210" s="974" t="s">
        <v>36608</v>
      </c>
      <c r="G210" s="974" t="s">
        <v>13392</v>
      </c>
      <c r="H210" s="974" t="s">
        <v>103</v>
      </c>
      <c r="I210" s="974" t="s">
        <v>36586</v>
      </c>
      <c r="J210" s="974" t="s">
        <v>36587</v>
      </c>
      <c r="K210" s="974" t="s">
        <v>36588</v>
      </c>
      <c r="L210" s="974" t="s">
        <v>36589</v>
      </c>
      <c r="M210" s="974" t="s">
        <v>0</v>
      </c>
      <c r="N210" s="975"/>
    </row>
    <row r="211" spans="3:14" s="966" customFormat="1" ht="15">
      <c r="C211" s="972" t="s">
        <v>36609</v>
      </c>
      <c r="D211" s="974" t="s">
        <v>0</v>
      </c>
      <c r="E211" s="974" t="s">
        <v>77</v>
      </c>
      <c r="F211" s="974" t="s">
        <v>36610</v>
      </c>
      <c r="G211" s="974" t="s">
        <v>13392</v>
      </c>
      <c r="H211" s="974" t="s">
        <v>103</v>
      </c>
      <c r="I211" s="974" t="s">
        <v>36586</v>
      </c>
      <c r="J211" s="974" t="s">
        <v>36587</v>
      </c>
      <c r="K211" s="974" t="s">
        <v>36588</v>
      </c>
      <c r="L211" s="974" t="s">
        <v>36589</v>
      </c>
      <c r="M211" s="974" t="s">
        <v>0</v>
      </c>
      <c r="N211" s="975"/>
    </row>
    <row r="212" spans="3:14" s="966" customFormat="1" ht="15">
      <c r="C212" s="972" t="s">
        <v>36611</v>
      </c>
      <c r="D212" s="974" t="s">
        <v>0</v>
      </c>
      <c r="E212" s="974" t="s">
        <v>77</v>
      </c>
      <c r="F212" s="974" t="s">
        <v>36612</v>
      </c>
      <c r="G212" s="974" t="s">
        <v>13392</v>
      </c>
      <c r="H212" s="974" t="s">
        <v>103</v>
      </c>
      <c r="I212" s="974" t="s">
        <v>36586</v>
      </c>
      <c r="J212" s="974" t="s">
        <v>36587</v>
      </c>
      <c r="K212" s="974" t="s">
        <v>36588</v>
      </c>
      <c r="L212" s="974" t="s">
        <v>36589</v>
      </c>
      <c r="M212" s="974" t="s">
        <v>0</v>
      </c>
      <c r="N212" s="975"/>
    </row>
    <row r="213" spans="3:14" s="966" customFormat="1" ht="15">
      <c r="C213" s="972" t="s">
        <v>36613</v>
      </c>
      <c r="D213" s="974" t="s">
        <v>0</v>
      </c>
      <c r="E213" s="974" t="s">
        <v>77</v>
      </c>
      <c r="F213" s="974" t="s">
        <v>36614</v>
      </c>
      <c r="G213" s="974" t="s">
        <v>13392</v>
      </c>
      <c r="H213" s="974" t="s">
        <v>103</v>
      </c>
      <c r="I213" s="974" t="s">
        <v>36586</v>
      </c>
      <c r="J213" s="974" t="s">
        <v>36587</v>
      </c>
      <c r="K213" s="974" t="s">
        <v>36588</v>
      </c>
      <c r="L213" s="974" t="s">
        <v>36589</v>
      </c>
      <c r="M213" s="974" t="s">
        <v>0</v>
      </c>
      <c r="N213" s="975"/>
    </row>
    <row r="214" spans="3:14" s="966" customFormat="1" ht="15">
      <c r="C214" s="972" t="s">
        <v>36615</v>
      </c>
      <c r="D214" s="974" t="s">
        <v>0</v>
      </c>
      <c r="E214" s="974" t="s">
        <v>77</v>
      </c>
      <c r="F214" s="974" t="s">
        <v>36616</v>
      </c>
      <c r="G214" s="974" t="s">
        <v>13392</v>
      </c>
      <c r="H214" s="974" t="s">
        <v>103</v>
      </c>
      <c r="I214" s="974" t="s">
        <v>36586</v>
      </c>
      <c r="J214" s="974" t="s">
        <v>36587</v>
      </c>
      <c r="K214" s="974" t="s">
        <v>36588</v>
      </c>
      <c r="L214" s="974" t="s">
        <v>36589</v>
      </c>
      <c r="M214" s="974" t="s">
        <v>0</v>
      </c>
      <c r="N214" s="975"/>
    </row>
    <row r="215" spans="3:14" s="966" customFormat="1" ht="15">
      <c r="C215" s="972" t="s">
        <v>36617</v>
      </c>
      <c r="D215" s="974" t="s">
        <v>0</v>
      </c>
      <c r="E215" s="974" t="s">
        <v>77</v>
      </c>
      <c r="F215" s="974" t="s">
        <v>77</v>
      </c>
      <c r="G215" s="974" t="s">
        <v>13392</v>
      </c>
      <c r="H215" s="974" t="s">
        <v>103</v>
      </c>
      <c r="I215" s="974" t="s">
        <v>36586</v>
      </c>
      <c r="J215" s="974" t="s">
        <v>36587</v>
      </c>
      <c r="K215" s="974" t="s">
        <v>36588</v>
      </c>
      <c r="L215" s="974" t="s">
        <v>36589</v>
      </c>
      <c r="M215" s="974" t="s">
        <v>0</v>
      </c>
      <c r="N215" s="975"/>
    </row>
    <row r="216" spans="3:14" s="966" customFormat="1" ht="15">
      <c r="C216" s="972" t="s">
        <v>102</v>
      </c>
      <c r="D216" s="974" t="s">
        <v>37459</v>
      </c>
      <c r="E216" s="974" t="s">
        <v>77</v>
      </c>
      <c r="F216" s="974" t="s">
        <v>77</v>
      </c>
      <c r="G216" s="974" t="s">
        <v>74</v>
      </c>
      <c r="H216" s="974" t="s">
        <v>103</v>
      </c>
      <c r="I216" s="974" t="s">
        <v>36618</v>
      </c>
      <c r="J216" s="974" t="s">
        <v>36619</v>
      </c>
      <c r="K216" s="974" t="s">
        <v>36620</v>
      </c>
      <c r="L216" s="974" t="s">
        <v>36621</v>
      </c>
      <c r="M216" s="974" t="s">
        <v>0</v>
      </c>
      <c r="N216" s="975"/>
    </row>
    <row r="217" spans="3:14" s="966" customFormat="1" ht="15">
      <c r="C217" s="972" t="s">
        <v>36622</v>
      </c>
      <c r="D217" s="974" t="s">
        <v>0</v>
      </c>
      <c r="E217" s="974" t="s">
        <v>36623</v>
      </c>
      <c r="F217" s="974" t="s">
        <v>6211</v>
      </c>
      <c r="G217" s="974" t="s">
        <v>74</v>
      </c>
      <c r="H217" s="974" t="s">
        <v>103</v>
      </c>
      <c r="I217" s="974" t="s">
        <v>36618</v>
      </c>
      <c r="J217" s="974" t="s">
        <v>36619</v>
      </c>
      <c r="K217" s="974" t="s">
        <v>36620</v>
      </c>
      <c r="L217" s="974" t="s">
        <v>36621</v>
      </c>
      <c r="M217" s="974" t="s">
        <v>0</v>
      </c>
      <c r="N217" s="975"/>
    </row>
    <row r="218" spans="3:14" s="966" customFormat="1" ht="15">
      <c r="C218" s="972" t="s">
        <v>36624</v>
      </c>
      <c r="D218" s="974" t="s">
        <v>0</v>
      </c>
      <c r="E218" s="974" t="s">
        <v>36625</v>
      </c>
      <c r="F218" s="974" t="s">
        <v>6209</v>
      </c>
      <c r="G218" s="974" t="s">
        <v>74</v>
      </c>
      <c r="H218" s="974" t="s">
        <v>103</v>
      </c>
      <c r="I218" s="974" t="s">
        <v>36618</v>
      </c>
      <c r="J218" s="974" t="s">
        <v>36619</v>
      </c>
      <c r="K218" s="974" t="s">
        <v>36620</v>
      </c>
      <c r="L218" s="974" t="s">
        <v>36621</v>
      </c>
      <c r="M218" s="974" t="s">
        <v>0</v>
      </c>
      <c r="N218" s="975"/>
    </row>
    <row r="219" spans="3:14" s="966" customFormat="1" ht="15">
      <c r="C219" s="972" t="s">
        <v>18</v>
      </c>
      <c r="D219" s="974" t="s">
        <v>0</v>
      </c>
      <c r="E219" s="974" t="s">
        <v>77</v>
      </c>
      <c r="F219" s="974" t="s">
        <v>77</v>
      </c>
      <c r="G219" s="974" t="s">
        <v>74</v>
      </c>
      <c r="H219" s="974" t="s">
        <v>109</v>
      </c>
      <c r="I219" s="974" t="s">
        <v>36626</v>
      </c>
      <c r="J219" s="974" t="s">
        <v>36627</v>
      </c>
      <c r="K219" s="974" t="s">
        <v>36628</v>
      </c>
      <c r="L219" s="974" t="s">
        <v>36629</v>
      </c>
      <c r="M219" s="974" t="s">
        <v>0</v>
      </c>
      <c r="N219" s="975"/>
    </row>
    <row r="220" spans="3:14" s="966" customFormat="1" ht="15">
      <c r="C220" s="972" t="s">
        <v>119</v>
      </c>
      <c r="D220" s="974" t="s">
        <v>0</v>
      </c>
      <c r="E220" s="974" t="s">
        <v>120</v>
      </c>
      <c r="F220" s="974" t="s">
        <v>121</v>
      </c>
      <c r="G220" s="974" t="s">
        <v>37398</v>
      </c>
      <c r="H220" s="974" t="s">
        <v>109</v>
      </c>
      <c r="I220" s="974" t="s">
        <v>36630</v>
      </c>
      <c r="J220" s="974" t="s">
        <v>36631</v>
      </c>
      <c r="K220" s="974" t="s">
        <v>36632</v>
      </c>
      <c r="L220" s="974" t="s">
        <v>36633</v>
      </c>
      <c r="M220" s="974" t="s">
        <v>0</v>
      </c>
      <c r="N220" s="975"/>
    </row>
    <row r="221" spans="3:14" s="966" customFormat="1" ht="15">
      <c r="C221" s="972" t="s">
        <v>116</v>
      </c>
      <c r="D221" s="974" t="s">
        <v>0</v>
      </c>
      <c r="E221" s="974" t="s">
        <v>117</v>
      </c>
      <c r="F221" s="974" t="s">
        <v>118</v>
      </c>
      <c r="G221" s="974" t="s">
        <v>37398</v>
      </c>
      <c r="H221" s="974" t="s">
        <v>109</v>
      </c>
      <c r="I221" s="974" t="s">
        <v>36634</v>
      </c>
      <c r="J221" s="974" t="s">
        <v>36635</v>
      </c>
      <c r="K221" s="974" t="s">
        <v>36636</v>
      </c>
      <c r="L221" s="974" t="s">
        <v>36637</v>
      </c>
      <c r="M221" s="974" t="s">
        <v>0</v>
      </c>
      <c r="N221" s="975"/>
    </row>
    <row r="222" spans="3:14" s="966" customFormat="1" ht="15">
      <c r="C222" s="972" t="s">
        <v>113</v>
      </c>
      <c r="D222" s="974" t="s">
        <v>0</v>
      </c>
      <c r="E222" s="974" t="s">
        <v>114</v>
      </c>
      <c r="F222" s="974" t="s">
        <v>115</v>
      </c>
      <c r="G222" s="974" t="s">
        <v>74</v>
      </c>
      <c r="H222" s="974" t="s">
        <v>109</v>
      </c>
      <c r="I222" s="974" t="s">
        <v>36638</v>
      </c>
      <c r="J222" s="974" t="s">
        <v>36639</v>
      </c>
      <c r="K222" s="974" t="s">
        <v>36640</v>
      </c>
      <c r="L222" s="974" t="s">
        <v>36641</v>
      </c>
      <c r="M222" s="974" t="s">
        <v>0</v>
      </c>
      <c r="N222" s="975"/>
    </row>
    <row r="223" spans="3:14" s="966" customFormat="1" ht="15">
      <c r="C223" s="972" t="s">
        <v>110</v>
      </c>
      <c r="D223" s="974" t="s">
        <v>0</v>
      </c>
      <c r="E223" s="974" t="s">
        <v>111</v>
      </c>
      <c r="F223" s="974" t="s">
        <v>112</v>
      </c>
      <c r="G223" s="974" t="s">
        <v>37383</v>
      </c>
      <c r="H223" s="974" t="s">
        <v>109</v>
      </c>
      <c r="I223" s="974" t="s">
        <v>36642</v>
      </c>
      <c r="J223" s="974" t="s">
        <v>36643</v>
      </c>
      <c r="K223" s="974" t="s">
        <v>36644</v>
      </c>
      <c r="L223" s="974" t="s">
        <v>36645</v>
      </c>
      <c r="M223" s="974" t="s">
        <v>0</v>
      </c>
      <c r="N223" s="975"/>
    </row>
    <row r="224" spans="3:14" s="966" customFormat="1" ht="15">
      <c r="C224" s="972" t="s">
        <v>106</v>
      </c>
      <c r="D224" s="974" t="s">
        <v>0</v>
      </c>
      <c r="E224" s="974" t="s">
        <v>107</v>
      </c>
      <c r="F224" s="974" t="s">
        <v>108</v>
      </c>
      <c r="G224" s="974" t="s">
        <v>37383</v>
      </c>
      <c r="H224" s="974" t="s">
        <v>109</v>
      </c>
      <c r="I224" s="974" t="s">
        <v>36646</v>
      </c>
      <c r="J224" s="974" t="s">
        <v>36647</v>
      </c>
      <c r="K224" s="974" t="s">
        <v>36648</v>
      </c>
      <c r="L224" s="974" t="s">
        <v>36649</v>
      </c>
      <c r="M224" s="974" t="s">
        <v>0</v>
      </c>
      <c r="N224" s="975"/>
    </row>
    <row r="225" spans="3:14" s="966" customFormat="1" ht="15">
      <c r="C225" s="972" t="s">
        <v>130</v>
      </c>
      <c r="D225" s="974" t="s">
        <v>0</v>
      </c>
      <c r="E225" s="974" t="s">
        <v>131</v>
      </c>
      <c r="F225" s="974" t="s">
        <v>572</v>
      </c>
      <c r="G225" s="974" t="s">
        <v>74</v>
      </c>
      <c r="H225" s="974" t="s">
        <v>125</v>
      </c>
      <c r="I225" s="974" t="s">
        <v>36650</v>
      </c>
      <c r="J225" s="974" t="s">
        <v>36651</v>
      </c>
      <c r="K225" s="974" t="s">
        <v>36652</v>
      </c>
      <c r="L225" s="974" t="s">
        <v>36653</v>
      </c>
      <c r="M225" s="974" t="s">
        <v>0</v>
      </c>
      <c r="N225" s="975"/>
    </row>
    <row r="226" spans="3:14" s="966" customFormat="1" ht="15">
      <c r="C226" s="972" t="s">
        <v>129</v>
      </c>
      <c r="D226" s="974" t="s">
        <v>0</v>
      </c>
      <c r="E226" s="974" t="s">
        <v>77</v>
      </c>
      <c r="F226" s="974" t="s">
        <v>77</v>
      </c>
      <c r="G226" s="974" t="s">
        <v>74</v>
      </c>
      <c r="H226" s="974" t="s">
        <v>125</v>
      </c>
      <c r="I226" s="974" t="s">
        <v>0</v>
      </c>
      <c r="J226" s="974" t="s">
        <v>0</v>
      </c>
      <c r="K226" s="974" t="s">
        <v>0</v>
      </c>
      <c r="L226" s="974" t="s">
        <v>0</v>
      </c>
      <c r="M226" s="974" t="s">
        <v>0</v>
      </c>
      <c r="N226" s="975"/>
    </row>
    <row r="227" spans="3:14" s="966" customFormat="1" ht="15">
      <c r="C227" s="972" t="s">
        <v>36654</v>
      </c>
      <c r="D227" s="974" t="s">
        <v>0</v>
      </c>
      <c r="E227" s="974" t="s">
        <v>36655</v>
      </c>
      <c r="F227" s="974" t="s">
        <v>36656</v>
      </c>
      <c r="G227" s="974" t="s">
        <v>74</v>
      </c>
      <c r="H227" s="974" t="s">
        <v>125</v>
      </c>
      <c r="I227" s="974" t="s">
        <v>0</v>
      </c>
      <c r="J227" s="974" t="s">
        <v>0</v>
      </c>
      <c r="K227" s="974" t="s">
        <v>0</v>
      </c>
      <c r="L227" s="974" t="s">
        <v>0</v>
      </c>
      <c r="M227" s="974" t="s">
        <v>0</v>
      </c>
      <c r="N227" s="975"/>
    </row>
    <row r="228" spans="3:14" s="966" customFormat="1" ht="15">
      <c r="C228" s="972" t="s">
        <v>36657</v>
      </c>
      <c r="D228" s="974" t="s">
        <v>0</v>
      </c>
      <c r="E228" s="974" t="s">
        <v>77</v>
      </c>
      <c r="F228" s="974" t="s">
        <v>36658</v>
      </c>
      <c r="G228" s="974" t="s">
        <v>74</v>
      </c>
      <c r="H228" s="974" t="s">
        <v>125</v>
      </c>
      <c r="I228" s="974" t="s">
        <v>0</v>
      </c>
      <c r="J228" s="974" t="s">
        <v>0</v>
      </c>
      <c r="K228" s="974" t="s">
        <v>0</v>
      </c>
      <c r="L228" s="974" t="s">
        <v>0</v>
      </c>
      <c r="M228" s="974" t="s">
        <v>0</v>
      </c>
      <c r="N228" s="975"/>
    </row>
    <row r="229" spans="3:14" s="966" customFormat="1" ht="15">
      <c r="C229" s="972" t="s">
        <v>36659</v>
      </c>
      <c r="D229" s="974" t="s">
        <v>0</v>
      </c>
      <c r="E229" s="974" t="s">
        <v>36660</v>
      </c>
      <c r="F229" s="974" t="s">
        <v>36661</v>
      </c>
      <c r="G229" s="974" t="s">
        <v>74</v>
      </c>
      <c r="H229" s="974" t="s">
        <v>125</v>
      </c>
      <c r="I229" s="974" t="s">
        <v>0</v>
      </c>
      <c r="J229" s="974" t="s">
        <v>0</v>
      </c>
      <c r="K229" s="974" t="s">
        <v>0</v>
      </c>
      <c r="L229" s="974" t="s">
        <v>0</v>
      </c>
      <c r="M229" s="974" t="s">
        <v>0</v>
      </c>
      <c r="N229" s="975"/>
    </row>
    <row r="230" spans="3:14" s="966" customFormat="1" ht="15">
      <c r="C230" s="972" t="s">
        <v>36662</v>
      </c>
      <c r="D230" s="974" t="s">
        <v>0</v>
      </c>
      <c r="E230" s="974" t="s">
        <v>36663</v>
      </c>
      <c r="F230" s="974" t="s">
        <v>36664</v>
      </c>
      <c r="G230" s="974" t="s">
        <v>74</v>
      </c>
      <c r="H230" s="974" t="s">
        <v>125</v>
      </c>
      <c r="I230" s="974" t="s">
        <v>0</v>
      </c>
      <c r="J230" s="974" t="s">
        <v>0</v>
      </c>
      <c r="K230" s="974" t="s">
        <v>0</v>
      </c>
      <c r="L230" s="974" t="s">
        <v>0</v>
      </c>
      <c r="M230" s="974" t="s">
        <v>0</v>
      </c>
      <c r="N230" s="975"/>
    </row>
    <row r="231" spans="3:14" s="966" customFormat="1" ht="15">
      <c r="C231" s="972" t="s">
        <v>36665</v>
      </c>
      <c r="D231" s="974" t="s">
        <v>0</v>
      </c>
      <c r="E231" s="974" t="s">
        <v>77</v>
      </c>
      <c r="F231" s="974" t="s">
        <v>36666</v>
      </c>
      <c r="G231" s="974" t="s">
        <v>74</v>
      </c>
      <c r="H231" s="974" t="s">
        <v>125</v>
      </c>
      <c r="I231" s="974" t="s">
        <v>0</v>
      </c>
      <c r="J231" s="974" t="s">
        <v>0</v>
      </c>
      <c r="K231" s="974" t="s">
        <v>0</v>
      </c>
      <c r="L231" s="974" t="s">
        <v>0</v>
      </c>
      <c r="M231" s="974" t="s">
        <v>0</v>
      </c>
      <c r="N231" s="975"/>
    </row>
    <row r="232" spans="3:14" s="966" customFormat="1" ht="15">
      <c r="C232" s="972" t="s">
        <v>126</v>
      </c>
      <c r="D232" s="974" t="s">
        <v>0</v>
      </c>
      <c r="E232" s="974" t="s">
        <v>127</v>
      </c>
      <c r="F232" s="974" t="s">
        <v>128</v>
      </c>
      <c r="G232" s="974" t="s">
        <v>37398</v>
      </c>
      <c r="H232" s="974" t="s">
        <v>125</v>
      </c>
      <c r="I232" s="974" t="s">
        <v>36667</v>
      </c>
      <c r="J232" s="974" t="s">
        <v>36668</v>
      </c>
      <c r="K232" s="974" t="s">
        <v>36669</v>
      </c>
      <c r="L232" s="974" t="s">
        <v>36670</v>
      </c>
      <c r="M232" s="974" t="s">
        <v>0</v>
      </c>
      <c r="N232" s="975"/>
    </row>
    <row r="233" spans="3:14" s="966" customFormat="1" ht="15">
      <c r="C233" s="972" t="s">
        <v>122</v>
      </c>
      <c r="D233" s="974" t="s">
        <v>0</v>
      </c>
      <c r="E233" s="974" t="s">
        <v>123</v>
      </c>
      <c r="F233" s="974" t="s">
        <v>124</v>
      </c>
      <c r="G233" s="974" t="s">
        <v>74</v>
      </c>
      <c r="H233" s="974" t="s">
        <v>125</v>
      </c>
      <c r="I233" s="974" t="s">
        <v>36671</v>
      </c>
      <c r="J233" s="974" t="s">
        <v>36672</v>
      </c>
      <c r="K233" s="974" t="s">
        <v>36673</v>
      </c>
      <c r="L233" s="974" t="s">
        <v>36674</v>
      </c>
      <c r="M233" s="974" t="s">
        <v>0</v>
      </c>
      <c r="N233" s="975"/>
    </row>
    <row r="234" spans="3:14" s="966" customFormat="1" ht="15">
      <c r="C234" s="972" t="s">
        <v>151</v>
      </c>
      <c r="D234" s="974" t="s">
        <v>0</v>
      </c>
      <c r="E234" s="974" t="s">
        <v>152</v>
      </c>
      <c r="F234" s="974" t="s">
        <v>153</v>
      </c>
      <c r="G234" s="974" t="s">
        <v>74</v>
      </c>
      <c r="H234" s="974" t="s">
        <v>135</v>
      </c>
      <c r="I234" s="974" t="s">
        <v>36675</v>
      </c>
      <c r="J234" s="974" t="s">
        <v>36676</v>
      </c>
      <c r="K234" s="974" t="s">
        <v>36677</v>
      </c>
      <c r="L234" s="974" t="s">
        <v>36678</v>
      </c>
      <c r="M234" s="974" t="s">
        <v>0</v>
      </c>
      <c r="N234" s="975"/>
    </row>
    <row r="235" spans="3:14" s="966" customFormat="1" ht="15">
      <c r="C235" s="972" t="s">
        <v>148</v>
      </c>
      <c r="D235" s="974" t="s">
        <v>0</v>
      </c>
      <c r="E235" s="974" t="s">
        <v>149</v>
      </c>
      <c r="F235" s="974" t="s">
        <v>150</v>
      </c>
      <c r="G235" s="974" t="s">
        <v>74</v>
      </c>
      <c r="H235" s="974" t="s">
        <v>135</v>
      </c>
      <c r="I235" s="974" t="s">
        <v>36679</v>
      </c>
      <c r="J235" s="974" t="s">
        <v>36680</v>
      </c>
      <c r="K235" s="974" t="s">
        <v>36681</v>
      </c>
      <c r="L235" s="974" t="s">
        <v>36682</v>
      </c>
      <c r="M235" s="974" t="s">
        <v>0</v>
      </c>
      <c r="N235" s="975"/>
    </row>
    <row r="236" spans="3:14" s="966" customFormat="1" ht="15">
      <c r="C236" s="972" t="s">
        <v>145</v>
      </c>
      <c r="D236" s="974" t="s">
        <v>0</v>
      </c>
      <c r="E236" s="974" t="s">
        <v>146</v>
      </c>
      <c r="F236" s="974" t="s">
        <v>147</v>
      </c>
      <c r="G236" s="974" t="s">
        <v>74</v>
      </c>
      <c r="H236" s="974" t="s">
        <v>135</v>
      </c>
      <c r="I236" s="974" t="s">
        <v>36683</v>
      </c>
      <c r="J236" s="974" t="s">
        <v>36684</v>
      </c>
      <c r="K236" s="974" t="s">
        <v>36685</v>
      </c>
      <c r="L236" s="974" t="s">
        <v>36686</v>
      </c>
      <c r="M236" s="974" t="s">
        <v>0</v>
      </c>
      <c r="N236" s="975"/>
    </row>
    <row r="237" spans="3:14" s="966" customFormat="1" ht="15">
      <c r="C237" s="972" t="s">
        <v>142</v>
      </c>
      <c r="D237" s="974" t="s">
        <v>0</v>
      </c>
      <c r="E237" s="974" t="s">
        <v>143</v>
      </c>
      <c r="F237" s="974" t="s">
        <v>144</v>
      </c>
      <c r="G237" s="974" t="s">
        <v>86</v>
      </c>
      <c r="H237" s="974" t="s">
        <v>135</v>
      </c>
      <c r="I237" s="974" t="s">
        <v>36687</v>
      </c>
      <c r="J237" s="974" t="s">
        <v>36688</v>
      </c>
      <c r="K237" s="974" t="s">
        <v>36689</v>
      </c>
      <c r="L237" s="974" t="s">
        <v>36690</v>
      </c>
      <c r="M237" s="974" t="s">
        <v>0</v>
      </c>
      <c r="N237" s="975"/>
    </row>
    <row r="238" spans="3:14" s="966" customFormat="1" ht="15">
      <c r="C238" s="972" t="s">
        <v>139</v>
      </c>
      <c r="D238" s="974" t="s">
        <v>0</v>
      </c>
      <c r="E238" s="974" t="s">
        <v>140</v>
      </c>
      <c r="F238" s="974" t="s">
        <v>141</v>
      </c>
      <c r="G238" s="974" t="s">
        <v>86</v>
      </c>
      <c r="H238" s="974" t="s">
        <v>135</v>
      </c>
      <c r="I238" s="974" t="s">
        <v>36691</v>
      </c>
      <c r="J238" s="974" t="s">
        <v>36692</v>
      </c>
      <c r="K238" s="974" t="s">
        <v>36693</v>
      </c>
      <c r="L238" s="974" t="s">
        <v>36694</v>
      </c>
      <c r="M238" s="974" t="s">
        <v>0</v>
      </c>
      <c r="N238" s="975"/>
    </row>
    <row r="239" spans="3:14" s="966" customFormat="1" ht="15">
      <c r="C239" s="972" t="s">
        <v>136</v>
      </c>
      <c r="D239" s="974" t="s">
        <v>0</v>
      </c>
      <c r="E239" s="974" t="s">
        <v>137</v>
      </c>
      <c r="F239" s="974" t="s">
        <v>138</v>
      </c>
      <c r="G239" s="974" t="s">
        <v>74</v>
      </c>
      <c r="H239" s="974" t="s">
        <v>135</v>
      </c>
      <c r="I239" s="974" t="s">
        <v>36695</v>
      </c>
      <c r="J239" s="974" t="s">
        <v>36696</v>
      </c>
      <c r="K239" s="974" t="s">
        <v>36697</v>
      </c>
      <c r="L239" s="974" t="s">
        <v>36698</v>
      </c>
      <c r="M239" s="974" t="s">
        <v>0</v>
      </c>
      <c r="N239" s="975"/>
    </row>
    <row r="240" spans="3:14" s="966" customFormat="1" ht="15">
      <c r="C240" s="972" t="s">
        <v>132</v>
      </c>
      <c r="D240" s="974" t="s">
        <v>0</v>
      </c>
      <c r="E240" s="974" t="s">
        <v>133</v>
      </c>
      <c r="F240" s="974" t="s">
        <v>134</v>
      </c>
      <c r="G240" s="974" t="s">
        <v>37401</v>
      </c>
      <c r="H240" s="974" t="s">
        <v>135</v>
      </c>
      <c r="I240" s="974" t="s">
        <v>36699</v>
      </c>
      <c r="J240" s="974" t="s">
        <v>36700</v>
      </c>
      <c r="K240" s="974" t="s">
        <v>36701</v>
      </c>
      <c r="L240" s="974" t="s">
        <v>36702</v>
      </c>
      <c r="M240" s="974" t="s">
        <v>0</v>
      </c>
      <c r="N240" s="975"/>
    </row>
    <row r="241" spans="3:14" s="966" customFormat="1" ht="15">
      <c r="C241" s="972" t="s">
        <v>169</v>
      </c>
      <c r="D241" s="974" t="s">
        <v>0</v>
      </c>
      <c r="E241" s="974" t="s">
        <v>170</v>
      </c>
      <c r="F241" s="974" t="s">
        <v>171</v>
      </c>
      <c r="G241" s="974" t="s">
        <v>37393</v>
      </c>
      <c r="H241" s="974" t="s">
        <v>156</v>
      </c>
      <c r="I241" s="974" t="s">
        <v>36703</v>
      </c>
      <c r="J241" s="974" t="s">
        <v>36704</v>
      </c>
      <c r="K241" s="974" t="s">
        <v>36705</v>
      </c>
      <c r="L241" s="974" t="s">
        <v>36706</v>
      </c>
      <c r="M241" s="974" t="s">
        <v>0</v>
      </c>
      <c r="N241" s="975"/>
    </row>
    <row r="242" spans="3:14" s="966" customFormat="1" ht="15">
      <c r="C242" s="972" t="s">
        <v>166</v>
      </c>
      <c r="D242" s="974" t="s">
        <v>0</v>
      </c>
      <c r="E242" s="974" t="s">
        <v>167</v>
      </c>
      <c r="F242" s="974" t="s">
        <v>168</v>
      </c>
      <c r="G242" s="974" t="s">
        <v>74</v>
      </c>
      <c r="H242" s="974" t="s">
        <v>156</v>
      </c>
      <c r="I242" s="974" t="s">
        <v>36707</v>
      </c>
      <c r="J242" s="974" t="s">
        <v>36708</v>
      </c>
      <c r="K242" s="974" t="s">
        <v>36709</v>
      </c>
      <c r="L242" s="974" t="s">
        <v>36710</v>
      </c>
      <c r="M242" s="974" t="s">
        <v>0</v>
      </c>
      <c r="N242" s="975"/>
    </row>
    <row r="243" spans="3:14" s="966" customFormat="1" ht="15">
      <c r="C243" s="972" t="s">
        <v>163</v>
      </c>
      <c r="D243" s="974" t="s">
        <v>0</v>
      </c>
      <c r="E243" s="974" t="s">
        <v>164</v>
      </c>
      <c r="F243" s="974" t="s">
        <v>165</v>
      </c>
      <c r="G243" s="974" t="s">
        <v>37401</v>
      </c>
      <c r="H243" s="974" t="s">
        <v>156</v>
      </c>
      <c r="I243" s="974" t="s">
        <v>36711</v>
      </c>
      <c r="J243" s="974" t="s">
        <v>36712</v>
      </c>
      <c r="K243" s="974" t="s">
        <v>36713</v>
      </c>
      <c r="L243" s="974" t="s">
        <v>36714</v>
      </c>
      <c r="M243" s="974" t="s">
        <v>0</v>
      </c>
      <c r="N243" s="975"/>
    </row>
    <row r="244" spans="3:14" s="966" customFormat="1" ht="15">
      <c r="C244" s="972" t="s">
        <v>160</v>
      </c>
      <c r="D244" s="974" t="s">
        <v>0</v>
      </c>
      <c r="E244" s="974" t="s">
        <v>161</v>
      </c>
      <c r="F244" s="974" t="s">
        <v>162</v>
      </c>
      <c r="G244" s="974" t="s">
        <v>37401</v>
      </c>
      <c r="H244" s="974" t="s">
        <v>156</v>
      </c>
      <c r="I244" s="974" t="s">
        <v>36715</v>
      </c>
      <c r="J244" s="974" t="s">
        <v>36716</v>
      </c>
      <c r="K244" s="974" t="s">
        <v>36717</v>
      </c>
      <c r="L244" s="974" t="s">
        <v>36718</v>
      </c>
      <c r="M244" s="974" t="s">
        <v>0</v>
      </c>
      <c r="N244" s="975"/>
    </row>
    <row r="245" spans="3:14" s="966" customFormat="1" ht="15">
      <c r="C245" s="972" t="s">
        <v>157</v>
      </c>
      <c r="D245" s="974" t="s">
        <v>0</v>
      </c>
      <c r="E245" s="974" t="s">
        <v>158</v>
      </c>
      <c r="F245" s="974" t="s">
        <v>159</v>
      </c>
      <c r="G245" s="974" t="s">
        <v>37393</v>
      </c>
      <c r="H245" s="974" t="s">
        <v>156</v>
      </c>
      <c r="I245" s="974" t="s">
        <v>36719</v>
      </c>
      <c r="J245" s="974" t="s">
        <v>36720</v>
      </c>
      <c r="K245" s="974" t="s">
        <v>36721</v>
      </c>
      <c r="L245" s="974" t="s">
        <v>36722</v>
      </c>
      <c r="M245" s="974" t="s">
        <v>0</v>
      </c>
      <c r="N245" s="975"/>
    </row>
    <row r="246" spans="3:14" s="966" customFormat="1" ht="15">
      <c r="C246" s="972" t="s">
        <v>154</v>
      </c>
      <c r="D246" s="974" t="s">
        <v>155</v>
      </c>
      <c r="E246" s="974" t="s">
        <v>77</v>
      </c>
      <c r="F246" s="974" t="s">
        <v>77</v>
      </c>
      <c r="G246" s="974" t="s">
        <v>13395</v>
      </c>
      <c r="H246" s="974" t="s">
        <v>156</v>
      </c>
      <c r="I246" s="974" t="s">
        <v>36723</v>
      </c>
      <c r="J246" s="974" t="s">
        <v>36724</v>
      </c>
      <c r="K246" s="974" t="s">
        <v>36725</v>
      </c>
      <c r="L246" s="974" t="s">
        <v>36726</v>
      </c>
      <c r="M246" s="974" t="s">
        <v>0</v>
      </c>
      <c r="N246" s="975"/>
    </row>
    <row r="247" spans="3:14" s="966" customFormat="1" ht="15">
      <c r="C247" s="972" t="s">
        <v>36727</v>
      </c>
      <c r="D247" s="974" t="s">
        <v>0</v>
      </c>
      <c r="E247" s="974" t="s">
        <v>36728</v>
      </c>
      <c r="F247" s="974" t="s">
        <v>5882</v>
      </c>
      <c r="G247" s="974" t="s">
        <v>13395</v>
      </c>
      <c r="H247" s="974" t="s">
        <v>156</v>
      </c>
      <c r="I247" s="974" t="s">
        <v>36723</v>
      </c>
      <c r="J247" s="974" t="s">
        <v>36724</v>
      </c>
      <c r="K247" s="974" t="s">
        <v>36725</v>
      </c>
      <c r="L247" s="974" t="s">
        <v>36726</v>
      </c>
      <c r="M247" s="974" t="s">
        <v>0</v>
      </c>
      <c r="N247" s="975"/>
    </row>
    <row r="248" spans="3:14" s="966" customFormat="1" ht="15">
      <c r="C248" s="972" t="s">
        <v>26958</v>
      </c>
      <c r="D248" s="974" t="s">
        <v>26959</v>
      </c>
      <c r="E248" s="974" t="s">
        <v>36729</v>
      </c>
      <c r="F248" s="974" t="s">
        <v>5889</v>
      </c>
      <c r="G248" s="974" t="s">
        <v>13395</v>
      </c>
      <c r="H248" s="974" t="s">
        <v>156</v>
      </c>
      <c r="I248" s="974" t="s">
        <v>36723</v>
      </c>
      <c r="J248" s="974" t="s">
        <v>36724</v>
      </c>
      <c r="K248" s="974" t="s">
        <v>36725</v>
      </c>
      <c r="L248" s="974" t="s">
        <v>36726</v>
      </c>
      <c r="M248" s="974" t="s">
        <v>0</v>
      </c>
      <c r="N248" s="975"/>
    </row>
    <row r="249" spans="3:14" s="966" customFormat="1" ht="15">
      <c r="C249" s="972" t="s">
        <v>36730</v>
      </c>
      <c r="D249" s="974" t="s">
        <v>0</v>
      </c>
      <c r="E249" s="974" t="s">
        <v>36731</v>
      </c>
      <c r="F249" s="974" t="s">
        <v>5880</v>
      </c>
      <c r="G249" s="974" t="s">
        <v>13395</v>
      </c>
      <c r="H249" s="974" t="s">
        <v>156</v>
      </c>
      <c r="I249" s="974" t="s">
        <v>36723</v>
      </c>
      <c r="J249" s="974" t="s">
        <v>36724</v>
      </c>
      <c r="K249" s="974" t="s">
        <v>36725</v>
      </c>
      <c r="L249" s="974" t="s">
        <v>36726</v>
      </c>
      <c r="M249" s="974" t="s">
        <v>0</v>
      </c>
      <c r="N249" s="975"/>
    </row>
    <row r="250" spans="3:14" s="966" customFormat="1" ht="15">
      <c r="C250" s="972" t="s">
        <v>36732</v>
      </c>
      <c r="D250" s="974" t="s">
        <v>0</v>
      </c>
      <c r="E250" s="974" t="s">
        <v>36733</v>
      </c>
      <c r="F250" s="974" t="s">
        <v>5862</v>
      </c>
      <c r="G250" s="974" t="s">
        <v>13395</v>
      </c>
      <c r="H250" s="974" t="s">
        <v>156</v>
      </c>
      <c r="I250" s="974" t="s">
        <v>36723</v>
      </c>
      <c r="J250" s="974" t="s">
        <v>36724</v>
      </c>
      <c r="K250" s="974" t="s">
        <v>36725</v>
      </c>
      <c r="L250" s="974" t="s">
        <v>36726</v>
      </c>
      <c r="M250" s="974" t="s">
        <v>0</v>
      </c>
      <c r="N250" s="975"/>
    </row>
    <row r="251" spans="3:14" s="966" customFormat="1" ht="15">
      <c r="C251" s="972" t="s">
        <v>36734</v>
      </c>
      <c r="D251" s="974" t="s">
        <v>0</v>
      </c>
      <c r="E251" s="974" t="s">
        <v>36735</v>
      </c>
      <c r="F251" s="974" t="s">
        <v>5864</v>
      </c>
      <c r="G251" s="974" t="s">
        <v>13395</v>
      </c>
      <c r="H251" s="974" t="s">
        <v>156</v>
      </c>
      <c r="I251" s="974" t="s">
        <v>36723</v>
      </c>
      <c r="J251" s="974" t="s">
        <v>36724</v>
      </c>
      <c r="K251" s="974" t="s">
        <v>36725</v>
      </c>
      <c r="L251" s="974" t="s">
        <v>36726</v>
      </c>
      <c r="M251" s="974" t="s">
        <v>0</v>
      </c>
      <c r="N251" s="975"/>
    </row>
    <row r="252" spans="3:14" s="966" customFormat="1" ht="15">
      <c r="C252" s="972" t="s">
        <v>36736</v>
      </c>
      <c r="D252" s="974" t="s">
        <v>0</v>
      </c>
      <c r="E252" s="974" t="s">
        <v>77</v>
      </c>
      <c r="F252" s="974" t="s">
        <v>8037</v>
      </c>
      <c r="G252" s="974" t="s">
        <v>13395</v>
      </c>
      <c r="H252" s="974" t="s">
        <v>156</v>
      </c>
      <c r="I252" s="974" t="s">
        <v>36723</v>
      </c>
      <c r="J252" s="974" t="s">
        <v>36724</v>
      </c>
      <c r="K252" s="974" t="s">
        <v>36725</v>
      </c>
      <c r="L252" s="974" t="s">
        <v>36726</v>
      </c>
      <c r="M252" s="974" t="s">
        <v>0</v>
      </c>
      <c r="N252" s="975"/>
    </row>
    <row r="253" spans="3:14" s="966" customFormat="1" ht="15">
      <c r="C253" s="972" t="s">
        <v>36737</v>
      </c>
      <c r="D253" s="974" t="s">
        <v>0</v>
      </c>
      <c r="E253" s="974" t="s">
        <v>77</v>
      </c>
      <c r="F253" s="974" t="s">
        <v>5891</v>
      </c>
      <c r="G253" s="974" t="s">
        <v>13395</v>
      </c>
      <c r="H253" s="974" t="s">
        <v>156</v>
      </c>
      <c r="I253" s="974" t="s">
        <v>36723</v>
      </c>
      <c r="J253" s="974" t="s">
        <v>36724</v>
      </c>
      <c r="K253" s="974" t="s">
        <v>36725</v>
      </c>
      <c r="L253" s="974" t="s">
        <v>36726</v>
      </c>
      <c r="M253" s="974" t="s">
        <v>0</v>
      </c>
      <c r="N253" s="975"/>
    </row>
    <row r="254" spans="3:14" s="966" customFormat="1" ht="15">
      <c r="C254" s="972" t="s">
        <v>36738</v>
      </c>
      <c r="D254" s="974" t="s">
        <v>0</v>
      </c>
      <c r="E254" s="974" t="s">
        <v>36739</v>
      </c>
      <c r="F254" s="974" t="s">
        <v>5891</v>
      </c>
      <c r="G254" s="974" t="s">
        <v>13395</v>
      </c>
      <c r="H254" s="974" t="s">
        <v>156</v>
      </c>
      <c r="I254" s="974" t="s">
        <v>36723</v>
      </c>
      <c r="J254" s="974" t="s">
        <v>36724</v>
      </c>
      <c r="K254" s="974" t="s">
        <v>36725</v>
      </c>
      <c r="L254" s="974" t="s">
        <v>36726</v>
      </c>
      <c r="M254" s="974" t="s">
        <v>0</v>
      </c>
      <c r="N254" s="975"/>
    </row>
    <row r="255" spans="3:14" s="966" customFormat="1" ht="15">
      <c r="C255" s="972" t="s">
        <v>36740</v>
      </c>
      <c r="D255" s="974" t="s">
        <v>0</v>
      </c>
      <c r="E255" s="974" t="s">
        <v>36741</v>
      </c>
      <c r="F255" s="974" t="s">
        <v>77</v>
      </c>
      <c r="G255" s="974" t="s">
        <v>13395</v>
      </c>
      <c r="H255" s="974" t="s">
        <v>156</v>
      </c>
      <c r="I255" s="974" t="s">
        <v>36723</v>
      </c>
      <c r="J255" s="974" t="s">
        <v>36724</v>
      </c>
      <c r="K255" s="974" t="s">
        <v>36725</v>
      </c>
      <c r="L255" s="974" t="s">
        <v>36726</v>
      </c>
      <c r="M255" s="974" t="s">
        <v>0</v>
      </c>
      <c r="N255" s="975"/>
    </row>
    <row r="256" spans="3:14" s="966" customFormat="1" ht="15">
      <c r="C256" s="972" t="s">
        <v>36742</v>
      </c>
      <c r="D256" s="974" t="s">
        <v>0</v>
      </c>
      <c r="E256" s="974" t="s">
        <v>36743</v>
      </c>
      <c r="F256" s="974" t="s">
        <v>77</v>
      </c>
      <c r="G256" s="974" t="s">
        <v>13395</v>
      </c>
      <c r="H256" s="974" t="s">
        <v>156</v>
      </c>
      <c r="I256" s="974" t="s">
        <v>36723</v>
      </c>
      <c r="J256" s="974" t="s">
        <v>36724</v>
      </c>
      <c r="K256" s="974" t="s">
        <v>36725</v>
      </c>
      <c r="L256" s="974" t="s">
        <v>36726</v>
      </c>
      <c r="M256" s="974" t="s">
        <v>0</v>
      </c>
      <c r="N256" s="975"/>
    </row>
    <row r="257" spans="3:14" s="966" customFormat="1" ht="15">
      <c r="C257" s="972" t="s">
        <v>36744</v>
      </c>
      <c r="D257" s="974" t="s">
        <v>0</v>
      </c>
      <c r="E257" s="974" t="s">
        <v>36745</v>
      </c>
      <c r="F257" s="974" t="s">
        <v>77</v>
      </c>
      <c r="G257" s="974" t="s">
        <v>13395</v>
      </c>
      <c r="H257" s="974" t="s">
        <v>156</v>
      </c>
      <c r="I257" s="974" t="s">
        <v>36723</v>
      </c>
      <c r="J257" s="974" t="s">
        <v>36724</v>
      </c>
      <c r="K257" s="974" t="s">
        <v>36725</v>
      </c>
      <c r="L257" s="974" t="s">
        <v>36726</v>
      </c>
      <c r="M257" s="974" t="s">
        <v>0</v>
      </c>
      <c r="N257" s="975"/>
    </row>
    <row r="258" spans="3:14" s="966" customFormat="1" ht="15">
      <c r="C258" s="972" t="s">
        <v>36746</v>
      </c>
      <c r="D258" s="974" t="s">
        <v>0</v>
      </c>
      <c r="E258" s="974" t="s">
        <v>36747</v>
      </c>
      <c r="F258" s="974" t="s">
        <v>77</v>
      </c>
      <c r="G258" s="974" t="s">
        <v>13395</v>
      </c>
      <c r="H258" s="974" t="s">
        <v>156</v>
      </c>
      <c r="I258" s="974" t="s">
        <v>36723</v>
      </c>
      <c r="J258" s="974" t="s">
        <v>36724</v>
      </c>
      <c r="K258" s="974" t="s">
        <v>36725</v>
      </c>
      <c r="L258" s="974" t="s">
        <v>36726</v>
      </c>
      <c r="M258" s="974" t="s">
        <v>0</v>
      </c>
      <c r="N258" s="975"/>
    </row>
    <row r="259" spans="3:14" s="966" customFormat="1" ht="15">
      <c r="C259" s="972" t="s">
        <v>26960</v>
      </c>
      <c r="D259" s="974" t="s">
        <v>26959</v>
      </c>
      <c r="E259" s="974" t="s">
        <v>36748</v>
      </c>
      <c r="F259" s="974" t="s">
        <v>5891</v>
      </c>
      <c r="G259" s="974" t="s">
        <v>13395</v>
      </c>
      <c r="H259" s="974" t="s">
        <v>156</v>
      </c>
      <c r="I259" s="974" t="s">
        <v>36723</v>
      </c>
      <c r="J259" s="974" t="s">
        <v>36724</v>
      </c>
      <c r="K259" s="974" t="s">
        <v>36725</v>
      </c>
      <c r="L259" s="974" t="s">
        <v>36726</v>
      </c>
      <c r="M259" s="974" t="s">
        <v>0</v>
      </c>
      <c r="N259" s="975"/>
    </row>
    <row r="260" spans="3:14" s="966" customFormat="1" ht="15">
      <c r="C260" s="972" t="s">
        <v>36749</v>
      </c>
      <c r="D260" s="974" t="s">
        <v>0</v>
      </c>
      <c r="E260" s="974" t="s">
        <v>36750</v>
      </c>
      <c r="F260" s="974" t="s">
        <v>36751</v>
      </c>
      <c r="G260" s="974" t="s">
        <v>13395</v>
      </c>
      <c r="H260" s="974" t="s">
        <v>156</v>
      </c>
      <c r="I260" s="974" t="s">
        <v>36723</v>
      </c>
      <c r="J260" s="974" t="s">
        <v>36724</v>
      </c>
      <c r="K260" s="974" t="s">
        <v>36725</v>
      </c>
      <c r="L260" s="974" t="s">
        <v>36726</v>
      </c>
      <c r="M260" s="974" t="s">
        <v>0</v>
      </c>
      <c r="N260" s="975"/>
    </row>
    <row r="261" spans="3:14" s="966" customFormat="1" ht="15">
      <c r="C261" s="972" t="s">
        <v>36752</v>
      </c>
      <c r="D261" s="974" t="s">
        <v>0</v>
      </c>
      <c r="E261" s="974" t="s">
        <v>36753</v>
      </c>
      <c r="F261" s="974" t="s">
        <v>5868</v>
      </c>
      <c r="G261" s="974" t="s">
        <v>13395</v>
      </c>
      <c r="H261" s="974" t="s">
        <v>156</v>
      </c>
      <c r="I261" s="974" t="s">
        <v>36723</v>
      </c>
      <c r="J261" s="974" t="s">
        <v>36724</v>
      </c>
      <c r="K261" s="974" t="s">
        <v>36725</v>
      </c>
      <c r="L261" s="974" t="s">
        <v>36726</v>
      </c>
      <c r="M261" s="974" t="s">
        <v>0</v>
      </c>
      <c r="N261" s="975"/>
    </row>
    <row r="262" spans="3:14" s="966" customFormat="1" ht="15">
      <c r="C262" s="972" t="s">
        <v>36754</v>
      </c>
      <c r="D262" s="974" t="s">
        <v>0</v>
      </c>
      <c r="E262" s="974" t="s">
        <v>36755</v>
      </c>
      <c r="F262" s="974" t="s">
        <v>77</v>
      </c>
      <c r="G262" s="974" t="s">
        <v>13395</v>
      </c>
      <c r="H262" s="974" t="s">
        <v>156</v>
      </c>
      <c r="I262" s="974" t="s">
        <v>36723</v>
      </c>
      <c r="J262" s="974" t="s">
        <v>36724</v>
      </c>
      <c r="K262" s="974" t="s">
        <v>36725</v>
      </c>
      <c r="L262" s="974" t="s">
        <v>36726</v>
      </c>
      <c r="M262" s="974" t="s">
        <v>0</v>
      </c>
      <c r="N262" s="975"/>
    </row>
    <row r="263" spans="3:14" s="966" customFormat="1" ht="15">
      <c r="C263" s="972" t="s">
        <v>36756</v>
      </c>
      <c r="D263" s="974" t="s">
        <v>0</v>
      </c>
      <c r="E263" s="974" t="s">
        <v>36757</v>
      </c>
      <c r="F263" s="974" t="s">
        <v>77</v>
      </c>
      <c r="G263" s="974" t="s">
        <v>13395</v>
      </c>
      <c r="H263" s="974" t="s">
        <v>156</v>
      </c>
      <c r="I263" s="974" t="s">
        <v>36723</v>
      </c>
      <c r="J263" s="974" t="s">
        <v>36724</v>
      </c>
      <c r="K263" s="974" t="s">
        <v>36725</v>
      </c>
      <c r="L263" s="974" t="s">
        <v>36726</v>
      </c>
      <c r="M263" s="974" t="s">
        <v>0</v>
      </c>
      <c r="N263" s="975"/>
    </row>
    <row r="264" spans="3:14" s="966" customFormat="1" ht="15">
      <c r="C264" s="972" t="s">
        <v>36758</v>
      </c>
      <c r="D264" s="974" t="s">
        <v>0</v>
      </c>
      <c r="E264" s="974" t="s">
        <v>36759</v>
      </c>
      <c r="F264" s="974" t="s">
        <v>77</v>
      </c>
      <c r="G264" s="974" t="s">
        <v>13395</v>
      </c>
      <c r="H264" s="974" t="s">
        <v>156</v>
      </c>
      <c r="I264" s="974" t="s">
        <v>36723</v>
      </c>
      <c r="J264" s="974" t="s">
        <v>36724</v>
      </c>
      <c r="K264" s="974" t="s">
        <v>36725</v>
      </c>
      <c r="L264" s="974" t="s">
        <v>36726</v>
      </c>
      <c r="M264" s="974" t="s">
        <v>0</v>
      </c>
      <c r="N264" s="975"/>
    </row>
    <row r="265" spans="3:14" s="966" customFormat="1" ht="15">
      <c r="C265" s="972" t="s">
        <v>36760</v>
      </c>
      <c r="D265" s="974" t="s">
        <v>0</v>
      </c>
      <c r="E265" s="974" t="s">
        <v>36761</v>
      </c>
      <c r="F265" s="974" t="s">
        <v>77</v>
      </c>
      <c r="G265" s="974" t="s">
        <v>13395</v>
      </c>
      <c r="H265" s="974" t="s">
        <v>156</v>
      </c>
      <c r="I265" s="974" t="s">
        <v>36723</v>
      </c>
      <c r="J265" s="974" t="s">
        <v>36724</v>
      </c>
      <c r="K265" s="974" t="s">
        <v>36725</v>
      </c>
      <c r="L265" s="974" t="s">
        <v>36726</v>
      </c>
      <c r="M265" s="974" t="s">
        <v>0</v>
      </c>
      <c r="N265" s="975"/>
    </row>
    <row r="266" spans="3:14" s="966" customFormat="1" ht="15">
      <c r="C266" s="972" t="s">
        <v>36762</v>
      </c>
      <c r="D266" s="974" t="s">
        <v>0</v>
      </c>
      <c r="E266" s="974" t="s">
        <v>36763</v>
      </c>
      <c r="F266" s="974" t="s">
        <v>5872</v>
      </c>
      <c r="G266" s="974" t="s">
        <v>13395</v>
      </c>
      <c r="H266" s="974" t="s">
        <v>156</v>
      </c>
      <c r="I266" s="974" t="s">
        <v>36723</v>
      </c>
      <c r="J266" s="974" t="s">
        <v>36724</v>
      </c>
      <c r="K266" s="974" t="s">
        <v>36725</v>
      </c>
      <c r="L266" s="974" t="s">
        <v>36726</v>
      </c>
      <c r="M266" s="974" t="s">
        <v>0</v>
      </c>
      <c r="N266" s="975"/>
    </row>
    <row r="267" spans="3:14" s="966" customFormat="1" ht="15">
      <c r="C267" s="972" t="s">
        <v>5898</v>
      </c>
      <c r="D267" s="974" t="s">
        <v>0</v>
      </c>
      <c r="E267" s="974" t="s">
        <v>77</v>
      </c>
      <c r="F267" s="974" t="s">
        <v>5899</v>
      </c>
      <c r="G267" s="974" t="s">
        <v>13395</v>
      </c>
      <c r="H267" s="974" t="s">
        <v>156</v>
      </c>
      <c r="I267" s="974" t="s">
        <v>36723</v>
      </c>
      <c r="J267" s="974" t="s">
        <v>36724</v>
      </c>
      <c r="K267" s="974" t="s">
        <v>36725</v>
      </c>
      <c r="L267" s="974" t="s">
        <v>36726</v>
      </c>
      <c r="M267" s="974" t="s">
        <v>0</v>
      </c>
      <c r="N267" s="975"/>
    </row>
    <row r="268" spans="3:14" s="966" customFormat="1" ht="15">
      <c r="C268" s="972" t="s">
        <v>36764</v>
      </c>
      <c r="D268" s="974" t="s">
        <v>0</v>
      </c>
      <c r="E268" s="974" t="s">
        <v>36765</v>
      </c>
      <c r="F268" s="974" t="s">
        <v>5893</v>
      </c>
      <c r="G268" s="974" t="s">
        <v>13395</v>
      </c>
      <c r="H268" s="974" t="s">
        <v>156</v>
      </c>
      <c r="I268" s="974" t="s">
        <v>36723</v>
      </c>
      <c r="J268" s="974" t="s">
        <v>36724</v>
      </c>
      <c r="K268" s="974" t="s">
        <v>36725</v>
      </c>
      <c r="L268" s="974" t="s">
        <v>36726</v>
      </c>
      <c r="M268" s="974" t="s">
        <v>0</v>
      </c>
      <c r="N268" s="975"/>
    </row>
    <row r="269" spans="3:14" s="966" customFormat="1" ht="15">
      <c r="C269" s="972" t="s">
        <v>36766</v>
      </c>
      <c r="D269" s="974" t="s">
        <v>0</v>
      </c>
      <c r="E269" s="974" t="s">
        <v>77</v>
      </c>
      <c r="F269" s="974" t="s">
        <v>5884</v>
      </c>
      <c r="G269" s="974" t="s">
        <v>13395</v>
      </c>
      <c r="H269" s="974" t="s">
        <v>156</v>
      </c>
      <c r="I269" s="974" t="s">
        <v>36723</v>
      </c>
      <c r="J269" s="974" t="s">
        <v>36724</v>
      </c>
      <c r="K269" s="974" t="s">
        <v>36725</v>
      </c>
      <c r="L269" s="974" t="s">
        <v>36726</v>
      </c>
      <c r="M269" s="974" t="s">
        <v>0</v>
      </c>
      <c r="N269" s="975"/>
    </row>
    <row r="270" spans="3:14" s="966" customFormat="1" ht="15">
      <c r="C270" s="972" t="s">
        <v>5865</v>
      </c>
      <c r="D270" s="974" t="s">
        <v>0</v>
      </c>
      <c r="E270" s="974" t="s">
        <v>77</v>
      </c>
      <c r="F270" s="974" t="s">
        <v>5866</v>
      </c>
      <c r="G270" s="974" t="s">
        <v>13395</v>
      </c>
      <c r="H270" s="974" t="s">
        <v>156</v>
      </c>
      <c r="I270" s="974" t="s">
        <v>36723</v>
      </c>
      <c r="J270" s="974" t="s">
        <v>36724</v>
      </c>
      <c r="K270" s="974" t="s">
        <v>36725</v>
      </c>
      <c r="L270" s="974" t="s">
        <v>36726</v>
      </c>
      <c r="M270" s="974" t="s">
        <v>0</v>
      </c>
      <c r="N270" s="975"/>
    </row>
    <row r="271" spans="3:14" s="966" customFormat="1" ht="15">
      <c r="C271" s="972" t="s">
        <v>36767</v>
      </c>
      <c r="D271" s="974" t="s">
        <v>0</v>
      </c>
      <c r="E271" s="974" t="s">
        <v>36768</v>
      </c>
      <c r="F271" s="974" t="s">
        <v>5897</v>
      </c>
      <c r="G271" s="974" t="s">
        <v>13395</v>
      </c>
      <c r="H271" s="974" t="s">
        <v>156</v>
      </c>
      <c r="I271" s="974" t="s">
        <v>36723</v>
      </c>
      <c r="J271" s="974" t="s">
        <v>36724</v>
      </c>
      <c r="K271" s="974" t="s">
        <v>36725</v>
      </c>
      <c r="L271" s="974" t="s">
        <v>36726</v>
      </c>
      <c r="M271" s="974" t="s">
        <v>0</v>
      </c>
      <c r="N271" s="975"/>
    </row>
    <row r="272" spans="3:14" s="966" customFormat="1" ht="15">
      <c r="C272" s="972" t="s">
        <v>5900</v>
      </c>
      <c r="D272" s="974" t="s">
        <v>0</v>
      </c>
      <c r="E272" s="974" t="s">
        <v>77</v>
      </c>
      <c r="F272" s="974" t="s">
        <v>5901</v>
      </c>
      <c r="G272" s="974" t="s">
        <v>13395</v>
      </c>
      <c r="H272" s="974" t="s">
        <v>156</v>
      </c>
      <c r="I272" s="974" t="s">
        <v>36723</v>
      </c>
      <c r="J272" s="974" t="s">
        <v>36724</v>
      </c>
      <c r="K272" s="974" t="s">
        <v>36725</v>
      </c>
      <c r="L272" s="974" t="s">
        <v>36726</v>
      </c>
      <c r="M272" s="974" t="s">
        <v>0</v>
      </c>
      <c r="N272" s="975"/>
    </row>
    <row r="273" spans="3:14" s="966" customFormat="1" ht="15">
      <c r="C273" s="972" t="s">
        <v>36769</v>
      </c>
      <c r="D273" s="974" t="s">
        <v>0</v>
      </c>
      <c r="E273" s="974" t="s">
        <v>36770</v>
      </c>
      <c r="F273" s="974" t="s">
        <v>5882</v>
      </c>
      <c r="G273" s="974" t="s">
        <v>13395</v>
      </c>
      <c r="H273" s="974" t="s">
        <v>156</v>
      </c>
      <c r="I273" s="974" t="s">
        <v>36723</v>
      </c>
      <c r="J273" s="974" t="s">
        <v>36724</v>
      </c>
      <c r="K273" s="974" t="s">
        <v>36725</v>
      </c>
      <c r="L273" s="974" t="s">
        <v>36726</v>
      </c>
      <c r="M273" s="974" t="s">
        <v>0</v>
      </c>
      <c r="N273" s="975"/>
    </row>
    <row r="274" spans="3:14" s="966" customFormat="1" ht="15">
      <c r="C274" s="972" t="s">
        <v>26961</v>
      </c>
      <c r="D274" s="974" t="s">
        <v>26959</v>
      </c>
      <c r="E274" s="974" t="s">
        <v>36771</v>
      </c>
      <c r="F274" s="974" t="s">
        <v>5893</v>
      </c>
      <c r="G274" s="974" t="s">
        <v>13395</v>
      </c>
      <c r="H274" s="974" t="s">
        <v>156</v>
      </c>
      <c r="I274" s="974" t="s">
        <v>36723</v>
      </c>
      <c r="J274" s="974" t="s">
        <v>36724</v>
      </c>
      <c r="K274" s="974" t="s">
        <v>36725</v>
      </c>
      <c r="L274" s="974" t="s">
        <v>36726</v>
      </c>
      <c r="M274" s="974" t="s">
        <v>0</v>
      </c>
      <c r="N274" s="975"/>
    </row>
    <row r="275" spans="3:14" s="966" customFormat="1" ht="15">
      <c r="C275" s="972" t="s">
        <v>36772</v>
      </c>
      <c r="D275" s="974" t="s">
        <v>0</v>
      </c>
      <c r="E275" s="974" t="s">
        <v>36773</v>
      </c>
      <c r="F275" s="974" t="s">
        <v>5874</v>
      </c>
      <c r="G275" s="974" t="s">
        <v>13395</v>
      </c>
      <c r="H275" s="974" t="s">
        <v>156</v>
      </c>
      <c r="I275" s="974" t="s">
        <v>36723</v>
      </c>
      <c r="J275" s="974" t="s">
        <v>36724</v>
      </c>
      <c r="K275" s="974" t="s">
        <v>36725</v>
      </c>
      <c r="L275" s="974" t="s">
        <v>36726</v>
      </c>
      <c r="M275" s="974" t="s">
        <v>0</v>
      </c>
      <c r="N275" s="975"/>
    </row>
    <row r="276" spans="3:14" s="966" customFormat="1" ht="15">
      <c r="C276" s="972" t="s">
        <v>36774</v>
      </c>
      <c r="D276" s="974" t="s">
        <v>0</v>
      </c>
      <c r="E276" s="974" t="s">
        <v>36775</v>
      </c>
      <c r="F276" s="974" t="s">
        <v>36776</v>
      </c>
      <c r="G276" s="974" t="s">
        <v>13395</v>
      </c>
      <c r="H276" s="974" t="s">
        <v>156</v>
      </c>
      <c r="I276" s="974" t="s">
        <v>36723</v>
      </c>
      <c r="J276" s="974" t="s">
        <v>36724</v>
      </c>
      <c r="K276" s="974" t="s">
        <v>36725</v>
      </c>
      <c r="L276" s="974" t="s">
        <v>36726</v>
      </c>
      <c r="M276" s="974" t="s">
        <v>0</v>
      </c>
      <c r="N276" s="975"/>
    </row>
    <row r="277" spans="3:14" s="966" customFormat="1" ht="15">
      <c r="C277" s="972" t="s">
        <v>324</v>
      </c>
      <c r="D277" s="974" t="s">
        <v>0</v>
      </c>
      <c r="E277" s="974" t="s">
        <v>325</v>
      </c>
      <c r="F277" s="974" t="s">
        <v>326</v>
      </c>
      <c r="G277" s="974" t="s">
        <v>74</v>
      </c>
      <c r="H277" s="974" t="s">
        <v>175</v>
      </c>
      <c r="I277" s="974" t="s">
        <v>36777</v>
      </c>
      <c r="J277" s="974" t="s">
        <v>36778</v>
      </c>
      <c r="K277" s="974" t="s">
        <v>36779</v>
      </c>
      <c r="L277" s="974" t="s">
        <v>36780</v>
      </c>
      <c r="M277" s="974" t="s">
        <v>0</v>
      </c>
      <c r="N277" s="975"/>
    </row>
    <row r="278" spans="3:14" s="966" customFormat="1" ht="15">
      <c r="C278" s="972" t="s">
        <v>321</v>
      </c>
      <c r="D278" s="974" t="s">
        <v>0</v>
      </c>
      <c r="E278" s="974" t="s">
        <v>322</v>
      </c>
      <c r="F278" s="974" t="s">
        <v>323</v>
      </c>
      <c r="G278" s="974" t="s">
        <v>74</v>
      </c>
      <c r="H278" s="974" t="s">
        <v>175</v>
      </c>
      <c r="I278" s="974" t="s">
        <v>36781</v>
      </c>
      <c r="J278" s="974" t="s">
        <v>36782</v>
      </c>
      <c r="K278" s="974" t="s">
        <v>36783</v>
      </c>
      <c r="L278" s="974" t="s">
        <v>36784</v>
      </c>
      <c r="M278" s="974" t="s">
        <v>0</v>
      </c>
      <c r="N278" s="975"/>
    </row>
    <row r="279" spans="3:14" s="966" customFormat="1" ht="15">
      <c r="C279" s="972" t="s">
        <v>318</v>
      </c>
      <c r="D279" s="974" t="s">
        <v>0</v>
      </c>
      <c r="E279" s="974" t="s">
        <v>319</v>
      </c>
      <c r="F279" s="974" t="s">
        <v>320</v>
      </c>
      <c r="G279" s="974" t="s">
        <v>13392</v>
      </c>
      <c r="H279" s="974" t="s">
        <v>175</v>
      </c>
      <c r="I279" s="974" t="s">
        <v>36785</v>
      </c>
      <c r="J279" s="974" t="s">
        <v>36786</v>
      </c>
      <c r="K279" s="974" t="s">
        <v>36787</v>
      </c>
      <c r="L279" s="974" t="s">
        <v>36788</v>
      </c>
      <c r="M279" s="974" t="s">
        <v>0</v>
      </c>
      <c r="N279" s="975"/>
    </row>
    <row r="280" spans="3:14" s="966" customFormat="1" ht="15">
      <c r="C280" s="972" t="s">
        <v>315</v>
      </c>
      <c r="D280" s="974" t="s">
        <v>0</v>
      </c>
      <c r="E280" s="974" t="s">
        <v>316</v>
      </c>
      <c r="F280" s="974" t="s">
        <v>317</v>
      </c>
      <c r="G280" s="974" t="s">
        <v>74</v>
      </c>
      <c r="H280" s="974" t="s">
        <v>175</v>
      </c>
      <c r="I280" s="974" t="s">
        <v>36789</v>
      </c>
      <c r="J280" s="974" t="s">
        <v>36790</v>
      </c>
      <c r="K280" s="974" t="s">
        <v>36791</v>
      </c>
      <c r="L280" s="974" t="s">
        <v>36792</v>
      </c>
      <c r="M280" s="974" t="s">
        <v>0</v>
      </c>
      <c r="N280" s="975"/>
    </row>
    <row r="281" spans="3:14" s="966" customFormat="1" ht="15">
      <c r="C281" s="972" t="s">
        <v>312</v>
      </c>
      <c r="D281" s="974" t="s">
        <v>0</v>
      </c>
      <c r="E281" s="974" t="s">
        <v>313</v>
      </c>
      <c r="F281" s="974" t="s">
        <v>314</v>
      </c>
      <c r="G281" s="974" t="s">
        <v>74</v>
      </c>
      <c r="H281" s="974" t="s">
        <v>175</v>
      </c>
      <c r="I281" s="974" t="s">
        <v>36793</v>
      </c>
      <c r="J281" s="974" t="s">
        <v>36794</v>
      </c>
      <c r="K281" s="974" t="s">
        <v>36795</v>
      </c>
      <c r="L281" s="974" t="s">
        <v>36796</v>
      </c>
      <c r="M281" s="974" t="s">
        <v>0</v>
      </c>
      <c r="N281" s="975"/>
    </row>
    <row r="282" spans="3:14" s="966" customFormat="1" ht="15">
      <c r="C282" s="972" t="s">
        <v>309</v>
      </c>
      <c r="D282" s="974" t="s">
        <v>0</v>
      </c>
      <c r="E282" s="974" t="s">
        <v>310</v>
      </c>
      <c r="F282" s="974" t="s">
        <v>311</v>
      </c>
      <c r="G282" s="974" t="s">
        <v>74</v>
      </c>
      <c r="H282" s="974" t="s">
        <v>175</v>
      </c>
      <c r="I282" s="974" t="s">
        <v>36797</v>
      </c>
      <c r="J282" s="974" t="s">
        <v>36798</v>
      </c>
      <c r="K282" s="974" t="s">
        <v>36799</v>
      </c>
      <c r="L282" s="974" t="s">
        <v>36800</v>
      </c>
      <c r="M282" s="974" t="s">
        <v>0</v>
      </c>
      <c r="N282" s="975"/>
    </row>
    <row r="283" spans="3:14" s="966" customFormat="1" ht="15">
      <c r="C283" s="972" t="s">
        <v>306</v>
      </c>
      <c r="D283" s="974" t="s">
        <v>0</v>
      </c>
      <c r="E283" s="974" t="s">
        <v>307</v>
      </c>
      <c r="F283" s="974" t="s">
        <v>308</v>
      </c>
      <c r="G283" s="974" t="s">
        <v>74</v>
      </c>
      <c r="H283" s="974" t="s">
        <v>175</v>
      </c>
      <c r="I283" s="974" t="s">
        <v>36801</v>
      </c>
      <c r="J283" s="974" t="s">
        <v>36802</v>
      </c>
      <c r="K283" s="974" t="s">
        <v>36803</v>
      </c>
      <c r="L283" s="974" t="s">
        <v>36804</v>
      </c>
      <c r="M283" s="974" t="s">
        <v>0</v>
      </c>
      <c r="N283" s="975"/>
    </row>
    <row r="284" spans="3:14" s="966" customFormat="1" ht="15">
      <c r="C284" s="972" t="s">
        <v>302</v>
      </c>
      <c r="D284" s="974" t="s">
        <v>303</v>
      </c>
      <c r="E284" s="974" t="s">
        <v>304</v>
      </c>
      <c r="F284" s="974" t="s">
        <v>305</v>
      </c>
      <c r="G284" s="974" t="s">
        <v>74</v>
      </c>
      <c r="H284" s="974" t="s">
        <v>175</v>
      </c>
      <c r="I284" s="974" t="s">
        <v>36805</v>
      </c>
      <c r="J284" s="974" t="s">
        <v>36806</v>
      </c>
      <c r="K284" s="974" t="s">
        <v>36807</v>
      </c>
      <c r="L284" s="974" t="s">
        <v>36808</v>
      </c>
      <c r="M284" s="974" t="s">
        <v>0</v>
      </c>
      <c r="N284" s="975"/>
    </row>
    <row r="285" spans="3:14" s="966" customFormat="1" ht="15">
      <c r="C285" s="972" t="s">
        <v>299</v>
      </c>
      <c r="D285" s="974" t="s">
        <v>77</v>
      </c>
      <c r="E285" s="974" t="s">
        <v>300</v>
      </c>
      <c r="F285" s="974" t="s">
        <v>301</v>
      </c>
      <c r="G285" s="974" t="s">
        <v>74</v>
      </c>
      <c r="H285" s="974" t="s">
        <v>175</v>
      </c>
      <c r="I285" s="974" t="s">
        <v>36809</v>
      </c>
      <c r="J285" s="974" t="s">
        <v>36810</v>
      </c>
      <c r="K285" s="974" t="s">
        <v>36811</v>
      </c>
      <c r="L285" s="974" t="s">
        <v>36812</v>
      </c>
      <c r="M285" s="974" t="s">
        <v>0</v>
      </c>
      <c r="N285" s="975"/>
    </row>
    <row r="286" spans="3:14" s="966" customFormat="1" ht="15">
      <c r="C286" s="972" t="s">
        <v>296</v>
      </c>
      <c r="D286" s="974" t="s">
        <v>0</v>
      </c>
      <c r="E286" s="974" t="s">
        <v>297</v>
      </c>
      <c r="F286" s="974" t="s">
        <v>298</v>
      </c>
      <c r="G286" s="974" t="s">
        <v>74</v>
      </c>
      <c r="H286" s="974" t="s">
        <v>175</v>
      </c>
      <c r="I286" s="974" t="s">
        <v>36813</v>
      </c>
      <c r="J286" s="974" t="s">
        <v>36814</v>
      </c>
      <c r="K286" s="974" t="s">
        <v>36815</v>
      </c>
      <c r="L286" s="974" t="s">
        <v>36816</v>
      </c>
      <c r="M286" s="974" t="s">
        <v>0</v>
      </c>
      <c r="N286" s="975"/>
    </row>
    <row r="287" spans="3:14" s="966" customFormat="1" ht="15">
      <c r="C287" s="972" t="s">
        <v>293</v>
      </c>
      <c r="D287" s="974" t="s">
        <v>0</v>
      </c>
      <c r="E287" s="974" t="s">
        <v>294</v>
      </c>
      <c r="F287" s="974" t="s">
        <v>295</v>
      </c>
      <c r="G287" s="974" t="s">
        <v>13392</v>
      </c>
      <c r="H287" s="974" t="s">
        <v>175</v>
      </c>
      <c r="I287" s="974" t="s">
        <v>36817</v>
      </c>
      <c r="J287" s="974" t="s">
        <v>36818</v>
      </c>
      <c r="K287" s="974" t="s">
        <v>36819</v>
      </c>
      <c r="L287" s="974" t="s">
        <v>36820</v>
      </c>
      <c r="M287" s="974" t="s">
        <v>0</v>
      </c>
      <c r="N287" s="975"/>
    </row>
    <row r="288" spans="3:14" s="966" customFormat="1" ht="15">
      <c r="C288" s="972" t="s">
        <v>290</v>
      </c>
      <c r="D288" s="974" t="s">
        <v>0</v>
      </c>
      <c r="E288" s="974" t="s">
        <v>291</v>
      </c>
      <c r="F288" s="974" t="s">
        <v>292</v>
      </c>
      <c r="G288" s="974" t="s">
        <v>74</v>
      </c>
      <c r="H288" s="974" t="s">
        <v>175</v>
      </c>
      <c r="I288" s="974" t="s">
        <v>36821</v>
      </c>
      <c r="J288" s="974" t="s">
        <v>36822</v>
      </c>
      <c r="K288" s="974" t="s">
        <v>36823</v>
      </c>
      <c r="L288" s="974" t="s">
        <v>36824</v>
      </c>
      <c r="M288" s="974" t="s">
        <v>0</v>
      </c>
      <c r="N288" s="975"/>
    </row>
    <row r="289" spans="3:14" s="966" customFormat="1" ht="15">
      <c r="C289" s="972" t="s">
        <v>287</v>
      </c>
      <c r="D289" s="974" t="s">
        <v>0</v>
      </c>
      <c r="E289" s="974" t="s">
        <v>288</v>
      </c>
      <c r="F289" s="974" t="s">
        <v>289</v>
      </c>
      <c r="G289" s="974" t="s">
        <v>86</v>
      </c>
      <c r="H289" s="974" t="s">
        <v>175</v>
      </c>
      <c r="I289" s="974" t="s">
        <v>36825</v>
      </c>
      <c r="J289" s="974" t="s">
        <v>36826</v>
      </c>
      <c r="K289" s="974" t="s">
        <v>36827</v>
      </c>
      <c r="L289" s="974" t="s">
        <v>36828</v>
      </c>
      <c r="M289" s="974" t="s">
        <v>0</v>
      </c>
      <c r="N289" s="975"/>
    </row>
    <row r="290" spans="3:14" s="966" customFormat="1" ht="15">
      <c r="C290" s="972" t="s">
        <v>284</v>
      </c>
      <c r="D290" s="974" t="s">
        <v>0</v>
      </c>
      <c r="E290" s="974" t="s">
        <v>285</v>
      </c>
      <c r="F290" s="974" t="s">
        <v>286</v>
      </c>
      <c r="G290" s="974" t="s">
        <v>86</v>
      </c>
      <c r="H290" s="974" t="s">
        <v>175</v>
      </c>
      <c r="I290" s="974" t="s">
        <v>36829</v>
      </c>
      <c r="J290" s="974" t="s">
        <v>36830</v>
      </c>
      <c r="K290" s="974" t="s">
        <v>36831</v>
      </c>
      <c r="L290" s="974" t="s">
        <v>36832</v>
      </c>
      <c r="M290" s="974" t="s">
        <v>0</v>
      </c>
      <c r="N290" s="975"/>
    </row>
    <row r="291" spans="3:14" s="966" customFormat="1" ht="15">
      <c r="C291" s="972" t="s">
        <v>26962</v>
      </c>
      <c r="D291" s="974" t="s">
        <v>0</v>
      </c>
      <c r="E291" s="974" t="s">
        <v>26963</v>
      </c>
      <c r="F291" s="974" t="s">
        <v>283</v>
      </c>
      <c r="G291" s="974" t="s">
        <v>74</v>
      </c>
      <c r="H291" s="974" t="s">
        <v>175</v>
      </c>
      <c r="I291" s="974" t="s">
        <v>36833</v>
      </c>
      <c r="J291" s="974" t="s">
        <v>36834</v>
      </c>
      <c r="K291" s="974" t="s">
        <v>36835</v>
      </c>
      <c r="L291" s="974" t="s">
        <v>36836</v>
      </c>
      <c r="M291" s="974" t="s">
        <v>0</v>
      </c>
      <c r="N291" s="975"/>
    </row>
    <row r="292" spans="3:14" s="966" customFormat="1" ht="15">
      <c r="C292" s="972" t="s">
        <v>279</v>
      </c>
      <c r="D292" s="974" t="s">
        <v>0</v>
      </c>
      <c r="E292" s="974" t="s">
        <v>280</v>
      </c>
      <c r="F292" s="974" t="s">
        <v>281</v>
      </c>
      <c r="G292" s="974" t="s">
        <v>74</v>
      </c>
      <c r="H292" s="974" t="s">
        <v>175</v>
      </c>
      <c r="I292" s="974" t="s">
        <v>36837</v>
      </c>
      <c r="J292" s="974" t="s">
        <v>36838</v>
      </c>
      <c r="K292" s="974" t="s">
        <v>36839</v>
      </c>
      <c r="L292" s="974" t="s">
        <v>36840</v>
      </c>
      <c r="M292" s="974" t="s">
        <v>0</v>
      </c>
      <c r="N292" s="975"/>
    </row>
    <row r="293" spans="3:14" s="966" customFormat="1" ht="15">
      <c r="C293" s="972" t="s">
        <v>277</v>
      </c>
      <c r="D293" s="974" t="s">
        <v>0</v>
      </c>
      <c r="E293" s="974" t="s">
        <v>278</v>
      </c>
      <c r="F293" s="974" t="s">
        <v>575</v>
      </c>
      <c r="G293" s="974" t="s">
        <v>74</v>
      </c>
      <c r="H293" s="974" t="s">
        <v>175</v>
      </c>
      <c r="I293" s="974" t="s">
        <v>36841</v>
      </c>
      <c r="J293" s="974" t="s">
        <v>36842</v>
      </c>
      <c r="K293" s="974" t="s">
        <v>36843</v>
      </c>
      <c r="L293" s="974" t="s">
        <v>36844</v>
      </c>
      <c r="M293" s="974" t="s">
        <v>0</v>
      </c>
      <c r="N293" s="975"/>
    </row>
    <row r="294" spans="3:14" s="966" customFormat="1" ht="15">
      <c r="C294" s="972" t="s">
        <v>274</v>
      </c>
      <c r="D294" s="974" t="s">
        <v>0</v>
      </c>
      <c r="E294" s="974" t="s">
        <v>275</v>
      </c>
      <c r="F294" s="974" t="s">
        <v>276</v>
      </c>
      <c r="G294" s="974" t="s">
        <v>37402</v>
      </c>
      <c r="H294" s="974" t="s">
        <v>175</v>
      </c>
      <c r="I294" s="974" t="s">
        <v>36845</v>
      </c>
      <c r="J294" s="974" t="s">
        <v>36846</v>
      </c>
      <c r="K294" s="974" t="s">
        <v>36847</v>
      </c>
      <c r="L294" s="974" t="s">
        <v>36848</v>
      </c>
      <c r="M294" s="974" t="s">
        <v>0</v>
      </c>
      <c r="N294" s="975"/>
    </row>
    <row r="295" spans="3:14" s="966" customFormat="1" ht="15">
      <c r="C295" s="972" t="s">
        <v>271</v>
      </c>
      <c r="D295" s="974" t="s">
        <v>0</v>
      </c>
      <c r="E295" s="974" t="s">
        <v>272</v>
      </c>
      <c r="F295" s="974" t="s">
        <v>273</v>
      </c>
      <c r="G295" s="974" t="s">
        <v>74</v>
      </c>
      <c r="H295" s="974" t="s">
        <v>175</v>
      </c>
      <c r="I295" s="974" t="s">
        <v>36849</v>
      </c>
      <c r="J295" s="974" t="s">
        <v>36850</v>
      </c>
      <c r="K295" s="974" t="s">
        <v>36851</v>
      </c>
      <c r="L295" s="974" t="s">
        <v>36852</v>
      </c>
      <c r="M295" s="974" t="s">
        <v>0</v>
      </c>
      <c r="N295" s="975"/>
    </row>
    <row r="296" spans="3:14" s="966" customFormat="1" ht="15">
      <c r="C296" s="972" t="s">
        <v>268</v>
      </c>
      <c r="D296" s="974" t="s">
        <v>0</v>
      </c>
      <c r="E296" s="974" t="s">
        <v>269</v>
      </c>
      <c r="F296" s="974" t="s">
        <v>270</v>
      </c>
      <c r="G296" s="974" t="s">
        <v>74</v>
      </c>
      <c r="H296" s="974" t="s">
        <v>175</v>
      </c>
      <c r="I296" s="974" t="s">
        <v>36853</v>
      </c>
      <c r="J296" s="974" t="s">
        <v>36854</v>
      </c>
      <c r="K296" s="974" t="s">
        <v>36855</v>
      </c>
      <c r="L296" s="974" t="s">
        <v>36856</v>
      </c>
      <c r="M296" s="974" t="s">
        <v>0</v>
      </c>
      <c r="N296" s="975"/>
    </row>
    <row r="297" spans="3:14" s="966" customFormat="1" ht="15">
      <c r="C297" s="972" t="s">
        <v>265</v>
      </c>
      <c r="D297" s="974" t="s">
        <v>0</v>
      </c>
      <c r="E297" s="974" t="s">
        <v>266</v>
      </c>
      <c r="F297" s="974" t="s">
        <v>267</v>
      </c>
      <c r="G297" s="974" t="s">
        <v>74</v>
      </c>
      <c r="H297" s="974" t="s">
        <v>175</v>
      </c>
      <c r="I297" s="974" t="s">
        <v>36857</v>
      </c>
      <c r="J297" s="974" t="s">
        <v>36858</v>
      </c>
      <c r="K297" s="974" t="s">
        <v>36859</v>
      </c>
      <c r="L297" s="974" t="s">
        <v>36860</v>
      </c>
      <c r="M297" s="974" t="s">
        <v>0</v>
      </c>
      <c r="N297" s="975"/>
    </row>
    <row r="298" spans="3:14" s="966" customFormat="1" ht="15">
      <c r="C298" s="972" t="s">
        <v>262</v>
      </c>
      <c r="D298" s="974" t="s">
        <v>0</v>
      </c>
      <c r="E298" s="974" t="s">
        <v>263</v>
      </c>
      <c r="F298" s="974" t="s">
        <v>264</v>
      </c>
      <c r="G298" s="974" t="s">
        <v>74</v>
      </c>
      <c r="H298" s="974" t="s">
        <v>175</v>
      </c>
      <c r="I298" s="974" t="s">
        <v>36861</v>
      </c>
      <c r="J298" s="974" t="s">
        <v>36862</v>
      </c>
      <c r="K298" s="974" t="s">
        <v>36863</v>
      </c>
      <c r="L298" s="974" t="s">
        <v>36864</v>
      </c>
      <c r="M298" s="974" t="s">
        <v>0</v>
      </c>
      <c r="N298" s="975"/>
    </row>
    <row r="299" spans="3:14" s="966" customFormat="1" ht="15">
      <c r="C299" s="972" t="s">
        <v>259</v>
      </c>
      <c r="D299" s="974" t="s">
        <v>0</v>
      </c>
      <c r="E299" s="974" t="s">
        <v>260</v>
      </c>
      <c r="F299" s="974" t="s">
        <v>261</v>
      </c>
      <c r="G299" s="974" t="s">
        <v>74</v>
      </c>
      <c r="H299" s="974" t="s">
        <v>175</v>
      </c>
      <c r="I299" s="974" t="s">
        <v>36865</v>
      </c>
      <c r="J299" s="974" t="s">
        <v>36866</v>
      </c>
      <c r="K299" s="974" t="s">
        <v>36867</v>
      </c>
      <c r="L299" s="974" t="s">
        <v>36868</v>
      </c>
      <c r="M299" s="974" t="s">
        <v>0</v>
      </c>
      <c r="N299" s="975"/>
    </row>
    <row r="300" spans="3:14" s="966" customFormat="1" ht="15">
      <c r="C300" s="972" t="s">
        <v>256</v>
      </c>
      <c r="D300" s="974" t="s">
        <v>0</v>
      </c>
      <c r="E300" s="974" t="s">
        <v>257</v>
      </c>
      <c r="F300" s="974" t="s">
        <v>258</v>
      </c>
      <c r="G300" s="974" t="s">
        <v>74</v>
      </c>
      <c r="H300" s="974" t="s">
        <v>175</v>
      </c>
      <c r="I300" s="974" t="s">
        <v>36869</v>
      </c>
      <c r="J300" s="974" t="s">
        <v>36870</v>
      </c>
      <c r="K300" s="974" t="s">
        <v>36871</v>
      </c>
      <c r="L300" s="974" t="s">
        <v>36872</v>
      </c>
      <c r="M300" s="974" t="s">
        <v>0</v>
      </c>
      <c r="N300" s="975"/>
    </row>
    <row r="301" spans="3:14" s="966" customFormat="1" ht="15">
      <c r="C301" s="972" t="s">
        <v>253</v>
      </c>
      <c r="D301" s="974" t="s">
        <v>0</v>
      </c>
      <c r="E301" s="974" t="s">
        <v>254</v>
      </c>
      <c r="F301" s="974" t="s">
        <v>255</v>
      </c>
      <c r="G301" s="974" t="s">
        <v>74</v>
      </c>
      <c r="H301" s="974" t="s">
        <v>175</v>
      </c>
      <c r="I301" s="974" t="s">
        <v>36873</v>
      </c>
      <c r="J301" s="974" t="s">
        <v>36874</v>
      </c>
      <c r="K301" s="974" t="s">
        <v>36875</v>
      </c>
      <c r="L301" s="974" t="s">
        <v>36876</v>
      </c>
      <c r="M301" s="974" t="s">
        <v>0</v>
      </c>
      <c r="N301" s="975"/>
    </row>
    <row r="302" spans="3:14" s="966" customFormat="1" ht="15">
      <c r="C302" s="972" t="s">
        <v>250</v>
      </c>
      <c r="D302" s="974" t="s">
        <v>0</v>
      </c>
      <c r="E302" s="974" t="s">
        <v>251</v>
      </c>
      <c r="F302" s="974" t="s">
        <v>252</v>
      </c>
      <c r="G302" s="974" t="s">
        <v>74</v>
      </c>
      <c r="H302" s="974" t="s">
        <v>175</v>
      </c>
      <c r="I302" s="974" t="s">
        <v>36877</v>
      </c>
      <c r="J302" s="974" t="s">
        <v>36878</v>
      </c>
      <c r="K302" s="974" t="s">
        <v>36879</v>
      </c>
      <c r="L302" s="974" t="s">
        <v>36880</v>
      </c>
      <c r="M302" s="974" t="s">
        <v>0</v>
      </c>
      <c r="N302" s="975"/>
    </row>
    <row r="303" spans="3:14" s="966" customFormat="1" ht="15">
      <c r="C303" s="972" t="s">
        <v>248</v>
      </c>
      <c r="D303" s="974" t="s">
        <v>249</v>
      </c>
      <c r="E303" s="974" t="s">
        <v>77</v>
      </c>
      <c r="F303" s="974" t="s">
        <v>77</v>
      </c>
      <c r="G303" s="974" t="s">
        <v>13396</v>
      </c>
      <c r="H303" s="974" t="s">
        <v>175</v>
      </c>
      <c r="I303" s="974" t="s">
        <v>36881</v>
      </c>
      <c r="J303" s="974" t="s">
        <v>36882</v>
      </c>
      <c r="K303" s="974" t="s">
        <v>36883</v>
      </c>
      <c r="L303" s="974" t="s">
        <v>36884</v>
      </c>
      <c r="M303" s="974" t="s">
        <v>0</v>
      </c>
      <c r="N303" s="975"/>
    </row>
    <row r="304" spans="3:14" s="966" customFormat="1" ht="15">
      <c r="C304" s="972" t="s">
        <v>248</v>
      </c>
      <c r="D304" s="974" t="s">
        <v>0</v>
      </c>
      <c r="E304" s="974" t="s">
        <v>36885</v>
      </c>
      <c r="F304" s="974" t="s">
        <v>8063</v>
      </c>
      <c r="G304" s="974" t="s">
        <v>13396</v>
      </c>
      <c r="H304" s="974" t="s">
        <v>175</v>
      </c>
      <c r="I304" s="974" t="s">
        <v>36881</v>
      </c>
      <c r="J304" s="974" t="s">
        <v>36882</v>
      </c>
      <c r="K304" s="974" t="s">
        <v>36883</v>
      </c>
      <c r="L304" s="974" t="s">
        <v>36884</v>
      </c>
      <c r="M304" s="974" t="s">
        <v>0</v>
      </c>
      <c r="N304" s="975"/>
    </row>
    <row r="305" spans="3:14" s="966" customFormat="1" ht="15">
      <c r="C305" s="972" t="s">
        <v>8071</v>
      </c>
      <c r="D305" s="974" t="s">
        <v>0</v>
      </c>
      <c r="E305" s="974" t="s">
        <v>36886</v>
      </c>
      <c r="F305" s="974" t="s">
        <v>8072</v>
      </c>
      <c r="G305" s="974" t="s">
        <v>13396</v>
      </c>
      <c r="H305" s="974" t="s">
        <v>175</v>
      </c>
      <c r="I305" s="974" t="s">
        <v>36881</v>
      </c>
      <c r="J305" s="974" t="s">
        <v>36882</v>
      </c>
      <c r="K305" s="974" t="s">
        <v>36883</v>
      </c>
      <c r="L305" s="974" t="s">
        <v>36884</v>
      </c>
      <c r="M305" s="974" t="s">
        <v>0</v>
      </c>
      <c r="N305" s="975"/>
    </row>
    <row r="306" spans="3:14" s="966" customFormat="1" ht="15">
      <c r="C306" s="972" t="s">
        <v>8068</v>
      </c>
      <c r="D306" s="974" t="s">
        <v>0</v>
      </c>
      <c r="E306" s="974" t="s">
        <v>36887</v>
      </c>
      <c r="F306" s="974" t="s">
        <v>8069</v>
      </c>
      <c r="G306" s="974" t="s">
        <v>13396</v>
      </c>
      <c r="H306" s="974" t="s">
        <v>175</v>
      </c>
      <c r="I306" s="974" t="s">
        <v>36881</v>
      </c>
      <c r="J306" s="974" t="s">
        <v>36882</v>
      </c>
      <c r="K306" s="974" t="s">
        <v>36883</v>
      </c>
      <c r="L306" s="974" t="s">
        <v>36884</v>
      </c>
      <c r="M306" s="974" t="s">
        <v>0</v>
      </c>
      <c r="N306" s="975"/>
    </row>
    <row r="307" spans="3:14" s="966" customFormat="1" ht="15">
      <c r="C307" s="972" t="s">
        <v>8065</v>
      </c>
      <c r="D307" s="974" t="s">
        <v>0</v>
      </c>
      <c r="E307" s="974" t="s">
        <v>36888</v>
      </c>
      <c r="F307" s="974" t="s">
        <v>8066</v>
      </c>
      <c r="G307" s="974" t="s">
        <v>13396</v>
      </c>
      <c r="H307" s="974" t="s">
        <v>175</v>
      </c>
      <c r="I307" s="974" t="s">
        <v>36881</v>
      </c>
      <c r="J307" s="974" t="s">
        <v>36882</v>
      </c>
      <c r="K307" s="974" t="s">
        <v>36883</v>
      </c>
      <c r="L307" s="974" t="s">
        <v>36884</v>
      </c>
      <c r="M307" s="974" t="s">
        <v>0</v>
      </c>
      <c r="N307" s="975"/>
    </row>
    <row r="308" spans="3:14" s="966" customFormat="1" ht="15">
      <c r="C308" s="972" t="s">
        <v>245</v>
      </c>
      <c r="D308" s="974" t="s">
        <v>0</v>
      </c>
      <c r="E308" s="974" t="s">
        <v>246</v>
      </c>
      <c r="F308" s="974" t="s">
        <v>247</v>
      </c>
      <c r="G308" s="974" t="s">
        <v>13392</v>
      </c>
      <c r="H308" s="974" t="s">
        <v>175</v>
      </c>
      <c r="I308" s="974" t="s">
        <v>36889</v>
      </c>
      <c r="J308" s="974" t="s">
        <v>36890</v>
      </c>
      <c r="K308" s="974" t="s">
        <v>36891</v>
      </c>
      <c r="L308" s="974" t="s">
        <v>36892</v>
      </c>
      <c r="M308" s="974" t="s">
        <v>0</v>
      </c>
      <c r="N308" s="975"/>
    </row>
    <row r="309" spans="3:14" s="966" customFormat="1" ht="15">
      <c r="C309" s="972" t="s">
        <v>242</v>
      </c>
      <c r="D309" s="974" t="s">
        <v>0</v>
      </c>
      <c r="E309" s="974" t="s">
        <v>243</v>
      </c>
      <c r="F309" s="974" t="s">
        <v>244</v>
      </c>
      <c r="G309" s="974" t="s">
        <v>13392</v>
      </c>
      <c r="H309" s="974" t="s">
        <v>175</v>
      </c>
      <c r="I309" s="974" t="s">
        <v>36893</v>
      </c>
      <c r="J309" s="974" t="s">
        <v>36894</v>
      </c>
      <c r="K309" s="974" t="s">
        <v>36895</v>
      </c>
      <c r="L309" s="974" t="s">
        <v>36896</v>
      </c>
      <c r="M309" s="974" t="s">
        <v>0</v>
      </c>
      <c r="N309" s="975"/>
    </row>
    <row r="310" spans="3:14" s="966" customFormat="1" ht="15">
      <c r="C310" s="972" t="s">
        <v>239</v>
      </c>
      <c r="D310" s="974" t="s">
        <v>0</v>
      </c>
      <c r="E310" s="974" t="s">
        <v>240</v>
      </c>
      <c r="F310" s="974" t="s">
        <v>241</v>
      </c>
      <c r="G310" s="974" t="s">
        <v>86</v>
      </c>
      <c r="H310" s="974" t="s">
        <v>175</v>
      </c>
      <c r="I310" s="974" t="s">
        <v>36897</v>
      </c>
      <c r="J310" s="974" t="s">
        <v>36898</v>
      </c>
      <c r="K310" s="974" t="s">
        <v>36899</v>
      </c>
      <c r="L310" s="974" t="s">
        <v>36900</v>
      </c>
      <c r="M310" s="974" t="s">
        <v>0</v>
      </c>
      <c r="N310" s="975"/>
    </row>
    <row r="311" spans="3:14" s="966" customFormat="1" ht="15">
      <c r="C311" s="972" t="s">
        <v>236</v>
      </c>
      <c r="D311" s="974" t="s">
        <v>0</v>
      </c>
      <c r="E311" s="974" t="s">
        <v>237</v>
      </c>
      <c r="F311" s="974" t="s">
        <v>238</v>
      </c>
      <c r="G311" s="974" t="s">
        <v>74</v>
      </c>
      <c r="H311" s="974" t="s">
        <v>175</v>
      </c>
      <c r="I311" s="974" t="s">
        <v>36901</v>
      </c>
      <c r="J311" s="974" t="s">
        <v>36902</v>
      </c>
      <c r="K311" s="974" t="s">
        <v>36903</v>
      </c>
      <c r="L311" s="974" t="s">
        <v>36904</v>
      </c>
      <c r="M311" s="974" t="s">
        <v>0</v>
      </c>
      <c r="N311" s="975"/>
    </row>
    <row r="312" spans="3:14" s="966" customFormat="1" ht="15">
      <c r="C312" s="972" t="s">
        <v>233</v>
      </c>
      <c r="D312" s="974" t="s">
        <v>0</v>
      </c>
      <c r="E312" s="974" t="s">
        <v>234</v>
      </c>
      <c r="F312" s="974" t="s">
        <v>235</v>
      </c>
      <c r="G312" s="974" t="s">
        <v>74</v>
      </c>
      <c r="H312" s="974" t="s">
        <v>175</v>
      </c>
      <c r="I312" s="974" t="s">
        <v>36905</v>
      </c>
      <c r="J312" s="974" t="s">
        <v>36906</v>
      </c>
      <c r="K312" s="974" t="s">
        <v>36907</v>
      </c>
      <c r="L312" s="974" t="s">
        <v>36908</v>
      </c>
      <c r="M312" s="974" t="s">
        <v>0</v>
      </c>
      <c r="N312" s="975"/>
    </row>
    <row r="313" spans="3:14" s="966" customFormat="1" ht="15">
      <c r="C313" s="972" t="s">
        <v>230</v>
      </c>
      <c r="D313" s="974" t="s">
        <v>0</v>
      </c>
      <c r="E313" s="974" t="s">
        <v>231</v>
      </c>
      <c r="F313" s="974" t="s">
        <v>232</v>
      </c>
      <c r="G313" s="974" t="s">
        <v>74</v>
      </c>
      <c r="H313" s="974" t="s">
        <v>175</v>
      </c>
      <c r="I313" s="974" t="s">
        <v>36909</v>
      </c>
      <c r="J313" s="974" t="s">
        <v>36910</v>
      </c>
      <c r="K313" s="974" t="s">
        <v>36911</v>
      </c>
      <c r="L313" s="974" t="s">
        <v>36912</v>
      </c>
      <c r="M313" s="974" t="s">
        <v>0</v>
      </c>
      <c r="N313" s="975"/>
    </row>
    <row r="314" spans="3:14" s="966" customFormat="1" ht="15">
      <c r="C314" s="972" t="s">
        <v>227</v>
      </c>
      <c r="D314" s="974" t="s">
        <v>0</v>
      </c>
      <c r="E314" s="974" t="s">
        <v>228</v>
      </c>
      <c r="F314" s="974" t="s">
        <v>229</v>
      </c>
      <c r="G314" s="974" t="s">
        <v>86</v>
      </c>
      <c r="H314" s="974" t="s">
        <v>175</v>
      </c>
      <c r="I314" s="974" t="s">
        <v>36913</v>
      </c>
      <c r="J314" s="974" t="s">
        <v>36914</v>
      </c>
      <c r="K314" s="974" t="s">
        <v>36915</v>
      </c>
      <c r="L314" s="974" t="s">
        <v>36916</v>
      </c>
      <c r="M314" s="974" t="s">
        <v>0</v>
      </c>
      <c r="N314" s="975"/>
    </row>
    <row r="315" spans="3:14" s="966" customFormat="1" ht="15">
      <c r="C315" s="972" t="s">
        <v>224</v>
      </c>
      <c r="D315" s="974" t="s">
        <v>0</v>
      </c>
      <c r="E315" s="974" t="s">
        <v>225</v>
      </c>
      <c r="F315" s="974" t="s">
        <v>226</v>
      </c>
      <c r="G315" s="974" t="s">
        <v>74</v>
      </c>
      <c r="H315" s="974" t="s">
        <v>175</v>
      </c>
      <c r="I315" s="974" t="s">
        <v>36917</v>
      </c>
      <c r="J315" s="974" t="s">
        <v>36918</v>
      </c>
      <c r="K315" s="974" t="s">
        <v>36919</v>
      </c>
      <c r="L315" s="974" t="s">
        <v>36920</v>
      </c>
      <c r="M315" s="974" t="s">
        <v>0</v>
      </c>
      <c r="N315" s="975"/>
    </row>
    <row r="316" spans="3:14" s="966" customFormat="1" ht="15">
      <c r="C316" s="972" t="s">
        <v>221</v>
      </c>
      <c r="D316" s="974" t="s">
        <v>0</v>
      </c>
      <c r="E316" s="974" t="s">
        <v>222</v>
      </c>
      <c r="F316" s="974" t="s">
        <v>223</v>
      </c>
      <c r="G316" s="974" t="s">
        <v>37402</v>
      </c>
      <c r="H316" s="974" t="s">
        <v>175</v>
      </c>
      <c r="I316" s="974" t="s">
        <v>36921</v>
      </c>
      <c r="J316" s="974" t="s">
        <v>36922</v>
      </c>
      <c r="K316" s="974" t="s">
        <v>36923</v>
      </c>
      <c r="L316" s="974" t="s">
        <v>36924</v>
      </c>
      <c r="M316" s="974" t="s">
        <v>0</v>
      </c>
      <c r="N316" s="975"/>
    </row>
    <row r="317" spans="3:14" s="966" customFormat="1" ht="15">
      <c r="C317" s="972" t="s">
        <v>218</v>
      </c>
      <c r="D317" s="974" t="s">
        <v>0</v>
      </c>
      <c r="E317" s="974" t="s">
        <v>219</v>
      </c>
      <c r="F317" s="974" t="s">
        <v>220</v>
      </c>
      <c r="G317" s="974" t="s">
        <v>74</v>
      </c>
      <c r="H317" s="974" t="s">
        <v>175</v>
      </c>
      <c r="I317" s="974" t="s">
        <v>36925</v>
      </c>
      <c r="J317" s="974" t="s">
        <v>36926</v>
      </c>
      <c r="K317" s="974" t="s">
        <v>36927</v>
      </c>
      <c r="L317" s="974" t="s">
        <v>36928</v>
      </c>
      <c r="M317" s="974" t="s">
        <v>0</v>
      </c>
      <c r="N317" s="975"/>
    </row>
    <row r="318" spans="3:14" s="966" customFormat="1" ht="15">
      <c r="C318" s="972" t="s">
        <v>215</v>
      </c>
      <c r="D318" s="974" t="s">
        <v>0</v>
      </c>
      <c r="E318" s="974" t="s">
        <v>216</v>
      </c>
      <c r="F318" s="974" t="s">
        <v>217</v>
      </c>
      <c r="G318" s="974" t="s">
        <v>13396</v>
      </c>
      <c r="H318" s="974" t="s">
        <v>175</v>
      </c>
      <c r="I318" s="974" t="s">
        <v>36929</v>
      </c>
      <c r="J318" s="974" t="s">
        <v>36930</v>
      </c>
      <c r="K318" s="974" t="s">
        <v>36931</v>
      </c>
      <c r="L318" s="974" t="s">
        <v>36932</v>
      </c>
      <c r="M318" s="974" t="s">
        <v>0</v>
      </c>
      <c r="N318" s="975"/>
    </row>
    <row r="319" spans="3:14" s="966" customFormat="1" ht="15">
      <c r="C319" s="972" t="s">
        <v>213</v>
      </c>
      <c r="D319" s="974" t="s">
        <v>214</v>
      </c>
      <c r="E319" s="974" t="s">
        <v>77</v>
      </c>
      <c r="F319" s="974" t="s">
        <v>77</v>
      </c>
      <c r="G319" s="974" t="s">
        <v>13396</v>
      </c>
      <c r="H319" s="974" t="s">
        <v>175</v>
      </c>
      <c r="I319" s="974" t="s">
        <v>36933</v>
      </c>
      <c r="J319" s="974" t="s">
        <v>36934</v>
      </c>
      <c r="K319" s="974" t="s">
        <v>36935</v>
      </c>
      <c r="L319" s="974" t="s">
        <v>36936</v>
      </c>
      <c r="M319" s="974" t="s">
        <v>0</v>
      </c>
      <c r="N319" s="975"/>
    </row>
    <row r="320" spans="3:14" s="966" customFormat="1" ht="15">
      <c r="C320" s="972" t="s">
        <v>36937</v>
      </c>
      <c r="D320" s="974" t="s">
        <v>0</v>
      </c>
      <c r="E320" s="974" t="s">
        <v>36938</v>
      </c>
      <c r="F320" s="974" t="s">
        <v>36939</v>
      </c>
      <c r="G320" s="974" t="s">
        <v>13396</v>
      </c>
      <c r="H320" s="974" t="s">
        <v>175</v>
      </c>
      <c r="I320" s="974" t="s">
        <v>36933</v>
      </c>
      <c r="J320" s="974" t="s">
        <v>36934</v>
      </c>
      <c r="K320" s="974" t="s">
        <v>36935</v>
      </c>
      <c r="L320" s="974" t="s">
        <v>36936</v>
      </c>
      <c r="M320" s="974" t="s">
        <v>0</v>
      </c>
      <c r="N320" s="975"/>
    </row>
    <row r="321" spans="3:14" s="966" customFormat="1" ht="15">
      <c r="C321" s="972" t="s">
        <v>213</v>
      </c>
      <c r="D321" s="974" t="s">
        <v>0</v>
      </c>
      <c r="E321" s="974" t="s">
        <v>36943</v>
      </c>
      <c r="F321" s="974" t="s">
        <v>36944</v>
      </c>
      <c r="G321" s="974" t="s">
        <v>13396</v>
      </c>
      <c r="H321" s="974" t="s">
        <v>175</v>
      </c>
      <c r="I321" s="974" t="s">
        <v>36933</v>
      </c>
      <c r="J321" s="974" t="s">
        <v>36934</v>
      </c>
      <c r="K321" s="974" t="s">
        <v>36935</v>
      </c>
      <c r="L321" s="974" t="s">
        <v>36936</v>
      </c>
      <c r="M321" s="974" t="s">
        <v>0</v>
      </c>
      <c r="N321" s="975"/>
    </row>
    <row r="322" spans="3:14" s="966" customFormat="1" ht="15">
      <c r="C322" s="972" t="s">
        <v>36940</v>
      </c>
      <c r="D322" s="974" t="s">
        <v>0</v>
      </c>
      <c r="E322" s="974" t="s">
        <v>36941</v>
      </c>
      <c r="F322" s="974" t="s">
        <v>36942</v>
      </c>
      <c r="G322" s="974" t="s">
        <v>13396</v>
      </c>
      <c r="H322" s="974" t="s">
        <v>175</v>
      </c>
      <c r="I322" s="974" t="s">
        <v>36933</v>
      </c>
      <c r="J322" s="974" t="s">
        <v>36934</v>
      </c>
      <c r="K322" s="974" t="s">
        <v>36935</v>
      </c>
      <c r="L322" s="974" t="s">
        <v>36936</v>
      </c>
      <c r="M322" s="974" t="s">
        <v>0</v>
      </c>
      <c r="N322" s="975"/>
    </row>
    <row r="323" spans="3:14" s="966" customFormat="1" ht="15">
      <c r="C323" s="972" t="s">
        <v>210</v>
      </c>
      <c r="D323" s="974" t="s">
        <v>0</v>
      </c>
      <c r="E323" s="974" t="s">
        <v>211</v>
      </c>
      <c r="F323" s="974" t="s">
        <v>212</v>
      </c>
      <c r="G323" s="974" t="s">
        <v>37383</v>
      </c>
      <c r="H323" s="974" t="s">
        <v>175</v>
      </c>
      <c r="I323" s="974" t="s">
        <v>36945</v>
      </c>
      <c r="J323" s="974" t="s">
        <v>36946</v>
      </c>
      <c r="K323" s="974" t="s">
        <v>36947</v>
      </c>
      <c r="L323" s="974" t="s">
        <v>36948</v>
      </c>
      <c r="M323" s="974" t="s">
        <v>0</v>
      </c>
      <c r="N323" s="975"/>
    </row>
    <row r="324" spans="3:14" s="966" customFormat="1" ht="15">
      <c r="C324" s="972" t="s">
        <v>207</v>
      </c>
      <c r="D324" s="974" t="s">
        <v>0</v>
      </c>
      <c r="E324" s="974" t="s">
        <v>208</v>
      </c>
      <c r="F324" s="974" t="s">
        <v>209</v>
      </c>
      <c r="G324" s="974" t="s">
        <v>86</v>
      </c>
      <c r="H324" s="974" t="s">
        <v>175</v>
      </c>
      <c r="I324" s="974" t="s">
        <v>36949</v>
      </c>
      <c r="J324" s="974" t="s">
        <v>36950</v>
      </c>
      <c r="K324" s="974" t="s">
        <v>36951</v>
      </c>
      <c r="L324" s="974" t="s">
        <v>36952</v>
      </c>
      <c r="M324" s="974" t="s">
        <v>0</v>
      </c>
      <c r="N324" s="975"/>
    </row>
    <row r="325" spans="3:14" s="966" customFormat="1" ht="15">
      <c r="C325" s="972" t="s">
        <v>204</v>
      </c>
      <c r="D325" s="974" t="s">
        <v>0</v>
      </c>
      <c r="E325" s="974" t="s">
        <v>205</v>
      </c>
      <c r="F325" s="974" t="s">
        <v>206</v>
      </c>
      <c r="G325" s="974" t="s">
        <v>74</v>
      </c>
      <c r="H325" s="974" t="s">
        <v>175</v>
      </c>
      <c r="I325" s="974" t="s">
        <v>36953</v>
      </c>
      <c r="J325" s="974" t="s">
        <v>36954</v>
      </c>
      <c r="K325" s="974" t="s">
        <v>36955</v>
      </c>
      <c r="L325" s="974" t="s">
        <v>36956</v>
      </c>
      <c r="M325" s="974" t="s">
        <v>0</v>
      </c>
      <c r="N325" s="975"/>
    </row>
    <row r="326" spans="3:14" s="966" customFormat="1" ht="15">
      <c r="C326" s="972" t="s">
        <v>201</v>
      </c>
      <c r="D326" s="974" t="s">
        <v>0</v>
      </c>
      <c r="E326" s="974" t="s">
        <v>202</v>
      </c>
      <c r="F326" s="974" t="s">
        <v>203</v>
      </c>
      <c r="G326" s="974" t="s">
        <v>74</v>
      </c>
      <c r="H326" s="974" t="s">
        <v>175</v>
      </c>
      <c r="I326" s="974" t="s">
        <v>36957</v>
      </c>
      <c r="J326" s="974" t="s">
        <v>36958</v>
      </c>
      <c r="K326" s="974" t="s">
        <v>36959</v>
      </c>
      <c r="L326" s="974" t="s">
        <v>36960</v>
      </c>
      <c r="M326" s="974" t="s">
        <v>0</v>
      </c>
      <c r="N326" s="975"/>
    </row>
    <row r="327" spans="3:14" s="966" customFormat="1" ht="15">
      <c r="C327" s="972" t="s">
        <v>198</v>
      </c>
      <c r="D327" s="974" t="s">
        <v>0</v>
      </c>
      <c r="E327" s="974" t="s">
        <v>199</v>
      </c>
      <c r="F327" s="974" t="s">
        <v>200</v>
      </c>
      <c r="G327" s="974" t="s">
        <v>86</v>
      </c>
      <c r="H327" s="974" t="s">
        <v>175</v>
      </c>
      <c r="I327" s="974" t="s">
        <v>36961</v>
      </c>
      <c r="J327" s="974" t="s">
        <v>36962</v>
      </c>
      <c r="K327" s="974" t="s">
        <v>36963</v>
      </c>
      <c r="L327" s="974" t="s">
        <v>36964</v>
      </c>
      <c r="M327" s="974" t="s">
        <v>0</v>
      </c>
      <c r="N327" s="975"/>
    </row>
    <row r="328" spans="3:14" s="966" customFormat="1" ht="15">
      <c r="C328" s="972" t="s">
        <v>196</v>
      </c>
      <c r="D328" s="974" t="s">
        <v>197</v>
      </c>
      <c r="E328" s="974" t="s">
        <v>77</v>
      </c>
      <c r="F328" s="974" t="s">
        <v>77</v>
      </c>
      <c r="G328" s="974" t="s">
        <v>13395</v>
      </c>
      <c r="H328" s="974" t="s">
        <v>175</v>
      </c>
      <c r="I328" s="974" t="s">
        <v>36965</v>
      </c>
      <c r="J328" s="974" t="s">
        <v>36966</v>
      </c>
      <c r="K328" s="974" t="s">
        <v>36967</v>
      </c>
      <c r="L328" s="974" t="s">
        <v>36968</v>
      </c>
      <c r="M328" s="974" t="s">
        <v>0</v>
      </c>
      <c r="N328" s="975"/>
    </row>
    <row r="329" spans="3:14" s="966" customFormat="1" ht="15">
      <c r="C329" s="972" t="s">
        <v>36971</v>
      </c>
      <c r="D329" s="974" t="s">
        <v>0</v>
      </c>
      <c r="E329" s="974" t="s">
        <v>36972</v>
      </c>
      <c r="F329" s="974" t="s">
        <v>5845</v>
      </c>
      <c r="G329" s="974" t="s">
        <v>13395</v>
      </c>
      <c r="H329" s="974" t="s">
        <v>175</v>
      </c>
      <c r="I329" s="974" t="s">
        <v>36965</v>
      </c>
      <c r="J329" s="974" t="s">
        <v>36966</v>
      </c>
      <c r="K329" s="974" t="s">
        <v>36967</v>
      </c>
      <c r="L329" s="974" t="s">
        <v>36968</v>
      </c>
      <c r="M329" s="974" t="s">
        <v>0</v>
      </c>
      <c r="N329" s="975"/>
    </row>
    <row r="330" spans="3:14" s="966" customFormat="1" ht="15">
      <c r="C330" s="972" t="s">
        <v>36977</v>
      </c>
      <c r="D330" s="974" t="s">
        <v>0</v>
      </c>
      <c r="E330" s="974" t="s">
        <v>36978</v>
      </c>
      <c r="F330" s="974" t="s">
        <v>5847</v>
      </c>
      <c r="G330" s="974" t="s">
        <v>13395</v>
      </c>
      <c r="H330" s="974" t="s">
        <v>175</v>
      </c>
      <c r="I330" s="974" t="s">
        <v>36965</v>
      </c>
      <c r="J330" s="974" t="s">
        <v>36966</v>
      </c>
      <c r="K330" s="974" t="s">
        <v>36967</v>
      </c>
      <c r="L330" s="974" t="s">
        <v>36968</v>
      </c>
      <c r="M330" s="974" t="s">
        <v>0</v>
      </c>
      <c r="N330" s="975"/>
    </row>
    <row r="331" spans="3:14" s="966" customFormat="1" ht="15">
      <c r="C331" s="972" t="s">
        <v>36969</v>
      </c>
      <c r="D331" s="974" t="s">
        <v>0</v>
      </c>
      <c r="E331" s="974" t="s">
        <v>36970</v>
      </c>
      <c r="F331" s="974" t="s">
        <v>5849</v>
      </c>
      <c r="G331" s="974" t="s">
        <v>13395</v>
      </c>
      <c r="H331" s="974" t="s">
        <v>175</v>
      </c>
      <c r="I331" s="974" t="s">
        <v>36965</v>
      </c>
      <c r="J331" s="974" t="s">
        <v>36966</v>
      </c>
      <c r="K331" s="974" t="s">
        <v>36967</v>
      </c>
      <c r="L331" s="974" t="s">
        <v>36968</v>
      </c>
      <c r="M331" s="974" t="s">
        <v>0</v>
      </c>
      <c r="N331" s="975"/>
    </row>
    <row r="332" spans="3:14" s="966" customFormat="1" ht="15">
      <c r="C332" s="972" t="s">
        <v>36973</v>
      </c>
      <c r="D332" s="974" t="s">
        <v>0</v>
      </c>
      <c r="E332" s="974" t="s">
        <v>36974</v>
      </c>
      <c r="F332" s="974" t="s">
        <v>5851</v>
      </c>
      <c r="G332" s="974" t="s">
        <v>13395</v>
      </c>
      <c r="H332" s="974" t="s">
        <v>175</v>
      </c>
      <c r="I332" s="974" t="s">
        <v>36965</v>
      </c>
      <c r="J332" s="974" t="s">
        <v>36966</v>
      </c>
      <c r="K332" s="974" t="s">
        <v>36967</v>
      </c>
      <c r="L332" s="974" t="s">
        <v>36968</v>
      </c>
      <c r="M332" s="974" t="s">
        <v>0</v>
      </c>
      <c r="N332" s="975"/>
    </row>
    <row r="333" spans="3:14" s="966" customFormat="1" ht="15">
      <c r="C333" s="972" t="s">
        <v>36975</v>
      </c>
      <c r="D333" s="974" t="s">
        <v>0</v>
      </c>
      <c r="E333" s="974" t="s">
        <v>36976</v>
      </c>
      <c r="F333" s="974" t="s">
        <v>5853</v>
      </c>
      <c r="G333" s="974" t="s">
        <v>13395</v>
      </c>
      <c r="H333" s="974" t="s">
        <v>175</v>
      </c>
      <c r="I333" s="974" t="s">
        <v>36965</v>
      </c>
      <c r="J333" s="974" t="s">
        <v>36966</v>
      </c>
      <c r="K333" s="974" t="s">
        <v>36967</v>
      </c>
      <c r="L333" s="974" t="s">
        <v>36968</v>
      </c>
      <c r="M333" s="974" t="s">
        <v>0</v>
      </c>
      <c r="N333" s="975"/>
    </row>
    <row r="334" spans="3:14" s="966" customFormat="1" ht="15">
      <c r="C334" s="972" t="s">
        <v>5854</v>
      </c>
      <c r="D334" s="974" t="s">
        <v>0</v>
      </c>
      <c r="E334" s="974" t="s">
        <v>77</v>
      </c>
      <c r="F334" s="974" t="s">
        <v>5855</v>
      </c>
      <c r="G334" s="974" t="s">
        <v>13395</v>
      </c>
      <c r="H334" s="974" t="s">
        <v>175</v>
      </c>
      <c r="I334" s="974" t="s">
        <v>36965</v>
      </c>
      <c r="J334" s="974" t="s">
        <v>36966</v>
      </c>
      <c r="K334" s="974" t="s">
        <v>36967</v>
      </c>
      <c r="L334" s="974" t="s">
        <v>36968</v>
      </c>
      <c r="M334" s="974" t="s">
        <v>0</v>
      </c>
      <c r="N334" s="975"/>
    </row>
    <row r="335" spans="3:14" s="966" customFormat="1" ht="15">
      <c r="C335" s="972" t="s">
        <v>5856</v>
      </c>
      <c r="D335" s="974" t="s">
        <v>0</v>
      </c>
      <c r="E335" s="974" t="s">
        <v>77</v>
      </c>
      <c r="F335" s="974" t="s">
        <v>5857</v>
      </c>
      <c r="G335" s="974" t="s">
        <v>13395</v>
      </c>
      <c r="H335" s="974" t="s">
        <v>175</v>
      </c>
      <c r="I335" s="974" t="s">
        <v>36965</v>
      </c>
      <c r="J335" s="974" t="s">
        <v>36966</v>
      </c>
      <c r="K335" s="974" t="s">
        <v>36967</v>
      </c>
      <c r="L335" s="974" t="s">
        <v>36968</v>
      </c>
      <c r="M335" s="974" t="s">
        <v>0</v>
      </c>
      <c r="N335" s="975"/>
    </row>
    <row r="336" spans="3:14" s="966" customFormat="1" ht="15">
      <c r="C336" s="972" t="s">
        <v>36979</v>
      </c>
      <c r="D336" s="974" t="s">
        <v>0</v>
      </c>
      <c r="E336" s="974" t="s">
        <v>36980</v>
      </c>
      <c r="F336" s="974" t="s">
        <v>5859</v>
      </c>
      <c r="G336" s="974" t="s">
        <v>13395</v>
      </c>
      <c r="H336" s="974" t="s">
        <v>175</v>
      </c>
      <c r="I336" s="974" t="s">
        <v>36965</v>
      </c>
      <c r="J336" s="974" t="s">
        <v>36966</v>
      </c>
      <c r="K336" s="974" t="s">
        <v>36967</v>
      </c>
      <c r="L336" s="974" t="s">
        <v>36968</v>
      </c>
      <c r="M336" s="974" t="s">
        <v>0</v>
      </c>
      <c r="N336" s="975"/>
    </row>
    <row r="337" spans="3:14" s="966" customFormat="1" ht="15">
      <c r="C337" s="972" t="s">
        <v>36986</v>
      </c>
      <c r="D337" s="974" t="s">
        <v>0</v>
      </c>
      <c r="E337" s="974" t="s">
        <v>36987</v>
      </c>
      <c r="F337" s="974" t="s">
        <v>36988</v>
      </c>
      <c r="G337" s="974" t="s">
        <v>13395</v>
      </c>
      <c r="H337" s="974" t="s">
        <v>175</v>
      </c>
      <c r="I337" s="974" t="s">
        <v>36965</v>
      </c>
      <c r="J337" s="974" t="s">
        <v>36966</v>
      </c>
      <c r="K337" s="974" t="s">
        <v>36967</v>
      </c>
      <c r="L337" s="974" t="s">
        <v>36968</v>
      </c>
      <c r="M337" s="974" t="s">
        <v>0</v>
      </c>
      <c r="N337" s="975"/>
    </row>
    <row r="338" spans="3:14" s="966" customFormat="1" ht="15">
      <c r="C338" s="972" t="s">
        <v>36989</v>
      </c>
      <c r="D338" s="974" t="s">
        <v>0</v>
      </c>
      <c r="E338" s="974" t="s">
        <v>36990</v>
      </c>
      <c r="F338" s="974" t="s">
        <v>36991</v>
      </c>
      <c r="G338" s="974" t="s">
        <v>13395</v>
      </c>
      <c r="H338" s="974" t="s">
        <v>175</v>
      </c>
      <c r="I338" s="974" t="s">
        <v>36965</v>
      </c>
      <c r="J338" s="974" t="s">
        <v>36966</v>
      </c>
      <c r="K338" s="974" t="s">
        <v>36967</v>
      </c>
      <c r="L338" s="974" t="s">
        <v>36968</v>
      </c>
      <c r="M338" s="974" t="s">
        <v>0</v>
      </c>
      <c r="N338" s="975"/>
    </row>
    <row r="339" spans="3:14" s="966" customFormat="1" ht="15">
      <c r="C339" s="972" t="s">
        <v>36992</v>
      </c>
      <c r="D339" s="974" t="s">
        <v>0</v>
      </c>
      <c r="E339" s="974" t="s">
        <v>36993</v>
      </c>
      <c r="F339" s="974" t="s">
        <v>36994</v>
      </c>
      <c r="G339" s="974" t="s">
        <v>13395</v>
      </c>
      <c r="H339" s="974" t="s">
        <v>175</v>
      </c>
      <c r="I339" s="974" t="s">
        <v>36965</v>
      </c>
      <c r="J339" s="974" t="s">
        <v>36966</v>
      </c>
      <c r="K339" s="974" t="s">
        <v>36967</v>
      </c>
      <c r="L339" s="974" t="s">
        <v>36968</v>
      </c>
      <c r="M339" s="974" t="s">
        <v>0</v>
      </c>
      <c r="N339" s="975"/>
    </row>
    <row r="340" spans="3:14" s="966" customFormat="1" ht="15">
      <c r="C340" s="972" t="s">
        <v>36983</v>
      </c>
      <c r="D340" s="974" t="s">
        <v>0</v>
      </c>
      <c r="E340" s="974" t="s">
        <v>36984</v>
      </c>
      <c r="F340" s="974" t="s">
        <v>36985</v>
      </c>
      <c r="G340" s="974" t="s">
        <v>13395</v>
      </c>
      <c r="H340" s="974" t="s">
        <v>175</v>
      </c>
      <c r="I340" s="974" t="s">
        <v>36965</v>
      </c>
      <c r="J340" s="974" t="s">
        <v>36966</v>
      </c>
      <c r="K340" s="974" t="s">
        <v>36967</v>
      </c>
      <c r="L340" s="974" t="s">
        <v>36968</v>
      </c>
      <c r="M340" s="974" t="s">
        <v>0</v>
      </c>
      <c r="N340" s="975"/>
    </row>
    <row r="341" spans="3:14" s="966" customFormat="1" ht="15">
      <c r="C341" s="972" t="s">
        <v>36981</v>
      </c>
      <c r="D341" s="974" t="s">
        <v>0</v>
      </c>
      <c r="E341" s="974" t="s">
        <v>77</v>
      </c>
      <c r="F341" s="974" t="s">
        <v>36982</v>
      </c>
      <c r="G341" s="974" t="s">
        <v>13395</v>
      </c>
      <c r="H341" s="974" t="s">
        <v>175</v>
      </c>
      <c r="I341" s="974" t="s">
        <v>36965</v>
      </c>
      <c r="J341" s="974" t="s">
        <v>36966</v>
      </c>
      <c r="K341" s="974" t="s">
        <v>36967</v>
      </c>
      <c r="L341" s="974" t="s">
        <v>36968</v>
      </c>
      <c r="M341" s="974" t="s">
        <v>0</v>
      </c>
      <c r="N341" s="975"/>
    </row>
    <row r="342" spans="3:14" s="966" customFormat="1" ht="15">
      <c r="C342" s="972" t="s">
        <v>193</v>
      </c>
      <c r="D342" s="974" t="s">
        <v>0</v>
      </c>
      <c r="E342" s="974" t="s">
        <v>194</v>
      </c>
      <c r="F342" s="974" t="s">
        <v>195</v>
      </c>
      <c r="G342" s="974" t="s">
        <v>86</v>
      </c>
      <c r="H342" s="974" t="s">
        <v>175</v>
      </c>
      <c r="I342" s="974" t="s">
        <v>36995</v>
      </c>
      <c r="J342" s="974" t="s">
        <v>36996</v>
      </c>
      <c r="K342" s="974" t="s">
        <v>36997</v>
      </c>
      <c r="L342" s="974" t="s">
        <v>36998</v>
      </c>
      <c r="M342" s="974" t="s">
        <v>0</v>
      </c>
      <c r="N342" s="975"/>
    </row>
    <row r="343" spans="3:14" s="966" customFormat="1" ht="15">
      <c r="C343" s="972" t="s">
        <v>191</v>
      </c>
      <c r="D343" s="974" t="s">
        <v>0</v>
      </c>
      <c r="E343" s="974" t="s">
        <v>192</v>
      </c>
      <c r="F343" s="974" t="s">
        <v>574</v>
      </c>
      <c r="G343" s="974" t="s">
        <v>86</v>
      </c>
      <c r="H343" s="974" t="s">
        <v>175</v>
      </c>
      <c r="I343" s="974" t="s">
        <v>36999</v>
      </c>
      <c r="J343" s="974" t="s">
        <v>37000</v>
      </c>
      <c r="K343" s="974" t="s">
        <v>37001</v>
      </c>
      <c r="L343" s="974" t="s">
        <v>37002</v>
      </c>
      <c r="M343" s="974" t="s">
        <v>0</v>
      </c>
      <c r="N343" s="975"/>
    </row>
    <row r="344" spans="3:14" s="966" customFormat="1" ht="15">
      <c r="C344" s="972" t="s">
        <v>189</v>
      </c>
      <c r="D344" s="974" t="s">
        <v>190</v>
      </c>
      <c r="E344" s="974" t="s">
        <v>77</v>
      </c>
      <c r="F344" s="974" t="s">
        <v>77</v>
      </c>
      <c r="G344" s="974" t="s">
        <v>13395</v>
      </c>
      <c r="H344" s="974" t="s">
        <v>175</v>
      </c>
      <c r="I344" s="974" t="s">
        <v>37003</v>
      </c>
      <c r="J344" s="974" t="s">
        <v>37004</v>
      </c>
      <c r="K344" s="974" t="s">
        <v>37005</v>
      </c>
      <c r="L344" s="974" t="s">
        <v>37006</v>
      </c>
      <c r="M344" s="974" t="s">
        <v>0</v>
      </c>
      <c r="N344" s="975"/>
    </row>
    <row r="345" spans="3:14" s="966" customFormat="1" ht="15">
      <c r="C345" s="972" t="s">
        <v>37007</v>
      </c>
      <c r="D345" s="974" t="s">
        <v>0</v>
      </c>
      <c r="E345" s="974" t="s">
        <v>77</v>
      </c>
      <c r="F345" s="974" t="s">
        <v>14072</v>
      </c>
      <c r="G345" s="974" t="s">
        <v>13395</v>
      </c>
      <c r="H345" s="974" t="s">
        <v>175</v>
      </c>
      <c r="I345" s="974" t="s">
        <v>37003</v>
      </c>
      <c r="J345" s="974" t="s">
        <v>37004</v>
      </c>
      <c r="K345" s="974" t="s">
        <v>37005</v>
      </c>
      <c r="L345" s="974" t="s">
        <v>37006</v>
      </c>
      <c r="M345" s="974" t="s">
        <v>0</v>
      </c>
      <c r="N345" s="975"/>
    </row>
    <row r="346" spans="3:14" s="966" customFormat="1" ht="15">
      <c r="C346" s="972" t="s">
        <v>37008</v>
      </c>
      <c r="D346" s="974" t="s">
        <v>0</v>
      </c>
      <c r="E346" s="974" t="s">
        <v>77</v>
      </c>
      <c r="F346" s="974" t="s">
        <v>14075</v>
      </c>
      <c r="G346" s="974" t="s">
        <v>13395</v>
      </c>
      <c r="H346" s="974" t="s">
        <v>175</v>
      </c>
      <c r="I346" s="974" t="s">
        <v>37003</v>
      </c>
      <c r="J346" s="974" t="s">
        <v>37004</v>
      </c>
      <c r="K346" s="974" t="s">
        <v>37005</v>
      </c>
      <c r="L346" s="974" t="s">
        <v>37006</v>
      </c>
      <c r="M346" s="974" t="s">
        <v>0</v>
      </c>
      <c r="N346" s="975"/>
    </row>
    <row r="347" spans="3:14" s="966" customFormat="1" ht="15">
      <c r="C347" s="972" t="s">
        <v>37009</v>
      </c>
      <c r="D347" s="974" t="s">
        <v>0</v>
      </c>
      <c r="E347" s="974" t="s">
        <v>37010</v>
      </c>
      <c r="F347" s="974" t="s">
        <v>37011</v>
      </c>
      <c r="G347" s="974" t="s">
        <v>13395</v>
      </c>
      <c r="H347" s="974" t="s">
        <v>175</v>
      </c>
      <c r="I347" s="974" t="s">
        <v>37003</v>
      </c>
      <c r="J347" s="974" t="s">
        <v>37004</v>
      </c>
      <c r="K347" s="974" t="s">
        <v>37005</v>
      </c>
      <c r="L347" s="974" t="s">
        <v>37006</v>
      </c>
      <c r="M347" s="974" t="s">
        <v>0</v>
      </c>
      <c r="N347" s="975"/>
    </row>
    <row r="348" spans="3:14" s="966" customFormat="1" ht="15">
      <c r="C348" s="972" t="s">
        <v>37012</v>
      </c>
      <c r="D348" s="974" t="s">
        <v>0</v>
      </c>
      <c r="E348" s="974" t="s">
        <v>77</v>
      </c>
      <c r="F348" s="974" t="s">
        <v>37013</v>
      </c>
      <c r="G348" s="974" t="s">
        <v>13395</v>
      </c>
      <c r="H348" s="974" t="s">
        <v>175</v>
      </c>
      <c r="I348" s="974" t="s">
        <v>37003</v>
      </c>
      <c r="J348" s="974" t="s">
        <v>37004</v>
      </c>
      <c r="K348" s="974" t="s">
        <v>37005</v>
      </c>
      <c r="L348" s="974" t="s">
        <v>37006</v>
      </c>
      <c r="M348" s="974" t="s">
        <v>0</v>
      </c>
      <c r="N348" s="975"/>
    </row>
    <row r="349" spans="3:14" s="966" customFormat="1" ht="15">
      <c r="C349" s="972" t="s">
        <v>37014</v>
      </c>
      <c r="D349" s="974" t="s">
        <v>0</v>
      </c>
      <c r="E349" s="974" t="s">
        <v>37015</v>
      </c>
      <c r="F349" s="974" t="s">
        <v>37016</v>
      </c>
      <c r="G349" s="974" t="s">
        <v>13395</v>
      </c>
      <c r="H349" s="974" t="s">
        <v>175</v>
      </c>
      <c r="I349" s="974" t="s">
        <v>37003</v>
      </c>
      <c r="J349" s="974" t="s">
        <v>37004</v>
      </c>
      <c r="K349" s="974" t="s">
        <v>37005</v>
      </c>
      <c r="L349" s="974" t="s">
        <v>37006</v>
      </c>
      <c r="M349" s="974" t="s">
        <v>0</v>
      </c>
      <c r="N349" s="975"/>
    </row>
    <row r="350" spans="3:14" s="966" customFormat="1" ht="15">
      <c r="C350" s="972" t="s">
        <v>188</v>
      </c>
      <c r="D350" s="974" t="s">
        <v>0</v>
      </c>
      <c r="E350" s="974" t="s">
        <v>77</v>
      </c>
      <c r="F350" s="974" t="s">
        <v>77</v>
      </c>
      <c r="G350" s="974" t="s">
        <v>37402</v>
      </c>
      <c r="H350" s="974" t="s">
        <v>175</v>
      </c>
      <c r="I350" s="974" t="s">
        <v>37017</v>
      </c>
      <c r="J350" s="974" t="s">
        <v>37018</v>
      </c>
      <c r="K350" s="974" t="s">
        <v>37019</v>
      </c>
      <c r="L350" s="974" t="s">
        <v>37020</v>
      </c>
      <c r="M350" s="974" t="s">
        <v>0</v>
      </c>
      <c r="N350" s="975"/>
    </row>
    <row r="351" spans="3:14" s="966" customFormat="1" ht="15">
      <c r="C351" s="972" t="s">
        <v>7202</v>
      </c>
      <c r="D351" s="974" t="s">
        <v>0</v>
      </c>
      <c r="E351" s="974" t="s">
        <v>13274</v>
      </c>
      <c r="F351" s="974" t="s">
        <v>7203</v>
      </c>
      <c r="G351" s="974" t="s">
        <v>37402</v>
      </c>
      <c r="H351" s="974" t="s">
        <v>175</v>
      </c>
      <c r="I351" s="974" t="s">
        <v>37017</v>
      </c>
      <c r="J351" s="974" t="s">
        <v>37018</v>
      </c>
      <c r="K351" s="974" t="s">
        <v>37019</v>
      </c>
      <c r="L351" s="974" t="s">
        <v>37020</v>
      </c>
      <c r="M351" s="974" t="s">
        <v>0</v>
      </c>
      <c r="N351" s="975"/>
    </row>
    <row r="352" spans="3:14" s="966" customFormat="1" ht="15">
      <c r="C352" s="972" t="s">
        <v>185</v>
      </c>
      <c r="D352" s="974" t="s">
        <v>0</v>
      </c>
      <c r="E352" s="974" t="s">
        <v>186</v>
      </c>
      <c r="F352" s="974" t="s">
        <v>187</v>
      </c>
      <c r="G352" s="974" t="s">
        <v>86</v>
      </c>
      <c r="H352" s="974" t="s">
        <v>175</v>
      </c>
      <c r="I352" s="974" t="s">
        <v>37021</v>
      </c>
      <c r="J352" s="974" t="s">
        <v>37022</v>
      </c>
      <c r="K352" s="974" t="s">
        <v>37023</v>
      </c>
      <c r="L352" s="974" t="s">
        <v>37024</v>
      </c>
      <c r="M352" s="974" t="s">
        <v>0</v>
      </c>
      <c r="N352" s="975"/>
    </row>
    <row r="353" spans="3:14" s="966" customFormat="1" ht="15">
      <c r="C353" s="972" t="s">
        <v>182</v>
      </c>
      <c r="D353" s="974" t="s">
        <v>0</v>
      </c>
      <c r="E353" s="974" t="s">
        <v>183</v>
      </c>
      <c r="F353" s="974" t="s">
        <v>184</v>
      </c>
      <c r="G353" s="974" t="s">
        <v>74</v>
      </c>
      <c r="H353" s="974" t="s">
        <v>175</v>
      </c>
      <c r="I353" s="974" t="s">
        <v>37025</v>
      </c>
      <c r="J353" s="974" t="s">
        <v>37026</v>
      </c>
      <c r="K353" s="974" t="s">
        <v>37027</v>
      </c>
      <c r="L353" s="974" t="s">
        <v>37028</v>
      </c>
      <c r="M353" s="974" t="s">
        <v>0</v>
      </c>
      <c r="N353" s="975"/>
    </row>
    <row r="354" spans="3:14" s="966" customFormat="1" ht="15">
      <c r="C354" s="972" t="s">
        <v>179</v>
      </c>
      <c r="D354" s="974" t="s">
        <v>0</v>
      </c>
      <c r="E354" s="974" t="s">
        <v>180</v>
      </c>
      <c r="F354" s="974" t="s">
        <v>181</v>
      </c>
      <c r="G354" s="974" t="s">
        <v>74</v>
      </c>
      <c r="H354" s="974" t="s">
        <v>175</v>
      </c>
      <c r="I354" s="974" t="s">
        <v>37029</v>
      </c>
      <c r="J354" s="974" t="s">
        <v>37030</v>
      </c>
      <c r="K354" s="974" t="s">
        <v>37031</v>
      </c>
      <c r="L354" s="974" t="s">
        <v>37032</v>
      </c>
      <c r="M354" s="974" t="s">
        <v>0</v>
      </c>
      <c r="N354" s="975"/>
    </row>
    <row r="355" spans="3:14" s="966" customFormat="1" ht="15">
      <c r="C355" s="972" t="s">
        <v>176</v>
      </c>
      <c r="D355" s="974" t="s">
        <v>0</v>
      </c>
      <c r="E355" s="974" t="s">
        <v>177</v>
      </c>
      <c r="F355" s="974" t="s">
        <v>178</v>
      </c>
      <c r="G355" s="974" t="s">
        <v>74</v>
      </c>
      <c r="H355" s="974" t="s">
        <v>175</v>
      </c>
      <c r="I355" s="974" t="s">
        <v>37033</v>
      </c>
      <c r="J355" s="974" t="s">
        <v>37034</v>
      </c>
      <c r="K355" s="974" t="s">
        <v>37035</v>
      </c>
      <c r="L355" s="974" t="s">
        <v>37036</v>
      </c>
      <c r="M355" s="974" t="s">
        <v>0</v>
      </c>
      <c r="N355" s="975"/>
    </row>
    <row r="356" spans="3:14" s="966" customFormat="1" ht="15">
      <c r="C356" s="972" t="s">
        <v>172</v>
      </c>
      <c r="D356" s="974" t="s">
        <v>0</v>
      </c>
      <c r="E356" s="974" t="s">
        <v>173</v>
      </c>
      <c r="F356" s="974" t="s">
        <v>174</v>
      </c>
      <c r="G356" s="974" t="s">
        <v>74</v>
      </c>
      <c r="H356" s="974" t="s">
        <v>175</v>
      </c>
      <c r="I356" s="974" t="s">
        <v>37037</v>
      </c>
      <c r="J356" s="974" t="s">
        <v>37038</v>
      </c>
      <c r="K356" s="974" t="s">
        <v>37039</v>
      </c>
      <c r="L356" s="974" t="s">
        <v>37040</v>
      </c>
      <c r="M356" s="974" t="s">
        <v>0</v>
      </c>
      <c r="N356" s="975"/>
    </row>
    <row r="357" spans="3:14" s="966" customFormat="1" ht="15">
      <c r="C357" s="972" t="s">
        <v>361</v>
      </c>
      <c r="D357" s="974" t="s">
        <v>37460</v>
      </c>
      <c r="E357" s="974" t="s">
        <v>362</v>
      </c>
      <c r="F357" s="974" t="s">
        <v>363</v>
      </c>
      <c r="G357" s="974" t="s">
        <v>86</v>
      </c>
      <c r="H357" s="974" t="s">
        <v>329</v>
      </c>
      <c r="I357" s="974" t="s">
        <v>37041</v>
      </c>
      <c r="J357" s="974" t="s">
        <v>37042</v>
      </c>
      <c r="K357" s="974" t="s">
        <v>37043</v>
      </c>
      <c r="L357" s="974" t="s">
        <v>37044</v>
      </c>
      <c r="M357" s="974" t="s">
        <v>0</v>
      </c>
      <c r="N357" s="975"/>
    </row>
    <row r="358" spans="3:14" s="966" customFormat="1" ht="15">
      <c r="C358" s="972" t="s">
        <v>358</v>
      </c>
      <c r="D358" s="974" t="s">
        <v>0</v>
      </c>
      <c r="E358" s="974" t="s">
        <v>359</v>
      </c>
      <c r="F358" s="974" t="s">
        <v>360</v>
      </c>
      <c r="G358" s="974" t="s">
        <v>86</v>
      </c>
      <c r="H358" s="974" t="s">
        <v>329</v>
      </c>
      <c r="I358" s="974" t="s">
        <v>37045</v>
      </c>
      <c r="J358" s="974" t="s">
        <v>37046</v>
      </c>
      <c r="K358" s="974" t="s">
        <v>37047</v>
      </c>
      <c r="L358" s="974" t="s">
        <v>37048</v>
      </c>
      <c r="M358" s="974" t="s">
        <v>0</v>
      </c>
      <c r="N358" s="975"/>
    </row>
    <row r="359" spans="3:14" s="966" customFormat="1" ht="15">
      <c r="C359" s="972" t="s">
        <v>355</v>
      </c>
      <c r="D359" s="974" t="s">
        <v>77</v>
      </c>
      <c r="E359" s="974" t="s">
        <v>356</v>
      </c>
      <c r="F359" s="974" t="s">
        <v>357</v>
      </c>
      <c r="G359" s="974" t="s">
        <v>74</v>
      </c>
      <c r="H359" s="974" t="s">
        <v>329</v>
      </c>
      <c r="I359" s="974" t="s">
        <v>37049</v>
      </c>
      <c r="J359" s="974" t="s">
        <v>37050</v>
      </c>
      <c r="K359" s="974" t="s">
        <v>37051</v>
      </c>
      <c r="L359" s="974" t="s">
        <v>37052</v>
      </c>
      <c r="M359" s="974" t="s">
        <v>0</v>
      </c>
      <c r="N359" s="975"/>
    </row>
    <row r="360" spans="3:14" s="966" customFormat="1" ht="15">
      <c r="C360" s="972" t="s">
        <v>353</v>
      </c>
      <c r="D360" s="974" t="s">
        <v>0</v>
      </c>
      <c r="E360" s="974" t="s">
        <v>354</v>
      </c>
      <c r="F360" s="974" t="s">
        <v>13397</v>
      </c>
      <c r="G360" s="974" t="s">
        <v>74</v>
      </c>
      <c r="H360" s="974" t="s">
        <v>329</v>
      </c>
      <c r="I360" s="974" t="s">
        <v>37053</v>
      </c>
      <c r="J360" s="974" t="s">
        <v>37054</v>
      </c>
      <c r="K360" s="974" t="s">
        <v>37055</v>
      </c>
      <c r="L360" s="974" t="s">
        <v>37056</v>
      </c>
      <c r="M360" s="974" t="s">
        <v>0</v>
      </c>
      <c r="N360" s="975"/>
    </row>
    <row r="361" spans="3:14" s="966" customFormat="1" ht="15">
      <c r="C361" s="972" t="s">
        <v>350</v>
      </c>
      <c r="D361" s="974" t="s">
        <v>0</v>
      </c>
      <c r="E361" s="974" t="s">
        <v>351</v>
      </c>
      <c r="F361" s="974" t="s">
        <v>352</v>
      </c>
      <c r="G361" s="974" t="s">
        <v>74</v>
      </c>
      <c r="H361" s="974" t="s">
        <v>329</v>
      </c>
      <c r="I361" s="974" t="s">
        <v>37057</v>
      </c>
      <c r="J361" s="974" t="s">
        <v>37058</v>
      </c>
      <c r="K361" s="974" t="s">
        <v>37059</v>
      </c>
      <c r="L361" s="974" t="s">
        <v>37060</v>
      </c>
      <c r="M361" s="974" t="s">
        <v>0</v>
      </c>
      <c r="N361" s="975"/>
    </row>
    <row r="362" spans="3:14" s="966" customFormat="1" ht="15">
      <c r="C362" s="972" t="s">
        <v>347</v>
      </c>
      <c r="D362" s="974" t="s">
        <v>37460</v>
      </c>
      <c r="E362" s="974" t="s">
        <v>348</v>
      </c>
      <c r="F362" s="974" t="s">
        <v>349</v>
      </c>
      <c r="G362" s="974" t="s">
        <v>86</v>
      </c>
      <c r="H362" s="974" t="s">
        <v>329</v>
      </c>
      <c r="I362" s="974" t="s">
        <v>37061</v>
      </c>
      <c r="J362" s="974" t="s">
        <v>37062</v>
      </c>
      <c r="K362" s="974" t="s">
        <v>37063</v>
      </c>
      <c r="L362" s="974" t="s">
        <v>37064</v>
      </c>
      <c r="M362" s="974" t="s">
        <v>0</v>
      </c>
      <c r="N362" s="975"/>
    </row>
    <row r="363" spans="3:14" s="966" customFormat="1" ht="15">
      <c r="C363" s="972" t="s">
        <v>344</v>
      </c>
      <c r="D363" s="974" t="s">
        <v>37460</v>
      </c>
      <c r="E363" s="974" t="s">
        <v>345</v>
      </c>
      <c r="F363" s="974" t="s">
        <v>346</v>
      </c>
      <c r="G363" s="974" t="s">
        <v>86</v>
      </c>
      <c r="H363" s="974" t="s">
        <v>329</v>
      </c>
      <c r="I363" s="974" t="s">
        <v>37065</v>
      </c>
      <c r="J363" s="974" t="s">
        <v>37066</v>
      </c>
      <c r="K363" s="974" t="s">
        <v>37067</v>
      </c>
      <c r="L363" s="974" t="s">
        <v>37068</v>
      </c>
      <c r="M363" s="974" t="s">
        <v>0</v>
      </c>
      <c r="N363" s="975"/>
    </row>
    <row r="364" spans="3:14" s="966" customFormat="1" ht="15">
      <c r="C364" s="972" t="s">
        <v>341</v>
      </c>
      <c r="D364" s="974" t="s">
        <v>0</v>
      </c>
      <c r="E364" s="974" t="s">
        <v>342</v>
      </c>
      <c r="F364" s="974" t="s">
        <v>343</v>
      </c>
      <c r="G364" s="974" t="s">
        <v>86</v>
      </c>
      <c r="H364" s="974" t="s">
        <v>329</v>
      </c>
      <c r="I364" s="974" t="s">
        <v>37069</v>
      </c>
      <c r="J364" s="974" t="s">
        <v>37070</v>
      </c>
      <c r="K364" s="974" t="s">
        <v>37071</v>
      </c>
      <c r="L364" s="974" t="s">
        <v>37072</v>
      </c>
      <c r="M364" s="974" t="s">
        <v>0</v>
      </c>
      <c r="N364" s="975"/>
    </row>
    <row r="365" spans="3:14" s="966" customFormat="1" ht="15">
      <c r="C365" s="972" t="s">
        <v>338</v>
      </c>
      <c r="D365" s="974" t="s">
        <v>37460</v>
      </c>
      <c r="E365" s="974" t="s">
        <v>339</v>
      </c>
      <c r="F365" s="974" t="s">
        <v>340</v>
      </c>
      <c r="G365" s="974" t="s">
        <v>86</v>
      </c>
      <c r="H365" s="974" t="s">
        <v>329</v>
      </c>
      <c r="I365" s="974" t="s">
        <v>37073</v>
      </c>
      <c r="J365" s="974" t="s">
        <v>37074</v>
      </c>
      <c r="K365" s="974" t="s">
        <v>37075</v>
      </c>
      <c r="L365" s="974" t="s">
        <v>37076</v>
      </c>
      <c r="M365" s="974" t="s">
        <v>0</v>
      </c>
      <c r="N365" s="975"/>
    </row>
    <row r="366" spans="3:14" s="966" customFormat="1" ht="15">
      <c r="C366" s="972" t="s">
        <v>335</v>
      </c>
      <c r="D366" s="974" t="s">
        <v>77</v>
      </c>
      <c r="E366" s="974" t="s">
        <v>336</v>
      </c>
      <c r="F366" s="974" t="s">
        <v>337</v>
      </c>
      <c r="G366" s="974" t="s">
        <v>87</v>
      </c>
      <c r="H366" s="974" t="s">
        <v>329</v>
      </c>
      <c r="I366" s="974" t="s">
        <v>37077</v>
      </c>
      <c r="J366" s="974" t="s">
        <v>37078</v>
      </c>
      <c r="K366" s="974" t="s">
        <v>37079</v>
      </c>
      <c r="L366" s="974" t="s">
        <v>37080</v>
      </c>
      <c r="M366" s="974" t="s">
        <v>0</v>
      </c>
      <c r="N366" s="975"/>
    </row>
    <row r="367" spans="3:14" s="966" customFormat="1" ht="15">
      <c r="C367" s="972" t="s">
        <v>332</v>
      </c>
      <c r="D367" s="974" t="s">
        <v>0</v>
      </c>
      <c r="E367" s="974" t="s">
        <v>333</v>
      </c>
      <c r="F367" s="974" t="s">
        <v>334</v>
      </c>
      <c r="G367" s="974" t="s">
        <v>87</v>
      </c>
      <c r="H367" s="974" t="s">
        <v>329</v>
      </c>
      <c r="I367" s="974" t="s">
        <v>37081</v>
      </c>
      <c r="J367" s="974" t="s">
        <v>37082</v>
      </c>
      <c r="K367" s="974" t="s">
        <v>37083</v>
      </c>
      <c r="L367" s="974" t="s">
        <v>37084</v>
      </c>
      <c r="M367" s="974" t="s">
        <v>0</v>
      </c>
      <c r="N367" s="975"/>
    </row>
    <row r="368" spans="3:14" s="966" customFormat="1" ht="15">
      <c r="C368" s="972" t="s">
        <v>7023</v>
      </c>
      <c r="D368" s="974" t="s">
        <v>0</v>
      </c>
      <c r="E368" s="974" t="s">
        <v>327</v>
      </c>
      <c r="F368" s="974" t="s">
        <v>328</v>
      </c>
      <c r="G368" s="974" t="s">
        <v>74</v>
      </c>
      <c r="H368" s="974" t="s">
        <v>329</v>
      </c>
      <c r="I368" s="974" t="s">
        <v>37085</v>
      </c>
      <c r="J368" s="974" t="s">
        <v>37086</v>
      </c>
      <c r="K368" s="974" t="s">
        <v>37087</v>
      </c>
      <c r="L368" s="974" t="s">
        <v>37088</v>
      </c>
      <c r="M368" s="974" t="s">
        <v>0</v>
      </c>
      <c r="N368" s="975"/>
    </row>
    <row r="369" spans="3:14" s="966" customFormat="1" ht="15">
      <c r="C369" s="972" t="s">
        <v>14221</v>
      </c>
      <c r="D369" s="974" t="s">
        <v>0</v>
      </c>
      <c r="E369" s="974" t="s">
        <v>330</v>
      </c>
      <c r="F369" s="974" t="s">
        <v>331</v>
      </c>
      <c r="G369" s="974" t="s">
        <v>74</v>
      </c>
      <c r="H369" s="974" t="s">
        <v>329</v>
      </c>
      <c r="I369" s="974" t="s">
        <v>37089</v>
      </c>
      <c r="J369" s="974" t="s">
        <v>37090</v>
      </c>
      <c r="K369" s="974" t="s">
        <v>37091</v>
      </c>
      <c r="L369" s="974" t="s">
        <v>37092</v>
      </c>
      <c r="M369" s="974" t="s">
        <v>0</v>
      </c>
      <c r="N369" s="975"/>
    </row>
    <row r="370" spans="3:14" s="966" customFormat="1" ht="15">
      <c r="C370" s="972" t="s">
        <v>420</v>
      </c>
      <c r="D370" s="974" t="s">
        <v>421</v>
      </c>
      <c r="E370" s="974" t="s">
        <v>77</v>
      </c>
      <c r="F370" s="974" t="s">
        <v>77</v>
      </c>
      <c r="G370" s="974" t="s">
        <v>86</v>
      </c>
      <c r="H370" s="974" t="s">
        <v>367</v>
      </c>
      <c r="I370" s="974" t="s">
        <v>37093</v>
      </c>
      <c r="J370" s="974" t="s">
        <v>37094</v>
      </c>
      <c r="K370" s="974" t="s">
        <v>37095</v>
      </c>
      <c r="L370" s="974" t="s">
        <v>37096</v>
      </c>
      <c r="M370" s="974" t="s">
        <v>0</v>
      </c>
      <c r="N370" s="975"/>
    </row>
    <row r="371" spans="3:14" s="966" customFormat="1" ht="15">
      <c r="C371" s="972" t="s">
        <v>37097</v>
      </c>
      <c r="D371" s="974" t="s">
        <v>0</v>
      </c>
      <c r="E371" s="974" t="s">
        <v>77</v>
      </c>
      <c r="F371" s="974" t="s">
        <v>5139</v>
      </c>
      <c r="G371" s="974" t="s">
        <v>86</v>
      </c>
      <c r="H371" s="974" t="s">
        <v>367</v>
      </c>
      <c r="I371" s="974" t="s">
        <v>37093</v>
      </c>
      <c r="J371" s="974" t="s">
        <v>37094</v>
      </c>
      <c r="K371" s="974" t="s">
        <v>37095</v>
      </c>
      <c r="L371" s="974" t="s">
        <v>37096</v>
      </c>
      <c r="M371" s="974" t="s">
        <v>0</v>
      </c>
      <c r="N371" s="975"/>
    </row>
    <row r="372" spans="3:14" s="966" customFormat="1" ht="15">
      <c r="C372" s="972" t="s">
        <v>417</v>
      </c>
      <c r="D372" s="974" t="s">
        <v>0</v>
      </c>
      <c r="E372" s="974" t="s">
        <v>418</v>
      </c>
      <c r="F372" s="974" t="s">
        <v>419</v>
      </c>
      <c r="G372" s="974" t="s">
        <v>37403</v>
      </c>
      <c r="H372" s="974" t="s">
        <v>367</v>
      </c>
      <c r="I372" s="974" t="s">
        <v>37098</v>
      </c>
      <c r="J372" s="974" t="s">
        <v>37099</v>
      </c>
      <c r="K372" s="974" t="s">
        <v>37100</v>
      </c>
      <c r="L372" s="974" t="s">
        <v>0</v>
      </c>
      <c r="M372" s="974" t="s">
        <v>0</v>
      </c>
      <c r="N372" s="975"/>
    </row>
    <row r="373" spans="3:14" s="966" customFormat="1" ht="15">
      <c r="C373" s="972" t="s">
        <v>414</v>
      </c>
      <c r="D373" s="974" t="s">
        <v>0</v>
      </c>
      <c r="E373" s="974" t="s">
        <v>415</v>
      </c>
      <c r="F373" s="974" t="s">
        <v>416</v>
      </c>
      <c r="G373" s="974" t="s">
        <v>86</v>
      </c>
      <c r="H373" s="974" t="s">
        <v>367</v>
      </c>
      <c r="I373" s="974" t="s">
        <v>37101</v>
      </c>
      <c r="J373" s="974" t="s">
        <v>37102</v>
      </c>
      <c r="K373" s="974" t="s">
        <v>37103</v>
      </c>
      <c r="L373" s="974" t="s">
        <v>37104</v>
      </c>
      <c r="M373" s="974" t="s">
        <v>0</v>
      </c>
      <c r="N373" s="975"/>
    </row>
    <row r="374" spans="3:14" s="966" customFormat="1" ht="15">
      <c r="C374" s="972" t="s">
        <v>412</v>
      </c>
      <c r="D374" s="974" t="s">
        <v>0</v>
      </c>
      <c r="E374" s="974" t="s">
        <v>413</v>
      </c>
      <c r="F374" s="974" t="s">
        <v>13398</v>
      </c>
      <c r="G374" s="974" t="s">
        <v>86</v>
      </c>
      <c r="H374" s="974" t="s">
        <v>367</v>
      </c>
      <c r="I374" s="974" t="s">
        <v>37105</v>
      </c>
      <c r="J374" s="974" t="s">
        <v>37106</v>
      </c>
      <c r="K374" s="974" t="s">
        <v>37107</v>
      </c>
      <c r="L374" s="974" t="s">
        <v>37108</v>
      </c>
      <c r="M374" s="974" t="s">
        <v>0</v>
      </c>
      <c r="N374" s="975"/>
    </row>
    <row r="375" spans="3:14" s="966" customFormat="1" ht="15">
      <c r="C375" s="972" t="s">
        <v>409</v>
      </c>
      <c r="D375" s="974" t="s">
        <v>0</v>
      </c>
      <c r="E375" s="974" t="s">
        <v>410</v>
      </c>
      <c r="F375" s="974" t="s">
        <v>411</v>
      </c>
      <c r="G375" s="974" t="s">
        <v>86</v>
      </c>
      <c r="H375" s="974" t="s">
        <v>367</v>
      </c>
      <c r="I375" s="974" t="s">
        <v>37109</v>
      </c>
      <c r="J375" s="974" t="s">
        <v>37110</v>
      </c>
      <c r="K375" s="974" t="s">
        <v>37111</v>
      </c>
      <c r="L375" s="974" t="s">
        <v>37112</v>
      </c>
      <c r="M375" s="974" t="s">
        <v>0</v>
      </c>
      <c r="N375" s="975"/>
    </row>
    <row r="376" spans="3:14" s="966" customFormat="1" ht="15">
      <c r="C376" s="972" t="s">
        <v>406</v>
      </c>
      <c r="D376" s="974" t="s">
        <v>0</v>
      </c>
      <c r="E376" s="974" t="s">
        <v>407</v>
      </c>
      <c r="F376" s="974" t="s">
        <v>408</v>
      </c>
      <c r="G376" s="974" t="s">
        <v>74</v>
      </c>
      <c r="H376" s="974" t="s">
        <v>367</v>
      </c>
      <c r="I376" s="974" t="s">
        <v>37113</v>
      </c>
      <c r="J376" s="974" t="s">
        <v>37114</v>
      </c>
      <c r="K376" s="974" t="s">
        <v>37115</v>
      </c>
      <c r="L376" s="974" t="s">
        <v>37116</v>
      </c>
      <c r="M376" s="974" t="s">
        <v>0</v>
      </c>
      <c r="N376" s="975"/>
    </row>
    <row r="377" spans="3:14" s="966" customFormat="1" ht="15">
      <c r="C377" s="972" t="s">
        <v>403</v>
      </c>
      <c r="D377" s="974" t="s">
        <v>0</v>
      </c>
      <c r="E377" s="974" t="s">
        <v>404</v>
      </c>
      <c r="F377" s="974" t="s">
        <v>405</v>
      </c>
      <c r="G377" s="974" t="s">
        <v>74</v>
      </c>
      <c r="H377" s="974" t="s">
        <v>367</v>
      </c>
      <c r="I377" s="974" t="s">
        <v>37117</v>
      </c>
      <c r="J377" s="974" t="s">
        <v>37118</v>
      </c>
      <c r="K377" s="974" t="s">
        <v>37119</v>
      </c>
      <c r="L377" s="974" t="s">
        <v>37120</v>
      </c>
      <c r="M377" s="974" t="s">
        <v>0</v>
      </c>
      <c r="N377" s="975"/>
    </row>
    <row r="378" spans="3:14" s="966" customFormat="1" ht="15">
      <c r="C378" s="972" t="s">
        <v>400</v>
      </c>
      <c r="D378" s="974" t="s">
        <v>0</v>
      </c>
      <c r="E378" s="974" t="s">
        <v>401</v>
      </c>
      <c r="F378" s="974" t="s">
        <v>402</v>
      </c>
      <c r="G378" s="974" t="s">
        <v>74</v>
      </c>
      <c r="H378" s="974" t="s">
        <v>367</v>
      </c>
      <c r="I378" s="974" t="s">
        <v>37121</v>
      </c>
      <c r="J378" s="974" t="s">
        <v>37122</v>
      </c>
      <c r="K378" s="974" t="s">
        <v>37123</v>
      </c>
      <c r="L378" s="974" t="s">
        <v>37124</v>
      </c>
      <c r="M378" s="974" t="s">
        <v>0</v>
      </c>
      <c r="N378" s="975"/>
    </row>
    <row r="379" spans="3:14" s="966" customFormat="1" ht="15">
      <c r="C379" s="972" t="s">
        <v>397</v>
      </c>
      <c r="D379" s="974" t="s">
        <v>0</v>
      </c>
      <c r="E379" s="974" t="s">
        <v>398</v>
      </c>
      <c r="F379" s="974" t="s">
        <v>399</v>
      </c>
      <c r="G379" s="974" t="s">
        <v>74</v>
      </c>
      <c r="H379" s="974" t="s">
        <v>367</v>
      </c>
      <c r="I379" s="974" t="s">
        <v>37125</v>
      </c>
      <c r="J379" s="974" t="s">
        <v>37126</v>
      </c>
      <c r="K379" s="974" t="s">
        <v>37127</v>
      </c>
      <c r="L379" s="974" t="s">
        <v>37128</v>
      </c>
      <c r="M379" s="974" t="s">
        <v>0</v>
      </c>
      <c r="N379" s="975"/>
    </row>
    <row r="380" spans="3:14" s="966" customFormat="1" ht="15">
      <c r="C380" s="972" t="s">
        <v>394</v>
      </c>
      <c r="D380" s="974" t="s">
        <v>0</v>
      </c>
      <c r="E380" s="974" t="s">
        <v>395</v>
      </c>
      <c r="F380" s="974" t="s">
        <v>396</v>
      </c>
      <c r="G380" s="974" t="s">
        <v>86</v>
      </c>
      <c r="H380" s="974" t="s">
        <v>367</v>
      </c>
      <c r="I380" s="974" t="s">
        <v>37129</v>
      </c>
      <c r="J380" s="974" t="s">
        <v>37130</v>
      </c>
      <c r="K380" s="974" t="s">
        <v>37131</v>
      </c>
      <c r="L380" s="974" t="s">
        <v>37132</v>
      </c>
      <c r="M380" s="974" t="s">
        <v>0</v>
      </c>
      <c r="N380" s="975"/>
    </row>
    <row r="381" spans="3:14" s="966" customFormat="1" ht="15">
      <c r="C381" s="972" t="s">
        <v>391</v>
      </c>
      <c r="D381" s="974" t="s">
        <v>0</v>
      </c>
      <c r="E381" s="974" t="s">
        <v>392</v>
      </c>
      <c r="F381" s="974" t="s">
        <v>393</v>
      </c>
      <c r="G381" s="974" t="s">
        <v>86</v>
      </c>
      <c r="H381" s="974" t="s">
        <v>367</v>
      </c>
      <c r="I381" s="974" t="s">
        <v>37133</v>
      </c>
      <c r="J381" s="974" t="s">
        <v>37134</v>
      </c>
      <c r="K381" s="974" t="s">
        <v>37135</v>
      </c>
      <c r="L381" s="974" t="s">
        <v>37136</v>
      </c>
      <c r="M381" s="974" t="s">
        <v>0</v>
      </c>
      <c r="N381" s="975"/>
    </row>
    <row r="382" spans="3:14" s="966" customFormat="1" ht="15">
      <c r="C382" s="972" t="s">
        <v>388</v>
      </c>
      <c r="D382" s="974" t="s">
        <v>0</v>
      </c>
      <c r="E382" s="974" t="s">
        <v>389</v>
      </c>
      <c r="F382" s="974" t="s">
        <v>390</v>
      </c>
      <c r="G382" s="974" t="s">
        <v>86</v>
      </c>
      <c r="H382" s="974" t="s">
        <v>367</v>
      </c>
      <c r="I382" s="974" t="s">
        <v>37137</v>
      </c>
      <c r="J382" s="974" t="s">
        <v>37138</v>
      </c>
      <c r="K382" s="974" t="s">
        <v>37139</v>
      </c>
      <c r="L382" s="974" t="s">
        <v>37140</v>
      </c>
      <c r="M382" s="974" t="s">
        <v>0</v>
      </c>
      <c r="N382" s="975"/>
    </row>
    <row r="383" spans="3:14" s="966" customFormat="1" ht="15">
      <c r="C383" s="972" t="s">
        <v>385</v>
      </c>
      <c r="D383" s="974" t="s">
        <v>0</v>
      </c>
      <c r="E383" s="974" t="s">
        <v>386</v>
      </c>
      <c r="F383" s="974" t="s">
        <v>387</v>
      </c>
      <c r="G383" s="974" t="s">
        <v>74</v>
      </c>
      <c r="H383" s="974" t="s">
        <v>367</v>
      </c>
      <c r="I383" s="974" t="s">
        <v>37141</v>
      </c>
      <c r="J383" s="974" t="s">
        <v>37142</v>
      </c>
      <c r="K383" s="974" t="s">
        <v>37143</v>
      </c>
      <c r="L383" s="974" t="s">
        <v>37144</v>
      </c>
      <c r="M383" s="974" t="s">
        <v>0</v>
      </c>
      <c r="N383" s="975"/>
    </row>
    <row r="384" spans="3:14" s="966" customFormat="1" ht="15">
      <c r="C384" s="972" t="s">
        <v>382</v>
      </c>
      <c r="D384" s="974" t="s">
        <v>0</v>
      </c>
      <c r="E384" s="974" t="s">
        <v>383</v>
      </c>
      <c r="F384" s="974" t="s">
        <v>384</v>
      </c>
      <c r="G384" s="974" t="s">
        <v>74</v>
      </c>
      <c r="H384" s="974" t="s">
        <v>367</v>
      </c>
      <c r="I384" s="974" t="s">
        <v>37145</v>
      </c>
      <c r="J384" s="974" t="s">
        <v>37146</v>
      </c>
      <c r="K384" s="974" t="s">
        <v>37147</v>
      </c>
      <c r="L384" s="974" t="s">
        <v>37148</v>
      </c>
      <c r="M384" s="974" t="s">
        <v>0</v>
      </c>
      <c r="N384" s="975"/>
    </row>
    <row r="385" spans="3:14" s="966" customFormat="1" ht="15">
      <c r="C385" s="972" t="s">
        <v>379</v>
      </c>
      <c r="D385" s="974" t="s">
        <v>0</v>
      </c>
      <c r="E385" s="974" t="s">
        <v>380</v>
      </c>
      <c r="F385" s="974" t="s">
        <v>381</v>
      </c>
      <c r="G385" s="974" t="s">
        <v>86</v>
      </c>
      <c r="H385" s="974" t="s">
        <v>367</v>
      </c>
      <c r="I385" s="974" t="s">
        <v>37149</v>
      </c>
      <c r="J385" s="974" t="s">
        <v>37150</v>
      </c>
      <c r="K385" s="974" t="s">
        <v>37151</v>
      </c>
      <c r="L385" s="974" t="s">
        <v>37152</v>
      </c>
      <c r="M385" s="974" t="s">
        <v>0</v>
      </c>
      <c r="N385" s="975"/>
    </row>
    <row r="386" spans="3:14" s="966" customFormat="1" ht="15">
      <c r="C386" s="972" t="s">
        <v>377</v>
      </c>
      <c r="D386" s="974" t="s">
        <v>378</v>
      </c>
      <c r="E386" s="974" t="s">
        <v>77</v>
      </c>
      <c r="F386" s="974" t="s">
        <v>77</v>
      </c>
      <c r="G386" s="974" t="s">
        <v>86</v>
      </c>
      <c r="H386" s="974" t="s">
        <v>367</v>
      </c>
      <c r="I386" s="974" t="s">
        <v>37153</v>
      </c>
      <c r="J386" s="974" t="s">
        <v>37154</v>
      </c>
      <c r="K386" s="974" t="s">
        <v>37155</v>
      </c>
      <c r="L386" s="974" t="s">
        <v>37156</v>
      </c>
      <c r="M386" s="974" t="s">
        <v>0</v>
      </c>
      <c r="N386" s="975"/>
    </row>
    <row r="387" spans="3:14" s="966" customFormat="1" ht="15">
      <c r="C387" s="972" t="s">
        <v>37097</v>
      </c>
      <c r="D387" s="974" t="s">
        <v>0</v>
      </c>
      <c r="E387" s="974" t="s">
        <v>77</v>
      </c>
      <c r="F387" s="974" t="s">
        <v>5139</v>
      </c>
      <c r="G387" s="974" t="s">
        <v>86</v>
      </c>
      <c r="H387" s="974" t="s">
        <v>367</v>
      </c>
      <c r="I387" s="974" t="s">
        <v>37153</v>
      </c>
      <c r="J387" s="974" t="s">
        <v>37154</v>
      </c>
      <c r="K387" s="974" t="s">
        <v>37155</v>
      </c>
      <c r="L387" s="974" t="s">
        <v>37156</v>
      </c>
      <c r="M387" s="974" t="s">
        <v>0</v>
      </c>
      <c r="N387" s="975"/>
    </row>
    <row r="388" spans="3:14" s="966" customFormat="1" ht="15">
      <c r="C388" s="972" t="s">
        <v>374</v>
      </c>
      <c r="D388" s="974" t="s">
        <v>0</v>
      </c>
      <c r="E388" s="974" t="s">
        <v>375</v>
      </c>
      <c r="F388" s="974" t="s">
        <v>376</v>
      </c>
      <c r="G388" s="974" t="s">
        <v>13395</v>
      </c>
      <c r="H388" s="974" t="s">
        <v>367</v>
      </c>
      <c r="I388" s="974" t="s">
        <v>37157</v>
      </c>
      <c r="J388" s="974" t="s">
        <v>37158</v>
      </c>
      <c r="K388" s="974" t="s">
        <v>37159</v>
      </c>
      <c r="L388" s="974" t="s">
        <v>37160</v>
      </c>
      <c r="M388" s="974" t="s">
        <v>0</v>
      </c>
      <c r="N388" s="975"/>
    </row>
    <row r="389" spans="3:14" s="966" customFormat="1" ht="15">
      <c r="C389" s="972" t="s">
        <v>371</v>
      </c>
      <c r="D389" s="974" t="s">
        <v>0</v>
      </c>
      <c r="E389" s="974" t="s">
        <v>372</v>
      </c>
      <c r="F389" s="974" t="s">
        <v>373</v>
      </c>
      <c r="G389" s="974" t="s">
        <v>86</v>
      </c>
      <c r="H389" s="974" t="s">
        <v>367</v>
      </c>
      <c r="I389" s="974" t="s">
        <v>37161</v>
      </c>
      <c r="J389" s="974" t="s">
        <v>37162</v>
      </c>
      <c r="K389" s="974" t="s">
        <v>37163</v>
      </c>
      <c r="L389" s="974" t="s">
        <v>37164</v>
      </c>
      <c r="M389" s="974" t="s">
        <v>0</v>
      </c>
      <c r="N389" s="975"/>
    </row>
    <row r="390" spans="3:14" s="966" customFormat="1" ht="15">
      <c r="C390" s="972" t="s">
        <v>368</v>
      </c>
      <c r="D390" s="974" t="s">
        <v>0</v>
      </c>
      <c r="E390" s="974" t="s">
        <v>369</v>
      </c>
      <c r="F390" s="974" t="s">
        <v>370</v>
      </c>
      <c r="G390" s="974" t="s">
        <v>86</v>
      </c>
      <c r="H390" s="974" t="s">
        <v>367</v>
      </c>
      <c r="I390" s="974" t="s">
        <v>37165</v>
      </c>
      <c r="J390" s="974" t="s">
        <v>37166</v>
      </c>
      <c r="K390" s="974" t="s">
        <v>37167</v>
      </c>
      <c r="L390" s="974" t="s">
        <v>37168</v>
      </c>
      <c r="M390" s="974" t="s">
        <v>0</v>
      </c>
      <c r="N390" s="975"/>
    </row>
    <row r="391" spans="3:14" s="966" customFormat="1" ht="15">
      <c r="C391" s="972" t="s">
        <v>364</v>
      </c>
      <c r="D391" s="974" t="s">
        <v>0</v>
      </c>
      <c r="E391" s="974" t="s">
        <v>365</v>
      </c>
      <c r="F391" s="974" t="s">
        <v>366</v>
      </c>
      <c r="G391" s="974" t="s">
        <v>86</v>
      </c>
      <c r="H391" s="974" t="s">
        <v>367</v>
      </c>
      <c r="I391" s="974" t="s">
        <v>37169</v>
      </c>
      <c r="J391" s="974" t="s">
        <v>37170</v>
      </c>
      <c r="K391" s="974" t="s">
        <v>37171</v>
      </c>
      <c r="L391" s="974" t="s">
        <v>37172</v>
      </c>
      <c r="M391" s="974" t="s">
        <v>0</v>
      </c>
      <c r="N391" s="975"/>
    </row>
    <row r="392" spans="3:14" s="966" customFormat="1" ht="15">
      <c r="C392" s="972" t="s">
        <v>441</v>
      </c>
      <c r="D392" s="974" t="s">
        <v>0</v>
      </c>
      <c r="E392" s="974" t="s">
        <v>442</v>
      </c>
      <c r="F392" s="974" t="s">
        <v>2386</v>
      </c>
      <c r="G392" s="974" t="s">
        <v>86</v>
      </c>
      <c r="H392" s="974" t="s">
        <v>425</v>
      </c>
      <c r="I392" s="974" t="s">
        <v>37173</v>
      </c>
      <c r="J392" s="974" t="s">
        <v>37174</v>
      </c>
      <c r="K392" s="974" t="s">
        <v>37175</v>
      </c>
      <c r="L392" s="974" t="s">
        <v>37176</v>
      </c>
      <c r="M392" s="974" t="s">
        <v>0</v>
      </c>
      <c r="N392" s="975"/>
    </row>
    <row r="393" spans="3:14" s="966" customFormat="1" ht="15">
      <c r="C393" s="972" t="s">
        <v>438</v>
      </c>
      <c r="D393" s="974" t="s">
        <v>0</v>
      </c>
      <c r="E393" s="974" t="s">
        <v>439</v>
      </c>
      <c r="F393" s="974" t="s">
        <v>440</v>
      </c>
      <c r="G393" s="974" t="s">
        <v>86</v>
      </c>
      <c r="H393" s="974" t="s">
        <v>425</v>
      </c>
      <c r="I393" s="974" t="s">
        <v>37177</v>
      </c>
      <c r="J393" s="974" t="s">
        <v>37178</v>
      </c>
      <c r="K393" s="974" t="s">
        <v>37179</v>
      </c>
      <c r="L393" s="974" t="s">
        <v>37180</v>
      </c>
      <c r="M393" s="974" t="s">
        <v>0</v>
      </c>
      <c r="N393" s="975"/>
    </row>
    <row r="394" spans="3:14" s="966" customFormat="1" ht="15">
      <c r="C394" s="972" t="s">
        <v>435</v>
      </c>
      <c r="D394" s="974" t="s">
        <v>0</v>
      </c>
      <c r="E394" s="974" t="s">
        <v>436</v>
      </c>
      <c r="F394" s="974" t="s">
        <v>437</v>
      </c>
      <c r="G394" s="974" t="s">
        <v>74</v>
      </c>
      <c r="H394" s="974" t="s">
        <v>425</v>
      </c>
      <c r="I394" s="974" t="s">
        <v>37181</v>
      </c>
      <c r="J394" s="974" t="s">
        <v>37182</v>
      </c>
      <c r="K394" s="974" t="s">
        <v>37183</v>
      </c>
      <c r="L394" s="974" t="s">
        <v>37184</v>
      </c>
      <c r="M394" s="974" t="s">
        <v>0</v>
      </c>
      <c r="N394" s="975"/>
    </row>
    <row r="395" spans="3:14" s="966" customFormat="1" ht="15">
      <c r="C395" s="972" t="s">
        <v>432</v>
      </c>
      <c r="D395" s="974" t="s">
        <v>0</v>
      </c>
      <c r="E395" s="974" t="s">
        <v>433</v>
      </c>
      <c r="F395" s="974" t="s">
        <v>434</v>
      </c>
      <c r="G395" s="974" t="s">
        <v>74</v>
      </c>
      <c r="H395" s="974" t="s">
        <v>425</v>
      </c>
      <c r="I395" s="974" t="s">
        <v>37185</v>
      </c>
      <c r="J395" s="974" t="s">
        <v>37186</v>
      </c>
      <c r="K395" s="974" t="s">
        <v>37187</v>
      </c>
      <c r="L395" s="974" t="s">
        <v>37188</v>
      </c>
      <c r="M395" s="974" t="s">
        <v>0</v>
      </c>
      <c r="N395" s="975"/>
    </row>
    <row r="396" spans="3:14" s="966" customFormat="1" ht="15">
      <c r="C396" s="972" t="s">
        <v>429</v>
      </c>
      <c r="D396" s="974" t="s">
        <v>0</v>
      </c>
      <c r="E396" s="974" t="s">
        <v>430</v>
      </c>
      <c r="F396" s="974" t="s">
        <v>431</v>
      </c>
      <c r="G396" s="974" t="s">
        <v>74</v>
      </c>
      <c r="H396" s="974" t="s">
        <v>425</v>
      </c>
      <c r="I396" s="974" t="s">
        <v>37189</v>
      </c>
      <c r="J396" s="974" t="s">
        <v>37190</v>
      </c>
      <c r="K396" s="974" t="s">
        <v>37191</v>
      </c>
      <c r="L396" s="974" t="s">
        <v>37192</v>
      </c>
      <c r="M396" s="974" t="s">
        <v>0</v>
      </c>
      <c r="N396" s="975"/>
    </row>
    <row r="397" spans="3:14" s="966" customFormat="1" ht="15">
      <c r="C397" s="972" t="s">
        <v>426</v>
      </c>
      <c r="D397" s="974" t="s">
        <v>0</v>
      </c>
      <c r="E397" s="974" t="s">
        <v>427</v>
      </c>
      <c r="F397" s="974" t="s">
        <v>428</v>
      </c>
      <c r="G397" s="974" t="s">
        <v>74</v>
      </c>
      <c r="H397" s="974" t="s">
        <v>425</v>
      </c>
      <c r="I397" s="974" t="s">
        <v>37193</v>
      </c>
      <c r="J397" s="974" t="s">
        <v>37194</v>
      </c>
      <c r="K397" s="974" t="s">
        <v>37195</v>
      </c>
      <c r="L397" s="974" t="s">
        <v>37196</v>
      </c>
      <c r="M397" s="974" t="s">
        <v>0</v>
      </c>
      <c r="N397" s="975"/>
    </row>
    <row r="398" spans="3:14" s="966" customFormat="1" ht="15">
      <c r="C398" s="972" t="s">
        <v>422</v>
      </c>
      <c r="D398" s="974" t="s">
        <v>0</v>
      </c>
      <c r="E398" s="974" t="s">
        <v>423</v>
      </c>
      <c r="F398" s="974" t="s">
        <v>424</v>
      </c>
      <c r="G398" s="974" t="s">
        <v>37403</v>
      </c>
      <c r="H398" s="974" t="s">
        <v>425</v>
      </c>
      <c r="I398" s="974" t="s">
        <v>37197</v>
      </c>
      <c r="J398" s="974" t="s">
        <v>37198</v>
      </c>
      <c r="K398" s="974" t="s">
        <v>37199</v>
      </c>
      <c r="L398" s="974" t="s">
        <v>37200</v>
      </c>
      <c r="M398" s="974" t="s">
        <v>0</v>
      </c>
      <c r="N398" s="975"/>
    </row>
    <row r="399" spans="3:14" s="966" customFormat="1" ht="15">
      <c r="C399" s="972" t="s">
        <v>463</v>
      </c>
      <c r="D399" s="974" t="s">
        <v>0</v>
      </c>
      <c r="E399" s="974" t="s">
        <v>464</v>
      </c>
      <c r="F399" s="974" t="s">
        <v>465</v>
      </c>
      <c r="G399" s="974" t="s">
        <v>37403</v>
      </c>
      <c r="H399" s="974" t="s">
        <v>446</v>
      </c>
      <c r="I399" s="974" t="s">
        <v>37201</v>
      </c>
      <c r="J399" s="974" t="s">
        <v>37202</v>
      </c>
      <c r="K399" s="974" t="s">
        <v>37203</v>
      </c>
      <c r="L399" s="974" t="s">
        <v>37204</v>
      </c>
      <c r="M399" s="974" t="s">
        <v>0</v>
      </c>
      <c r="N399" s="975"/>
    </row>
    <row r="400" spans="3:14" s="966" customFormat="1" ht="15">
      <c r="C400" s="972" t="s">
        <v>460</v>
      </c>
      <c r="D400" s="974" t="s">
        <v>0</v>
      </c>
      <c r="E400" s="974" t="s">
        <v>461</v>
      </c>
      <c r="F400" s="974" t="s">
        <v>462</v>
      </c>
      <c r="G400" s="974" t="s">
        <v>37403</v>
      </c>
      <c r="H400" s="974" t="s">
        <v>446</v>
      </c>
      <c r="I400" s="974" t="s">
        <v>37205</v>
      </c>
      <c r="J400" s="974" t="s">
        <v>37206</v>
      </c>
      <c r="K400" s="974" t="s">
        <v>37207</v>
      </c>
      <c r="L400" s="974" t="s">
        <v>37208</v>
      </c>
      <c r="M400" s="974" t="s">
        <v>0</v>
      </c>
      <c r="N400" s="975"/>
    </row>
    <row r="401" spans="3:14" s="966" customFormat="1" ht="15">
      <c r="C401" s="972" t="s">
        <v>457</v>
      </c>
      <c r="D401" s="974" t="s">
        <v>0</v>
      </c>
      <c r="E401" s="974" t="s">
        <v>458</v>
      </c>
      <c r="F401" s="974" t="s">
        <v>459</v>
      </c>
      <c r="G401" s="974" t="s">
        <v>37403</v>
      </c>
      <c r="H401" s="974" t="s">
        <v>446</v>
      </c>
      <c r="I401" s="974" t="s">
        <v>37209</v>
      </c>
      <c r="J401" s="974" t="s">
        <v>37210</v>
      </c>
      <c r="K401" s="974" t="s">
        <v>37211</v>
      </c>
      <c r="L401" s="974" t="s">
        <v>37212</v>
      </c>
      <c r="M401" s="974" t="s">
        <v>0</v>
      </c>
      <c r="N401" s="975"/>
    </row>
    <row r="402" spans="3:14" s="966" customFormat="1" ht="15">
      <c r="C402" s="972" t="s">
        <v>454</v>
      </c>
      <c r="D402" s="974" t="s">
        <v>0</v>
      </c>
      <c r="E402" s="974" t="s">
        <v>455</v>
      </c>
      <c r="F402" s="974" t="s">
        <v>456</v>
      </c>
      <c r="G402" s="974" t="s">
        <v>37403</v>
      </c>
      <c r="H402" s="974" t="s">
        <v>446</v>
      </c>
      <c r="I402" s="974" t="s">
        <v>37213</v>
      </c>
      <c r="J402" s="974" t="s">
        <v>37214</v>
      </c>
      <c r="K402" s="974" t="s">
        <v>37215</v>
      </c>
      <c r="L402" s="974" t="s">
        <v>37216</v>
      </c>
      <c r="M402" s="974" t="s">
        <v>0</v>
      </c>
      <c r="N402" s="975"/>
    </row>
    <row r="403" spans="3:14" s="966" customFormat="1" ht="15">
      <c r="C403" s="972" t="s">
        <v>451</v>
      </c>
      <c r="D403" s="974" t="s">
        <v>0</v>
      </c>
      <c r="E403" s="974" t="s">
        <v>452</v>
      </c>
      <c r="F403" s="974" t="s">
        <v>453</v>
      </c>
      <c r="G403" s="974" t="s">
        <v>37402</v>
      </c>
      <c r="H403" s="974" t="s">
        <v>446</v>
      </c>
      <c r="I403" s="974" t="s">
        <v>37217</v>
      </c>
      <c r="J403" s="974" t="s">
        <v>37218</v>
      </c>
      <c r="K403" s="974" t="s">
        <v>37219</v>
      </c>
      <c r="L403" s="974" t="s">
        <v>37220</v>
      </c>
      <c r="M403" s="974" t="s">
        <v>0</v>
      </c>
      <c r="N403" s="975"/>
    </row>
    <row r="404" spans="3:14" s="966" customFormat="1" ht="15">
      <c r="C404" s="972" t="s">
        <v>450</v>
      </c>
      <c r="D404" s="974" t="s">
        <v>0</v>
      </c>
      <c r="E404" s="974" t="s">
        <v>77</v>
      </c>
      <c r="F404" s="974" t="s">
        <v>77</v>
      </c>
      <c r="G404" s="974" t="s">
        <v>86</v>
      </c>
      <c r="H404" s="974" t="s">
        <v>446</v>
      </c>
      <c r="I404" s="974" t="s">
        <v>37221</v>
      </c>
      <c r="J404" s="974" t="s">
        <v>37222</v>
      </c>
      <c r="K404" s="974" t="s">
        <v>37223</v>
      </c>
      <c r="L404" s="974" t="s">
        <v>37224</v>
      </c>
      <c r="M404" s="974" t="s">
        <v>0</v>
      </c>
      <c r="N404" s="975"/>
    </row>
    <row r="405" spans="3:14" s="966" customFormat="1" ht="15">
      <c r="C405" s="972" t="s">
        <v>1</v>
      </c>
      <c r="D405" s="974" t="s">
        <v>0</v>
      </c>
      <c r="E405" s="974" t="s">
        <v>77</v>
      </c>
      <c r="F405" s="974" t="s">
        <v>77</v>
      </c>
      <c r="G405" s="974" t="s">
        <v>86</v>
      </c>
      <c r="H405" s="974" t="s">
        <v>446</v>
      </c>
      <c r="I405" s="974" t="s">
        <v>37221</v>
      </c>
      <c r="J405" s="974" t="s">
        <v>37222</v>
      </c>
      <c r="K405" s="974" t="s">
        <v>37223</v>
      </c>
      <c r="L405" s="974" t="s">
        <v>37224</v>
      </c>
      <c r="M405" s="974" t="s">
        <v>0</v>
      </c>
      <c r="N405" s="975"/>
    </row>
    <row r="406" spans="3:14" s="966" customFormat="1" ht="15">
      <c r="C406" s="972" t="s">
        <v>2319</v>
      </c>
      <c r="D406" s="974" t="s">
        <v>0</v>
      </c>
      <c r="E406" s="974" t="s">
        <v>37225</v>
      </c>
      <c r="F406" s="974" t="s">
        <v>2320</v>
      </c>
      <c r="G406" s="974" t="s">
        <v>86</v>
      </c>
      <c r="H406" s="974" t="s">
        <v>446</v>
      </c>
      <c r="I406" s="974" t="s">
        <v>37221</v>
      </c>
      <c r="J406" s="974" t="s">
        <v>37222</v>
      </c>
      <c r="K406" s="974" t="s">
        <v>37223</v>
      </c>
      <c r="L406" s="974" t="s">
        <v>37224</v>
      </c>
      <c r="M406" s="974" t="s">
        <v>0</v>
      </c>
      <c r="N406" s="975"/>
    </row>
    <row r="407" spans="3:14" s="966" customFormat="1" ht="15">
      <c r="C407" s="972" t="s">
        <v>8474</v>
      </c>
      <c r="D407" s="974" t="s">
        <v>0</v>
      </c>
      <c r="E407" s="974" t="s">
        <v>37226</v>
      </c>
      <c r="F407" s="974" t="s">
        <v>2322</v>
      </c>
      <c r="G407" s="974" t="s">
        <v>86</v>
      </c>
      <c r="H407" s="974" t="s">
        <v>446</v>
      </c>
      <c r="I407" s="974" t="s">
        <v>37221</v>
      </c>
      <c r="J407" s="974" t="s">
        <v>37222</v>
      </c>
      <c r="K407" s="974" t="s">
        <v>37223</v>
      </c>
      <c r="L407" s="974" t="s">
        <v>37224</v>
      </c>
      <c r="M407" s="974" t="s">
        <v>0</v>
      </c>
      <c r="N407" s="975"/>
    </row>
    <row r="408" spans="3:14" s="966" customFormat="1" ht="15">
      <c r="C408" s="972" t="s">
        <v>447</v>
      </c>
      <c r="D408" s="974" t="s">
        <v>0</v>
      </c>
      <c r="E408" s="974" t="s">
        <v>448</v>
      </c>
      <c r="F408" s="974" t="s">
        <v>449</v>
      </c>
      <c r="G408" s="974" t="s">
        <v>74</v>
      </c>
      <c r="H408" s="974" t="s">
        <v>446</v>
      </c>
      <c r="I408" s="974" t="s">
        <v>37227</v>
      </c>
      <c r="J408" s="974" t="s">
        <v>37228</v>
      </c>
      <c r="K408" s="974" t="s">
        <v>37229</v>
      </c>
      <c r="L408" s="974" t="s">
        <v>37230</v>
      </c>
      <c r="M408" s="974" t="s">
        <v>0</v>
      </c>
      <c r="N408" s="975"/>
    </row>
    <row r="409" spans="3:14" s="966" customFormat="1" ht="15">
      <c r="C409" s="972" t="s">
        <v>443</v>
      </c>
      <c r="D409" s="974" t="s">
        <v>0</v>
      </c>
      <c r="E409" s="974" t="s">
        <v>444</v>
      </c>
      <c r="F409" s="974" t="s">
        <v>445</v>
      </c>
      <c r="G409" s="974" t="s">
        <v>74</v>
      </c>
      <c r="H409" s="974" t="s">
        <v>446</v>
      </c>
      <c r="I409" s="974" t="s">
        <v>37231</v>
      </c>
      <c r="J409" s="974" t="s">
        <v>37232</v>
      </c>
      <c r="K409" s="974" t="s">
        <v>37233</v>
      </c>
      <c r="L409" s="974" t="s">
        <v>37234</v>
      </c>
      <c r="M409" s="974" t="s">
        <v>0</v>
      </c>
      <c r="N409" s="975"/>
    </row>
    <row r="410" spans="3:14" s="966" customFormat="1" ht="15">
      <c r="C410" s="972" t="s">
        <v>485</v>
      </c>
      <c r="D410" s="974" t="s">
        <v>0</v>
      </c>
      <c r="E410" s="974" t="s">
        <v>486</v>
      </c>
      <c r="F410" s="974" t="s">
        <v>2222</v>
      </c>
      <c r="G410" s="974" t="s">
        <v>86</v>
      </c>
      <c r="H410" s="974" t="s">
        <v>468</v>
      </c>
      <c r="I410" s="974" t="s">
        <v>37235</v>
      </c>
      <c r="J410" s="974" t="s">
        <v>37236</v>
      </c>
      <c r="K410" s="974" t="s">
        <v>37237</v>
      </c>
      <c r="L410" s="974" t="s">
        <v>37238</v>
      </c>
      <c r="M410" s="974" t="s">
        <v>0</v>
      </c>
      <c r="N410" s="975"/>
    </row>
    <row r="411" spans="3:14" s="966" customFormat="1" ht="15">
      <c r="C411" s="972" t="s">
        <v>482</v>
      </c>
      <c r="D411" s="974" t="s">
        <v>0</v>
      </c>
      <c r="E411" s="974" t="s">
        <v>483</v>
      </c>
      <c r="F411" s="974" t="s">
        <v>484</v>
      </c>
      <c r="G411" s="974" t="s">
        <v>74</v>
      </c>
      <c r="H411" s="974" t="s">
        <v>468</v>
      </c>
      <c r="I411" s="974" t="s">
        <v>37239</v>
      </c>
      <c r="J411" s="974" t="s">
        <v>37240</v>
      </c>
      <c r="K411" s="974" t="s">
        <v>37241</v>
      </c>
      <c r="L411" s="974" t="s">
        <v>37242</v>
      </c>
      <c r="M411" s="974" t="s">
        <v>0</v>
      </c>
      <c r="N411" s="975"/>
    </row>
    <row r="412" spans="3:14" s="966" customFormat="1" ht="15">
      <c r="C412" s="972" t="s">
        <v>480</v>
      </c>
      <c r="D412" s="974" t="s">
        <v>0</v>
      </c>
      <c r="E412" s="974" t="s">
        <v>481</v>
      </c>
      <c r="F412" s="974" t="s">
        <v>2385</v>
      </c>
      <c r="G412" s="974" t="s">
        <v>37404</v>
      </c>
      <c r="H412" s="974" t="s">
        <v>468</v>
      </c>
      <c r="I412" s="974" t="s">
        <v>37243</v>
      </c>
      <c r="J412" s="974" t="s">
        <v>37244</v>
      </c>
      <c r="K412" s="974" t="s">
        <v>37245</v>
      </c>
      <c r="L412" s="974" t="s">
        <v>37246</v>
      </c>
      <c r="M412" s="974" t="s">
        <v>0</v>
      </c>
      <c r="N412" s="975"/>
    </row>
    <row r="413" spans="3:14" s="966" customFormat="1" ht="15">
      <c r="C413" s="972" t="s">
        <v>477</v>
      </c>
      <c r="D413" s="974" t="s">
        <v>0</v>
      </c>
      <c r="E413" s="974" t="s">
        <v>478</v>
      </c>
      <c r="F413" s="974" t="s">
        <v>479</v>
      </c>
      <c r="G413" s="974" t="s">
        <v>37404</v>
      </c>
      <c r="H413" s="974" t="s">
        <v>468</v>
      </c>
      <c r="I413" s="974" t="s">
        <v>37247</v>
      </c>
      <c r="J413" s="974" t="s">
        <v>37248</v>
      </c>
      <c r="K413" s="974" t="s">
        <v>37249</v>
      </c>
      <c r="L413" s="974" t="s">
        <v>37250</v>
      </c>
      <c r="M413" s="974" t="s">
        <v>0</v>
      </c>
      <c r="N413" s="975"/>
    </row>
    <row r="414" spans="3:14" s="966" customFormat="1" ht="15">
      <c r="C414" s="972" t="s">
        <v>474</v>
      </c>
      <c r="D414" s="974" t="s">
        <v>0</v>
      </c>
      <c r="E414" s="974" t="s">
        <v>475</v>
      </c>
      <c r="F414" s="974" t="s">
        <v>476</v>
      </c>
      <c r="G414" s="974" t="s">
        <v>37402</v>
      </c>
      <c r="H414" s="974" t="s">
        <v>468</v>
      </c>
      <c r="I414" s="974" t="s">
        <v>37251</v>
      </c>
      <c r="J414" s="974" t="s">
        <v>37252</v>
      </c>
      <c r="K414" s="974" t="s">
        <v>37253</v>
      </c>
      <c r="L414" s="974" t="s">
        <v>37254</v>
      </c>
      <c r="M414" s="974" t="s">
        <v>0</v>
      </c>
      <c r="N414" s="975"/>
    </row>
    <row r="415" spans="3:14" s="966" customFormat="1" ht="15">
      <c r="C415" s="972" t="s">
        <v>471</v>
      </c>
      <c r="D415" s="974" t="s">
        <v>0</v>
      </c>
      <c r="E415" s="974" t="s">
        <v>472</v>
      </c>
      <c r="F415" s="974" t="s">
        <v>473</v>
      </c>
      <c r="G415" s="974" t="s">
        <v>74</v>
      </c>
      <c r="H415" s="974" t="s">
        <v>468</v>
      </c>
      <c r="I415" s="974" t="s">
        <v>37255</v>
      </c>
      <c r="J415" s="974" t="s">
        <v>37256</v>
      </c>
      <c r="K415" s="974" t="s">
        <v>37257</v>
      </c>
      <c r="L415" s="974" t="s">
        <v>37258</v>
      </c>
      <c r="M415" s="974" t="s">
        <v>0</v>
      </c>
      <c r="N415" s="975"/>
    </row>
    <row r="416" spans="3:14" s="966" customFormat="1" ht="15">
      <c r="C416" s="972" t="s">
        <v>469</v>
      </c>
      <c r="D416" s="974" t="s">
        <v>470</v>
      </c>
      <c r="E416" s="974" t="s">
        <v>77</v>
      </c>
      <c r="F416" s="974" t="s">
        <v>77</v>
      </c>
      <c r="G416" s="974" t="s">
        <v>74</v>
      </c>
      <c r="H416" s="974" t="s">
        <v>468</v>
      </c>
      <c r="I416" s="974" t="s">
        <v>37259</v>
      </c>
      <c r="J416" s="974" t="s">
        <v>37260</v>
      </c>
      <c r="K416" s="974" t="s">
        <v>37261</v>
      </c>
      <c r="L416" s="974" t="s">
        <v>37262</v>
      </c>
      <c r="M416" s="974" t="s">
        <v>0</v>
      </c>
      <c r="N416" s="975"/>
    </row>
    <row r="417" spans="3:14" s="966" customFormat="1" ht="15">
      <c r="C417" s="972" t="s">
        <v>37263</v>
      </c>
      <c r="D417" s="974" t="s">
        <v>0</v>
      </c>
      <c r="E417" s="974" t="s">
        <v>37264</v>
      </c>
      <c r="F417" s="974" t="s">
        <v>1663</v>
      </c>
      <c r="G417" s="974" t="s">
        <v>74</v>
      </c>
      <c r="H417" s="974" t="s">
        <v>468</v>
      </c>
      <c r="I417" s="974" t="s">
        <v>37259</v>
      </c>
      <c r="J417" s="974" t="s">
        <v>37260</v>
      </c>
      <c r="K417" s="974" t="s">
        <v>37261</v>
      </c>
      <c r="L417" s="974" t="s">
        <v>37262</v>
      </c>
      <c r="M417" s="974" t="s">
        <v>0</v>
      </c>
      <c r="N417" s="975"/>
    </row>
    <row r="418" spans="3:14" s="966" customFormat="1" ht="15">
      <c r="C418" s="972" t="s">
        <v>469</v>
      </c>
      <c r="D418" s="974" t="s">
        <v>0</v>
      </c>
      <c r="E418" s="974" t="s">
        <v>37265</v>
      </c>
      <c r="F418" s="974" t="s">
        <v>1666</v>
      </c>
      <c r="G418" s="974" t="s">
        <v>74</v>
      </c>
      <c r="H418" s="974" t="s">
        <v>468</v>
      </c>
      <c r="I418" s="974" t="s">
        <v>37259</v>
      </c>
      <c r="J418" s="974" t="s">
        <v>37260</v>
      </c>
      <c r="K418" s="974" t="s">
        <v>37261</v>
      </c>
      <c r="L418" s="974" t="s">
        <v>37262</v>
      </c>
      <c r="M418" s="974" t="s">
        <v>0</v>
      </c>
      <c r="N418" s="975"/>
    </row>
    <row r="419" spans="3:14" s="966" customFormat="1" ht="15">
      <c r="C419" s="972" t="s">
        <v>466</v>
      </c>
      <c r="D419" s="974" t="s">
        <v>0</v>
      </c>
      <c r="E419" s="974" t="s">
        <v>467</v>
      </c>
      <c r="F419" s="974" t="s">
        <v>2303</v>
      </c>
      <c r="G419" s="974" t="s">
        <v>37404</v>
      </c>
      <c r="H419" s="974" t="s">
        <v>468</v>
      </c>
      <c r="I419" s="974" t="s">
        <v>37266</v>
      </c>
      <c r="J419" s="974" t="s">
        <v>37267</v>
      </c>
      <c r="K419" s="974" t="s">
        <v>37268</v>
      </c>
      <c r="L419" s="974" t="s">
        <v>37269</v>
      </c>
      <c r="M419" s="974" t="s">
        <v>0</v>
      </c>
      <c r="N419" s="975"/>
    </row>
    <row r="420" spans="3:14" s="966" customFormat="1" ht="15">
      <c r="C420" s="972" t="s">
        <v>487</v>
      </c>
      <c r="D420" s="974" t="s">
        <v>0</v>
      </c>
      <c r="E420" s="974" t="s">
        <v>488</v>
      </c>
      <c r="F420" s="974" t="s">
        <v>606</v>
      </c>
      <c r="G420" s="974" t="s">
        <v>37402</v>
      </c>
      <c r="H420" s="974" t="s">
        <v>489</v>
      </c>
      <c r="I420" s="974" t="s">
        <v>37270</v>
      </c>
      <c r="J420" s="974" t="s">
        <v>37271</v>
      </c>
      <c r="K420" s="974" t="s">
        <v>37272</v>
      </c>
      <c r="L420" s="974" t="s">
        <v>37273</v>
      </c>
      <c r="M420" s="974" t="s">
        <v>0</v>
      </c>
      <c r="N420" s="975"/>
    </row>
    <row r="421" spans="3:14" s="966" customFormat="1" ht="15">
      <c r="C421" s="972" t="s">
        <v>524</v>
      </c>
      <c r="D421" s="974" t="s">
        <v>0</v>
      </c>
      <c r="E421" s="974" t="s">
        <v>525</v>
      </c>
      <c r="F421" s="974" t="s">
        <v>526</v>
      </c>
      <c r="G421" s="974" t="s">
        <v>74</v>
      </c>
      <c r="H421" s="974" t="s">
        <v>493</v>
      </c>
      <c r="I421" s="974" t="s">
        <v>37274</v>
      </c>
      <c r="J421" s="974" t="s">
        <v>37275</v>
      </c>
      <c r="K421" s="974" t="s">
        <v>37276</v>
      </c>
      <c r="L421" s="974" t="s">
        <v>37277</v>
      </c>
      <c r="M421" s="974" t="s">
        <v>0</v>
      </c>
      <c r="N421" s="975"/>
    </row>
    <row r="422" spans="3:14" s="966" customFormat="1" ht="15">
      <c r="C422" s="972" t="s">
        <v>521</v>
      </c>
      <c r="D422" s="974" t="s">
        <v>77</v>
      </c>
      <c r="E422" s="974" t="s">
        <v>522</v>
      </c>
      <c r="F422" s="974" t="s">
        <v>523</v>
      </c>
      <c r="G422" s="974" t="s">
        <v>37388</v>
      </c>
      <c r="H422" s="974" t="s">
        <v>493</v>
      </c>
      <c r="I422" s="974" t="s">
        <v>37278</v>
      </c>
      <c r="J422" s="974" t="s">
        <v>37279</v>
      </c>
      <c r="K422" s="974" t="s">
        <v>37280</v>
      </c>
      <c r="L422" s="974" t="s">
        <v>37281</v>
      </c>
      <c r="M422" s="974" t="s">
        <v>0</v>
      </c>
      <c r="N422" s="975"/>
    </row>
    <row r="423" spans="3:14" s="966" customFormat="1" ht="15">
      <c r="C423" s="972" t="s">
        <v>518</v>
      </c>
      <c r="D423" s="974" t="s">
        <v>77</v>
      </c>
      <c r="E423" s="974" t="s">
        <v>519</v>
      </c>
      <c r="F423" s="974" t="s">
        <v>520</v>
      </c>
      <c r="G423" s="974" t="s">
        <v>37403</v>
      </c>
      <c r="H423" s="974" t="s">
        <v>493</v>
      </c>
      <c r="I423" s="974" t="s">
        <v>37282</v>
      </c>
      <c r="J423" s="974" t="s">
        <v>37283</v>
      </c>
      <c r="K423" s="974" t="s">
        <v>37284</v>
      </c>
      <c r="L423" s="974" t="s">
        <v>37285</v>
      </c>
      <c r="M423" s="974" t="s">
        <v>0</v>
      </c>
      <c r="N423" s="975"/>
    </row>
    <row r="424" spans="3:14" s="966" customFormat="1" ht="15">
      <c r="C424" s="972" t="s">
        <v>515</v>
      </c>
      <c r="D424" s="974" t="s">
        <v>77</v>
      </c>
      <c r="E424" s="974" t="s">
        <v>516</v>
      </c>
      <c r="F424" s="974" t="s">
        <v>517</v>
      </c>
      <c r="G424" s="974" t="s">
        <v>37403</v>
      </c>
      <c r="H424" s="974" t="s">
        <v>493</v>
      </c>
      <c r="I424" s="974" t="s">
        <v>37286</v>
      </c>
      <c r="J424" s="974" t="s">
        <v>37287</v>
      </c>
      <c r="K424" s="974" t="s">
        <v>37288</v>
      </c>
      <c r="L424" s="974" t="s">
        <v>37289</v>
      </c>
      <c r="M424" s="974" t="s">
        <v>0</v>
      </c>
      <c r="N424" s="975"/>
    </row>
    <row r="425" spans="3:14" s="966" customFormat="1" ht="15">
      <c r="C425" s="972" t="s">
        <v>512</v>
      </c>
      <c r="D425" s="974" t="s">
        <v>0</v>
      </c>
      <c r="E425" s="974" t="s">
        <v>513</v>
      </c>
      <c r="F425" s="974" t="s">
        <v>514</v>
      </c>
      <c r="G425" s="974" t="s">
        <v>37403</v>
      </c>
      <c r="H425" s="974" t="s">
        <v>493</v>
      </c>
      <c r="I425" s="974" t="s">
        <v>37290</v>
      </c>
      <c r="J425" s="974" t="s">
        <v>37291</v>
      </c>
      <c r="K425" s="974" t="s">
        <v>37292</v>
      </c>
      <c r="L425" s="974" t="s">
        <v>0</v>
      </c>
      <c r="M425" s="974" t="s">
        <v>0</v>
      </c>
      <c r="N425" s="975"/>
    </row>
    <row r="426" spans="3:14" s="966" customFormat="1" ht="15">
      <c r="C426" s="972" t="s">
        <v>509</v>
      </c>
      <c r="D426" s="974" t="s">
        <v>0</v>
      </c>
      <c r="E426" s="974" t="s">
        <v>510</v>
      </c>
      <c r="F426" s="974" t="s">
        <v>511</v>
      </c>
      <c r="G426" s="974" t="s">
        <v>37389</v>
      </c>
      <c r="H426" s="974" t="s">
        <v>493</v>
      </c>
      <c r="I426" s="974" t="s">
        <v>37405</v>
      </c>
      <c r="J426" s="974" t="s">
        <v>37293</v>
      </c>
      <c r="K426" s="974" t="s">
        <v>37406</v>
      </c>
      <c r="L426" s="974" t="s">
        <v>37294</v>
      </c>
      <c r="M426" s="974" t="s">
        <v>0</v>
      </c>
      <c r="N426" s="975"/>
    </row>
    <row r="427" spans="3:14" s="966" customFormat="1" ht="15">
      <c r="C427" s="972" t="s">
        <v>506</v>
      </c>
      <c r="D427" s="974" t="s">
        <v>77</v>
      </c>
      <c r="E427" s="974" t="s">
        <v>507</v>
      </c>
      <c r="F427" s="974" t="s">
        <v>508</v>
      </c>
      <c r="G427" s="974" t="s">
        <v>37407</v>
      </c>
      <c r="H427" s="974" t="s">
        <v>493</v>
      </c>
      <c r="I427" s="974" t="s">
        <v>37295</v>
      </c>
      <c r="J427" s="974" t="s">
        <v>37296</v>
      </c>
      <c r="K427" s="974" t="s">
        <v>37297</v>
      </c>
      <c r="L427" s="974" t="s">
        <v>37298</v>
      </c>
      <c r="M427" s="974" t="s">
        <v>37299</v>
      </c>
      <c r="N427" s="975"/>
    </row>
    <row r="428" spans="3:14" s="966" customFormat="1" ht="15">
      <c r="C428" s="972" t="s">
        <v>503</v>
      </c>
      <c r="D428" s="974" t="s">
        <v>77</v>
      </c>
      <c r="E428" s="974" t="s">
        <v>504</v>
      </c>
      <c r="F428" s="974" t="s">
        <v>505</v>
      </c>
      <c r="G428" s="974" t="s">
        <v>37407</v>
      </c>
      <c r="H428" s="974" t="s">
        <v>493</v>
      </c>
      <c r="I428" s="974" t="s">
        <v>37300</v>
      </c>
      <c r="J428" s="974" t="s">
        <v>37301</v>
      </c>
      <c r="K428" s="974" t="s">
        <v>37302</v>
      </c>
      <c r="L428" s="974" t="s">
        <v>37303</v>
      </c>
      <c r="M428" s="974" t="s">
        <v>37299</v>
      </c>
      <c r="N428" s="975"/>
    </row>
    <row r="429" spans="3:14" s="966" customFormat="1" ht="15">
      <c r="C429" s="972" t="s">
        <v>500</v>
      </c>
      <c r="D429" s="974" t="s">
        <v>77</v>
      </c>
      <c r="E429" s="974" t="s">
        <v>501</v>
      </c>
      <c r="F429" s="974" t="s">
        <v>502</v>
      </c>
      <c r="G429" s="974" t="s">
        <v>37407</v>
      </c>
      <c r="H429" s="974" t="s">
        <v>493</v>
      </c>
      <c r="I429" s="974" t="s">
        <v>37304</v>
      </c>
      <c r="J429" s="974" t="s">
        <v>37305</v>
      </c>
      <c r="K429" s="974" t="s">
        <v>37306</v>
      </c>
      <c r="L429" s="974" t="s">
        <v>37307</v>
      </c>
      <c r="M429" s="974" t="s">
        <v>37299</v>
      </c>
      <c r="N429" s="975"/>
    </row>
    <row r="430" spans="3:14" s="966" customFormat="1" ht="15">
      <c r="C430" s="972" t="s">
        <v>497</v>
      </c>
      <c r="D430" s="974" t="s">
        <v>77</v>
      </c>
      <c r="E430" s="974" t="s">
        <v>498</v>
      </c>
      <c r="F430" s="974" t="s">
        <v>499</v>
      </c>
      <c r="G430" s="974" t="s">
        <v>37407</v>
      </c>
      <c r="H430" s="974" t="s">
        <v>493</v>
      </c>
      <c r="I430" s="974" t="s">
        <v>37308</v>
      </c>
      <c r="J430" s="974" t="s">
        <v>37309</v>
      </c>
      <c r="K430" s="974" t="s">
        <v>37310</v>
      </c>
      <c r="L430" s="974" t="s">
        <v>37311</v>
      </c>
      <c r="M430" s="974" t="s">
        <v>37299</v>
      </c>
      <c r="N430" s="975"/>
    </row>
    <row r="431" spans="3:14" s="966" customFormat="1" ht="15">
      <c r="C431" s="972" t="s">
        <v>494</v>
      </c>
      <c r="D431" s="974" t="s">
        <v>77</v>
      </c>
      <c r="E431" s="974" t="s">
        <v>495</v>
      </c>
      <c r="F431" s="974" t="s">
        <v>496</v>
      </c>
      <c r="G431" s="974" t="s">
        <v>37388</v>
      </c>
      <c r="H431" s="974" t="s">
        <v>493</v>
      </c>
      <c r="I431" s="974" t="s">
        <v>37312</v>
      </c>
      <c r="J431" s="974" t="s">
        <v>37313</v>
      </c>
      <c r="K431" s="974" t="s">
        <v>37314</v>
      </c>
      <c r="L431" s="974" t="s">
        <v>37315</v>
      </c>
      <c r="M431" s="974" t="s">
        <v>37316</v>
      </c>
      <c r="N431" s="975"/>
    </row>
    <row r="432" spans="3:14" s="966" customFormat="1" ht="15">
      <c r="C432" s="972" t="s">
        <v>490</v>
      </c>
      <c r="D432" s="974" t="s">
        <v>0</v>
      </c>
      <c r="E432" s="974" t="s">
        <v>491</v>
      </c>
      <c r="F432" s="974" t="s">
        <v>492</v>
      </c>
      <c r="G432" s="974" t="s">
        <v>86</v>
      </c>
      <c r="H432" s="974" t="s">
        <v>493</v>
      </c>
      <c r="I432" s="974" t="s">
        <v>37317</v>
      </c>
      <c r="J432" s="974" t="s">
        <v>37318</v>
      </c>
      <c r="K432" s="974" t="s">
        <v>37319</v>
      </c>
      <c r="L432" s="974" t="s">
        <v>37320</v>
      </c>
      <c r="M432" s="974" t="s">
        <v>0</v>
      </c>
      <c r="N432" s="975"/>
    </row>
    <row r="433" spans="3:14" s="966" customFormat="1" ht="15">
      <c r="C433" s="972" t="s">
        <v>569</v>
      </c>
      <c r="D433" s="974" t="s">
        <v>77</v>
      </c>
      <c r="E433" s="974" t="s">
        <v>570</v>
      </c>
      <c r="F433" s="974" t="s">
        <v>571</v>
      </c>
      <c r="G433" s="974" t="s">
        <v>86</v>
      </c>
      <c r="H433" s="974" t="s">
        <v>530</v>
      </c>
      <c r="I433" s="974" t="s">
        <v>37321</v>
      </c>
      <c r="J433" s="974" t="s">
        <v>37322</v>
      </c>
      <c r="K433" s="974" t="s">
        <v>37323</v>
      </c>
      <c r="L433" s="974" t="s">
        <v>0</v>
      </c>
      <c r="M433" s="974" t="s">
        <v>0</v>
      </c>
      <c r="N433" s="975"/>
    </row>
    <row r="434" spans="3:14" s="966" customFormat="1" ht="15">
      <c r="C434" s="972" t="s">
        <v>566</v>
      </c>
      <c r="D434" s="974" t="s">
        <v>0</v>
      </c>
      <c r="E434" s="974" t="s">
        <v>567</v>
      </c>
      <c r="F434" s="974" t="s">
        <v>568</v>
      </c>
      <c r="G434" s="974" t="s">
        <v>37404</v>
      </c>
      <c r="H434" s="974" t="s">
        <v>530</v>
      </c>
      <c r="I434" s="974" t="s">
        <v>37324</v>
      </c>
      <c r="J434" s="974" t="s">
        <v>37325</v>
      </c>
      <c r="K434" s="974" t="s">
        <v>37326</v>
      </c>
      <c r="L434" s="974" t="s">
        <v>37327</v>
      </c>
      <c r="M434" s="974" t="s">
        <v>0</v>
      </c>
      <c r="N434" s="975"/>
    </row>
    <row r="435" spans="3:14" s="966" customFormat="1" ht="15">
      <c r="C435" s="972" t="s">
        <v>563</v>
      </c>
      <c r="D435" s="974" t="s">
        <v>0</v>
      </c>
      <c r="E435" s="974" t="s">
        <v>564</v>
      </c>
      <c r="F435" s="974" t="s">
        <v>565</v>
      </c>
      <c r="G435" s="974" t="s">
        <v>37403</v>
      </c>
      <c r="H435" s="974" t="s">
        <v>530</v>
      </c>
      <c r="I435" s="974" t="s">
        <v>37328</v>
      </c>
      <c r="J435" s="974" t="s">
        <v>37329</v>
      </c>
      <c r="K435" s="974" t="s">
        <v>37330</v>
      </c>
      <c r="L435" s="974" t="s">
        <v>37331</v>
      </c>
      <c r="M435" s="974" t="s">
        <v>0</v>
      </c>
      <c r="N435" s="975"/>
    </row>
    <row r="436" spans="3:14" s="966" customFormat="1" ht="15">
      <c r="C436" s="972" t="s">
        <v>561</v>
      </c>
      <c r="D436" s="974" t="s">
        <v>562</v>
      </c>
      <c r="E436" s="974" t="s">
        <v>77</v>
      </c>
      <c r="F436" s="974" t="s">
        <v>77</v>
      </c>
      <c r="G436" s="974" t="s">
        <v>13814</v>
      </c>
      <c r="H436" s="974" t="s">
        <v>530</v>
      </c>
      <c r="I436" s="974" t="s">
        <v>37332</v>
      </c>
      <c r="J436" s="974" t="s">
        <v>37333</v>
      </c>
      <c r="K436" s="974" t="s">
        <v>37334</v>
      </c>
      <c r="L436" s="974" t="s">
        <v>37335</v>
      </c>
      <c r="M436" s="974" t="s">
        <v>0</v>
      </c>
      <c r="N436" s="975"/>
    </row>
    <row r="437" spans="3:14" s="966" customFormat="1" ht="15">
      <c r="C437" s="972" t="s">
        <v>8398</v>
      </c>
      <c r="D437" s="974" t="s">
        <v>0</v>
      </c>
      <c r="E437" s="974" t="s">
        <v>37336</v>
      </c>
      <c r="F437" s="974" t="s">
        <v>3314</v>
      </c>
      <c r="G437" s="974" t="s">
        <v>13814</v>
      </c>
      <c r="H437" s="974" t="s">
        <v>530</v>
      </c>
      <c r="I437" s="974" t="s">
        <v>37332</v>
      </c>
      <c r="J437" s="974" t="s">
        <v>37333</v>
      </c>
      <c r="K437" s="974" t="s">
        <v>37334</v>
      </c>
      <c r="L437" s="974" t="s">
        <v>37335</v>
      </c>
      <c r="M437" s="974" t="s">
        <v>0</v>
      </c>
      <c r="N437" s="975"/>
    </row>
    <row r="438" spans="3:14" s="966" customFormat="1" ht="15">
      <c r="C438" s="972" t="s">
        <v>37337</v>
      </c>
      <c r="D438" s="974" t="s">
        <v>0</v>
      </c>
      <c r="E438" s="974" t="s">
        <v>8404</v>
      </c>
      <c r="F438" s="974" t="s">
        <v>3316</v>
      </c>
      <c r="G438" s="974" t="s">
        <v>13814</v>
      </c>
      <c r="H438" s="974" t="s">
        <v>530</v>
      </c>
      <c r="I438" s="974" t="s">
        <v>37332</v>
      </c>
      <c r="J438" s="974" t="s">
        <v>37333</v>
      </c>
      <c r="K438" s="974" t="s">
        <v>37334</v>
      </c>
      <c r="L438" s="974" t="s">
        <v>37335</v>
      </c>
      <c r="M438" s="974" t="s">
        <v>0</v>
      </c>
      <c r="N438" s="975"/>
    </row>
    <row r="439" spans="3:14" s="966" customFormat="1" ht="15">
      <c r="C439" s="972" t="s">
        <v>7497</v>
      </c>
      <c r="D439" s="974" t="s">
        <v>0</v>
      </c>
      <c r="E439" s="974" t="s">
        <v>77</v>
      </c>
      <c r="F439" s="974" t="s">
        <v>7501</v>
      </c>
      <c r="G439" s="974" t="s">
        <v>13814</v>
      </c>
      <c r="H439" s="974" t="s">
        <v>530</v>
      </c>
      <c r="I439" s="974" t="s">
        <v>37332</v>
      </c>
      <c r="J439" s="974" t="s">
        <v>37333</v>
      </c>
      <c r="K439" s="974" t="s">
        <v>37334</v>
      </c>
      <c r="L439" s="974" t="s">
        <v>37335</v>
      </c>
      <c r="M439" s="974" t="s">
        <v>0</v>
      </c>
      <c r="N439" s="975"/>
    </row>
    <row r="440" spans="3:14" s="966" customFormat="1" ht="15">
      <c r="C440" s="972" t="s">
        <v>7500</v>
      </c>
      <c r="D440" s="974" t="s">
        <v>0</v>
      </c>
      <c r="E440" s="974" t="s">
        <v>77</v>
      </c>
      <c r="F440" s="974" t="s">
        <v>7498</v>
      </c>
      <c r="G440" s="974" t="s">
        <v>13814</v>
      </c>
      <c r="H440" s="974" t="s">
        <v>530</v>
      </c>
      <c r="I440" s="974" t="s">
        <v>37332</v>
      </c>
      <c r="J440" s="974" t="s">
        <v>37333</v>
      </c>
      <c r="K440" s="974" t="s">
        <v>37334</v>
      </c>
      <c r="L440" s="974" t="s">
        <v>37335</v>
      </c>
      <c r="M440" s="974" t="s">
        <v>0</v>
      </c>
      <c r="N440" s="975"/>
    </row>
    <row r="441" spans="3:14" s="966" customFormat="1" ht="15">
      <c r="C441" s="972" t="s">
        <v>7503</v>
      </c>
      <c r="D441" s="974" t="s">
        <v>0</v>
      </c>
      <c r="E441" s="974" t="s">
        <v>77</v>
      </c>
      <c r="F441" s="974" t="s">
        <v>7504</v>
      </c>
      <c r="G441" s="974" t="s">
        <v>13814</v>
      </c>
      <c r="H441" s="974" t="s">
        <v>530</v>
      </c>
      <c r="I441" s="974" t="s">
        <v>37332</v>
      </c>
      <c r="J441" s="974" t="s">
        <v>37333</v>
      </c>
      <c r="K441" s="974" t="s">
        <v>37334</v>
      </c>
      <c r="L441" s="974" t="s">
        <v>37335</v>
      </c>
      <c r="M441" s="974" t="s">
        <v>0</v>
      </c>
      <c r="N441" s="975"/>
    </row>
    <row r="442" spans="3:14" s="966" customFormat="1" ht="15">
      <c r="C442" s="972" t="s">
        <v>558</v>
      </c>
      <c r="D442" s="974" t="s">
        <v>0</v>
      </c>
      <c r="E442" s="974" t="s">
        <v>559</v>
      </c>
      <c r="F442" s="974" t="s">
        <v>560</v>
      </c>
      <c r="G442" s="974" t="s">
        <v>37389</v>
      </c>
      <c r="H442" s="974" t="s">
        <v>530</v>
      </c>
      <c r="I442" s="974" t="s">
        <v>37408</v>
      </c>
      <c r="J442" s="974" t="s">
        <v>37338</v>
      </c>
      <c r="K442" s="974" t="s">
        <v>37409</v>
      </c>
      <c r="L442" s="974" t="s">
        <v>37339</v>
      </c>
      <c r="M442" s="974" t="s">
        <v>0</v>
      </c>
      <c r="N442" s="975"/>
    </row>
    <row r="443" spans="3:14" s="966" customFormat="1" ht="15">
      <c r="C443" s="972" t="s">
        <v>555</v>
      </c>
      <c r="D443" s="974" t="s">
        <v>0</v>
      </c>
      <c r="E443" s="974" t="s">
        <v>556</v>
      </c>
      <c r="F443" s="974" t="s">
        <v>557</v>
      </c>
      <c r="G443" s="974" t="s">
        <v>86</v>
      </c>
      <c r="H443" s="974" t="s">
        <v>530</v>
      </c>
      <c r="I443" s="974" t="s">
        <v>37340</v>
      </c>
      <c r="J443" s="974" t="s">
        <v>37341</v>
      </c>
      <c r="K443" s="974" t="s">
        <v>37342</v>
      </c>
      <c r="L443" s="974" t="s">
        <v>37343</v>
      </c>
      <c r="M443" s="974" t="s">
        <v>0</v>
      </c>
      <c r="N443" s="975"/>
    </row>
    <row r="444" spans="3:14" s="966" customFormat="1" ht="15">
      <c r="C444" s="972" t="s">
        <v>552</v>
      </c>
      <c r="D444" s="974" t="s">
        <v>0</v>
      </c>
      <c r="E444" s="974" t="s">
        <v>553</v>
      </c>
      <c r="F444" s="974" t="s">
        <v>554</v>
      </c>
      <c r="G444" s="974" t="s">
        <v>86</v>
      </c>
      <c r="H444" s="974" t="s">
        <v>530</v>
      </c>
      <c r="I444" s="974" t="s">
        <v>37344</v>
      </c>
      <c r="J444" s="974" t="s">
        <v>37345</v>
      </c>
      <c r="K444" s="974" t="s">
        <v>37346</v>
      </c>
      <c r="L444" s="974" t="s">
        <v>37347</v>
      </c>
      <c r="M444" s="974" t="s">
        <v>0</v>
      </c>
      <c r="N444" s="975"/>
    </row>
    <row r="445" spans="3:14" s="966" customFormat="1" ht="15">
      <c r="C445" s="972" t="s">
        <v>549</v>
      </c>
      <c r="D445" s="974" t="s">
        <v>0</v>
      </c>
      <c r="E445" s="974" t="s">
        <v>550</v>
      </c>
      <c r="F445" s="974" t="s">
        <v>551</v>
      </c>
      <c r="G445" s="974" t="s">
        <v>37403</v>
      </c>
      <c r="H445" s="974" t="s">
        <v>530</v>
      </c>
      <c r="I445" s="974" t="s">
        <v>37410</v>
      </c>
      <c r="J445" s="974" t="s">
        <v>37348</v>
      </c>
      <c r="K445" s="974" t="s">
        <v>37411</v>
      </c>
      <c r="L445" s="974" t="s">
        <v>37349</v>
      </c>
      <c r="M445" s="974" t="s">
        <v>0</v>
      </c>
      <c r="N445" s="975"/>
    </row>
    <row r="446" spans="3:14" s="966" customFormat="1" ht="15">
      <c r="C446" s="972" t="s">
        <v>546</v>
      </c>
      <c r="D446" s="974" t="s">
        <v>0</v>
      </c>
      <c r="E446" s="974" t="s">
        <v>547</v>
      </c>
      <c r="F446" s="974" t="s">
        <v>548</v>
      </c>
      <c r="G446" s="974" t="s">
        <v>13814</v>
      </c>
      <c r="H446" s="974" t="s">
        <v>530</v>
      </c>
      <c r="I446" s="974" t="s">
        <v>37350</v>
      </c>
      <c r="J446" s="974" t="s">
        <v>37351</v>
      </c>
      <c r="K446" s="974" t="s">
        <v>37352</v>
      </c>
      <c r="L446" s="974" t="s">
        <v>37353</v>
      </c>
      <c r="M446" s="974" t="s">
        <v>0</v>
      </c>
      <c r="N446" s="975"/>
    </row>
    <row r="447" spans="3:14" s="966" customFormat="1" ht="15">
      <c r="C447" s="972" t="s">
        <v>543</v>
      </c>
      <c r="D447" s="974" t="s">
        <v>0</v>
      </c>
      <c r="E447" s="974" t="s">
        <v>544</v>
      </c>
      <c r="F447" s="974" t="s">
        <v>545</v>
      </c>
      <c r="G447" s="974" t="s">
        <v>37382</v>
      </c>
      <c r="H447" s="974" t="s">
        <v>530</v>
      </c>
      <c r="I447" s="974" t="s">
        <v>37412</v>
      </c>
      <c r="J447" s="974" t="s">
        <v>37354</v>
      </c>
      <c r="K447" s="974" t="s">
        <v>37413</v>
      </c>
      <c r="L447" s="974" t="s">
        <v>37355</v>
      </c>
      <c r="M447" s="974" t="s">
        <v>0</v>
      </c>
      <c r="N447" s="975"/>
    </row>
    <row r="448" spans="3:14" s="966" customFormat="1" ht="15">
      <c r="C448" s="972" t="s">
        <v>540</v>
      </c>
      <c r="D448" s="974" t="s">
        <v>0</v>
      </c>
      <c r="E448" s="974" t="s">
        <v>541</v>
      </c>
      <c r="F448" s="974" t="s">
        <v>542</v>
      </c>
      <c r="G448" s="974" t="s">
        <v>37389</v>
      </c>
      <c r="H448" s="974" t="s">
        <v>530</v>
      </c>
      <c r="I448" s="974" t="s">
        <v>37414</v>
      </c>
      <c r="J448" s="974" t="s">
        <v>37356</v>
      </c>
      <c r="K448" s="974" t="s">
        <v>37415</v>
      </c>
      <c r="L448" s="974" t="s">
        <v>37357</v>
      </c>
      <c r="M448" s="974" t="s">
        <v>0</v>
      </c>
      <c r="N448" s="975"/>
    </row>
    <row r="449" spans="2:14" s="966" customFormat="1" ht="15">
      <c r="C449" s="972" t="s">
        <v>537</v>
      </c>
      <c r="D449" s="974" t="s">
        <v>0</v>
      </c>
      <c r="E449" s="974" t="s">
        <v>538</v>
      </c>
      <c r="F449" s="974" t="s">
        <v>539</v>
      </c>
      <c r="G449" s="974" t="s">
        <v>13814</v>
      </c>
      <c r="H449" s="974" t="s">
        <v>530</v>
      </c>
      <c r="I449" s="974" t="s">
        <v>37358</v>
      </c>
      <c r="J449" s="974" t="s">
        <v>37359</v>
      </c>
      <c r="K449" s="974" t="s">
        <v>37360</v>
      </c>
      <c r="L449" s="974" t="s">
        <v>37361</v>
      </c>
      <c r="M449" s="974" t="s">
        <v>0</v>
      </c>
      <c r="N449" s="975"/>
    </row>
    <row r="450" spans="2:14" s="966" customFormat="1" ht="15">
      <c r="C450" s="972" t="s">
        <v>534</v>
      </c>
      <c r="D450" s="974" t="s">
        <v>0</v>
      </c>
      <c r="E450" s="974" t="s">
        <v>535</v>
      </c>
      <c r="F450" s="974" t="s">
        <v>536</v>
      </c>
      <c r="G450" s="974" t="s">
        <v>37383</v>
      </c>
      <c r="H450" s="974" t="s">
        <v>530</v>
      </c>
      <c r="I450" s="974" t="s">
        <v>37362</v>
      </c>
      <c r="J450" s="974" t="s">
        <v>37363</v>
      </c>
      <c r="K450" s="974" t="s">
        <v>37364</v>
      </c>
      <c r="L450" s="974" t="s">
        <v>37365</v>
      </c>
      <c r="M450" s="974" t="s">
        <v>0</v>
      </c>
      <c r="N450" s="975"/>
    </row>
    <row r="451" spans="2:14" s="966" customFormat="1" ht="15">
      <c r="C451" s="972" t="s">
        <v>531</v>
      </c>
      <c r="D451" s="974" t="s">
        <v>0</v>
      </c>
      <c r="E451" s="974" t="s">
        <v>532</v>
      </c>
      <c r="F451" s="974" t="s">
        <v>533</v>
      </c>
      <c r="G451" s="974" t="s">
        <v>13392</v>
      </c>
      <c r="H451" s="974" t="s">
        <v>530</v>
      </c>
      <c r="I451" s="974" t="s">
        <v>37366</v>
      </c>
      <c r="J451" s="974" t="s">
        <v>37367</v>
      </c>
      <c r="K451" s="974" t="s">
        <v>37368</v>
      </c>
      <c r="L451" s="974" t="s">
        <v>37369</v>
      </c>
      <c r="M451" s="974" t="s">
        <v>0</v>
      </c>
      <c r="N451" s="975"/>
    </row>
    <row r="452" spans="2:14" s="966" customFormat="1" ht="15">
      <c r="C452" s="972" t="s">
        <v>527</v>
      </c>
      <c r="D452" s="974" t="s">
        <v>0</v>
      </c>
      <c r="E452" s="974" t="s">
        <v>528</v>
      </c>
      <c r="F452" s="974" t="s">
        <v>529</v>
      </c>
      <c r="G452" s="974" t="s">
        <v>86</v>
      </c>
      <c r="H452" s="974" t="s">
        <v>530</v>
      </c>
      <c r="I452" s="974" t="s">
        <v>37370</v>
      </c>
      <c r="J452" s="974" t="s">
        <v>37371</v>
      </c>
      <c r="K452" s="974" t="s">
        <v>37372</v>
      </c>
      <c r="L452" s="974" t="s">
        <v>37373</v>
      </c>
      <c r="M452" s="974" t="s">
        <v>0</v>
      </c>
      <c r="N452" s="975"/>
    </row>
    <row r="453" spans="2:14" s="966" customFormat="1" ht="18">
      <c r="C453" s="970"/>
      <c r="D453" s="970"/>
      <c r="E453" s="970"/>
      <c r="F453" s="970"/>
      <c r="G453" s="970"/>
      <c r="H453" s="970"/>
      <c r="I453" s="970"/>
      <c r="J453" s="970"/>
      <c r="K453" s="970"/>
      <c r="L453" s="970"/>
      <c r="M453" s="970"/>
      <c r="N453" s="971"/>
    </row>
    <row r="454" spans="2:14" s="966" customFormat="1" ht="18">
      <c r="C454" s="970"/>
      <c r="D454" s="970"/>
      <c r="E454" s="970"/>
      <c r="F454" s="970"/>
      <c r="G454" s="970"/>
      <c r="H454" s="970"/>
      <c r="I454" s="970"/>
      <c r="J454" s="970"/>
      <c r="K454" s="970"/>
      <c r="L454" s="970"/>
      <c r="M454" s="970"/>
      <c r="N454" s="971"/>
    </row>
    <row r="455" spans="2:14" s="966" customFormat="1" ht="18">
      <c r="C455" s="970"/>
      <c r="D455" s="970"/>
      <c r="E455" s="970"/>
      <c r="F455" s="970"/>
      <c r="G455" s="970"/>
      <c r="H455" s="970"/>
      <c r="I455" s="970"/>
      <c r="J455" s="970"/>
      <c r="K455" s="970"/>
      <c r="L455" s="970"/>
      <c r="M455" s="970"/>
      <c r="N455" s="971"/>
    </row>
    <row r="456" spans="2:14">
      <c r="I456" s="331"/>
    </row>
    <row r="457" spans="2:14">
      <c r="I457" s="331"/>
    </row>
    <row r="458" spans="2:14">
      <c r="I458" s="331"/>
    </row>
    <row r="459" spans="2:14">
      <c r="I459" s="331"/>
    </row>
    <row r="460" spans="2:14" ht="15.75">
      <c r="B460" s="1082" t="s">
        <v>8407</v>
      </c>
      <c r="C460" s="1082"/>
      <c r="D460" s="1082"/>
      <c r="E460" s="1082"/>
      <c r="F460" s="1082"/>
      <c r="G460" s="1082"/>
      <c r="I460" s="331"/>
    </row>
    <row r="461" spans="2:14" ht="15.75">
      <c r="B461" s="1082" t="s">
        <v>8408</v>
      </c>
      <c r="C461" s="1082"/>
      <c r="D461" s="1082"/>
      <c r="E461" s="1082"/>
      <c r="F461" s="1082"/>
      <c r="G461" s="1082"/>
      <c r="I461" s="331"/>
    </row>
    <row r="462" spans="2:14" ht="73.5" customHeight="1">
      <c r="B462" s="1082" t="s">
        <v>37416</v>
      </c>
      <c r="C462" s="1082"/>
      <c r="D462" s="1082"/>
      <c r="E462" s="1082"/>
      <c r="F462" s="1082"/>
      <c r="G462" s="1082"/>
      <c r="I462" s="331"/>
    </row>
    <row r="463" spans="2:14" ht="15.75">
      <c r="B463" s="328" t="s">
        <v>37417</v>
      </c>
      <c r="I463" s="331"/>
    </row>
    <row r="464" spans="2:14">
      <c r="I464" s="331"/>
    </row>
    <row r="465" spans="2:8" s="233" customFormat="1" ht="15.75">
      <c r="B465" s="316" t="s">
        <v>8411</v>
      </c>
      <c r="C465" s="317"/>
      <c r="D465" s="317"/>
      <c r="E465" s="317"/>
      <c r="F465" s="317"/>
    </row>
    <row r="466" spans="2:8" s="233" customFormat="1" ht="15.75">
      <c r="B466" s="318" t="s">
        <v>8412</v>
      </c>
      <c r="C466" s="317"/>
      <c r="D466" s="317"/>
      <c r="E466" s="317"/>
      <c r="F466" s="317"/>
    </row>
    <row r="467" spans="2:8" s="233" customFormat="1">
      <c r="B467" s="281" t="s">
        <v>33674</v>
      </c>
      <c r="C467" s="317"/>
      <c r="D467" s="317"/>
      <c r="E467" s="317"/>
      <c r="F467" s="317"/>
    </row>
    <row r="468" spans="2:8" s="233" customFormat="1" ht="15.75">
      <c r="B468" s="319"/>
      <c r="C468" s="317"/>
      <c r="D468" s="317"/>
      <c r="E468" s="317"/>
      <c r="F468" s="317"/>
    </row>
    <row r="469" spans="2:8" s="233" customFormat="1" ht="15.75">
      <c r="B469" s="319"/>
      <c r="C469" s="317"/>
      <c r="D469" s="317"/>
      <c r="E469" s="317"/>
      <c r="F469" s="317"/>
    </row>
    <row r="470" spans="2:8" s="233" customFormat="1" ht="17.25" customHeight="1">
      <c r="B470" s="1126" t="s">
        <v>8413</v>
      </c>
      <c r="C470" s="1128" t="s">
        <v>585</v>
      </c>
      <c r="D470" s="1128" t="s">
        <v>8414</v>
      </c>
      <c r="E470" s="1130" t="s">
        <v>8415</v>
      </c>
      <c r="F470" s="1131"/>
      <c r="G470" s="1126" t="s">
        <v>8416</v>
      </c>
      <c r="H470" s="1126" t="s">
        <v>8417</v>
      </c>
    </row>
    <row r="471" spans="2:8" s="233" customFormat="1" ht="42.75">
      <c r="B471" s="1127"/>
      <c r="C471" s="1129"/>
      <c r="D471" s="1033"/>
      <c r="E471" s="320" t="s">
        <v>8418</v>
      </c>
      <c r="F471" s="320" t="s">
        <v>8419</v>
      </c>
      <c r="G471" s="1132"/>
      <c r="H471" s="1127"/>
    </row>
    <row r="472" spans="2:8" s="233" customFormat="1">
      <c r="B472" s="1098">
        <v>1</v>
      </c>
      <c r="C472" s="270" t="s">
        <v>37418</v>
      </c>
      <c r="D472" s="1036" t="s">
        <v>8423</v>
      </c>
      <c r="E472" s="1102">
        <v>41326</v>
      </c>
      <c r="F472" s="1102">
        <v>41872</v>
      </c>
      <c r="G472" s="1098" t="s">
        <v>8356</v>
      </c>
      <c r="H472" s="1098" t="s">
        <v>8356</v>
      </c>
    </row>
    <row r="473" spans="2:8" s="233" customFormat="1">
      <c r="B473" s="1099"/>
      <c r="C473" s="271" t="s">
        <v>33675</v>
      </c>
      <c r="D473" s="1037"/>
      <c r="E473" s="1102"/>
      <c r="F473" s="1102"/>
      <c r="G473" s="1099"/>
      <c r="H473" s="1099"/>
    </row>
    <row r="474" spans="2:8" s="233" customFormat="1">
      <c r="B474" s="1099"/>
      <c r="C474" s="271" t="s">
        <v>8421</v>
      </c>
      <c r="D474" s="1037"/>
      <c r="E474" s="1102"/>
      <c r="F474" s="1102"/>
      <c r="G474" s="1099"/>
      <c r="H474" s="1099"/>
    </row>
    <row r="475" spans="2:8" s="233" customFormat="1">
      <c r="B475" s="1100"/>
      <c r="C475" s="272" t="s">
        <v>8422</v>
      </c>
      <c r="D475" s="1038"/>
      <c r="E475" s="1103"/>
      <c r="F475" s="1103"/>
      <c r="G475" s="1100"/>
      <c r="H475" s="1100"/>
    </row>
    <row r="476" spans="2:8" s="233" customFormat="1">
      <c r="B476" s="1098">
        <v>2</v>
      </c>
      <c r="C476" s="270" t="s">
        <v>37419</v>
      </c>
      <c r="D476" s="270" t="s">
        <v>8427</v>
      </c>
      <c r="E476" s="1101">
        <v>41326</v>
      </c>
      <c r="F476" s="1101">
        <v>41872</v>
      </c>
      <c r="G476" s="1098" t="s">
        <v>8356</v>
      </c>
      <c r="H476" s="1098" t="s">
        <v>8356</v>
      </c>
    </row>
    <row r="477" spans="2:8" s="233" customFormat="1">
      <c r="B477" s="1099"/>
      <c r="C477" s="321" t="s">
        <v>8424</v>
      </c>
      <c r="D477" s="271" t="s">
        <v>8428</v>
      </c>
      <c r="E477" s="1102"/>
      <c r="F477" s="1102"/>
      <c r="G477" s="1099"/>
      <c r="H477" s="1099"/>
    </row>
    <row r="478" spans="2:8" s="233" customFormat="1">
      <c r="B478" s="1099"/>
      <c r="C478" s="271" t="s">
        <v>8425</v>
      </c>
      <c r="D478" s="275"/>
      <c r="E478" s="1102"/>
      <c r="F478" s="1102"/>
      <c r="G478" s="1099"/>
      <c r="H478" s="1099"/>
    </row>
    <row r="479" spans="2:8" s="233" customFormat="1">
      <c r="B479" s="1100"/>
      <c r="C479" s="272" t="s">
        <v>8426</v>
      </c>
      <c r="D479" s="276"/>
      <c r="E479" s="1103"/>
      <c r="F479" s="1103"/>
      <c r="G479" s="1100"/>
      <c r="H479" s="1100"/>
    </row>
    <row r="480" spans="2:8" s="233" customFormat="1">
      <c r="B480" s="1098">
        <v>3</v>
      </c>
      <c r="C480" s="270" t="s">
        <v>8398</v>
      </c>
      <c r="D480" s="1036" t="s">
        <v>8433</v>
      </c>
      <c r="E480" s="1101">
        <v>41691</v>
      </c>
      <c r="F480" s="1101">
        <v>42237</v>
      </c>
      <c r="G480" s="1098" t="s">
        <v>8356</v>
      </c>
      <c r="H480" s="1098" t="s">
        <v>8356</v>
      </c>
    </row>
    <row r="481" spans="2:8" s="233" customFormat="1">
      <c r="B481" s="1099"/>
      <c r="C481" s="271" t="s">
        <v>33676</v>
      </c>
      <c r="D481" s="1037"/>
      <c r="E481" s="1102"/>
      <c r="F481" s="1102"/>
      <c r="G481" s="1099"/>
      <c r="H481" s="1099"/>
    </row>
    <row r="482" spans="2:8" s="233" customFormat="1">
      <c r="B482" s="1099"/>
      <c r="C482" s="275" t="s">
        <v>8429</v>
      </c>
      <c r="D482" s="1037"/>
      <c r="E482" s="1102"/>
      <c r="F482" s="1102"/>
      <c r="G482" s="1099"/>
      <c r="H482" s="1099"/>
    </row>
    <row r="483" spans="2:8" s="233" customFormat="1">
      <c r="B483" s="1099"/>
      <c r="C483" s="271" t="s">
        <v>37420</v>
      </c>
      <c r="D483" s="1037"/>
      <c r="E483" s="1102"/>
      <c r="F483" s="1102"/>
      <c r="G483" s="1099"/>
      <c r="H483" s="1099"/>
    </row>
    <row r="484" spans="2:8" s="233" customFormat="1">
      <c r="B484" s="1099"/>
      <c r="C484" s="271" t="s">
        <v>37421</v>
      </c>
      <c r="D484" s="1037"/>
      <c r="E484" s="1102"/>
      <c r="F484" s="1102"/>
      <c r="G484" s="1099"/>
      <c r="H484" s="1099"/>
    </row>
    <row r="485" spans="2:8" s="233" customFormat="1">
      <c r="B485" s="1099"/>
      <c r="C485" s="275" t="s">
        <v>8430</v>
      </c>
      <c r="D485" s="1037"/>
      <c r="E485" s="1102"/>
      <c r="F485" s="1102"/>
      <c r="G485" s="1099"/>
      <c r="H485" s="1099"/>
    </row>
    <row r="486" spans="2:8" s="233" customFormat="1">
      <c r="B486" s="1099"/>
      <c r="C486" s="271" t="s">
        <v>3316</v>
      </c>
      <c r="D486" s="1037"/>
      <c r="E486" s="1102"/>
      <c r="F486" s="1102"/>
      <c r="G486" s="1099"/>
      <c r="H486" s="1099"/>
    </row>
    <row r="487" spans="2:8" s="233" customFormat="1">
      <c r="B487" s="1099"/>
      <c r="C487" s="271" t="s">
        <v>3314</v>
      </c>
      <c r="D487" s="1037"/>
      <c r="E487" s="1102"/>
      <c r="F487" s="1102"/>
      <c r="G487" s="1099"/>
      <c r="H487" s="1099"/>
    </row>
    <row r="488" spans="2:8" s="233" customFormat="1">
      <c r="B488" s="1099"/>
      <c r="C488" s="271" t="s">
        <v>7497</v>
      </c>
      <c r="D488" s="1037"/>
      <c r="E488" s="1102"/>
      <c r="F488" s="1102"/>
      <c r="G488" s="1099"/>
      <c r="H488" s="1099"/>
    </row>
    <row r="489" spans="2:8" s="233" customFormat="1">
      <c r="B489" s="1099"/>
      <c r="C489" s="271" t="s">
        <v>37422</v>
      </c>
      <c r="D489" s="1037"/>
      <c r="E489" s="1102"/>
      <c r="F489" s="1102"/>
      <c r="G489" s="1099"/>
      <c r="H489" s="1099"/>
    </row>
    <row r="490" spans="2:8" s="233" customFormat="1">
      <c r="B490" s="1099"/>
      <c r="C490" s="271" t="s">
        <v>7500</v>
      </c>
      <c r="D490" s="1037"/>
      <c r="E490" s="1102"/>
      <c r="F490" s="1102"/>
      <c r="G490" s="1099"/>
      <c r="H490" s="1099"/>
    </row>
    <row r="491" spans="2:8" s="233" customFormat="1">
      <c r="B491" s="1099"/>
      <c r="C491" s="271" t="s">
        <v>8431</v>
      </c>
      <c r="D491" s="1037"/>
      <c r="E491" s="1102"/>
      <c r="F491" s="1102"/>
      <c r="G491" s="1099"/>
      <c r="H491" s="1099"/>
    </row>
    <row r="492" spans="2:8" s="233" customFormat="1">
      <c r="B492" s="1099"/>
      <c r="C492" s="271" t="s">
        <v>7503</v>
      </c>
      <c r="D492" s="1037"/>
      <c r="E492" s="1102"/>
      <c r="F492" s="1102"/>
      <c r="G492" s="1099"/>
      <c r="H492" s="1099"/>
    </row>
    <row r="493" spans="2:8" s="233" customFormat="1">
      <c r="B493" s="1100"/>
      <c r="C493" s="272" t="s">
        <v>8432</v>
      </c>
      <c r="D493" s="1038"/>
      <c r="E493" s="1103"/>
      <c r="F493" s="1103"/>
      <c r="G493" s="1100"/>
      <c r="H493" s="1100"/>
    </row>
    <row r="494" spans="2:8" s="233" customFormat="1" ht="125.25" customHeight="1">
      <c r="B494" s="1098">
        <v>4</v>
      </c>
      <c r="C494" s="270" t="s">
        <v>8434</v>
      </c>
      <c r="D494" s="270" t="s">
        <v>8437</v>
      </c>
      <c r="E494" s="1036" t="s">
        <v>33677</v>
      </c>
      <c r="F494" s="1036" t="s">
        <v>33678</v>
      </c>
      <c r="G494" s="1098" t="s">
        <v>37423</v>
      </c>
      <c r="H494" s="1111"/>
    </row>
    <row r="495" spans="2:8" s="233" customFormat="1">
      <c r="B495" s="1099"/>
      <c r="C495" s="271" t="s">
        <v>33679</v>
      </c>
      <c r="D495" s="271" t="s">
        <v>8428</v>
      </c>
      <c r="E495" s="1037"/>
      <c r="F495" s="1037"/>
      <c r="G495" s="1099"/>
      <c r="H495" s="1112"/>
    </row>
    <row r="496" spans="2:8" s="233" customFormat="1">
      <c r="B496" s="1099"/>
      <c r="C496" s="271" t="s">
        <v>8435</v>
      </c>
      <c r="D496" s="275"/>
      <c r="E496" s="1037"/>
      <c r="F496" s="1037"/>
      <c r="G496" s="1099"/>
      <c r="H496" s="1112"/>
    </row>
    <row r="497" spans="2:8" s="233" customFormat="1">
      <c r="B497" s="1100"/>
      <c r="C497" s="272" t="s">
        <v>8436</v>
      </c>
      <c r="D497" s="276"/>
      <c r="E497" s="1038"/>
      <c r="F497" s="1038"/>
      <c r="G497" s="1100"/>
      <c r="H497" s="1113"/>
    </row>
    <row r="498" spans="2:8" s="233" customFormat="1" ht="125.25" customHeight="1">
      <c r="B498" s="1098">
        <v>5</v>
      </c>
      <c r="C498" s="270" t="s">
        <v>8438</v>
      </c>
      <c r="D498" s="270" t="s">
        <v>8437</v>
      </c>
      <c r="E498" s="1036" t="s">
        <v>33677</v>
      </c>
      <c r="F498" s="1036" t="s">
        <v>33678</v>
      </c>
      <c r="G498" s="1098" t="s">
        <v>37423</v>
      </c>
      <c r="H498" s="1111"/>
    </row>
    <row r="499" spans="2:8" s="233" customFormat="1">
      <c r="B499" s="1099"/>
      <c r="C499" s="271" t="s">
        <v>33680</v>
      </c>
      <c r="D499" s="271" t="s">
        <v>8428</v>
      </c>
      <c r="E499" s="1037"/>
      <c r="F499" s="1037"/>
      <c r="G499" s="1099"/>
      <c r="H499" s="1112"/>
    </row>
    <row r="500" spans="2:8" s="233" customFormat="1">
      <c r="B500" s="1099"/>
      <c r="C500" s="271" t="s">
        <v>8439</v>
      </c>
      <c r="D500" s="275"/>
      <c r="E500" s="1037"/>
      <c r="F500" s="1037"/>
      <c r="G500" s="1099"/>
      <c r="H500" s="1112"/>
    </row>
    <row r="501" spans="2:8" s="233" customFormat="1">
      <c r="B501" s="1100"/>
      <c r="C501" s="272" t="s">
        <v>8440</v>
      </c>
      <c r="D501" s="276"/>
      <c r="E501" s="1038"/>
      <c r="F501" s="1038"/>
      <c r="G501" s="1100"/>
      <c r="H501" s="1113"/>
    </row>
    <row r="502" spans="2:8" s="233" customFormat="1" ht="125.25" customHeight="1">
      <c r="B502" s="1098">
        <v>6</v>
      </c>
      <c r="C502" s="270" t="s">
        <v>8441</v>
      </c>
      <c r="D502" s="270" t="s">
        <v>8437</v>
      </c>
      <c r="E502" s="1036" t="s">
        <v>33677</v>
      </c>
      <c r="F502" s="1036" t="s">
        <v>33678</v>
      </c>
      <c r="G502" s="1098" t="s">
        <v>37423</v>
      </c>
      <c r="H502" s="1111"/>
    </row>
    <row r="503" spans="2:8" s="233" customFormat="1">
      <c r="B503" s="1099"/>
      <c r="C503" s="271" t="s">
        <v>33681</v>
      </c>
      <c r="D503" s="271" t="s">
        <v>8428</v>
      </c>
      <c r="E503" s="1037"/>
      <c r="F503" s="1037"/>
      <c r="G503" s="1099"/>
      <c r="H503" s="1112"/>
    </row>
    <row r="504" spans="2:8" s="233" customFormat="1">
      <c r="B504" s="1099"/>
      <c r="C504" s="271" t="s">
        <v>8442</v>
      </c>
      <c r="D504" s="275"/>
      <c r="E504" s="1037"/>
      <c r="F504" s="1037"/>
      <c r="G504" s="1099"/>
      <c r="H504" s="1112"/>
    </row>
    <row r="505" spans="2:8" s="233" customFormat="1">
      <c r="B505" s="1100"/>
      <c r="C505" s="272" t="s">
        <v>8443</v>
      </c>
      <c r="D505" s="276"/>
      <c r="E505" s="1038"/>
      <c r="F505" s="1038"/>
      <c r="G505" s="1100"/>
      <c r="H505" s="1113"/>
    </row>
    <row r="506" spans="2:8" s="233" customFormat="1">
      <c r="B506" s="1039" t="s">
        <v>8444</v>
      </c>
      <c r="C506" s="1040"/>
      <c r="D506" s="1040"/>
      <c r="E506" s="1040"/>
      <c r="F506" s="1040"/>
      <c r="G506" s="1040"/>
      <c r="H506" s="1041"/>
    </row>
    <row r="507" spans="2:8" s="233" customFormat="1" ht="28.5">
      <c r="B507" s="1098">
        <v>7</v>
      </c>
      <c r="C507" s="270" t="s">
        <v>6969</v>
      </c>
      <c r="D507" s="270" t="s">
        <v>8437</v>
      </c>
      <c r="E507" s="1036" t="s">
        <v>33677</v>
      </c>
      <c r="F507" s="1036" t="s">
        <v>33678</v>
      </c>
      <c r="G507" s="1098" t="s">
        <v>8356</v>
      </c>
      <c r="H507" s="1098" t="s">
        <v>8356</v>
      </c>
    </row>
    <row r="508" spans="2:8" s="233" customFormat="1">
      <c r="B508" s="1099"/>
      <c r="C508" s="271" t="s">
        <v>8445</v>
      </c>
      <c r="D508" s="271" t="s">
        <v>8428</v>
      </c>
      <c r="E508" s="1037"/>
      <c r="F508" s="1037"/>
      <c r="G508" s="1099"/>
      <c r="H508" s="1099"/>
    </row>
    <row r="509" spans="2:8" s="233" customFormat="1">
      <c r="B509" s="1100"/>
      <c r="C509" s="272" t="s">
        <v>8446</v>
      </c>
      <c r="D509" s="276"/>
      <c r="E509" s="1038"/>
      <c r="F509" s="1038"/>
      <c r="G509" s="1100"/>
      <c r="H509" s="1100"/>
    </row>
    <row r="510" spans="2:8" s="233" customFormat="1">
      <c r="B510" s="1098">
        <v>8</v>
      </c>
      <c r="C510" s="270" t="s">
        <v>555</v>
      </c>
      <c r="D510" s="270" t="s">
        <v>8427</v>
      </c>
      <c r="E510" s="1101">
        <v>41599</v>
      </c>
      <c r="F510" s="1101">
        <v>42145</v>
      </c>
      <c r="G510" s="1098" t="s">
        <v>8356</v>
      </c>
      <c r="H510" s="1098" t="s">
        <v>8356</v>
      </c>
    </row>
    <row r="511" spans="2:8" s="233" customFormat="1">
      <c r="B511" s="1099"/>
      <c r="C511" s="271" t="s">
        <v>8447</v>
      </c>
      <c r="D511" s="271" t="s">
        <v>8449</v>
      </c>
      <c r="E511" s="1102"/>
      <c r="F511" s="1102"/>
      <c r="G511" s="1099"/>
      <c r="H511" s="1099"/>
    </row>
    <row r="512" spans="2:8" s="233" customFormat="1">
      <c r="B512" s="1100"/>
      <c r="C512" s="272" t="s">
        <v>8448</v>
      </c>
      <c r="D512" s="276"/>
      <c r="E512" s="1103"/>
      <c r="F512" s="1103"/>
      <c r="G512" s="1100"/>
      <c r="H512" s="1100"/>
    </row>
    <row r="513" spans="2:8" s="233" customFormat="1">
      <c r="B513" s="1098">
        <v>9</v>
      </c>
      <c r="C513" s="270" t="s">
        <v>552</v>
      </c>
      <c r="D513" s="270" t="s">
        <v>8427</v>
      </c>
      <c r="E513" s="1101">
        <v>41599</v>
      </c>
      <c r="F513" s="1101">
        <v>42145</v>
      </c>
      <c r="G513" s="1098" t="s">
        <v>8356</v>
      </c>
      <c r="H513" s="1098" t="s">
        <v>8356</v>
      </c>
    </row>
    <row r="514" spans="2:8" s="233" customFormat="1">
      <c r="B514" s="1099"/>
      <c r="C514" s="271" t="s">
        <v>8450</v>
      </c>
      <c r="D514" s="271" t="s">
        <v>8449</v>
      </c>
      <c r="E514" s="1102"/>
      <c r="F514" s="1102"/>
      <c r="G514" s="1099"/>
      <c r="H514" s="1099"/>
    </row>
    <row r="515" spans="2:8" s="233" customFormat="1">
      <c r="B515" s="1100"/>
      <c r="C515" s="272" t="s">
        <v>8451</v>
      </c>
      <c r="D515" s="276"/>
      <c r="E515" s="1103"/>
      <c r="F515" s="1103"/>
      <c r="G515" s="1100"/>
      <c r="H515" s="1100"/>
    </row>
    <row r="516" spans="2:8" s="233" customFormat="1">
      <c r="B516" s="1098">
        <v>10</v>
      </c>
      <c r="C516" s="270" t="s">
        <v>512</v>
      </c>
      <c r="D516" s="270" t="s">
        <v>8427</v>
      </c>
      <c r="E516" s="1036" t="s">
        <v>33682</v>
      </c>
      <c r="F516" s="1036" t="s">
        <v>33683</v>
      </c>
      <c r="G516" s="1098" t="s">
        <v>8356</v>
      </c>
      <c r="H516" s="1098" t="s">
        <v>8356</v>
      </c>
    </row>
    <row r="517" spans="2:8" s="233" customFormat="1">
      <c r="B517" s="1099"/>
      <c r="C517" s="271" t="s">
        <v>8452</v>
      </c>
      <c r="D517" s="271" t="s">
        <v>8428</v>
      </c>
      <c r="E517" s="1037"/>
      <c r="F517" s="1037"/>
      <c r="G517" s="1099"/>
      <c r="H517" s="1099"/>
    </row>
    <row r="518" spans="2:8" s="233" customFormat="1" ht="28.5">
      <c r="B518" s="1099"/>
      <c r="C518" s="271" t="s">
        <v>8453</v>
      </c>
      <c r="D518" s="271" t="s">
        <v>8437</v>
      </c>
      <c r="E518" s="1037"/>
      <c r="F518" s="1037"/>
      <c r="G518" s="1099"/>
      <c r="H518" s="1099"/>
    </row>
    <row r="519" spans="2:8" s="233" customFormat="1">
      <c r="B519" s="1100"/>
      <c r="C519" s="276"/>
      <c r="D519" s="272" t="s">
        <v>8449</v>
      </c>
      <c r="E519" s="1038"/>
      <c r="F519" s="1038"/>
      <c r="G519" s="1100"/>
      <c r="H519" s="1100"/>
    </row>
    <row r="520" spans="2:8" s="233" customFormat="1">
      <c r="B520" s="1098">
        <v>11</v>
      </c>
      <c r="C520" s="270" t="s">
        <v>6933</v>
      </c>
      <c r="D520" s="270" t="s">
        <v>8427</v>
      </c>
      <c r="E520" s="1036" t="s">
        <v>33682</v>
      </c>
      <c r="F520" s="1036" t="s">
        <v>33683</v>
      </c>
      <c r="G520" s="1098" t="s">
        <v>8356</v>
      </c>
      <c r="H520" s="1098" t="s">
        <v>8356</v>
      </c>
    </row>
    <row r="521" spans="2:8" s="233" customFormat="1">
      <c r="B521" s="1099"/>
      <c r="C521" s="271" t="s">
        <v>8454</v>
      </c>
      <c r="D521" s="271" t="s">
        <v>8428</v>
      </c>
      <c r="E521" s="1037"/>
      <c r="F521" s="1037"/>
      <c r="G521" s="1099"/>
      <c r="H521" s="1099"/>
    </row>
    <row r="522" spans="2:8" s="233" customFormat="1" ht="28.5">
      <c r="B522" s="1099"/>
      <c r="C522" s="271" t="s">
        <v>8455</v>
      </c>
      <c r="D522" s="271" t="s">
        <v>8437</v>
      </c>
      <c r="E522" s="1037"/>
      <c r="F522" s="1037"/>
      <c r="G522" s="1099"/>
      <c r="H522" s="1099"/>
    </row>
    <row r="523" spans="2:8" s="233" customFormat="1">
      <c r="B523" s="1100"/>
      <c r="C523" s="272" t="s">
        <v>8456</v>
      </c>
      <c r="D523" s="272" t="s">
        <v>8449</v>
      </c>
      <c r="E523" s="1038"/>
      <c r="F523" s="1038"/>
      <c r="G523" s="1100"/>
      <c r="H523" s="1100"/>
    </row>
    <row r="524" spans="2:8" s="233" customFormat="1">
      <c r="B524" s="1098">
        <v>12</v>
      </c>
      <c r="C524" s="270" t="s">
        <v>6930</v>
      </c>
      <c r="D524" s="270" t="s">
        <v>8427</v>
      </c>
      <c r="E524" s="1036" t="s">
        <v>33682</v>
      </c>
      <c r="F524" s="1036" t="s">
        <v>33683</v>
      </c>
      <c r="G524" s="1111"/>
      <c r="H524" s="1111"/>
    </row>
    <row r="525" spans="2:8" s="233" customFormat="1">
      <c r="B525" s="1099"/>
      <c r="C525" s="271" t="s">
        <v>8457</v>
      </c>
      <c r="D525" s="271" t="s">
        <v>8428</v>
      </c>
      <c r="E525" s="1037"/>
      <c r="F525" s="1037"/>
      <c r="G525" s="1112"/>
      <c r="H525" s="1112"/>
    </row>
    <row r="526" spans="2:8" s="233" customFormat="1" ht="28.5">
      <c r="B526" s="1099"/>
      <c r="C526" s="271" t="s">
        <v>8458</v>
      </c>
      <c r="D526" s="271" t="s">
        <v>8437</v>
      </c>
      <c r="E526" s="1037"/>
      <c r="F526" s="1037"/>
      <c r="G526" s="1112"/>
      <c r="H526" s="1112"/>
    </row>
    <row r="527" spans="2:8" s="233" customFormat="1">
      <c r="B527" s="1100"/>
      <c r="C527" s="272" t="s">
        <v>8459</v>
      </c>
      <c r="D527" s="272" t="s">
        <v>8449</v>
      </c>
      <c r="E527" s="1038"/>
      <c r="F527" s="1038"/>
      <c r="G527" s="1113"/>
      <c r="H527" s="1113"/>
    </row>
    <row r="528" spans="2:8" s="233" customFormat="1" ht="28.5">
      <c r="B528" s="1098">
        <v>13</v>
      </c>
      <c r="C528" s="270" t="s">
        <v>8460</v>
      </c>
      <c r="D528" s="270" t="s">
        <v>8437</v>
      </c>
      <c r="E528" s="1101">
        <v>41691</v>
      </c>
      <c r="F528" s="1101">
        <v>42237</v>
      </c>
      <c r="G528" s="1111"/>
      <c r="H528" s="1111"/>
    </row>
    <row r="529" spans="2:8" s="233" customFormat="1">
      <c r="B529" s="1099"/>
      <c r="C529" s="271" t="s">
        <v>8461</v>
      </c>
      <c r="D529" s="271" t="s">
        <v>8428</v>
      </c>
      <c r="E529" s="1102"/>
      <c r="F529" s="1102"/>
      <c r="G529" s="1112"/>
      <c r="H529" s="1112"/>
    </row>
    <row r="530" spans="2:8" s="233" customFormat="1">
      <c r="B530" s="1099"/>
      <c r="C530" s="271" t="s">
        <v>8462</v>
      </c>
      <c r="D530" s="275"/>
      <c r="E530" s="1102"/>
      <c r="F530" s="1102"/>
      <c r="G530" s="1112"/>
      <c r="H530" s="1112"/>
    </row>
    <row r="531" spans="2:8" s="233" customFormat="1">
      <c r="B531" s="1100"/>
      <c r="C531" s="272" t="s">
        <v>8463</v>
      </c>
      <c r="D531" s="276"/>
      <c r="E531" s="1103"/>
      <c r="F531" s="1103"/>
      <c r="G531" s="1113"/>
      <c r="H531" s="1113"/>
    </row>
    <row r="532" spans="2:8" s="233" customFormat="1">
      <c r="B532" s="1098">
        <v>14</v>
      </c>
      <c r="C532" s="270" t="s">
        <v>37424</v>
      </c>
      <c r="D532" s="270" t="s">
        <v>8427</v>
      </c>
      <c r="E532" s="1036" t="s">
        <v>33684</v>
      </c>
      <c r="F532" s="1036" t="s">
        <v>33685</v>
      </c>
      <c r="G532" s="1111"/>
      <c r="H532" s="1111"/>
    </row>
    <row r="533" spans="2:8" s="233" customFormat="1">
      <c r="B533" s="1099"/>
      <c r="C533" s="271" t="s">
        <v>8464</v>
      </c>
      <c r="D533" s="271" t="s">
        <v>8428</v>
      </c>
      <c r="E533" s="1037"/>
      <c r="F533" s="1037"/>
      <c r="G533" s="1112"/>
      <c r="H533" s="1112"/>
    </row>
    <row r="534" spans="2:8" s="233" customFormat="1">
      <c r="B534" s="1100"/>
      <c r="C534" s="272" t="s">
        <v>8465</v>
      </c>
      <c r="D534" s="276"/>
      <c r="E534" s="1038"/>
      <c r="F534" s="1038"/>
      <c r="G534" s="1113"/>
      <c r="H534" s="1113"/>
    </row>
    <row r="535" spans="2:8" s="233" customFormat="1">
      <c r="B535" s="1039" t="s">
        <v>13666</v>
      </c>
      <c r="C535" s="1040"/>
      <c r="D535" s="1040"/>
      <c r="E535" s="1040"/>
      <c r="F535" s="1040"/>
      <c r="G535" s="1040"/>
      <c r="H535" s="1041"/>
    </row>
    <row r="536" spans="2:8" s="233" customFormat="1">
      <c r="B536" s="1098">
        <v>15</v>
      </c>
      <c r="C536" s="270" t="s">
        <v>485</v>
      </c>
      <c r="D536" s="270" t="s">
        <v>8427</v>
      </c>
      <c r="E536" s="1036" t="s">
        <v>33686</v>
      </c>
      <c r="F536" s="1036" t="s">
        <v>33687</v>
      </c>
      <c r="G536" s="1098" t="s">
        <v>8356</v>
      </c>
      <c r="H536" s="1098" t="s">
        <v>8356</v>
      </c>
    </row>
    <row r="537" spans="2:8" s="233" customFormat="1">
      <c r="B537" s="1099"/>
      <c r="C537" s="271" t="s">
        <v>8466</v>
      </c>
      <c r="D537" s="271" t="s">
        <v>8428</v>
      </c>
      <c r="E537" s="1037"/>
      <c r="F537" s="1037"/>
      <c r="G537" s="1099"/>
      <c r="H537" s="1099"/>
    </row>
    <row r="538" spans="2:8" s="233" customFormat="1">
      <c r="B538" s="1100"/>
      <c r="C538" s="272" t="s">
        <v>8467</v>
      </c>
      <c r="D538" s="276"/>
      <c r="E538" s="1038"/>
      <c r="F538" s="1038"/>
      <c r="G538" s="1100"/>
      <c r="H538" s="1100"/>
    </row>
    <row r="539" spans="2:8" s="233" customFormat="1">
      <c r="B539" s="1098">
        <v>16</v>
      </c>
      <c r="C539" s="270" t="s">
        <v>451</v>
      </c>
      <c r="D539" s="270" t="s">
        <v>8427</v>
      </c>
      <c r="E539" s="1036" t="s">
        <v>33688</v>
      </c>
      <c r="F539" s="1036" t="s">
        <v>33689</v>
      </c>
      <c r="G539" s="1098" t="s">
        <v>8356</v>
      </c>
      <c r="H539" s="1098" t="s">
        <v>8356</v>
      </c>
    </row>
    <row r="540" spans="2:8" s="233" customFormat="1">
      <c r="B540" s="1099"/>
      <c r="C540" s="271" t="s">
        <v>8468</v>
      </c>
      <c r="D540" s="271" t="s">
        <v>8449</v>
      </c>
      <c r="E540" s="1037"/>
      <c r="F540" s="1037"/>
      <c r="G540" s="1099"/>
      <c r="H540" s="1099"/>
    </row>
    <row r="541" spans="2:8" s="233" customFormat="1">
      <c r="B541" s="1099"/>
      <c r="C541" s="271" t="s">
        <v>8469</v>
      </c>
      <c r="D541" s="271" t="s">
        <v>8470</v>
      </c>
      <c r="E541" s="1037"/>
      <c r="F541" s="1037"/>
      <c r="G541" s="1099"/>
      <c r="H541" s="1099"/>
    </row>
    <row r="542" spans="2:8" s="233" customFormat="1">
      <c r="B542" s="1100"/>
      <c r="C542" s="276"/>
      <c r="D542" s="272" t="s">
        <v>8428</v>
      </c>
      <c r="E542" s="1038"/>
      <c r="F542" s="1038"/>
      <c r="G542" s="1100"/>
      <c r="H542" s="1100"/>
    </row>
    <row r="543" spans="2:8" s="233" customFormat="1" ht="28.5">
      <c r="B543" s="1098">
        <v>17</v>
      </c>
      <c r="C543" s="270" t="s">
        <v>450</v>
      </c>
      <c r="D543" s="270" t="s">
        <v>8427</v>
      </c>
      <c r="E543" s="1036" t="s">
        <v>33688</v>
      </c>
      <c r="F543" s="1036" t="s">
        <v>33689</v>
      </c>
      <c r="G543" s="1098" t="s">
        <v>8356</v>
      </c>
      <c r="H543" s="1098" t="s">
        <v>8356</v>
      </c>
    </row>
    <row r="544" spans="2:8" s="233" customFormat="1">
      <c r="B544" s="1099"/>
      <c r="C544" s="271" t="s">
        <v>8471</v>
      </c>
      <c r="D544" s="271" t="s">
        <v>8428</v>
      </c>
      <c r="E544" s="1037"/>
      <c r="F544" s="1037"/>
      <c r="G544" s="1099"/>
      <c r="H544" s="1099"/>
    </row>
    <row r="545" spans="2:8" s="233" customFormat="1">
      <c r="B545" s="1099"/>
      <c r="C545" s="271" t="s">
        <v>2319</v>
      </c>
      <c r="D545" s="275"/>
      <c r="E545" s="1037"/>
      <c r="F545" s="1037"/>
      <c r="G545" s="1099"/>
      <c r="H545" s="1099"/>
    </row>
    <row r="546" spans="2:8" s="233" customFormat="1">
      <c r="B546" s="1099"/>
      <c r="C546" s="271" t="s">
        <v>8472</v>
      </c>
      <c r="D546" s="275"/>
      <c r="E546" s="1037"/>
      <c r="F546" s="1037"/>
      <c r="G546" s="1099"/>
      <c r="H546" s="1099"/>
    </row>
    <row r="547" spans="2:8" s="233" customFormat="1">
      <c r="B547" s="1099"/>
      <c r="C547" s="271" t="s">
        <v>8473</v>
      </c>
      <c r="D547" s="275"/>
      <c r="E547" s="1037"/>
      <c r="F547" s="1037"/>
      <c r="G547" s="1099"/>
      <c r="H547" s="1099"/>
    </row>
    <row r="548" spans="2:8" s="233" customFormat="1">
      <c r="B548" s="1099"/>
      <c r="C548" s="271" t="s">
        <v>8474</v>
      </c>
      <c r="D548" s="275"/>
      <c r="E548" s="1037"/>
      <c r="F548" s="1037"/>
      <c r="G548" s="1099"/>
      <c r="H548" s="1099"/>
    </row>
    <row r="549" spans="2:8" s="233" customFormat="1">
      <c r="B549" s="1099"/>
      <c r="C549" s="271" t="s">
        <v>8475</v>
      </c>
      <c r="D549" s="275"/>
      <c r="E549" s="1037"/>
      <c r="F549" s="1037"/>
      <c r="G549" s="1099"/>
      <c r="H549" s="1099"/>
    </row>
    <row r="550" spans="2:8" s="233" customFormat="1">
      <c r="B550" s="1099"/>
      <c r="C550" s="271" t="s">
        <v>8476</v>
      </c>
      <c r="D550" s="275"/>
      <c r="E550" s="1037"/>
      <c r="F550" s="1037"/>
      <c r="G550" s="1099"/>
      <c r="H550" s="1099"/>
    </row>
    <row r="551" spans="2:8" s="233" customFormat="1">
      <c r="B551" s="1099"/>
      <c r="C551" s="271" t="s">
        <v>1</v>
      </c>
      <c r="D551" s="275"/>
      <c r="E551" s="1037"/>
      <c r="F551" s="1037"/>
      <c r="G551" s="1099"/>
      <c r="H551" s="1099"/>
    </row>
    <row r="552" spans="2:8" s="233" customFormat="1">
      <c r="B552" s="1099"/>
      <c r="C552" s="271" t="s">
        <v>8477</v>
      </c>
      <c r="D552" s="275"/>
      <c r="E552" s="1037"/>
      <c r="F552" s="1037"/>
      <c r="G552" s="1099"/>
      <c r="H552" s="1099"/>
    </row>
    <row r="553" spans="2:8" s="233" customFormat="1">
      <c r="B553" s="1100"/>
      <c r="C553" s="272" t="s">
        <v>8478</v>
      </c>
      <c r="D553" s="276"/>
      <c r="E553" s="1038"/>
      <c r="F553" s="1038"/>
      <c r="G553" s="1100"/>
      <c r="H553" s="1100"/>
    </row>
    <row r="554" spans="2:8" s="233" customFormat="1">
      <c r="B554" s="1098">
        <v>18</v>
      </c>
      <c r="C554" s="270" t="s">
        <v>566</v>
      </c>
      <c r="D554" s="270" t="s">
        <v>8427</v>
      </c>
      <c r="E554" s="1036" t="s">
        <v>33688</v>
      </c>
      <c r="F554" s="1036" t="s">
        <v>33689</v>
      </c>
      <c r="G554" s="1098" t="s">
        <v>8356</v>
      </c>
      <c r="H554" s="1098" t="s">
        <v>8356</v>
      </c>
    </row>
    <row r="555" spans="2:8" s="233" customFormat="1">
      <c r="B555" s="1099"/>
      <c r="C555" s="271" t="s">
        <v>8479</v>
      </c>
      <c r="D555" s="271" t="s">
        <v>8428</v>
      </c>
      <c r="E555" s="1037"/>
      <c r="F555" s="1037"/>
      <c r="G555" s="1099"/>
      <c r="H555" s="1099"/>
    </row>
    <row r="556" spans="2:8" s="233" customFormat="1">
      <c r="B556" s="1099"/>
      <c r="C556" s="271" t="s">
        <v>8480</v>
      </c>
      <c r="D556" s="271" t="s">
        <v>8470</v>
      </c>
      <c r="E556" s="1037"/>
      <c r="F556" s="1037"/>
      <c r="G556" s="1099"/>
      <c r="H556" s="1099"/>
    </row>
    <row r="557" spans="2:8" s="233" customFormat="1">
      <c r="B557" s="1099"/>
      <c r="C557" s="271" t="s">
        <v>1960</v>
      </c>
      <c r="D557" s="271" t="s">
        <v>8428</v>
      </c>
      <c r="E557" s="1037"/>
      <c r="F557" s="1037"/>
      <c r="G557" s="1099"/>
      <c r="H557" s="1099"/>
    </row>
    <row r="558" spans="2:8" s="233" customFormat="1" ht="28.5">
      <c r="B558" s="1099"/>
      <c r="C558" s="275"/>
      <c r="D558" s="271" t="s">
        <v>8437</v>
      </c>
      <c r="E558" s="1037"/>
      <c r="F558" s="1037"/>
      <c r="G558" s="1099"/>
      <c r="H558" s="1099"/>
    </row>
    <row r="559" spans="2:8" s="233" customFormat="1">
      <c r="B559" s="1100"/>
      <c r="C559" s="276"/>
      <c r="D559" s="272" t="s">
        <v>8428</v>
      </c>
      <c r="E559" s="1038"/>
      <c r="F559" s="1038"/>
      <c r="G559" s="1100"/>
      <c r="H559" s="1100"/>
    </row>
    <row r="560" spans="2:8" s="233" customFormat="1">
      <c r="B560" s="1098">
        <v>19</v>
      </c>
      <c r="C560" s="270" t="s">
        <v>477</v>
      </c>
      <c r="D560" s="270" t="s">
        <v>8427</v>
      </c>
      <c r="E560" s="1036" t="s">
        <v>33688</v>
      </c>
      <c r="F560" s="1036" t="s">
        <v>33689</v>
      </c>
      <c r="G560" s="1098" t="s">
        <v>8356</v>
      </c>
      <c r="H560" s="1098" t="s">
        <v>8356</v>
      </c>
    </row>
    <row r="561" spans="2:8" s="233" customFormat="1">
      <c r="B561" s="1099"/>
      <c r="C561" s="271" t="s">
        <v>8481</v>
      </c>
      <c r="D561" s="271" t="s">
        <v>8428</v>
      </c>
      <c r="E561" s="1037"/>
      <c r="F561" s="1037"/>
      <c r="G561" s="1099"/>
      <c r="H561" s="1099"/>
    </row>
    <row r="562" spans="2:8" s="233" customFormat="1">
      <c r="B562" s="1099"/>
      <c r="C562" s="271" t="s">
        <v>8482</v>
      </c>
      <c r="D562" s="271" t="s">
        <v>8470</v>
      </c>
      <c r="E562" s="1037"/>
      <c r="F562" s="1037"/>
      <c r="G562" s="1099"/>
      <c r="H562" s="1099"/>
    </row>
    <row r="563" spans="2:8" s="233" customFormat="1">
      <c r="B563" s="1099"/>
      <c r="C563" s="275"/>
      <c r="D563" s="271" t="s">
        <v>8428</v>
      </c>
      <c r="E563" s="1037"/>
      <c r="F563" s="1037"/>
      <c r="G563" s="1099"/>
      <c r="H563" s="1099"/>
    </row>
    <row r="564" spans="2:8" s="233" customFormat="1" ht="28.5">
      <c r="B564" s="1099"/>
      <c r="C564" s="275"/>
      <c r="D564" s="271" t="s">
        <v>8437</v>
      </c>
      <c r="E564" s="1037"/>
      <c r="F564" s="1037"/>
      <c r="G564" s="1099"/>
      <c r="H564" s="1099"/>
    </row>
    <row r="565" spans="2:8" s="233" customFormat="1">
      <c r="B565" s="1100"/>
      <c r="C565" s="276"/>
      <c r="D565" s="272" t="s">
        <v>8428</v>
      </c>
      <c r="E565" s="1038"/>
      <c r="F565" s="1038"/>
      <c r="G565" s="1100"/>
      <c r="H565" s="1100"/>
    </row>
    <row r="566" spans="2:8" s="233" customFormat="1">
      <c r="B566" s="1098">
        <v>20</v>
      </c>
      <c r="C566" s="270" t="s">
        <v>466</v>
      </c>
      <c r="D566" s="270" t="s">
        <v>8427</v>
      </c>
      <c r="E566" s="1036" t="s">
        <v>33688</v>
      </c>
      <c r="F566" s="1036" t="s">
        <v>33689</v>
      </c>
      <c r="G566" s="1111"/>
      <c r="H566" s="1111"/>
    </row>
    <row r="567" spans="2:8" s="233" customFormat="1">
      <c r="B567" s="1099"/>
      <c r="C567" s="271" t="s">
        <v>8483</v>
      </c>
      <c r="D567" s="271" t="s">
        <v>8428</v>
      </c>
      <c r="E567" s="1037"/>
      <c r="F567" s="1037"/>
      <c r="G567" s="1112"/>
      <c r="H567" s="1112"/>
    </row>
    <row r="568" spans="2:8" s="233" customFormat="1">
      <c r="B568" s="1099"/>
      <c r="C568" s="271" t="s">
        <v>8484</v>
      </c>
      <c r="D568" s="271" t="s">
        <v>8470</v>
      </c>
      <c r="E568" s="1037"/>
      <c r="F568" s="1037"/>
      <c r="G568" s="1112"/>
      <c r="H568" s="1112"/>
    </row>
    <row r="569" spans="2:8" s="233" customFormat="1">
      <c r="B569" s="1099"/>
      <c r="C569" s="275"/>
      <c r="D569" s="271" t="s">
        <v>8428</v>
      </c>
      <c r="E569" s="1037"/>
      <c r="F569" s="1037"/>
      <c r="G569" s="1112"/>
      <c r="H569" s="1112"/>
    </row>
    <row r="570" spans="2:8" s="233" customFormat="1" ht="28.5">
      <c r="B570" s="1099"/>
      <c r="C570" s="275"/>
      <c r="D570" s="271" t="s">
        <v>8437</v>
      </c>
      <c r="E570" s="1037"/>
      <c r="F570" s="1037"/>
      <c r="G570" s="1112"/>
      <c r="H570" s="1112"/>
    </row>
    <row r="571" spans="2:8" s="233" customFormat="1">
      <c r="B571" s="1100"/>
      <c r="C571" s="276"/>
      <c r="D571" s="272" t="s">
        <v>8428</v>
      </c>
      <c r="E571" s="1038"/>
      <c r="F571" s="1038"/>
      <c r="G571" s="1113"/>
      <c r="H571" s="1113"/>
    </row>
    <row r="572" spans="2:8" s="233" customFormat="1">
      <c r="B572" s="1098">
        <v>21</v>
      </c>
      <c r="C572" s="270" t="s">
        <v>474</v>
      </c>
      <c r="D572" s="270" t="s">
        <v>8427</v>
      </c>
      <c r="E572" s="1036" t="s">
        <v>33688</v>
      </c>
      <c r="F572" s="1036" t="s">
        <v>33689</v>
      </c>
      <c r="G572" s="1111"/>
      <c r="H572" s="1111"/>
    </row>
    <row r="573" spans="2:8" s="233" customFormat="1">
      <c r="B573" s="1099"/>
      <c r="C573" s="271" t="s">
        <v>8485</v>
      </c>
      <c r="D573" s="271" t="s">
        <v>8428</v>
      </c>
      <c r="E573" s="1037"/>
      <c r="F573" s="1037"/>
      <c r="G573" s="1112"/>
      <c r="H573" s="1112"/>
    </row>
    <row r="574" spans="2:8" s="233" customFormat="1">
      <c r="B574" s="1099"/>
      <c r="C574" s="271" t="s">
        <v>8486</v>
      </c>
      <c r="D574" s="271" t="s">
        <v>8470</v>
      </c>
      <c r="E574" s="1037"/>
      <c r="F574" s="1037"/>
      <c r="G574" s="1112"/>
      <c r="H574" s="1112"/>
    </row>
    <row r="575" spans="2:8" s="233" customFormat="1">
      <c r="B575" s="1100"/>
      <c r="C575" s="276"/>
      <c r="D575" s="272" t="s">
        <v>8428</v>
      </c>
      <c r="E575" s="1038"/>
      <c r="F575" s="1038"/>
      <c r="G575" s="1113"/>
      <c r="H575" s="1113"/>
    </row>
    <row r="576" spans="2:8" s="233" customFormat="1">
      <c r="B576" s="1098">
        <v>22</v>
      </c>
      <c r="C576" s="270" t="s">
        <v>480</v>
      </c>
      <c r="D576" s="270" t="s">
        <v>8427</v>
      </c>
      <c r="E576" s="1036" t="s">
        <v>33688</v>
      </c>
      <c r="F576" s="1036" t="s">
        <v>33689</v>
      </c>
      <c r="G576" s="1111"/>
      <c r="H576" s="1111"/>
    </row>
    <row r="577" spans="2:8" s="233" customFormat="1">
      <c r="B577" s="1099"/>
      <c r="C577" s="271" t="s">
        <v>8487</v>
      </c>
      <c r="D577" s="271" t="s">
        <v>8428</v>
      </c>
      <c r="E577" s="1037"/>
      <c r="F577" s="1037"/>
      <c r="G577" s="1112"/>
      <c r="H577" s="1112"/>
    </row>
    <row r="578" spans="2:8" s="233" customFormat="1">
      <c r="B578" s="1099"/>
      <c r="C578" s="271" t="s">
        <v>8488</v>
      </c>
      <c r="D578" s="271" t="s">
        <v>8470</v>
      </c>
      <c r="E578" s="1037"/>
      <c r="F578" s="1037"/>
      <c r="G578" s="1112"/>
      <c r="H578" s="1112"/>
    </row>
    <row r="579" spans="2:8" s="233" customFormat="1">
      <c r="B579" s="1099"/>
      <c r="C579" s="275"/>
      <c r="D579" s="271" t="s">
        <v>8428</v>
      </c>
      <c r="E579" s="1037"/>
      <c r="F579" s="1037"/>
      <c r="G579" s="1112"/>
      <c r="H579" s="1112"/>
    </row>
    <row r="580" spans="2:8" s="233" customFormat="1" ht="28.5">
      <c r="B580" s="1099"/>
      <c r="C580" s="275"/>
      <c r="D580" s="271" t="s">
        <v>8437</v>
      </c>
      <c r="E580" s="1037"/>
      <c r="F580" s="1037"/>
      <c r="G580" s="1112"/>
      <c r="H580" s="1112"/>
    </row>
    <row r="581" spans="2:8" s="233" customFormat="1">
      <c r="B581" s="1100"/>
      <c r="C581" s="276"/>
      <c r="D581" s="272" t="s">
        <v>8428</v>
      </c>
      <c r="E581" s="1038"/>
      <c r="F581" s="1038"/>
      <c r="G581" s="1113"/>
      <c r="H581" s="1113"/>
    </row>
    <row r="582" spans="2:8" s="233" customFormat="1">
      <c r="B582" s="1039" t="s">
        <v>13667</v>
      </c>
      <c r="C582" s="1040"/>
      <c r="D582" s="1040"/>
      <c r="E582" s="1040"/>
      <c r="F582" s="1040"/>
      <c r="G582" s="1040"/>
      <c r="H582" s="1041"/>
    </row>
    <row r="583" spans="2:8" s="233" customFormat="1" ht="28.5">
      <c r="B583" s="1098">
        <v>23</v>
      </c>
      <c r="C583" s="270" t="s">
        <v>37425</v>
      </c>
      <c r="D583" s="270" t="s">
        <v>8427</v>
      </c>
      <c r="E583" s="1036" t="s">
        <v>33690</v>
      </c>
      <c r="F583" s="1036" t="s">
        <v>33691</v>
      </c>
      <c r="G583" s="1098" t="s">
        <v>8356</v>
      </c>
      <c r="H583" s="1098" t="s">
        <v>8356</v>
      </c>
    </row>
    <row r="584" spans="2:8" s="233" customFormat="1">
      <c r="B584" s="1099"/>
      <c r="C584" s="271" t="s">
        <v>8489</v>
      </c>
      <c r="D584" s="271" t="s">
        <v>8428</v>
      </c>
      <c r="E584" s="1037"/>
      <c r="F584" s="1037"/>
      <c r="G584" s="1099"/>
      <c r="H584" s="1099"/>
    </row>
    <row r="585" spans="2:8" s="233" customFormat="1">
      <c r="B585" s="1100"/>
      <c r="C585" s="272" t="s">
        <v>8490</v>
      </c>
      <c r="D585" s="276"/>
      <c r="E585" s="1038"/>
      <c r="F585" s="1038"/>
      <c r="G585" s="1100"/>
      <c r="H585" s="1100"/>
    </row>
    <row r="586" spans="2:8" s="233" customFormat="1">
      <c r="B586" s="1098">
        <v>24</v>
      </c>
      <c r="C586" s="270" t="s">
        <v>379</v>
      </c>
      <c r="D586" s="270" t="s">
        <v>8427</v>
      </c>
      <c r="E586" s="1101">
        <v>42422</v>
      </c>
      <c r="F586" s="1101">
        <v>42969</v>
      </c>
      <c r="G586" s="1098" t="s">
        <v>8356</v>
      </c>
      <c r="H586" s="1098" t="s">
        <v>8356</v>
      </c>
    </row>
    <row r="587" spans="2:8" s="233" customFormat="1">
      <c r="B587" s="1099"/>
      <c r="C587" s="271" t="s">
        <v>8491</v>
      </c>
      <c r="D587" s="271" t="s">
        <v>8449</v>
      </c>
      <c r="E587" s="1102"/>
      <c r="F587" s="1102"/>
      <c r="G587" s="1099"/>
      <c r="H587" s="1099"/>
    </row>
    <row r="588" spans="2:8" s="233" customFormat="1">
      <c r="B588" s="1100"/>
      <c r="C588" s="272" t="s">
        <v>8492</v>
      </c>
      <c r="D588" s="276"/>
      <c r="E588" s="1103"/>
      <c r="F588" s="1103"/>
      <c r="G588" s="1100"/>
      <c r="H588" s="1100"/>
    </row>
    <row r="589" spans="2:8" s="233" customFormat="1" ht="28.5">
      <c r="B589" s="1098">
        <v>25</v>
      </c>
      <c r="C589" s="270" t="s">
        <v>8493</v>
      </c>
      <c r="D589" s="270" t="s">
        <v>8437</v>
      </c>
      <c r="E589" s="1036" t="s">
        <v>33690</v>
      </c>
      <c r="F589" s="1036" t="s">
        <v>33691</v>
      </c>
      <c r="G589" s="1098" t="s">
        <v>8356</v>
      </c>
      <c r="H589" s="1098" t="s">
        <v>8356</v>
      </c>
    </row>
    <row r="590" spans="2:8" s="233" customFormat="1">
      <c r="B590" s="1099"/>
      <c r="C590" s="271" t="s">
        <v>8494</v>
      </c>
      <c r="D590" s="271" t="s">
        <v>8428</v>
      </c>
      <c r="E590" s="1037"/>
      <c r="F590" s="1037"/>
      <c r="G590" s="1099"/>
      <c r="H590" s="1099"/>
    </row>
    <row r="591" spans="2:8" s="233" customFormat="1">
      <c r="B591" s="1100"/>
      <c r="C591" s="272" t="s">
        <v>8495</v>
      </c>
      <c r="D591" s="276"/>
      <c r="E591" s="1038"/>
      <c r="F591" s="1038"/>
      <c r="G591" s="1100"/>
      <c r="H591" s="1100"/>
    </row>
    <row r="592" spans="2:8" s="233" customFormat="1">
      <c r="B592" s="1098">
        <v>26</v>
      </c>
      <c r="C592" s="270" t="s">
        <v>37426</v>
      </c>
      <c r="D592" s="270" t="s">
        <v>8427</v>
      </c>
      <c r="E592" s="1101">
        <v>42512</v>
      </c>
      <c r="F592" s="1101">
        <v>43061</v>
      </c>
      <c r="G592" s="1098" t="s">
        <v>8356</v>
      </c>
      <c r="H592" s="1098" t="s">
        <v>8356</v>
      </c>
    </row>
    <row r="593" spans="2:8" s="233" customFormat="1">
      <c r="B593" s="1099"/>
      <c r="C593" s="271" t="s">
        <v>8496</v>
      </c>
      <c r="D593" s="271" t="s">
        <v>8428</v>
      </c>
      <c r="E593" s="1102"/>
      <c r="F593" s="1102"/>
      <c r="G593" s="1099"/>
      <c r="H593" s="1099"/>
    </row>
    <row r="594" spans="2:8" s="233" customFormat="1">
      <c r="B594" s="1100"/>
      <c r="C594" s="272" t="s">
        <v>8497</v>
      </c>
      <c r="D594" s="276"/>
      <c r="E594" s="1103"/>
      <c r="F594" s="1103"/>
      <c r="G594" s="1100"/>
      <c r="H594" s="1100"/>
    </row>
    <row r="595" spans="2:8" s="233" customFormat="1">
      <c r="B595" s="1098">
        <v>27</v>
      </c>
      <c r="C595" s="270" t="s">
        <v>37427</v>
      </c>
      <c r="D595" s="270" t="s">
        <v>8427</v>
      </c>
      <c r="E595" s="1036" t="s">
        <v>33692</v>
      </c>
      <c r="F595" s="1036" t="s">
        <v>33693</v>
      </c>
      <c r="G595" s="1098" t="s">
        <v>8356</v>
      </c>
      <c r="H595" s="1098" t="s">
        <v>8356</v>
      </c>
    </row>
    <row r="596" spans="2:8" s="233" customFormat="1">
      <c r="B596" s="1099"/>
      <c r="C596" s="271" t="s">
        <v>8498</v>
      </c>
      <c r="D596" s="271" t="s">
        <v>8428</v>
      </c>
      <c r="E596" s="1037"/>
      <c r="F596" s="1037"/>
      <c r="G596" s="1099"/>
      <c r="H596" s="1099"/>
    </row>
    <row r="597" spans="2:8" s="233" customFormat="1">
      <c r="B597" s="1100"/>
      <c r="C597" s="272" t="s">
        <v>8499</v>
      </c>
      <c r="D597" s="276"/>
      <c r="E597" s="1038"/>
      <c r="F597" s="1038"/>
      <c r="G597" s="1100"/>
      <c r="H597" s="1100"/>
    </row>
    <row r="598" spans="2:8" s="233" customFormat="1">
      <c r="B598" s="1098">
        <v>28</v>
      </c>
      <c r="C598" s="270" t="s">
        <v>391</v>
      </c>
      <c r="D598" s="270" t="s">
        <v>8427</v>
      </c>
      <c r="E598" s="1036" t="s">
        <v>33694</v>
      </c>
      <c r="F598" s="1036" t="s">
        <v>33695</v>
      </c>
      <c r="G598" s="1098" t="s">
        <v>8356</v>
      </c>
      <c r="H598" s="1098" t="s">
        <v>8356</v>
      </c>
    </row>
    <row r="599" spans="2:8" s="233" customFormat="1">
      <c r="B599" s="1099"/>
      <c r="C599" s="271" t="s">
        <v>8500</v>
      </c>
      <c r="D599" s="271" t="s">
        <v>8428</v>
      </c>
      <c r="E599" s="1037"/>
      <c r="F599" s="1037"/>
      <c r="G599" s="1099"/>
      <c r="H599" s="1099"/>
    </row>
    <row r="600" spans="2:8" s="233" customFormat="1">
      <c r="B600" s="1100"/>
      <c r="C600" s="272" t="s">
        <v>8501</v>
      </c>
      <c r="D600" s="276"/>
      <c r="E600" s="1038"/>
      <c r="F600" s="1038"/>
      <c r="G600" s="1100"/>
      <c r="H600" s="1100"/>
    </row>
    <row r="601" spans="2:8" s="233" customFormat="1">
      <c r="B601" s="1098">
        <v>29</v>
      </c>
      <c r="C601" s="270" t="s">
        <v>441</v>
      </c>
      <c r="D601" s="270" t="s">
        <v>8427</v>
      </c>
      <c r="E601" s="1036" t="s">
        <v>33694</v>
      </c>
      <c r="F601" s="1036" t="s">
        <v>33695</v>
      </c>
      <c r="G601" s="1098" t="s">
        <v>8356</v>
      </c>
      <c r="H601" s="1098" t="s">
        <v>8356</v>
      </c>
    </row>
    <row r="602" spans="2:8" s="233" customFormat="1">
      <c r="B602" s="1099"/>
      <c r="C602" s="271" t="s">
        <v>8502</v>
      </c>
      <c r="D602" s="271" t="s">
        <v>8428</v>
      </c>
      <c r="E602" s="1037"/>
      <c r="F602" s="1037"/>
      <c r="G602" s="1099"/>
      <c r="H602" s="1099"/>
    </row>
    <row r="603" spans="2:8" s="233" customFormat="1">
      <c r="B603" s="1100"/>
      <c r="C603" s="272" t="s">
        <v>8503</v>
      </c>
      <c r="D603" s="276"/>
      <c r="E603" s="1038"/>
      <c r="F603" s="1038"/>
      <c r="G603" s="1100"/>
      <c r="H603" s="1100"/>
    </row>
    <row r="604" spans="2:8" s="233" customFormat="1">
      <c r="B604" s="1098">
        <v>30</v>
      </c>
      <c r="C604" s="270" t="s">
        <v>414</v>
      </c>
      <c r="D604" s="270" t="s">
        <v>8427</v>
      </c>
      <c r="E604" s="1036" t="s">
        <v>33694</v>
      </c>
      <c r="F604" s="1036" t="s">
        <v>33695</v>
      </c>
      <c r="G604" s="1098" t="s">
        <v>8356</v>
      </c>
      <c r="H604" s="1098" t="s">
        <v>8356</v>
      </c>
    </row>
    <row r="605" spans="2:8" s="233" customFormat="1">
      <c r="B605" s="1099"/>
      <c r="C605" s="271" t="s">
        <v>8504</v>
      </c>
      <c r="D605" s="271" t="s">
        <v>8449</v>
      </c>
      <c r="E605" s="1037"/>
      <c r="F605" s="1037"/>
      <c r="G605" s="1099"/>
      <c r="H605" s="1099"/>
    </row>
    <row r="606" spans="2:8" s="233" customFormat="1">
      <c r="B606" s="1100"/>
      <c r="C606" s="272" t="s">
        <v>8505</v>
      </c>
      <c r="D606" s="276"/>
      <c r="E606" s="1038"/>
      <c r="F606" s="1038"/>
      <c r="G606" s="1100"/>
      <c r="H606" s="1100"/>
    </row>
    <row r="607" spans="2:8" s="233" customFormat="1">
      <c r="B607" s="1098">
        <v>31</v>
      </c>
      <c r="C607" s="270" t="s">
        <v>409</v>
      </c>
      <c r="D607" s="270" t="s">
        <v>8427</v>
      </c>
      <c r="E607" s="1036" t="s">
        <v>33694</v>
      </c>
      <c r="F607" s="1036" t="s">
        <v>33695</v>
      </c>
      <c r="G607" s="1098" t="s">
        <v>8356</v>
      </c>
      <c r="H607" s="1098" t="s">
        <v>8356</v>
      </c>
    </row>
    <row r="608" spans="2:8" s="233" customFormat="1">
      <c r="B608" s="1099"/>
      <c r="C608" s="271" t="s">
        <v>8506</v>
      </c>
      <c r="D608" s="271" t="s">
        <v>8449</v>
      </c>
      <c r="E608" s="1037"/>
      <c r="F608" s="1037"/>
      <c r="G608" s="1099"/>
      <c r="H608" s="1099"/>
    </row>
    <row r="609" spans="2:8" s="233" customFormat="1">
      <c r="B609" s="1100"/>
      <c r="C609" s="272" t="s">
        <v>8507</v>
      </c>
      <c r="D609" s="276"/>
      <c r="E609" s="1038"/>
      <c r="F609" s="1038"/>
      <c r="G609" s="1100"/>
      <c r="H609" s="1100"/>
    </row>
    <row r="610" spans="2:8" s="233" customFormat="1">
      <c r="B610" s="1039" t="s">
        <v>13668</v>
      </c>
      <c r="C610" s="1040"/>
      <c r="D610" s="1040"/>
      <c r="E610" s="1040"/>
      <c r="F610" s="1040"/>
      <c r="G610" s="1040"/>
      <c r="H610" s="1041"/>
    </row>
    <row r="611" spans="2:8" s="233" customFormat="1" ht="28.5">
      <c r="B611" s="1098">
        <v>32</v>
      </c>
      <c r="C611" s="270" t="s">
        <v>13669</v>
      </c>
      <c r="D611" s="270" t="s">
        <v>8437</v>
      </c>
      <c r="E611" s="1036" t="s">
        <v>33696</v>
      </c>
      <c r="F611" s="1036" t="s">
        <v>33697</v>
      </c>
      <c r="G611" s="1098" t="s">
        <v>8356</v>
      </c>
      <c r="H611" s="1098" t="s">
        <v>8356</v>
      </c>
    </row>
    <row r="612" spans="2:8" s="233" customFormat="1">
      <c r="B612" s="1099"/>
      <c r="C612" s="271" t="s">
        <v>13670</v>
      </c>
      <c r="D612" s="271" t="s">
        <v>8428</v>
      </c>
      <c r="E612" s="1037"/>
      <c r="F612" s="1037"/>
      <c r="G612" s="1099"/>
      <c r="H612" s="1099"/>
    </row>
    <row r="613" spans="2:8" s="233" customFormat="1">
      <c r="B613" s="1100"/>
      <c r="C613" s="272" t="s">
        <v>13671</v>
      </c>
      <c r="D613" s="276"/>
      <c r="E613" s="1038"/>
      <c r="F613" s="1038"/>
      <c r="G613" s="1100"/>
      <c r="H613" s="1100"/>
    </row>
    <row r="614" spans="2:8" s="233" customFormat="1" ht="28.5">
      <c r="B614" s="1098">
        <v>33</v>
      </c>
      <c r="C614" s="270" t="s">
        <v>7056</v>
      </c>
      <c r="D614" s="270" t="s">
        <v>8437</v>
      </c>
      <c r="E614" s="1036" t="s">
        <v>33696</v>
      </c>
      <c r="F614" s="1036" t="s">
        <v>33697</v>
      </c>
      <c r="G614" s="1098" t="s">
        <v>8356</v>
      </c>
      <c r="H614" s="1098" t="s">
        <v>8356</v>
      </c>
    </row>
    <row r="615" spans="2:8" s="233" customFormat="1">
      <c r="B615" s="1099"/>
      <c r="C615" s="271" t="s">
        <v>13672</v>
      </c>
      <c r="D615" s="271" t="s">
        <v>8428</v>
      </c>
      <c r="E615" s="1037"/>
      <c r="F615" s="1037"/>
      <c r="G615" s="1099"/>
      <c r="H615" s="1099"/>
    </row>
    <row r="616" spans="2:8" s="233" customFormat="1">
      <c r="B616" s="1100"/>
      <c r="C616" s="272" t="s">
        <v>13673</v>
      </c>
      <c r="D616" s="276"/>
      <c r="E616" s="1038"/>
      <c r="F616" s="1038"/>
      <c r="G616" s="1100"/>
      <c r="H616" s="1100"/>
    </row>
    <row r="617" spans="2:8" s="233" customFormat="1" ht="28.5">
      <c r="B617" s="1098">
        <v>34</v>
      </c>
      <c r="C617" s="270" t="s">
        <v>37428</v>
      </c>
      <c r="D617" s="270" t="s">
        <v>8437</v>
      </c>
      <c r="E617" s="1036" t="s">
        <v>33696</v>
      </c>
      <c r="F617" s="1036" t="s">
        <v>33697</v>
      </c>
      <c r="G617" s="1098" t="s">
        <v>8356</v>
      </c>
      <c r="H617" s="1098" t="s">
        <v>8356</v>
      </c>
    </row>
    <row r="618" spans="2:8" s="233" customFormat="1">
      <c r="B618" s="1099"/>
      <c r="C618" s="271" t="s">
        <v>13674</v>
      </c>
      <c r="D618" s="271" t="s">
        <v>8428</v>
      </c>
      <c r="E618" s="1037"/>
      <c r="F618" s="1037"/>
      <c r="G618" s="1099"/>
      <c r="H618" s="1099"/>
    </row>
    <row r="619" spans="2:8" s="233" customFormat="1">
      <c r="B619" s="1100"/>
      <c r="C619" s="272" t="s">
        <v>13675</v>
      </c>
      <c r="D619" s="276"/>
      <c r="E619" s="1038"/>
      <c r="F619" s="1038"/>
      <c r="G619" s="1100"/>
      <c r="H619" s="1100"/>
    </row>
    <row r="620" spans="2:8" s="233" customFormat="1" ht="28.5">
      <c r="B620" s="1098">
        <v>35</v>
      </c>
      <c r="C620" s="270" t="s">
        <v>37429</v>
      </c>
      <c r="D620" s="270" t="s">
        <v>8437</v>
      </c>
      <c r="E620" s="1036" t="s">
        <v>33696</v>
      </c>
      <c r="F620" s="1036" t="s">
        <v>33697</v>
      </c>
      <c r="G620" s="1098" t="s">
        <v>8356</v>
      </c>
      <c r="H620" s="1098" t="s">
        <v>8356</v>
      </c>
    </row>
    <row r="621" spans="2:8" s="233" customFormat="1">
      <c r="B621" s="1099"/>
      <c r="C621" s="271" t="s">
        <v>13676</v>
      </c>
      <c r="D621" s="271" t="s">
        <v>8428</v>
      </c>
      <c r="E621" s="1037"/>
      <c r="F621" s="1037"/>
      <c r="G621" s="1099"/>
      <c r="H621" s="1099"/>
    </row>
    <row r="622" spans="2:8" s="233" customFormat="1">
      <c r="B622" s="1100"/>
      <c r="C622" s="272" t="s">
        <v>13677</v>
      </c>
      <c r="D622" s="276"/>
      <c r="E622" s="1038"/>
      <c r="F622" s="1038"/>
      <c r="G622" s="1100"/>
      <c r="H622" s="1100"/>
    </row>
    <row r="623" spans="2:8" s="233" customFormat="1" ht="28.5">
      <c r="B623" s="1098">
        <v>36</v>
      </c>
      <c r="C623" s="270" t="s">
        <v>37430</v>
      </c>
      <c r="D623" s="270" t="s">
        <v>8437</v>
      </c>
      <c r="E623" s="1036" t="s">
        <v>33696</v>
      </c>
      <c r="F623" s="1036" t="s">
        <v>33697</v>
      </c>
      <c r="G623" s="1098" t="s">
        <v>8356</v>
      </c>
      <c r="H623" s="1098" t="s">
        <v>8356</v>
      </c>
    </row>
    <row r="624" spans="2:8" s="233" customFormat="1">
      <c r="B624" s="1099"/>
      <c r="C624" s="271" t="s">
        <v>13678</v>
      </c>
      <c r="D624" s="271" t="s">
        <v>8428</v>
      </c>
      <c r="E624" s="1037"/>
      <c r="F624" s="1037"/>
      <c r="G624" s="1099"/>
      <c r="H624" s="1099"/>
    </row>
    <row r="625" spans="2:8" s="233" customFormat="1">
      <c r="B625" s="1100"/>
      <c r="C625" s="272" t="s">
        <v>13679</v>
      </c>
      <c r="D625" s="276"/>
      <c r="E625" s="1038"/>
      <c r="F625" s="1038"/>
      <c r="G625" s="1100"/>
      <c r="H625" s="1100"/>
    </row>
    <row r="626" spans="2:8" s="233" customFormat="1" ht="28.5">
      <c r="B626" s="1098">
        <v>37</v>
      </c>
      <c r="C626" s="270" t="s">
        <v>385</v>
      </c>
      <c r="D626" s="270" t="s">
        <v>8437</v>
      </c>
      <c r="E626" s="1036" t="s">
        <v>33696</v>
      </c>
      <c r="F626" s="1036" t="s">
        <v>33697</v>
      </c>
      <c r="G626" s="1098" t="s">
        <v>8356</v>
      </c>
      <c r="H626" s="1098" t="s">
        <v>8356</v>
      </c>
    </row>
    <row r="627" spans="2:8" s="233" customFormat="1">
      <c r="B627" s="1099"/>
      <c r="C627" s="271" t="s">
        <v>13680</v>
      </c>
      <c r="D627" s="271" t="s">
        <v>8428</v>
      </c>
      <c r="E627" s="1037"/>
      <c r="F627" s="1037"/>
      <c r="G627" s="1099"/>
      <c r="H627" s="1099"/>
    </row>
    <row r="628" spans="2:8" s="233" customFormat="1">
      <c r="B628" s="1100"/>
      <c r="C628" s="272" t="s">
        <v>13681</v>
      </c>
      <c r="D628" s="276"/>
      <c r="E628" s="1038"/>
      <c r="F628" s="1038"/>
      <c r="G628" s="1100"/>
      <c r="H628" s="1100"/>
    </row>
    <row r="629" spans="2:8" s="233" customFormat="1" ht="28.5">
      <c r="B629" s="1098">
        <v>38</v>
      </c>
      <c r="C629" s="270" t="s">
        <v>13682</v>
      </c>
      <c r="D629" s="270" t="s">
        <v>8437</v>
      </c>
      <c r="E629" s="1036" t="s">
        <v>33696</v>
      </c>
      <c r="F629" s="1036" t="s">
        <v>33697</v>
      </c>
      <c r="G629" s="1098" t="s">
        <v>8356</v>
      </c>
      <c r="H629" s="1098" t="s">
        <v>8356</v>
      </c>
    </row>
    <row r="630" spans="2:8" s="233" customFormat="1">
      <c r="B630" s="1099"/>
      <c r="C630" s="271" t="s">
        <v>13683</v>
      </c>
      <c r="D630" s="271" t="s">
        <v>8428</v>
      </c>
      <c r="E630" s="1037"/>
      <c r="F630" s="1037"/>
      <c r="G630" s="1099"/>
      <c r="H630" s="1099"/>
    </row>
    <row r="631" spans="2:8" s="233" customFormat="1">
      <c r="B631" s="1100"/>
      <c r="C631" s="272" t="s">
        <v>13684</v>
      </c>
      <c r="D631" s="276"/>
      <c r="E631" s="1038"/>
      <c r="F631" s="1038"/>
      <c r="G631" s="1100"/>
      <c r="H631" s="1100"/>
    </row>
    <row r="632" spans="2:8" s="233" customFormat="1" ht="28.5">
      <c r="B632" s="1098">
        <v>39</v>
      </c>
      <c r="C632" s="270" t="s">
        <v>282</v>
      </c>
      <c r="D632" s="270" t="s">
        <v>8437</v>
      </c>
      <c r="E632" s="1036" t="s">
        <v>33696</v>
      </c>
      <c r="F632" s="1036" t="s">
        <v>33697</v>
      </c>
      <c r="G632" s="1098" t="s">
        <v>8356</v>
      </c>
      <c r="H632" s="1098" t="s">
        <v>8356</v>
      </c>
    </row>
    <row r="633" spans="2:8" s="233" customFormat="1">
      <c r="B633" s="1099"/>
      <c r="C633" s="271" t="s">
        <v>13685</v>
      </c>
      <c r="D633" s="271" t="s">
        <v>8428</v>
      </c>
      <c r="E633" s="1037"/>
      <c r="F633" s="1037"/>
      <c r="G633" s="1099"/>
      <c r="H633" s="1099"/>
    </row>
    <row r="634" spans="2:8" s="233" customFormat="1">
      <c r="B634" s="1100"/>
      <c r="C634" s="272" t="s">
        <v>13686</v>
      </c>
      <c r="D634" s="276"/>
      <c r="E634" s="1038"/>
      <c r="F634" s="1038"/>
      <c r="G634" s="1100"/>
      <c r="H634" s="1100"/>
    </row>
    <row r="635" spans="2:8" s="233" customFormat="1">
      <c r="B635" s="1098">
        <v>40</v>
      </c>
      <c r="C635" s="270" t="s">
        <v>494</v>
      </c>
      <c r="D635" s="270" t="s">
        <v>8427</v>
      </c>
      <c r="E635" s="1036" t="s">
        <v>33698</v>
      </c>
      <c r="F635" s="1036" t="s">
        <v>33699</v>
      </c>
      <c r="G635" s="1098" t="s">
        <v>8356</v>
      </c>
      <c r="H635" s="1098" t="s">
        <v>8356</v>
      </c>
    </row>
    <row r="636" spans="2:8" s="233" customFormat="1" ht="42.75">
      <c r="B636" s="1099"/>
      <c r="C636" s="271" t="s">
        <v>13687</v>
      </c>
      <c r="D636" s="317" t="s">
        <v>37431</v>
      </c>
      <c r="E636" s="1037"/>
      <c r="F636" s="1037"/>
      <c r="G636" s="1099"/>
      <c r="H636" s="1099"/>
    </row>
    <row r="637" spans="2:8" s="233" customFormat="1">
      <c r="B637" s="1100"/>
      <c r="C637" s="272" t="s">
        <v>13688</v>
      </c>
      <c r="D637" s="276"/>
      <c r="E637" s="1038"/>
      <c r="F637" s="1038"/>
      <c r="G637" s="1100"/>
      <c r="H637" s="1100"/>
    </row>
    <row r="638" spans="2:8" s="233" customFormat="1">
      <c r="B638" s="1098">
        <v>41</v>
      </c>
      <c r="C638" s="270" t="s">
        <v>37432</v>
      </c>
      <c r="D638" s="270" t="s">
        <v>8427</v>
      </c>
      <c r="E638" s="1036" t="s">
        <v>33698</v>
      </c>
      <c r="F638" s="1036" t="s">
        <v>33699</v>
      </c>
      <c r="G638" s="1098" t="s">
        <v>8356</v>
      </c>
      <c r="H638" s="1098" t="s">
        <v>8356</v>
      </c>
    </row>
    <row r="639" spans="2:8" s="233" customFormat="1" ht="28.5">
      <c r="B639" s="1099"/>
      <c r="C639" s="271" t="s">
        <v>13690</v>
      </c>
      <c r="D639" s="271" t="s">
        <v>37433</v>
      </c>
      <c r="E639" s="1037"/>
      <c r="F639" s="1037"/>
      <c r="G639" s="1099"/>
      <c r="H639" s="1099"/>
    </row>
    <row r="640" spans="2:8" s="233" customFormat="1">
      <c r="B640" s="1100"/>
      <c r="C640" s="272" t="s">
        <v>13691</v>
      </c>
      <c r="D640" s="276"/>
      <c r="E640" s="1038"/>
      <c r="F640" s="1038"/>
      <c r="G640" s="1100"/>
      <c r="H640" s="1100"/>
    </row>
    <row r="641" spans="2:8" s="233" customFormat="1" ht="28.5">
      <c r="B641" s="1098">
        <v>42</v>
      </c>
      <c r="C641" s="270" t="s">
        <v>37434</v>
      </c>
      <c r="D641" s="1036" t="s">
        <v>13693</v>
      </c>
      <c r="E641" s="322" t="s">
        <v>33700</v>
      </c>
      <c r="F641" s="322" t="s">
        <v>33700</v>
      </c>
      <c r="G641" s="1098" t="s">
        <v>8356</v>
      </c>
      <c r="H641" s="1098" t="s">
        <v>8356</v>
      </c>
    </row>
    <row r="642" spans="2:8" s="233" customFormat="1" ht="28.5">
      <c r="B642" s="1099"/>
      <c r="C642" s="271" t="s">
        <v>37435</v>
      </c>
      <c r="D642" s="1037"/>
      <c r="E642" s="271" t="s">
        <v>33701</v>
      </c>
      <c r="F642" s="271" t="s">
        <v>33702</v>
      </c>
      <c r="G642" s="1099"/>
      <c r="H642" s="1099"/>
    </row>
    <row r="643" spans="2:8" s="233" customFormat="1" ht="85.5">
      <c r="B643" s="1099"/>
      <c r="C643" s="271" t="s">
        <v>13685</v>
      </c>
      <c r="D643" s="1037"/>
      <c r="E643" s="271" t="s">
        <v>37436</v>
      </c>
      <c r="F643" s="271" t="s">
        <v>37437</v>
      </c>
      <c r="G643" s="1099"/>
      <c r="H643" s="1099"/>
    </row>
    <row r="644" spans="2:8" s="233" customFormat="1" ht="409.5">
      <c r="B644" s="1099"/>
      <c r="C644" s="271" t="s">
        <v>13692</v>
      </c>
      <c r="D644" s="1037"/>
      <c r="E644" s="317" t="s">
        <v>37438</v>
      </c>
      <c r="F644" s="271" t="s">
        <v>37439</v>
      </c>
      <c r="G644" s="1099"/>
      <c r="H644" s="1099"/>
    </row>
    <row r="645" spans="2:8" s="233" customFormat="1" ht="299.25">
      <c r="B645" s="1099"/>
      <c r="C645" s="275"/>
      <c r="D645" s="1037"/>
      <c r="E645" s="271" t="s">
        <v>37440</v>
      </c>
      <c r="F645" s="271" t="s">
        <v>37440</v>
      </c>
      <c r="G645" s="1099"/>
      <c r="H645" s="1099"/>
    </row>
    <row r="646" spans="2:8" s="233" customFormat="1">
      <c r="B646" s="1100"/>
      <c r="C646" s="276"/>
      <c r="D646" s="1038"/>
      <c r="E646" s="323" t="s">
        <v>31505</v>
      </c>
      <c r="F646" s="323" t="s">
        <v>31505</v>
      </c>
      <c r="G646" s="1100"/>
      <c r="H646" s="1100"/>
    </row>
    <row r="647" spans="2:8" s="233" customFormat="1" ht="28.5">
      <c r="B647" s="1098">
        <v>43</v>
      </c>
      <c r="C647" s="270" t="s">
        <v>37441</v>
      </c>
      <c r="D647" s="1036" t="s">
        <v>13693</v>
      </c>
      <c r="E647" s="1036" t="s">
        <v>33703</v>
      </c>
      <c r="F647" s="1036" t="s">
        <v>33704</v>
      </c>
      <c r="G647" s="1098" t="s">
        <v>8356</v>
      </c>
      <c r="H647" s="1098" t="s">
        <v>8356</v>
      </c>
    </row>
    <row r="648" spans="2:8" s="233" customFormat="1" ht="99.75">
      <c r="B648" s="1099"/>
      <c r="C648" s="271" t="s">
        <v>37442</v>
      </c>
      <c r="D648" s="1037"/>
      <c r="E648" s="1037"/>
      <c r="F648" s="1037"/>
      <c r="G648" s="1099"/>
      <c r="H648" s="1099"/>
    </row>
    <row r="649" spans="2:8" s="233" customFormat="1">
      <c r="B649" s="1099"/>
      <c r="C649" s="271" t="s">
        <v>13685</v>
      </c>
      <c r="D649" s="1037"/>
      <c r="E649" s="1037"/>
      <c r="F649" s="1037"/>
      <c r="G649" s="1099"/>
      <c r="H649" s="1099"/>
    </row>
    <row r="650" spans="2:8" s="233" customFormat="1">
      <c r="B650" s="1100"/>
      <c r="C650" s="272" t="s">
        <v>13692</v>
      </c>
      <c r="D650" s="1038"/>
      <c r="E650" s="1038"/>
      <c r="F650" s="1038"/>
      <c r="G650" s="1100"/>
      <c r="H650" s="1100"/>
    </row>
    <row r="651" spans="2:8" s="233" customFormat="1">
      <c r="B651" s="1039" t="s">
        <v>31081</v>
      </c>
      <c r="C651" s="1040"/>
      <c r="D651" s="1040"/>
      <c r="E651" s="1110"/>
      <c r="F651" s="1110"/>
      <c r="G651" s="1040"/>
      <c r="H651" s="1041"/>
    </row>
    <row r="652" spans="2:8" s="233" customFormat="1" ht="28.5">
      <c r="B652" s="1098">
        <v>44</v>
      </c>
      <c r="C652" s="270" t="s">
        <v>37443</v>
      </c>
      <c r="D652" s="1104" t="s">
        <v>31084</v>
      </c>
      <c r="E652" s="1106" t="s">
        <v>31085</v>
      </c>
      <c r="F652" s="1106" t="s">
        <v>31086</v>
      </c>
      <c r="G652" s="1107" t="s">
        <v>8356</v>
      </c>
      <c r="H652" s="1098" t="s">
        <v>8356</v>
      </c>
    </row>
    <row r="653" spans="2:8" s="233" customFormat="1">
      <c r="B653" s="1099"/>
      <c r="C653" s="271" t="s">
        <v>31082</v>
      </c>
      <c r="D653" s="1027"/>
      <c r="E653" s="1106"/>
      <c r="F653" s="1106"/>
      <c r="G653" s="1108"/>
      <c r="H653" s="1099"/>
    </row>
    <row r="654" spans="2:8" s="233" customFormat="1">
      <c r="B654" s="1100"/>
      <c r="C654" s="272" t="s">
        <v>31083</v>
      </c>
      <c r="D654" s="1105"/>
      <c r="E654" s="1106"/>
      <c r="F654" s="1106"/>
      <c r="G654" s="1109"/>
      <c r="H654" s="1100"/>
    </row>
    <row r="655" spans="2:8" s="233" customFormat="1">
      <c r="B655" s="1098">
        <v>45</v>
      </c>
      <c r="C655" s="270" t="s">
        <v>136</v>
      </c>
      <c r="D655" s="1104" t="s">
        <v>31084</v>
      </c>
      <c r="E655" s="1106" t="s">
        <v>31085</v>
      </c>
      <c r="F655" s="1106" t="s">
        <v>31086</v>
      </c>
      <c r="G655" s="1107" t="s">
        <v>8356</v>
      </c>
      <c r="H655" s="1098" t="s">
        <v>8356</v>
      </c>
    </row>
    <row r="656" spans="2:8" s="233" customFormat="1">
      <c r="B656" s="1099"/>
      <c r="C656" s="271" t="s">
        <v>31087</v>
      </c>
      <c r="D656" s="1027"/>
      <c r="E656" s="1106"/>
      <c r="F656" s="1106"/>
      <c r="G656" s="1108"/>
      <c r="H656" s="1099"/>
    </row>
    <row r="657" spans="2:8" s="233" customFormat="1">
      <c r="B657" s="1100"/>
      <c r="C657" s="272" t="s">
        <v>31088</v>
      </c>
      <c r="D657" s="1105"/>
      <c r="E657" s="1106"/>
      <c r="F657" s="1106"/>
      <c r="G657" s="1109"/>
      <c r="H657" s="1100"/>
    </row>
    <row r="658" spans="2:8" s="233" customFormat="1" ht="57">
      <c r="B658" s="1098">
        <v>46</v>
      </c>
      <c r="C658" s="270" t="s">
        <v>37444</v>
      </c>
      <c r="D658" s="1104" t="s">
        <v>31084</v>
      </c>
      <c r="E658" s="1106" t="s">
        <v>31085</v>
      </c>
      <c r="F658" s="1106" t="s">
        <v>31086</v>
      </c>
      <c r="G658" s="1107" t="s">
        <v>8356</v>
      </c>
      <c r="H658" s="1098" t="s">
        <v>8356</v>
      </c>
    </row>
    <row r="659" spans="2:8" s="233" customFormat="1">
      <c r="B659" s="1099"/>
      <c r="C659" s="271" t="s">
        <v>31089</v>
      </c>
      <c r="D659" s="1027"/>
      <c r="E659" s="1106"/>
      <c r="F659" s="1106"/>
      <c r="G659" s="1108"/>
      <c r="H659" s="1099"/>
    </row>
    <row r="660" spans="2:8" s="233" customFormat="1">
      <c r="B660" s="1100"/>
      <c r="C660" s="272" t="s">
        <v>31090</v>
      </c>
      <c r="D660" s="1105"/>
      <c r="E660" s="1106"/>
      <c r="F660" s="1106"/>
      <c r="G660" s="1109"/>
      <c r="H660" s="1100"/>
    </row>
    <row r="661" spans="2:8" s="233" customFormat="1">
      <c r="B661" s="1098">
        <v>47</v>
      </c>
      <c r="C661" s="270" t="s">
        <v>151</v>
      </c>
      <c r="D661" s="1036" t="s">
        <v>31084</v>
      </c>
      <c r="E661" s="1102">
        <v>44527</v>
      </c>
      <c r="F661" s="1102">
        <v>45073</v>
      </c>
      <c r="G661" s="1098" t="s">
        <v>8356</v>
      </c>
      <c r="H661" s="1098" t="s">
        <v>8356</v>
      </c>
    </row>
    <row r="662" spans="2:8" s="233" customFormat="1">
      <c r="B662" s="1099"/>
      <c r="C662" s="271" t="s">
        <v>31091</v>
      </c>
      <c r="D662" s="1037"/>
      <c r="E662" s="1102"/>
      <c r="F662" s="1102"/>
      <c r="G662" s="1099"/>
      <c r="H662" s="1099"/>
    </row>
    <row r="663" spans="2:8" s="233" customFormat="1">
      <c r="B663" s="1100"/>
      <c r="C663" s="272" t="s">
        <v>31092</v>
      </c>
      <c r="D663" s="1038"/>
      <c r="E663" s="1103"/>
      <c r="F663" s="1103"/>
      <c r="G663" s="1100"/>
      <c r="H663" s="1100"/>
    </row>
    <row r="664" spans="2:8" s="233" customFormat="1">
      <c r="B664" s="1098">
        <v>48</v>
      </c>
      <c r="C664" s="270" t="s">
        <v>37445</v>
      </c>
      <c r="D664" s="1036" t="s">
        <v>31084</v>
      </c>
      <c r="E664" s="1101">
        <v>44527</v>
      </c>
      <c r="F664" s="1101">
        <v>45073</v>
      </c>
      <c r="G664" s="1098" t="s">
        <v>8356</v>
      </c>
      <c r="H664" s="1098" t="s">
        <v>8356</v>
      </c>
    </row>
    <row r="665" spans="2:8" s="233" customFormat="1">
      <c r="B665" s="1099"/>
      <c r="C665" s="271" t="s">
        <v>31093</v>
      </c>
      <c r="D665" s="1037"/>
      <c r="E665" s="1102"/>
      <c r="F665" s="1102"/>
      <c r="G665" s="1099"/>
      <c r="H665" s="1099"/>
    </row>
    <row r="666" spans="2:8" s="233" customFormat="1">
      <c r="B666" s="1100"/>
      <c r="C666" s="272" t="s">
        <v>31094</v>
      </c>
      <c r="D666" s="1038"/>
      <c r="E666" s="1103"/>
      <c r="F666" s="1103"/>
      <c r="G666" s="1100"/>
      <c r="H666" s="1100"/>
    </row>
    <row r="667" spans="2:8" s="233" customFormat="1">
      <c r="B667" s="1098">
        <v>49</v>
      </c>
      <c r="C667" s="270" t="s">
        <v>130</v>
      </c>
      <c r="D667" s="1036" t="s">
        <v>31084</v>
      </c>
      <c r="E667" s="1101">
        <v>44527</v>
      </c>
      <c r="F667" s="1101">
        <v>45073</v>
      </c>
      <c r="G667" s="1098" t="s">
        <v>8356</v>
      </c>
      <c r="H667" s="1098" t="s">
        <v>8356</v>
      </c>
    </row>
    <row r="668" spans="2:8" s="233" customFormat="1">
      <c r="B668" s="1099"/>
      <c r="C668" s="271" t="s">
        <v>31095</v>
      </c>
      <c r="D668" s="1037"/>
      <c r="E668" s="1102"/>
      <c r="F668" s="1102"/>
      <c r="G668" s="1099"/>
      <c r="H668" s="1099"/>
    </row>
    <row r="669" spans="2:8" s="233" customFormat="1">
      <c r="B669" s="1100"/>
      <c r="C669" s="272" t="s">
        <v>31096</v>
      </c>
      <c r="D669" s="1038"/>
      <c r="E669" s="1103"/>
      <c r="F669" s="1103"/>
      <c r="G669" s="1100"/>
      <c r="H669" s="1100"/>
    </row>
    <row r="670" spans="2:8" s="233" customFormat="1" ht="85.5">
      <c r="B670" s="1098">
        <v>50</v>
      </c>
      <c r="C670" s="270" t="s">
        <v>37446</v>
      </c>
      <c r="D670" s="1036" t="s">
        <v>8423</v>
      </c>
      <c r="E670" s="1101">
        <v>44619</v>
      </c>
      <c r="F670" s="1101">
        <v>45165</v>
      </c>
      <c r="G670" s="1098" t="s">
        <v>8356</v>
      </c>
      <c r="H670" s="1098" t="s">
        <v>8356</v>
      </c>
    </row>
    <row r="671" spans="2:8" s="233" customFormat="1">
      <c r="B671" s="1099"/>
      <c r="C671" s="271" t="s">
        <v>13324</v>
      </c>
      <c r="D671" s="1037"/>
      <c r="E671" s="1102"/>
      <c r="F671" s="1102"/>
      <c r="G671" s="1099"/>
      <c r="H671" s="1099"/>
    </row>
    <row r="672" spans="2:8" s="233" customFormat="1">
      <c r="B672" s="1100"/>
      <c r="C672" s="272" t="s">
        <v>31094</v>
      </c>
      <c r="D672" s="1038"/>
      <c r="E672" s="1103"/>
      <c r="F672" s="1103"/>
      <c r="G672" s="1100"/>
      <c r="H672" s="1100"/>
    </row>
    <row r="673" spans="2:8" s="233" customFormat="1" ht="28.5">
      <c r="B673" s="1098">
        <v>51</v>
      </c>
      <c r="C673" s="270" t="s">
        <v>37400</v>
      </c>
      <c r="D673" s="1036" t="s">
        <v>37447</v>
      </c>
      <c r="E673" s="1101">
        <v>44708</v>
      </c>
      <c r="F673" s="1101">
        <v>45257</v>
      </c>
      <c r="G673" s="1098" t="s">
        <v>8356</v>
      </c>
      <c r="H673" s="1098" t="s">
        <v>8356</v>
      </c>
    </row>
    <row r="674" spans="2:8" s="233" customFormat="1">
      <c r="B674" s="1099"/>
      <c r="C674" s="271" t="s">
        <v>31097</v>
      </c>
      <c r="D674" s="1037"/>
      <c r="E674" s="1102"/>
      <c r="F674" s="1102"/>
      <c r="G674" s="1099"/>
      <c r="H674" s="1099"/>
    </row>
    <row r="675" spans="2:8" s="233" customFormat="1">
      <c r="B675" s="1100"/>
      <c r="C675" s="272" t="s">
        <v>31098</v>
      </c>
      <c r="D675" s="1038"/>
      <c r="E675" s="1103"/>
      <c r="F675" s="1103"/>
      <c r="G675" s="1100"/>
      <c r="H675" s="1100"/>
    </row>
    <row r="676" spans="2:8" s="233" customFormat="1" ht="28.5">
      <c r="B676" s="1098">
        <v>52</v>
      </c>
      <c r="C676" s="270" t="s">
        <v>37448</v>
      </c>
      <c r="D676" s="1036" t="s">
        <v>8423</v>
      </c>
      <c r="E676" s="1101">
        <v>44708</v>
      </c>
      <c r="F676" s="1101">
        <v>45257</v>
      </c>
      <c r="G676" s="1098" t="s">
        <v>8356</v>
      </c>
      <c r="H676" s="1098" t="s">
        <v>8356</v>
      </c>
    </row>
    <row r="677" spans="2:8" s="233" customFormat="1">
      <c r="B677" s="1099"/>
      <c r="C677" s="271" t="s">
        <v>31099</v>
      </c>
      <c r="D677" s="1037"/>
      <c r="E677" s="1102"/>
      <c r="F677" s="1102"/>
      <c r="G677" s="1099"/>
      <c r="H677" s="1099"/>
    </row>
    <row r="678" spans="2:8" s="233" customFormat="1">
      <c r="B678" s="1100"/>
      <c r="C678" s="272" t="s">
        <v>31100</v>
      </c>
      <c r="D678" s="1038"/>
      <c r="E678" s="1103"/>
      <c r="F678" s="1103"/>
      <c r="G678" s="1100"/>
      <c r="H678" s="1100"/>
    </row>
    <row r="679" spans="2:8" s="233" customFormat="1" ht="28.5">
      <c r="B679" s="1098">
        <v>53</v>
      </c>
      <c r="C679" s="270" t="s">
        <v>95</v>
      </c>
      <c r="D679" s="1036" t="s">
        <v>8423</v>
      </c>
      <c r="E679" s="1101">
        <v>44708</v>
      </c>
      <c r="F679" s="1101">
        <v>45257</v>
      </c>
      <c r="G679" s="1098" t="s">
        <v>8356</v>
      </c>
      <c r="H679" s="1098" t="s">
        <v>8356</v>
      </c>
    </row>
    <row r="680" spans="2:8" s="233" customFormat="1">
      <c r="B680" s="1099"/>
      <c r="C680" s="271" t="s">
        <v>31101</v>
      </c>
      <c r="D680" s="1037"/>
      <c r="E680" s="1102"/>
      <c r="F680" s="1102"/>
      <c r="G680" s="1099"/>
      <c r="H680" s="1099"/>
    </row>
    <row r="681" spans="2:8" s="233" customFormat="1">
      <c r="B681" s="1100"/>
      <c r="C681" s="272" t="s">
        <v>31102</v>
      </c>
      <c r="D681" s="1038"/>
      <c r="E681" s="1103"/>
      <c r="F681" s="1103"/>
      <c r="G681" s="1100"/>
      <c r="H681" s="1100"/>
    </row>
    <row r="682" spans="2:8" s="233" customFormat="1" ht="28.5">
      <c r="B682" s="1098">
        <v>54</v>
      </c>
      <c r="C682" s="270" t="s">
        <v>37399</v>
      </c>
      <c r="D682" s="1036" t="s">
        <v>37447</v>
      </c>
      <c r="E682" s="1101">
        <v>44708</v>
      </c>
      <c r="F682" s="1101">
        <v>45257</v>
      </c>
      <c r="G682" s="1098" t="s">
        <v>8356</v>
      </c>
      <c r="H682" s="1098" t="s">
        <v>8356</v>
      </c>
    </row>
    <row r="683" spans="2:8" s="233" customFormat="1">
      <c r="B683" s="1099"/>
      <c r="C683" s="271" t="s">
        <v>31103</v>
      </c>
      <c r="D683" s="1037"/>
      <c r="E683" s="1102"/>
      <c r="F683" s="1102"/>
      <c r="G683" s="1099"/>
      <c r="H683" s="1099"/>
    </row>
    <row r="684" spans="2:8" s="233" customFormat="1">
      <c r="B684" s="1100"/>
      <c r="C684" s="272" t="s">
        <v>31104</v>
      </c>
      <c r="D684" s="1038"/>
      <c r="E684" s="1103"/>
      <c r="F684" s="1103"/>
      <c r="G684" s="1100"/>
      <c r="H684" s="1100"/>
    </row>
    <row r="685" spans="2:8" s="233" customFormat="1">
      <c r="B685" s="1039" t="s">
        <v>8508</v>
      </c>
      <c r="C685" s="1040"/>
      <c r="D685" s="1040"/>
      <c r="E685" s="1040"/>
      <c r="F685" s="1040"/>
      <c r="G685" s="1040"/>
      <c r="H685" s="1041"/>
    </row>
    <row r="686" spans="2:8" s="233" customFormat="1">
      <c r="B686" s="1095" t="s">
        <v>33497</v>
      </c>
      <c r="C686" s="1096"/>
      <c r="D686" s="1096"/>
      <c r="E686" s="1096"/>
      <c r="F686" s="1096"/>
      <c r="G686" s="1096"/>
      <c r="H686" s="1097"/>
    </row>
    <row r="687" spans="2:8" s="233" customFormat="1">
      <c r="B687" s="1083" t="s">
        <v>33705</v>
      </c>
      <c r="C687" s="1084"/>
      <c r="D687" s="1084"/>
      <c r="E687" s="1084"/>
      <c r="F687" s="1084"/>
      <c r="G687" s="1084"/>
      <c r="H687" s="1085"/>
    </row>
    <row r="688" spans="2:8" s="233" customFormat="1">
      <c r="B688" s="1086" t="s">
        <v>33706</v>
      </c>
      <c r="C688" s="1087"/>
      <c r="D688" s="1087"/>
      <c r="E688" s="1087"/>
      <c r="F688" s="1087"/>
      <c r="G688" s="1087"/>
      <c r="H688" s="1088"/>
    </row>
    <row r="689" spans="2:8" s="233" customFormat="1">
      <c r="B689" s="1083" t="s">
        <v>33707</v>
      </c>
      <c r="C689" s="1084"/>
      <c r="D689" s="1084"/>
      <c r="E689" s="1084"/>
      <c r="F689" s="1084"/>
      <c r="G689" s="1084"/>
      <c r="H689" s="1085"/>
    </row>
    <row r="690" spans="2:8" s="233" customFormat="1">
      <c r="B690" s="1086" t="s">
        <v>33708</v>
      </c>
      <c r="C690" s="1087"/>
      <c r="D690" s="1087"/>
      <c r="E690" s="1087"/>
      <c r="F690" s="1087"/>
      <c r="G690" s="1087"/>
      <c r="H690" s="1088"/>
    </row>
    <row r="691" spans="2:8" s="233" customFormat="1" ht="84" customHeight="1">
      <c r="B691" s="1092" t="s">
        <v>37449</v>
      </c>
      <c r="C691" s="1093"/>
      <c r="D691" s="1093"/>
      <c r="E691" s="1093"/>
      <c r="F691" s="1093"/>
      <c r="G691" s="1093"/>
      <c r="H691" s="1094"/>
    </row>
    <row r="692" spans="2:8" s="233" customFormat="1">
      <c r="B692" s="1086" t="s">
        <v>33709</v>
      </c>
      <c r="C692" s="1087"/>
      <c r="D692" s="1087"/>
      <c r="E692" s="1087"/>
      <c r="F692" s="1087"/>
      <c r="G692" s="1087"/>
      <c r="H692" s="1088"/>
    </row>
    <row r="693" spans="2:8" s="233" customFormat="1" ht="84" customHeight="1">
      <c r="B693" s="1083" t="s">
        <v>37450</v>
      </c>
      <c r="C693" s="1084"/>
      <c r="D693" s="1084"/>
      <c r="E693" s="1084"/>
      <c r="F693" s="1084"/>
      <c r="G693" s="1084"/>
      <c r="H693" s="1085"/>
    </row>
    <row r="694" spans="2:8" s="233" customFormat="1">
      <c r="B694" s="1086" t="s">
        <v>33710</v>
      </c>
      <c r="C694" s="1087"/>
      <c r="D694" s="1087"/>
      <c r="E694" s="1087"/>
      <c r="F694" s="1087"/>
      <c r="G694" s="1087"/>
      <c r="H694" s="1088"/>
    </row>
    <row r="695" spans="2:8" s="233" customFormat="1" ht="24" customHeight="1">
      <c r="B695" s="1083" t="s">
        <v>37451</v>
      </c>
      <c r="C695" s="1084"/>
      <c r="D695" s="1084"/>
      <c r="E695" s="1084"/>
      <c r="F695" s="1084"/>
      <c r="G695" s="1084"/>
      <c r="H695" s="1085"/>
    </row>
    <row r="696" spans="2:8" s="233" customFormat="1">
      <c r="B696" s="1086" t="s">
        <v>33711</v>
      </c>
      <c r="C696" s="1087"/>
      <c r="D696" s="1087"/>
      <c r="E696" s="1087"/>
      <c r="F696" s="1087"/>
      <c r="G696" s="1087"/>
      <c r="H696" s="1088"/>
    </row>
    <row r="697" spans="2:8" s="233" customFormat="1" ht="24" customHeight="1">
      <c r="B697" s="1089" t="s">
        <v>37452</v>
      </c>
      <c r="C697" s="1090"/>
      <c r="D697" s="1090"/>
      <c r="E697" s="1090"/>
      <c r="F697" s="1090"/>
      <c r="G697" s="1090"/>
      <c r="H697" s="1091"/>
    </row>
    <row r="698" spans="2:8" s="233" customFormat="1">
      <c r="C698" s="317"/>
      <c r="D698" s="317"/>
      <c r="E698" s="317"/>
      <c r="F698" s="317"/>
    </row>
  </sheetData>
  <mergeCells count="319">
    <mergeCell ref="B4:H4"/>
    <mergeCell ref="A4:A5"/>
    <mergeCell ref="C12:G12"/>
    <mergeCell ref="C13:G13"/>
    <mergeCell ref="A1:H1"/>
    <mergeCell ref="B2:H2"/>
    <mergeCell ref="B3:H3"/>
    <mergeCell ref="B5:H5"/>
    <mergeCell ref="C11:G11"/>
    <mergeCell ref="B476:B479"/>
    <mergeCell ref="E476:E479"/>
    <mergeCell ref="F476:F479"/>
    <mergeCell ref="G476:G479"/>
    <mergeCell ref="H476:H479"/>
    <mergeCell ref="H470:H471"/>
    <mergeCell ref="B472:B475"/>
    <mergeCell ref="D472:D475"/>
    <mergeCell ref="E472:E475"/>
    <mergeCell ref="F472:F475"/>
    <mergeCell ref="G472:G475"/>
    <mergeCell ref="H472:H475"/>
    <mergeCell ref="B470:B471"/>
    <mergeCell ref="C470:C471"/>
    <mergeCell ref="D470:D471"/>
    <mergeCell ref="E470:F470"/>
    <mergeCell ref="G470:G471"/>
    <mergeCell ref="B498:B501"/>
    <mergeCell ref="E498:E501"/>
    <mergeCell ref="F498:F501"/>
    <mergeCell ref="G498:G501"/>
    <mergeCell ref="H498:H501"/>
    <mergeCell ref="H480:H493"/>
    <mergeCell ref="B494:B497"/>
    <mergeCell ref="E494:E497"/>
    <mergeCell ref="F494:F497"/>
    <mergeCell ref="G494:G497"/>
    <mergeCell ref="H494:H497"/>
    <mergeCell ref="B480:B493"/>
    <mergeCell ref="D480:D493"/>
    <mergeCell ref="E480:E493"/>
    <mergeCell ref="F480:F493"/>
    <mergeCell ref="G480:G493"/>
    <mergeCell ref="B506:H506"/>
    <mergeCell ref="B507:B509"/>
    <mergeCell ref="E507:E509"/>
    <mergeCell ref="F507:F509"/>
    <mergeCell ref="G507:G509"/>
    <mergeCell ref="H507:H509"/>
    <mergeCell ref="B502:B505"/>
    <mergeCell ref="E502:E505"/>
    <mergeCell ref="F502:F505"/>
    <mergeCell ref="G502:G505"/>
    <mergeCell ref="H502:H505"/>
    <mergeCell ref="B513:B515"/>
    <mergeCell ref="E513:E515"/>
    <mergeCell ref="F513:F515"/>
    <mergeCell ref="G513:G515"/>
    <mergeCell ref="H513:H515"/>
    <mergeCell ref="B510:B512"/>
    <mergeCell ref="E510:E512"/>
    <mergeCell ref="F510:F512"/>
    <mergeCell ref="G510:G512"/>
    <mergeCell ref="H510:H512"/>
    <mergeCell ref="B520:B523"/>
    <mergeCell ref="E520:E523"/>
    <mergeCell ref="F520:F523"/>
    <mergeCell ref="G520:G523"/>
    <mergeCell ref="H520:H523"/>
    <mergeCell ref="B516:B519"/>
    <mergeCell ref="E516:E519"/>
    <mergeCell ref="F516:F519"/>
    <mergeCell ref="G516:G519"/>
    <mergeCell ref="H516:H519"/>
    <mergeCell ref="B528:B531"/>
    <mergeCell ref="E528:E531"/>
    <mergeCell ref="F528:F531"/>
    <mergeCell ref="G528:G531"/>
    <mergeCell ref="H528:H531"/>
    <mergeCell ref="B524:B527"/>
    <mergeCell ref="E524:E527"/>
    <mergeCell ref="F524:F527"/>
    <mergeCell ref="G524:G527"/>
    <mergeCell ref="H524:H527"/>
    <mergeCell ref="B535:H535"/>
    <mergeCell ref="B536:B538"/>
    <mergeCell ref="E536:E538"/>
    <mergeCell ref="F536:F538"/>
    <mergeCell ref="G536:G538"/>
    <mergeCell ref="H536:H538"/>
    <mergeCell ref="B532:B534"/>
    <mergeCell ref="E532:E534"/>
    <mergeCell ref="F532:F534"/>
    <mergeCell ref="G532:G534"/>
    <mergeCell ref="H532:H534"/>
    <mergeCell ref="B543:B553"/>
    <mergeCell ref="E543:E553"/>
    <mergeCell ref="F543:F553"/>
    <mergeCell ref="G543:G553"/>
    <mergeCell ref="H543:H553"/>
    <mergeCell ref="B539:B542"/>
    <mergeCell ref="E539:E542"/>
    <mergeCell ref="F539:F542"/>
    <mergeCell ref="G539:G542"/>
    <mergeCell ref="H539:H542"/>
    <mergeCell ref="B560:B565"/>
    <mergeCell ref="E560:E565"/>
    <mergeCell ref="F560:F565"/>
    <mergeCell ref="G560:G565"/>
    <mergeCell ref="H560:H565"/>
    <mergeCell ref="B554:B559"/>
    <mergeCell ref="E554:E559"/>
    <mergeCell ref="F554:F559"/>
    <mergeCell ref="G554:G559"/>
    <mergeCell ref="H554:H559"/>
    <mergeCell ref="B572:B575"/>
    <mergeCell ref="E572:E575"/>
    <mergeCell ref="F572:F575"/>
    <mergeCell ref="G572:G575"/>
    <mergeCell ref="H572:H575"/>
    <mergeCell ref="B566:B571"/>
    <mergeCell ref="E566:E571"/>
    <mergeCell ref="F566:F571"/>
    <mergeCell ref="G566:G571"/>
    <mergeCell ref="H566:H571"/>
    <mergeCell ref="B582:H582"/>
    <mergeCell ref="B583:B585"/>
    <mergeCell ref="E583:E585"/>
    <mergeCell ref="F583:F585"/>
    <mergeCell ref="G583:G585"/>
    <mergeCell ref="H583:H585"/>
    <mergeCell ref="B576:B581"/>
    <mergeCell ref="E576:E581"/>
    <mergeCell ref="F576:F581"/>
    <mergeCell ref="G576:G581"/>
    <mergeCell ref="H576:H581"/>
    <mergeCell ref="B589:B591"/>
    <mergeCell ref="E589:E591"/>
    <mergeCell ref="F589:F591"/>
    <mergeCell ref="G589:G591"/>
    <mergeCell ref="H589:H591"/>
    <mergeCell ref="B586:B588"/>
    <mergeCell ref="E586:E588"/>
    <mergeCell ref="F586:F588"/>
    <mergeCell ref="G586:G588"/>
    <mergeCell ref="H586:H588"/>
    <mergeCell ref="B595:B597"/>
    <mergeCell ref="E595:E597"/>
    <mergeCell ref="F595:F597"/>
    <mergeCell ref="G595:G597"/>
    <mergeCell ref="H595:H597"/>
    <mergeCell ref="B592:B594"/>
    <mergeCell ref="E592:E594"/>
    <mergeCell ref="F592:F594"/>
    <mergeCell ref="G592:G594"/>
    <mergeCell ref="H592:H594"/>
    <mergeCell ref="B601:B603"/>
    <mergeCell ref="E601:E603"/>
    <mergeCell ref="F601:F603"/>
    <mergeCell ref="G601:G603"/>
    <mergeCell ref="H601:H603"/>
    <mergeCell ref="B598:B600"/>
    <mergeCell ref="E598:E600"/>
    <mergeCell ref="F598:F600"/>
    <mergeCell ref="G598:G600"/>
    <mergeCell ref="H598:H600"/>
    <mergeCell ref="B607:B609"/>
    <mergeCell ref="E607:E609"/>
    <mergeCell ref="F607:F609"/>
    <mergeCell ref="G607:G609"/>
    <mergeCell ref="H607:H609"/>
    <mergeCell ref="B604:B606"/>
    <mergeCell ref="E604:E606"/>
    <mergeCell ref="F604:F606"/>
    <mergeCell ref="G604:G606"/>
    <mergeCell ref="H604:H606"/>
    <mergeCell ref="B614:B616"/>
    <mergeCell ref="E614:E616"/>
    <mergeCell ref="F614:F616"/>
    <mergeCell ref="G614:G616"/>
    <mergeCell ref="H614:H616"/>
    <mergeCell ref="B610:H610"/>
    <mergeCell ref="B611:B613"/>
    <mergeCell ref="E611:E613"/>
    <mergeCell ref="F611:F613"/>
    <mergeCell ref="G611:G613"/>
    <mergeCell ref="H611:H613"/>
    <mergeCell ref="B620:B622"/>
    <mergeCell ref="E620:E622"/>
    <mergeCell ref="F620:F622"/>
    <mergeCell ref="G620:G622"/>
    <mergeCell ref="H620:H622"/>
    <mergeCell ref="B617:B619"/>
    <mergeCell ref="E617:E619"/>
    <mergeCell ref="F617:F619"/>
    <mergeCell ref="G617:G619"/>
    <mergeCell ref="H617:H619"/>
    <mergeCell ref="B626:B628"/>
    <mergeCell ref="E626:E628"/>
    <mergeCell ref="F626:F628"/>
    <mergeCell ref="G626:G628"/>
    <mergeCell ref="H626:H628"/>
    <mergeCell ref="B623:B625"/>
    <mergeCell ref="E623:E625"/>
    <mergeCell ref="F623:F625"/>
    <mergeCell ref="G623:G625"/>
    <mergeCell ref="H623:H625"/>
    <mergeCell ref="B632:B634"/>
    <mergeCell ref="E632:E634"/>
    <mergeCell ref="F632:F634"/>
    <mergeCell ref="G632:G634"/>
    <mergeCell ref="H632:H634"/>
    <mergeCell ref="B629:B631"/>
    <mergeCell ref="E629:E631"/>
    <mergeCell ref="F629:F631"/>
    <mergeCell ref="G629:G631"/>
    <mergeCell ref="H629:H631"/>
    <mergeCell ref="B638:B640"/>
    <mergeCell ref="E638:E640"/>
    <mergeCell ref="F638:F640"/>
    <mergeCell ref="G638:G640"/>
    <mergeCell ref="H638:H640"/>
    <mergeCell ref="B635:B637"/>
    <mergeCell ref="E635:E637"/>
    <mergeCell ref="F635:F637"/>
    <mergeCell ref="G635:G637"/>
    <mergeCell ref="H635:H637"/>
    <mergeCell ref="B651:H651"/>
    <mergeCell ref="B652:B654"/>
    <mergeCell ref="D652:D654"/>
    <mergeCell ref="E652:E654"/>
    <mergeCell ref="F652:F654"/>
    <mergeCell ref="G652:G654"/>
    <mergeCell ref="H652:H654"/>
    <mergeCell ref="B641:B646"/>
    <mergeCell ref="D641:D646"/>
    <mergeCell ref="G641:G646"/>
    <mergeCell ref="H641:H646"/>
    <mergeCell ref="B647:B650"/>
    <mergeCell ref="D647:D650"/>
    <mergeCell ref="E647:E650"/>
    <mergeCell ref="F647:F650"/>
    <mergeCell ref="G647:G650"/>
    <mergeCell ref="H647:H650"/>
    <mergeCell ref="H655:H657"/>
    <mergeCell ref="B658:B660"/>
    <mergeCell ref="D658:D660"/>
    <mergeCell ref="E658:E660"/>
    <mergeCell ref="F658:F660"/>
    <mergeCell ref="G658:G660"/>
    <mergeCell ref="H658:H660"/>
    <mergeCell ref="B655:B657"/>
    <mergeCell ref="D655:D657"/>
    <mergeCell ref="E655:E657"/>
    <mergeCell ref="F655:F657"/>
    <mergeCell ref="G655:G657"/>
    <mergeCell ref="H661:H663"/>
    <mergeCell ref="B664:B666"/>
    <mergeCell ref="D664:D666"/>
    <mergeCell ref="E664:E666"/>
    <mergeCell ref="F664:F666"/>
    <mergeCell ref="G664:G666"/>
    <mergeCell ref="H664:H666"/>
    <mergeCell ref="B661:B663"/>
    <mergeCell ref="D661:D663"/>
    <mergeCell ref="E661:E663"/>
    <mergeCell ref="F661:F663"/>
    <mergeCell ref="G661:G663"/>
    <mergeCell ref="H667:H669"/>
    <mergeCell ref="B670:B672"/>
    <mergeCell ref="D670:D672"/>
    <mergeCell ref="E670:E672"/>
    <mergeCell ref="F670:F672"/>
    <mergeCell ref="G670:G672"/>
    <mergeCell ref="H670:H672"/>
    <mergeCell ref="B667:B669"/>
    <mergeCell ref="D667:D669"/>
    <mergeCell ref="E667:E669"/>
    <mergeCell ref="F667:F669"/>
    <mergeCell ref="G667:G669"/>
    <mergeCell ref="D679:D681"/>
    <mergeCell ref="E679:E681"/>
    <mergeCell ref="F679:F681"/>
    <mergeCell ref="G679:G681"/>
    <mergeCell ref="H673:H675"/>
    <mergeCell ref="B676:B678"/>
    <mergeCell ref="D676:D678"/>
    <mergeCell ref="E676:E678"/>
    <mergeCell ref="F676:F678"/>
    <mergeCell ref="G676:G678"/>
    <mergeCell ref="H676:H678"/>
    <mergeCell ref="B673:B675"/>
    <mergeCell ref="D673:D675"/>
    <mergeCell ref="E673:E675"/>
    <mergeCell ref="F673:F675"/>
    <mergeCell ref="G673:G675"/>
    <mergeCell ref="B460:G460"/>
    <mergeCell ref="B695:H695"/>
    <mergeCell ref="B696:H696"/>
    <mergeCell ref="B697:H697"/>
    <mergeCell ref="B462:G462"/>
    <mergeCell ref="B461:G461"/>
    <mergeCell ref="B690:H690"/>
    <mergeCell ref="B691:H691"/>
    <mergeCell ref="B692:H692"/>
    <mergeCell ref="B693:H693"/>
    <mergeCell ref="B694:H694"/>
    <mergeCell ref="B685:H685"/>
    <mergeCell ref="B686:H686"/>
    <mergeCell ref="B687:H687"/>
    <mergeCell ref="B688:H688"/>
    <mergeCell ref="B689:H689"/>
    <mergeCell ref="H679:H681"/>
    <mergeCell ref="B682:B684"/>
    <mergeCell ref="D682:D684"/>
    <mergeCell ref="E682:E684"/>
    <mergeCell ref="F682:F684"/>
    <mergeCell ref="G682:G684"/>
    <mergeCell ref="H682:H684"/>
    <mergeCell ref="B679:B681"/>
  </mergeCells>
  <phoneticPr fontId="4"/>
  <hyperlinks>
    <hyperlink ref="B4" r:id="rId1"/>
    <hyperlink ref="B5" r:id="rId2"/>
  </hyperlinks>
  <pageMargins left="0.7" right="0.7" top="0.75" bottom="0.75" header="0.3" footer="0.3"/>
  <pageSetup paperSize="9" scale="26" fitToHeight="0" orientation="portrait"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534"/>
  <sheetViews>
    <sheetView workbookViewId="0">
      <selection activeCell="A6" sqref="A6"/>
    </sheetView>
  </sheetViews>
  <sheetFormatPr defaultColWidth="9" defaultRowHeight="14.25"/>
  <cols>
    <col min="1" max="1" width="9" style="146"/>
    <col min="2" max="2" width="40.625" style="149" customWidth="1"/>
    <col min="3" max="3" width="55.625" style="146" customWidth="1"/>
    <col min="4" max="6" width="13.625" style="146" customWidth="1"/>
    <col min="7" max="16384" width="9" style="146"/>
  </cols>
  <sheetData>
    <row r="1" spans="1:10" s="31" customFormat="1" ht="36.75" customHeight="1" thickBot="1">
      <c r="A1" s="1136" t="s">
        <v>27218</v>
      </c>
      <c r="B1" s="1137"/>
      <c r="C1" s="1137"/>
      <c r="D1" s="1137"/>
      <c r="E1" s="1138"/>
      <c r="H1" s="32"/>
      <c r="J1" s="32"/>
    </row>
    <row r="2" spans="1:10" s="12" customFormat="1" ht="59.25" customHeight="1" thickBot="1">
      <c r="A2" s="145" t="s">
        <v>13352</v>
      </c>
      <c r="B2" s="1139" t="s">
        <v>26964</v>
      </c>
      <c r="C2" s="1140"/>
      <c r="D2" s="1140"/>
      <c r="E2" s="1139"/>
      <c r="H2" s="5"/>
      <c r="J2" s="5"/>
    </row>
    <row r="3" spans="1:10" s="12" customFormat="1" ht="33" customHeight="1" thickBot="1">
      <c r="A3" s="69" t="s">
        <v>13388</v>
      </c>
      <c r="B3" s="1120" t="s">
        <v>33713</v>
      </c>
      <c r="C3" s="1121"/>
      <c r="D3" s="1121"/>
      <c r="E3" s="1122"/>
      <c r="H3" s="5"/>
      <c r="J3" s="5"/>
    </row>
    <row r="4" spans="1:10" s="12" customFormat="1" ht="20.100000000000001" customHeight="1">
      <c r="A4" s="1145" t="s">
        <v>13310</v>
      </c>
      <c r="B4" s="1141" t="s">
        <v>32059</v>
      </c>
      <c r="C4" s="1142"/>
      <c r="D4" s="1142"/>
      <c r="E4" s="1143"/>
      <c r="H4" s="5"/>
      <c r="J4" s="5"/>
    </row>
    <row r="5" spans="1:10" s="12" customFormat="1" ht="20.100000000000001" customHeight="1" thickBot="1">
      <c r="A5" s="1146"/>
      <c r="B5" s="1133" t="s">
        <v>32060</v>
      </c>
      <c r="C5" s="1134"/>
      <c r="D5" s="1134"/>
      <c r="E5" s="1135"/>
      <c r="H5" s="5"/>
      <c r="J5" s="5"/>
    </row>
    <row r="6" spans="1:10" s="12" customFormat="1" ht="16.5" customHeight="1">
      <c r="A6" s="332"/>
      <c r="B6" s="334" t="s">
        <v>33714</v>
      </c>
      <c r="C6" s="333"/>
      <c r="D6" s="333"/>
      <c r="E6" s="333"/>
      <c r="H6" s="5"/>
      <c r="J6" s="5"/>
    </row>
    <row r="7" spans="1:10" s="12" customFormat="1" ht="12.75" customHeight="1">
      <c r="A7" s="5"/>
      <c r="H7" s="5"/>
      <c r="J7" s="5"/>
    </row>
    <row r="8" spans="1:10" s="53" customFormat="1" ht="15.75">
      <c r="A8" s="52"/>
      <c r="B8" s="1144" t="s">
        <v>8407</v>
      </c>
      <c r="C8" s="1144"/>
      <c r="H8" s="52"/>
      <c r="J8" s="52"/>
    </row>
    <row r="9" spans="1:10" s="53" customFormat="1" ht="15.75">
      <c r="A9" s="52"/>
      <c r="B9" s="1144" t="s">
        <v>8408</v>
      </c>
      <c r="C9" s="1144"/>
      <c r="H9" s="52"/>
      <c r="J9" s="52"/>
    </row>
    <row r="10" spans="1:10" s="53" customFormat="1" ht="63.75" customHeight="1">
      <c r="A10" s="52"/>
      <c r="B10" s="1144" t="s">
        <v>8409</v>
      </c>
      <c r="C10" s="1144"/>
      <c r="H10" s="52"/>
      <c r="J10" s="52"/>
    </row>
    <row r="11" spans="1:10" s="53" customFormat="1" ht="16.5" customHeight="1">
      <c r="A11" s="52"/>
      <c r="B11" s="1144" t="s">
        <v>8410</v>
      </c>
      <c r="C11" s="1144"/>
      <c r="H11" s="52"/>
      <c r="J11" s="52"/>
    </row>
    <row r="12" spans="1:10" s="12" customFormat="1" ht="12.75" customHeight="1">
      <c r="A12" s="5"/>
      <c r="H12" s="5"/>
      <c r="J12" s="5"/>
    </row>
    <row r="13" spans="1:10" ht="15.75">
      <c r="A13" s="150"/>
      <c r="B13" s="151" t="s">
        <v>8509</v>
      </c>
      <c r="C13" s="150"/>
      <c r="D13" s="150"/>
      <c r="E13" s="150"/>
      <c r="F13" s="150"/>
      <c r="G13" s="150"/>
      <c r="H13" s="150"/>
    </row>
    <row r="14" spans="1:10" ht="15.75">
      <c r="A14" s="150"/>
      <c r="B14" s="152" t="s">
        <v>31503</v>
      </c>
      <c r="C14" s="150"/>
      <c r="D14" s="150"/>
      <c r="E14" s="150"/>
      <c r="F14" s="150"/>
      <c r="G14" s="150"/>
      <c r="H14" s="150"/>
    </row>
    <row r="15" spans="1:10" ht="63">
      <c r="A15" s="150"/>
      <c r="B15" s="153" t="s">
        <v>8510</v>
      </c>
      <c r="C15" s="150"/>
      <c r="D15" s="150"/>
      <c r="E15" s="150"/>
      <c r="F15" s="150"/>
      <c r="G15" s="150"/>
      <c r="H15" s="150"/>
    </row>
    <row r="16" spans="1:10" ht="15">
      <c r="A16" s="150"/>
      <c r="B16" s="154"/>
      <c r="C16" s="150"/>
      <c r="D16" s="150"/>
      <c r="E16" s="150"/>
      <c r="F16" s="150"/>
      <c r="G16" s="150"/>
      <c r="H16" s="150"/>
    </row>
    <row r="17" spans="1:8" ht="15">
      <c r="A17" s="150"/>
      <c r="B17" s="154"/>
      <c r="C17" s="150"/>
      <c r="D17" s="150"/>
      <c r="E17" s="150"/>
      <c r="F17" s="150"/>
      <c r="G17" s="150"/>
      <c r="H17" s="150"/>
    </row>
    <row r="18" spans="1:8">
      <c r="A18" s="150"/>
      <c r="B18" s="155" t="s">
        <v>8511</v>
      </c>
      <c r="C18" s="156" t="s">
        <v>8513</v>
      </c>
      <c r="D18" s="150"/>
      <c r="E18" s="150"/>
      <c r="F18" s="150"/>
      <c r="G18" s="150"/>
      <c r="H18" s="150"/>
    </row>
    <row r="19" spans="1:8" ht="25.5">
      <c r="A19" s="150"/>
      <c r="B19" s="157" t="s">
        <v>8512</v>
      </c>
      <c r="C19" s="158" t="s">
        <v>8514</v>
      </c>
      <c r="D19" s="150"/>
      <c r="E19" s="150"/>
      <c r="F19" s="150"/>
      <c r="G19" s="150"/>
      <c r="H19" s="150"/>
    </row>
    <row r="20" spans="1:8">
      <c r="A20" s="150"/>
      <c r="B20" s="1147" t="s">
        <v>8515</v>
      </c>
      <c r="C20" s="159" t="s">
        <v>8516</v>
      </c>
      <c r="D20" s="150"/>
      <c r="E20" s="150"/>
      <c r="F20" s="150"/>
      <c r="G20" s="150"/>
      <c r="H20" s="150"/>
    </row>
    <row r="21" spans="1:8">
      <c r="A21" s="150"/>
      <c r="B21" s="1157"/>
      <c r="C21" s="160" t="s">
        <v>8517</v>
      </c>
      <c r="D21" s="150"/>
      <c r="E21" s="150"/>
      <c r="F21" s="150"/>
      <c r="G21" s="150"/>
      <c r="H21" s="150"/>
    </row>
    <row r="22" spans="1:8" ht="25.5">
      <c r="A22" s="150"/>
      <c r="B22" s="1148"/>
      <c r="C22" s="161" t="s">
        <v>13410</v>
      </c>
      <c r="D22" s="150"/>
      <c r="E22" s="150"/>
      <c r="F22" s="150"/>
      <c r="G22" s="150"/>
      <c r="H22" s="150"/>
    </row>
    <row r="23" spans="1:8">
      <c r="A23" s="150"/>
      <c r="B23" s="162" t="s">
        <v>8518</v>
      </c>
      <c r="C23" s="159" t="s">
        <v>8521</v>
      </c>
      <c r="D23" s="150"/>
      <c r="E23" s="150"/>
      <c r="F23" s="150"/>
      <c r="G23" s="150"/>
      <c r="H23" s="150"/>
    </row>
    <row r="24" spans="1:8" ht="25.5">
      <c r="A24" s="150"/>
      <c r="B24" s="163" t="s">
        <v>8519</v>
      </c>
      <c r="C24" s="160" t="s">
        <v>8522</v>
      </c>
      <c r="D24" s="150"/>
      <c r="E24" s="150"/>
      <c r="F24" s="150"/>
      <c r="G24" s="150"/>
      <c r="H24" s="150"/>
    </row>
    <row r="25" spans="1:8">
      <c r="A25" s="150"/>
      <c r="B25" s="164" t="s">
        <v>8520</v>
      </c>
      <c r="C25" s="165"/>
      <c r="D25" s="150"/>
      <c r="E25" s="150"/>
      <c r="F25" s="150"/>
      <c r="G25" s="150"/>
      <c r="H25" s="150"/>
    </row>
    <row r="26" spans="1:8">
      <c r="A26" s="150"/>
      <c r="B26" s="1159" t="s">
        <v>31504</v>
      </c>
      <c r="C26" s="1161"/>
      <c r="D26" s="150"/>
      <c r="E26" s="150"/>
      <c r="F26" s="150"/>
      <c r="G26" s="150"/>
      <c r="H26" s="150"/>
    </row>
    <row r="27" spans="1:8">
      <c r="A27" s="150"/>
      <c r="B27" s="166" t="s">
        <v>32061</v>
      </c>
      <c r="C27" s="167" t="s">
        <v>8523</v>
      </c>
      <c r="D27" s="150"/>
      <c r="E27" s="150"/>
      <c r="F27" s="150"/>
      <c r="G27" s="150"/>
      <c r="H27" s="150"/>
    </row>
    <row r="28" spans="1:8" ht="51">
      <c r="A28" s="150"/>
      <c r="B28" s="168" t="s">
        <v>32062</v>
      </c>
      <c r="C28" s="160" t="s">
        <v>8524</v>
      </c>
      <c r="D28" s="150"/>
      <c r="E28" s="150"/>
      <c r="F28" s="150"/>
      <c r="G28" s="150"/>
      <c r="H28" s="150"/>
    </row>
    <row r="29" spans="1:8" ht="38.25">
      <c r="A29" s="150"/>
      <c r="B29" s="168" t="s">
        <v>27239</v>
      </c>
      <c r="C29" s="160" t="s">
        <v>8525</v>
      </c>
      <c r="D29" s="150"/>
      <c r="E29" s="150"/>
      <c r="F29" s="150"/>
      <c r="G29" s="150"/>
      <c r="H29" s="150"/>
    </row>
    <row r="30" spans="1:8" ht="38.25">
      <c r="A30" s="150"/>
      <c r="B30" s="168" t="s">
        <v>27240</v>
      </c>
      <c r="C30" s="160" t="s">
        <v>8526</v>
      </c>
      <c r="D30" s="150"/>
      <c r="E30" s="150"/>
      <c r="F30" s="150"/>
      <c r="G30" s="150"/>
      <c r="H30" s="150"/>
    </row>
    <row r="31" spans="1:8">
      <c r="A31" s="150"/>
      <c r="B31" s="168" t="s">
        <v>27241</v>
      </c>
      <c r="C31" s="169"/>
      <c r="D31" s="150"/>
      <c r="E31" s="150"/>
      <c r="F31" s="150"/>
      <c r="G31" s="150"/>
      <c r="H31" s="150"/>
    </row>
    <row r="32" spans="1:8" ht="25.5">
      <c r="A32" s="150"/>
      <c r="B32" s="168" t="s">
        <v>32063</v>
      </c>
      <c r="C32" s="170" t="s">
        <v>32064</v>
      </c>
      <c r="D32" s="150"/>
      <c r="E32" s="150"/>
      <c r="F32" s="150"/>
      <c r="G32" s="150"/>
      <c r="H32" s="150"/>
    </row>
    <row r="33" spans="1:8" ht="25.5">
      <c r="A33" s="150"/>
      <c r="B33" s="169"/>
      <c r="C33" s="170" t="s">
        <v>8528</v>
      </c>
      <c r="D33" s="150"/>
      <c r="E33" s="150"/>
      <c r="F33" s="150"/>
      <c r="G33" s="150"/>
      <c r="H33" s="150"/>
    </row>
    <row r="34" spans="1:8" ht="25.5">
      <c r="A34" s="150"/>
      <c r="B34" s="169"/>
      <c r="C34" s="160" t="s">
        <v>31887</v>
      </c>
      <c r="D34" s="150"/>
      <c r="E34" s="150"/>
      <c r="F34" s="150"/>
      <c r="G34" s="150"/>
      <c r="H34" s="150"/>
    </row>
    <row r="35" spans="1:8">
      <c r="A35" s="150"/>
      <c r="B35" s="169"/>
      <c r="C35" s="160" t="s">
        <v>31888</v>
      </c>
      <c r="D35" s="150"/>
      <c r="E35" s="150"/>
      <c r="F35" s="150"/>
      <c r="G35" s="150"/>
      <c r="H35" s="150"/>
    </row>
    <row r="36" spans="1:8">
      <c r="A36" s="150"/>
      <c r="B36" s="169"/>
      <c r="C36" s="171" t="s">
        <v>31505</v>
      </c>
      <c r="D36" s="150"/>
      <c r="E36" s="150"/>
      <c r="F36" s="150"/>
      <c r="G36" s="150"/>
      <c r="H36" s="150"/>
    </row>
    <row r="37" spans="1:8" ht="51">
      <c r="A37" s="150"/>
      <c r="B37" s="169"/>
      <c r="C37" s="170" t="s">
        <v>32065</v>
      </c>
      <c r="D37" s="150"/>
      <c r="E37" s="150"/>
      <c r="F37" s="150"/>
      <c r="G37" s="150"/>
      <c r="H37" s="150"/>
    </row>
    <row r="38" spans="1:8" ht="51">
      <c r="A38" s="150"/>
      <c r="B38" s="169"/>
      <c r="C38" s="170" t="s">
        <v>31889</v>
      </c>
      <c r="D38" s="150"/>
      <c r="E38" s="150"/>
      <c r="F38" s="150"/>
      <c r="G38" s="150"/>
      <c r="H38" s="150"/>
    </row>
    <row r="39" spans="1:8" ht="63.75">
      <c r="A39" s="150"/>
      <c r="B39" s="169"/>
      <c r="C39" s="170" t="s">
        <v>31890</v>
      </c>
      <c r="D39" s="150"/>
      <c r="E39" s="150"/>
      <c r="F39" s="150"/>
      <c r="G39" s="150"/>
      <c r="H39" s="150"/>
    </row>
    <row r="40" spans="1:8" ht="38.25">
      <c r="A40" s="150"/>
      <c r="B40" s="169"/>
      <c r="C40" s="170" t="s">
        <v>31891</v>
      </c>
      <c r="D40" s="150"/>
      <c r="E40" s="150"/>
      <c r="F40" s="150"/>
      <c r="G40" s="150"/>
      <c r="H40" s="150"/>
    </row>
    <row r="41" spans="1:8" ht="38.25">
      <c r="A41" s="150"/>
      <c r="B41" s="165"/>
      <c r="C41" s="172" t="s">
        <v>32066</v>
      </c>
      <c r="D41" s="150"/>
      <c r="E41" s="150"/>
      <c r="F41" s="150"/>
      <c r="G41" s="150"/>
      <c r="H41" s="150"/>
    </row>
    <row r="42" spans="1:8">
      <c r="A42" s="150"/>
      <c r="B42" s="1159" t="s">
        <v>31503</v>
      </c>
      <c r="C42" s="1161"/>
      <c r="D42" s="150"/>
      <c r="E42" s="150"/>
      <c r="F42" s="150"/>
      <c r="G42" s="150"/>
      <c r="H42" s="150"/>
    </row>
    <row r="43" spans="1:8" ht="25.5">
      <c r="A43" s="150"/>
      <c r="B43" s="162" t="s">
        <v>8529</v>
      </c>
      <c r="C43" s="159" t="s">
        <v>8531</v>
      </c>
      <c r="D43" s="150"/>
      <c r="E43" s="150"/>
      <c r="F43" s="150"/>
      <c r="G43" s="150"/>
      <c r="H43" s="150"/>
    </row>
    <row r="44" spans="1:8" ht="25.5">
      <c r="A44" s="150"/>
      <c r="B44" s="164" t="s">
        <v>8530</v>
      </c>
      <c r="C44" s="161" t="s">
        <v>8527</v>
      </c>
      <c r="D44" s="150"/>
      <c r="E44" s="150"/>
      <c r="F44" s="150"/>
      <c r="G44" s="150"/>
      <c r="H44" s="150"/>
    </row>
    <row r="45" spans="1:8" ht="38.25">
      <c r="A45" s="150"/>
      <c r="B45" s="162" t="s">
        <v>8532</v>
      </c>
      <c r="C45" s="159" t="s">
        <v>13411</v>
      </c>
      <c r="D45" s="150"/>
      <c r="E45" s="150"/>
      <c r="F45" s="150"/>
      <c r="G45" s="150"/>
      <c r="H45" s="150"/>
    </row>
    <row r="46" spans="1:8" ht="25.5">
      <c r="A46" s="150"/>
      <c r="B46" s="163" t="s">
        <v>8533</v>
      </c>
      <c r="C46" s="160" t="s">
        <v>8535</v>
      </c>
      <c r="D46" s="150"/>
      <c r="E46" s="150"/>
      <c r="F46" s="150"/>
      <c r="G46" s="150"/>
      <c r="H46" s="150"/>
    </row>
    <row r="47" spans="1:8">
      <c r="A47" s="150"/>
      <c r="B47" s="163" t="s">
        <v>8534</v>
      </c>
      <c r="C47" s="160" t="s">
        <v>8536</v>
      </c>
      <c r="D47" s="150"/>
      <c r="E47" s="150"/>
      <c r="F47" s="150"/>
      <c r="G47" s="150"/>
      <c r="H47" s="150"/>
    </row>
    <row r="48" spans="1:8">
      <c r="A48" s="150"/>
      <c r="B48" s="169"/>
      <c r="C48" s="160" t="s">
        <v>8537</v>
      </c>
      <c r="D48" s="150"/>
      <c r="E48" s="150"/>
      <c r="F48" s="150"/>
      <c r="G48" s="150"/>
      <c r="H48" s="150"/>
    </row>
    <row r="49" spans="1:8" ht="25.5">
      <c r="A49" s="150"/>
      <c r="B49" s="169"/>
      <c r="C49" s="160" t="s">
        <v>13412</v>
      </c>
      <c r="D49" s="150"/>
      <c r="E49" s="150"/>
      <c r="F49" s="150"/>
      <c r="G49" s="150"/>
      <c r="H49" s="150"/>
    </row>
    <row r="50" spans="1:8">
      <c r="A50" s="150"/>
      <c r="B50" s="169"/>
      <c r="C50" s="160" t="s">
        <v>8538</v>
      </c>
      <c r="D50" s="150"/>
      <c r="E50" s="150"/>
      <c r="F50" s="150"/>
      <c r="G50" s="150"/>
      <c r="H50" s="150"/>
    </row>
    <row r="51" spans="1:8">
      <c r="A51" s="150"/>
      <c r="B51" s="169"/>
      <c r="C51" s="160" t="s">
        <v>27242</v>
      </c>
      <c r="D51" s="150"/>
      <c r="E51" s="150"/>
      <c r="F51" s="150"/>
      <c r="G51" s="150"/>
      <c r="H51" s="150"/>
    </row>
    <row r="52" spans="1:8" ht="38.25">
      <c r="A52" s="150"/>
      <c r="B52" s="169"/>
      <c r="C52" s="160" t="s">
        <v>32067</v>
      </c>
      <c r="D52" s="150"/>
      <c r="E52" s="150"/>
      <c r="F52" s="150"/>
      <c r="G52" s="150"/>
      <c r="H52" s="150"/>
    </row>
    <row r="53" spans="1:8" ht="25.5">
      <c r="A53" s="150"/>
      <c r="B53" s="165"/>
      <c r="C53" s="161" t="s">
        <v>32068</v>
      </c>
      <c r="D53" s="150"/>
      <c r="E53" s="150"/>
      <c r="F53" s="150"/>
      <c r="G53" s="150"/>
      <c r="H53" s="150"/>
    </row>
    <row r="54" spans="1:8">
      <c r="A54" s="150"/>
      <c r="B54" s="162" t="s">
        <v>8539</v>
      </c>
      <c r="C54" s="173" t="s">
        <v>32069</v>
      </c>
      <c r="D54" s="150"/>
      <c r="E54" s="150"/>
      <c r="F54" s="150"/>
      <c r="G54" s="150"/>
      <c r="H54" s="150"/>
    </row>
    <row r="55" spans="1:8" ht="38.25">
      <c r="A55" s="150"/>
      <c r="B55" s="163" t="s">
        <v>8540</v>
      </c>
      <c r="C55" s="174" t="s">
        <v>27243</v>
      </c>
      <c r="D55" s="150"/>
      <c r="E55" s="150"/>
      <c r="F55" s="150"/>
      <c r="G55" s="150"/>
      <c r="H55" s="150"/>
    </row>
    <row r="56" spans="1:8" ht="128.25">
      <c r="A56" s="150"/>
      <c r="B56" s="163" t="s">
        <v>8541</v>
      </c>
      <c r="C56" s="175" t="s">
        <v>31077</v>
      </c>
      <c r="D56" s="150"/>
      <c r="E56" s="150"/>
      <c r="F56" s="150"/>
      <c r="G56" s="150"/>
      <c r="H56" s="150"/>
    </row>
    <row r="57" spans="1:8" ht="63.75">
      <c r="A57" s="150"/>
      <c r="B57" s="163" t="s">
        <v>8542</v>
      </c>
      <c r="C57" s="174" t="s">
        <v>27244</v>
      </c>
      <c r="D57" s="150"/>
      <c r="E57" s="150"/>
      <c r="F57" s="150"/>
      <c r="G57" s="150"/>
      <c r="H57" s="150"/>
    </row>
    <row r="58" spans="1:8" ht="38.25">
      <c r="A58" s="150"/>
      <c r="B58" s="163" t="s">
        <v>8543</v>
      </c>
      <c r="C58" s="174" t="s">
        <v>32070</v>
      </c>
      <c r="D58" s="150"/>
      <c r="E58" s="150"/>
      <c r="F58" s="150"/>
      <c r="G58" s="150"/>
      <c r="H58" s="150"/>
    </row>
    <row r="59" spans="1:8" ht="89.25">
      <c r="A59" s="150"/>
      <c r="B59" s="163" t="s">
        <v>8544</v>
      </c>
      <c r="C59" s="174" t="s">
        <v>27245</v>
      </c>
      <c r="D59" s="150"/>
      <c r="E59" s="150"/>
      <c r="F59" s="150"/>
      <c r="G59" s="150"/>
      <c r="H59" s="150"/>
    </row>
    <row r="60" spans="1:8" ht="76.5">
      <c r="A60" s="150"/>
      <c r="B60" s="163" t="s">
        <v>8545</v>
      </c>
      <c r="C60" s="174" t="s">
        <v>27246</v>
      </c>
      <c r="D60" s="150"/>
      <c r="E60" s="150"/>
      <c r="F60" s="150"/>
      <c r="G60" s="150"/>
      <c r="H60" s="150"/>
    </row>
    <row r="61" spans="1:8" ht="76.5">
      <c r="A61" s="150"/>
      <c r="B61" s="163" t="s">
        <v>8546</v>
      </c>
      <c r="C61" s="174" t="s">
        <v>8553</v>
      </c>
      <c r="D61" s="150"/>
      <c r="E61" s="150"/>
      <c r="F61" s="150"/>
      <c r="G61" s="150"/>
      <c r="H61" s="150"/>
    </row>
    <row r="62" spans="1:8">
      <c r="A62" s="150"/>
      <c r="B62" s="163" t="s">
        <v>8547</v>
      </c>
      <c r="C62" s="169"/>
      <c r="D62" s="150"/>
      <c r="E62" s="150"/>
      <c r="F62" s="150"/>
      <c r="G62" s="150"/>
      <c r="H62" s="150"/>
    </row>
    <row r="63" spans="1:8">
      <c r="A63" s="150"/>
      <c r="B63" s="163" t="s">
        <v>8548</v>
      </c>
      <c r="C63" s="169"/>
      <c r="D63" s="150"/>
      <c r="E63" s="150"/>
      <c r="F63" s="150"/>
      <c r="G63" s="150"/>
      <c r="H63" s="150"/>
    </row>
    <row r="64" spans="1:8">
      <c r="A64" s="150"/>
      <c r="B64" s="163" t="s">
        <v>8549</v>
      </c>
      <c r="C64" s="169"/>
      <c r="D64" s="150"/>
      <c r="E64" s="150"/>
      <c r="F64" s="150"/>
      <c r="G64" s="150"/>
      <c r="H64" s="150"/>
    </row>
    <row r="65" spans="1:8">
      <c r="A65" s="150"/>
      <c r="B65" s="163" t="s">
        <v>8550</v>
      </c>
      <c r="C65" s="169"/>
      <c r="D65" s="150"/>
      <c r="E65" s="150"/>
      <c r="F65" s="150"/>
      <c r="G65" s="150"/>
      <c r="H65" s="150"/>
    </row>
    <row r="66" spans="1:8">
      <c r="A66" s="150"/>
      <c r="B66" s="163" t="s">
        <v>8551</v>
      </c>
      <c r="C66" s="169"/>
      <c r="D66" s="150"/>
      <c r="E66" s="150"/>
      <c r="F66" s="150"/>
      <c r="G66" s="150"/>
      <c r="H66" s="150"/>
    </row>
    <row r="67" spans="1:8">
      <c r="A67" s="150"/>
      <c r="B67" s="164" t="s">
        <v>8552</v>
      </c>
      <c r="C67" s="165"/>
      <c r="D67" s="150"/>
      <c r="E67" s="150"/>
      <c r="F67" s="150"/>
      <c r="G67" s="150"/>
      <c r="H67" s="150"/>
    </row>
    <row r="68" spans="1:8" ht="25.5">
      <c r="A68" s="150"/>
      <c r="B68" s="162" t="s">
        <v>8554</v>
      </c>
      <c r="C68" s="159" t="s">
        <v>8531</v>
      </c>
      <c r="D68" s="150"/>
      <c r="E68" s="150"/>
      <c r="F68" s="150"/>
      <c r="G68" s="150"/>
      <c r="H68" s="150"/>
    </row>
    <row r="69" spans="1:8" ht="25.5">
      <c r="A69" s="150"/>
      <c r="B69" s="163" t="s">
        <v>8555</v>
      </c>
      <c r="C69" s="160" t="s">
        <v>8527</v>
      </c>
      <c r="D69" s="150"/>
      <c r="E69" s="150"/>
      <c r="F69" s="150"/>
      <c r="G69" s="150"/>
      <c r="H69" s="150"/>
    </row>
    <row r="70" spans="1:8">
      <c r="A70" s="150"/>
      <c r="B70" s="164" t="s">
        <v>8556</v>
      </c>
      <c r="C70" s="165"/>
      <c r="D70" s="150"/>
      <c r="E70" s="150"/>
      <c r="F70" s="150"/>
      <c r="G70" s="150"/>
      <c r="H70" s="150"/>
    </row>
    <row r="71" spans="1:8" ht="25.5">
      <c r="A71" s="150"/>
      <c r="B71" s="162" t="s">
        <v>8557</v>
      </c>
      <c r="C71" s="159" t="s">
        <v>8531</v>
      </c>
      <c r="D71" s="150"/>
      <c r="E71" s="150"/>
      <c r="F71" s="150"/>
      <c r="G71" s="150"/>
      <c r="H71" s="150"/>
    </row>
    <row r="72" spans="1:8" ht="25.5">
      <c r="A72" s="150"/>
      <c r="B72" s="164" t="s">
        <v>8558</v>
      </c>
      <c r="C72" s="161" t="s">
        <v>8527</v>
      </c>
      <c r="D72" s="150"/>
      <c r="E72" s="150"/>
      <c r="F72" s="150"/>
      <c r="G72" s="150"/>
      <c r="H72" s="150"/>
    </row>
    <row r="73" spans="1:8" ht="38.25">
      <c r="A73" s="150"/>
      <c r="B73" s="176" t="s">
        <v>8559</v>
      </c>
      <c r="C73" s="159" t="s">
        <v>8570</v>
      </c>
      <c r="D73" s="150"/>
      <c r="E73" s="150"/>
      <c r="F73" s="150"/>
      <c r="G73" s="150"/>
      <c r="H73" s="150"/>
    </row>
    <row r="74" spans="1:8" ht="25.5">
      <c r="A74" s="150"/>
      <c r="B74" s="163" t="s">
        <v>8560</v>
      </c>
      <c r="C74" s="160" t="s">
        <v>8571</v>
      </c>
      <c r="D74" s="150"/>
      <c r="E74" s="150"/>
      <c r="F74" s="150"/>
      <c r="G74" s="150"/>
      <c r="H74" s="150"/>
    </row>
    <row r="75" spans="1:8" ht="25.5">
      <c r="A75" s="150"/>
      <c r="B75" s="177" t="s">
        <v>32071</v>
      </c>
      <c r="C75" s="160" t="s">
        <v>13413</v>
      </c>
      <c r="D75" s="150"/>
      <c r="E75" s="150"/>
      <c r="F75" s="150"/>
      <c r="G75" s="150"/>
      <c r="H75" s="150"/>
    </row>
    <row r="76" spans="1:8">
      <c r="A76" s="150"/>
      <c r="B76" s="163" t="s">
        <v>8561</v>
      </c>
      <c r="C76" s="169"/>
      <c r="D76" s="150"/>
      <c r="E76" s="150"/>
      <c r="F76" s="150"/>
      <c r="G76" s="150"/>
      <c r="H76" s="150"/>
    </row>
    <row r="77" spans="1:8">
      <c r="A77" s="150"/>
      <c r="B77" s="163" t="s">
        <v>8562</v>
      </c>
      <c r="C77" s="169"/>
      <c r="D77" s="150"/>
      <c r="E77" s="150"/>
      <c r="F77" s="150"/>
      <c r="G77" s="150"/>
      <c r="H77" s="150"/>
    </row>
    <row r="78" spans="1:8" ht="25.5">
      <c r="A78" s="150"/>
      <c r="B78" s="163" t="s">
        <v>32072</v>
      </c>
      <c r="C78" s="169"/>
      <c r="D78" s="150"/>
      <c r="E78" s="150"/>
      <c r="F78" s="150"/>
      <c r="G78" s="150"/>
      <c r="H78" s="150"/>
    </row>
    <row r="79" spans="1:8" ht="25.5">
      <c r="A79" s="150"/>
      <c r="B79" s="163" t="s">
        <v>32073</v>
      </c>
      <c r="C79" s="169"/>
      <c r="D79" s="150"/>
      <c r="E79" s="150"/>
      <c r="F79" s="150"/>
      <c r="G79" s="150"/>
      <c r="H79" s="150"/>
    </row>
    <row r="80" spans="1:8">
      <c r="A80" s="150"/>
      <c r="B80" s="163" t="s">
        <v>8563</v>
      </c>
      <c r="C80" s="169"/>
      <c r="D80" s="150"/>
      <c r="E80" s="150"/>
      <c r="F80" s="150"/>
      <c r="G80" s="150"/>
      <c r="H80" s="150"/>
    </row>
    <row r="81" spans="1:8">
      <c r="A81" s="150"/>
      <c r="B81" s="163" t="s">
        <v>8564</v>
      </c>
      <c r="C81" s="169"/>
      <c r="D81" s="150"/>
      <c r="E81" s="150"/>
      <c r="F81" s="150"/>
      <c r="G81" s="150"/>
      <c r="H81" s="150"/>
    </row>
    <row r="82" spans="1:8">
      <c r="A82" s="150"/>
      <c r="B82" s="163" t="s">
        <v>8565</v>
      </c>
      <c r="C82" s="169"/>
      <c r="D82" s="150"/>
      <c r="E82" s="150"/>
      <c r="F82" s="150"/>
      <c r="G82" s="150"/>
      <c r="H82" s="150"/>
    </row>
    <row r="83" spans="1:8">
      <c r="A83" s="150"/>
      <c r="B83" s="163" t="s">
        <v>8566</v>
      </c>
      <c r="C83" s="169"/>
      <c r="D83" s="150"/>
      <c r="E83" s="150"/>
      <c r="F83" s="150"/>
      <c r="G83" s="150"/>
      <c r="H83" s="150"/>
    </row>
    <row r="84" spans="1:8">
      <c r="A84" s="150"/>
      <c r="B84" s="163" t="s">
        <v>8567</v>
      </c>
      <c r="C84" s="169"/>
      <c r="D84" s="150"/>
      <c r="E84" s="150"/>
      <c r="F84" s="150"/>
      <c r="G84" s="150"/>
      <c r="H84" s="150"/>
    </row>
    <row r="85" spans="1:8">
      <c r="A85" s="150"/>
      <c r="B85" s="163" t="s">
        <v>8568</v>
      </c>
      <c r="C85" s="169"/>
      <c r="D85" s="150"/>
      <c r="E85" s="150"/>
      <c r="F85" s="150"/>
      <c r="G85" s="150"/>
      <c r="H85" s="150"/>
    </row>
    <row r="86" spans="1:8">
      <c r="A86" s="150"/>
      <c r="B86" s="164" t="s">
        <v>8569</v>
      </c>
      <c r="C86" s="165"/>
      <c r="D86" s="150"/>
      <c r="E86" s="150"/>
      <c r="F86" s="150"/>
      <c r="G86" s="150"/>
      <c r="H86" s="150"/>
    </row>
    <row r="87" spans="1:8" ht="38.25">
      <c r="A87" s="150"/>
      <c r="B87" s="176" t="s">
        <v>8572</v>
      </c>
      <c r="C87" s="159" t="s">
        <v>8570</v>
      </c>
      <c r="D87" s="150"/>
      <c r="E87" s="150"/>
      <c r="F87" s="150"/>
      <c r="G87" s="150"/>
      <c r="H87" s="150"/>
    </row>
    <row r="88" spans="1:8" ht="25.5">
      <c r="A88" s="150"/>
      <c r="B88" s="163" t="s">
        <v>8573</v>
      </c>
      <c r="C88" s="160" t="s">
        <v>8571</v>
      </c>
      <c r="D88" s="150"/>
      <c r="E88" s="150"/>
      <c r="F88" s="150"/>
      <c r="G88" s="150"/>
      <c r="H88" s="150"/>
    </row>
    <row r="89" spans="1:8" ht="25.5">
      <c r="A89" s="150"/>
      <c r="B89" s="163" t="s">
        <v>8574</v>
      </c>
      <c r="C89" s="160" t="s">
        <v>13413</v>
      </c>
      <c r="D89" s="150"/>
      <c r="E89" s="150"/>
      <c r="F89" s="150"/>
      <c r="G89" s="150"/>
      <c r="H89" s="150"/>
    </row>
    <row r="90" spans="1:8">
      <c r="A90" s="150"/>
      <c r="B90" s="163" t="s">
        <v>8575</v>
      </c>
      <c r="C90" s="169"/>
      <c r="D90" s="150"/>
      <c r="E90" s="150"/>
      <c r="F90" s="150"/>
      <c r="G90" s="150"/>
      <c r="H90" s="150"/>
    </row>
    <row r="91" spans="1:8">
      <c r="A91" s="150"/>
      <c r="B91" s="163" t="s">
        <v>8576</v>
      </c>
      <c r="C91" s="169"/>
      <c r="D91" s="150"/>
      <c r="E91" s="150"/>
      <c r="F91" s="150"/>
      <c r="G91" s="150"/>
      <c r="H91" s="150"/>
    </row>
    <row r="92" spans="1:8">
      <c r="A92" s="150"/>
      <c r="B92" s="163" t="s">
        <v>8577</v>
      </c>
      <c r="C92" s="169"/>
      <c r="D92" s="150"/>
      <c r="E92" s="150"/>
      <c r="F92" s="150"/>
      <c r="G92" s="150"/>
      <c r="H92" s="150"/>
    </row>
    <row r="93" spans="1:8">
      <c r="A93" s="150"/>
      <c r="B93" s="163" t="s">
        <v>8578</v>
      </c>
      <c r="C93" s="169"/>
      <c r="D93" s="150"/>
      <c r="E93" s="150"/>
      <c r="F93" s="150"/>
      <c r="G93" s="150"/>
      <c r="H93" s="150"/>
    </row>
    <row r="94" spans="1:8">
      <c r="A94" s="150"/>
      <c r="B94" s="163" t="s">
        <v>8579</v>
      </c>
      <c r="C94" s="169"/>
      <c r="D94" s="150"/>
      <c r="E94" s="150"/>
      <c r="F94" s="150"/>
      <c r="G94" s="150"/>
      <c r="H94" s="150"/>
    </row>
    <row r="95" spans="1:8">
      <c r="A95" s="150"/>
      <c r="B95" s="163" t="s">
        <v>8580</v>
      </c>
      <c r="C95" s="169"/>
      <c r="D95" s="150"/>
      <c r="E95" s="150"/>
      <c r="F95" s="150"/>
      <c r="G95" s="150"/>
      <c r="H95" s="150"/>
    </row>
    <row r="96" spans="1:8">
      <c r="A96" s="150"/>
      <c r="B96" s="164" t="s">
        <v>8581</v>
      </c>
      <c r="C96" s="165"/>
      <c r="D96" s="150"/>
      <c r="E96" s="150"/>
      <c r="F96" s="150"/>
      <c r="G96" s="150"/>
      <c r="H96" s="150"/>
    </row>
    <row r="97" spans="1:8" ht="38.25">
      <c r="A97" s="150"/>
      <c r="B97" s="162" t="s">
        <v>8582</v>
      </c>
      <c r="C97" s="159" t="s">
        <v>8570</v>
      </c>
      <c r="D97" s="150"/>
      <c r="E97" s="150"/>
      <c r="F97" s="150"/>
      <c r="G97" s="150"/>
      <c r="H97" s="150"/>
    </row>
    <row r="98" spans="1:8" ht="25.5">
      <c r="A98" s="150"/>
      <c r="B98" s="163" t="s">
        <v>8583</v>
      </c>
      <c r="C98" s="160" t="s">
        <v>8571</v>
      </c>
      <c r="D98" s="150"/>
      <c r="E98" s="150"/>
      <c r="F98" s="150"/>
      <c r="G98" s="150"/>
      <c r="H98" s="150"/>
    </row>
    <row r="99" spans="1:8" ht="25.5">
      <c r="A99" s="150"/>
      <c r="B99" s="163" t="s">
        <v>8584</v>
      </c>
      <c r="C99" s="160" t="s">
        <v>13413</v>
      </c>
      <c r="D99" s="150"/>
      <c r="E99" s="150"/>
      <c r="F99" s="150"/>
      <c r="G99" s="150"/>
      <c r="H99" s="150"/>
    </row>
    <row r="100" spans="1:8">
      <c r="A100" s="150"/>
      <c r="B100" s="163" t="s">
        <v>8585</v>
      </c>
      <c r="C100" s="169"/>
      <c r="D100" s="150"/>
      <c r="E100" s="150"/>
      <c r="F100" s="150"/>
      <c r="G100" s="150"/>
      <c r="H100" s="150"/>
    </row>
    <row r="101" spans="1:8">
      <c r="A101" s="150"/>
      <c r="B101" s="163" t="s">
        <v>8586</v>
      </c>
      <c r="C101" s="169"/>
      <c r="D101" s="150"/>
      <c r="E101" s="150"/>
      <c r="F101" s="150"/>
      <c r="G101" s="150"/>
      <c r="H101" s="150"/>
    </row>
    <row r="102" spans="1:8">
      <c r="A102" s="150"/>
      <c r="B102" s="163" t="s">
        <v>8587</v>
      </c>
      <c r="C102" s="169"/>
      <c r="D102" s="150"/>
      <c r="E102" s="150"/>
      <c r="F102" s="150"/>
      <c r="G102" s="150"/>
      <c r="H102" s="150"/>
    </row>
    <row r="103" spans="1:8">
      <c r="A103" s="150"/>
      <c r="B103" s="163" t="s">
        <v>8588</v>
      </c>
      <c r="C103" s="169"/>
      <c r="D103" s="150"/>
      <c r="E103" s="150"/>
      <c r="F103" s="150"/>
      <c r="G103" s="150"/>
      <c r="H103" s="150"/>
    </row>
    <row r="104" spans="1:8">
      <c r="A104" s="150"/>
      <c r="B104" s="163" t="s">
        <v>8589</v>
      </c>
      <c r="C104" s="169"/>
      <c r="D104" s="150"/>
      <c r="E104" s="150"/>
      <c r="F104" s="150"/>
      <c r="G104" s="150"/>
      <c r="H104" s="150"/>
    </row>
    <row r="105" spans="1:8">
      <c r="A105" s="150"/>
      <c r="B105" s="163" t="s">
        <v>8590</v>
      </c>
      <c r="C105" s="169"/>
      <c r="D105" s="150"/>
      <c r="E105" s="150"/>
      <c r="F105" s="150"/>
      <c r="G105" s="150"/>
      <c r="H105" s="150"/>
    </row>
    <row r="106" spans="1:8">
      <c r="A106" s="150"/>
      <c r="B106" s="163" t="s">
        <v>8591</v>
      </c>
      <c r="C106" s="169"/>
      <c r="D106" s="150"/>
      <c r="E106" s="150"/>
      <c r="F106" s="150"/>
      <c r="G106" s="150"/>
      <c r="H106" s="150"/>
    </row>
    <row r="107" spans="1:8">
      <c r="A107" s="150"/>
      <c r="B107" s="163" t="s">
        <v>8592</v>
      </c>
      <c r="C107" s="169"/>
      <c r="D107" s="150"/>
      <c r="E107" s="150"/>
      <c r="F107" s="150"/>
      <c r="G107" s="150"/>
      <c r="H107" s="150"/>
    </row>
    <row r="108" spans="1:8">
      <c r="A108" s="150"/>
      <c r="B108" s="164" t="s">
        <v>8593</v>
      </c>
      <c r="C108" s="165"/>
      <c r="D108" s="150"/>
      <c r="E108" s="150"/>
      <c r="F108" s="150"/>
      <c r="G108" s="150"/>
      <c r="H108" s="150"/>
    </row>
    <row r="109" spans="1:8">
      <c r="A109" s="150"/>
      <c r="B109" s="162" t="s">
        <v>8594</v>
      </c>
      <c r="C109" s="159" t="s">
        <v>8605</v>
      </c>
      <c r="D109" s="150"/>
      <c r="E109" s="150"/>
      <c r="F109" s="150"/>
      <c r="G109" s="150"/>
      <c r="H109" s="150"/>
    </row>
    <row r="110" spans="1:8" ht="25.5">
      <c r="A110" s="150"/>
      <c r="B110" s="163" t="s">
        <v>8595</v>
      </c>
      <c r="C110" s="160" t="s">
        <v>13414</v>
      </c>
      <c r="D110" s="150"/>
      <c r="E110" s="150"/>
      <c r="F110" s="150"/>
      <c r="G110" s="150"/>
      <c r="H110" s="150"/>
    </row>
    <row r="111" spans="1:8">
      <c r="A111" s="150"/>
      <c r="B111" s="163" t="s">
        <v>8596</v>
      </c>
      <c r="C111" s="169"/>
      <c r="D111" s="150"/>
      <c r="E111" s="150"/>
      <c r="F111" s="150"/>
      <c r="G111" s="150"/>
      <c r="H111" s="150"/>
    </row>
    <row r="112" spans="1:8">
      <c r="A112" s="150"/>
      <c r="B112" s="163" t="s">
        <v>8597</v>
      </c>
      <c r="C112" s="169"/>
      <c r="D112" s="150"/>
      <c r="E112" s="150"/>
      <c r="F112" s="150"/>
      <c r="G112" s="150"/>
      <c r="H112" s="150"/>
    </row>
    <row r="113" spans="1:8">
      <c r="A113" s="150"/>
      <c r="B113" s="163" t="s">
        <v>8564</v>
      </c>
      <c r="C113" s="169"/>
      <c r="D113" s="150"/>
      <c r="E113" s="150"/>
      <c r="F113" s="150"/>
      <c r="G113" s="150"/>
      <c r="H113" s="150"/>
    </row>
    <row r="114" spans="1:8">
      <c r="A114" s="150"/>
      <c r="B114" s="163" t="s">
        <v>8598</v>
      </c>
      <c r="C114" s="169"/>
      <c r="D114" s="150"/>
      <c r="E114" s="150"/>
      <c r="F114" s="150"/>
      <c r="G114" s="150"/>
      <c r="H114" s="150"/>
    </row>
    <row r="115" spans="1:8">
      <c r="A115" s="150"/>
      <c r="B115" s="163" t="s">
        <v>8599</v>
      </c>
      <c r="C115" s="169"/>
      <c r="D115" s="150"/>
      <c r="E115" s="150"/>
      <c r="F115" s="150"/>
      <c r="G115" s="150"/>
      <c r="H115" s="150"/>
    </row>
    <row r="116" spans="1:8">
      <c r="A116" s="150"/>
      <c r="B116" s="163" t="s">
        <v>8600</v>
      </c>
      <c r="C116" s="169"/>
      <c r="D116" s="150"/>
      <c r="E116" s="150"/>
      <c r="F116" s="150"/>
      <c r="G116" s="150"/>
      <c r="H116" s="150"/>
    </row>
    <row r="117" spans="1:8">
      <c r="A117" s="150"/>
      <c r="B117" s="163" t="s">
        <v>8601</v>
      </c>
      <c r="C117" s="169"/>
      <c r="D117" s="150"/>
      <c r="E117" s="150"/>
      <c r="F117" s="150"/>
      <c r="G117" s="150"/>
      <c r="H117" s="150"/>
    </row>
    <row r="118" spans="1:8">
      <c r="A118" s="150"/>
      <c r="B118" s="163" t="s">
        <v>8602</v>
      </c>
      <c r="C118" s="169"/>
      <c r="D118" s="150"/>
      <c r="E118" s="150"/>
      <c r="F118" s="150"/>
      <c r="G118" s="150"/>
      <c r="H118" s="150"/>
    </row>
    <row r="119" spans="1:8">
      <c r="A119" s="150"/>
      <c r="B119" s="163" t="s">
        <v>8603</v>
      </c>
      <c r="C119" s="169"/>
      <c r="D119" s="150"/>
      <c r="E119" s="150"/>
      <c r="F119" s="150"/>
      <c r="G119" s="150"/>
      <c r="H119" s="150"/>
    </row>
    <row r="120" spans="1:8">
      <c r="A120" s="150"/>
      <c r="B120" s="164" t="s">
        <v>8604</v>
      </c>
      <c r="C120" s="165"/>
      <c r="D120" s="150"/>
      <c r="E120" s="150"/>
      <c r="F120" s="150"/>
      <c r="G120" s="150"/>
      <c r="H120" s="150"/>
    </row>
    <row r="121" spans="1:8" ht="25.5">
      <c r="A121" s="150"/>
      <c r="B121" s="162" t="s">
        <v>8606</v>
      </c>
      <c r="C121" s="159" t="s">
        <v>32074</v>
      </c>
      <c r="D121" s="150"/>
      <c r="E121" s="150"/>
      <c r="F121" s="150"/>
      <c r="G121" s="150"/>
      <c r="H121" s="150"/>
    </row>
    <row r="122" spans="1:8" ht="76.5">
      <c r="A122" s="150"/>
      <c r="B122" s="163" t="s">
        <v>32075</v>
      </c>
      <c r="C122" s="160" t="s">
        <v>32076</v>
      </c>
      <c r="D122" s="150"/>
      <c r="E122" s="150"/>
      <c r="F122" s="150"/>
      <c r="G122" s="150"/>
      <c r="H122" s="150"/>
    </row>
    <row r="123" spans="1:8">
      <c r="A123" s="150"/>
      <c r="B123" s="163" t="s">
        <v>8607</v>
      </c>
      <c r="C123" s="169"/>
      <c r="D123" s="150"/>
      <c r="E123" s="150"/>
      <c r="F123" s="150"/>
      <c r="G123" s="150"/>
      <c r="H123" s="150"/>
    </row>
    <row r="124" spans="1:8">
      <c r="A124" s="150"/>
      <c r="B124" s="163" t="s">
        <v>8608</v>
      </c>
      <c r="C124" s="169"/>
      <c r="D124" s="150"/>
      <c r="E124" s="150"/>
      <c r="F124" s="150"/>
      <c r="G124" s="150"/>
      <c r="H124" s="150"/>
    </row>
    <row r="125" spans="1:8">
      <c r="A125" s="150"/>
      <c r="B125" s="163" t="s">
        <v>32077</v>
      </c>
      <c r="C125" s="169"/>
      <c r="D125" s="150"/>
      <c r="E125" s="150"/>
      <c r="F125" s="150"/>
      <c r="G125" s="150"/>
      <c r="H125" s="150"/>
    </row>
    <row r="126" spans="1:8">
      <c r="A126" s="150"/>
      <c r="B126" s="163" t="s">
        <v>8609</v>
      </c>
      <c r="C126" s="169"/>
      <c r="D126" s="150"/>
      <c r="E126" s="150"/>
      <c r="F126" s="150"/>
      <c r="G126" s="150"/>
      <c r="H126" s="150"/>
    </row>
    <row r="127" spans="1:8">
      <c r="A127" s="150"/>
      <c r="B127" s="164" t="s">
        <v>8610</v>
      </c>
      <c r="C127" s="165"/>
      <c r="D127" s="150"/>
      <c r="E127" s="150"/>
      <c r="F127" s="150"/>
      <c r="G127" s="150"/>
      <c r="H127" s="150"/>
    </row>
    <row r="128" spans="1:8" ht="25.5">
      <c r="A128" s="150"/>
      <c r="B128" s="162" t="s">
        <v>8611</v>
      </c>
      <c r="C128" s="159" t="s">
        <v>32074</v>
      </c>
      <c r="D128" s="150"/>
      <c r="E128" s="150"/>
      <c r="F128" s="150"/>
      <c r="G128" s="150"/>
      <c r="H128" s="150"/>
    </row>
    <row r="129" spans="1:8" ht="76.5">
      <c r="A129" s="150"/>
      <c r="B129" s="163" t="s">
        <v>32078</v>
      </c>
      <c r="C129" s="160" t="s">
        <v>32076</v>
      </c>
      <c r="D129" s="150"/>
      <c r="E129" s="150"/>
      <c r="F129" s="150"/>
      <c r="G129" s="150"/>
      <c r="H129" s="150"/>
    </row>
    <row r="130" spans="1:8">
      <c r="A130" s="150"/>
      <c r="B130" s="163" t="s">
        <v>8612</v>
      </c>
      <c r="C130" s="169"/>
      <c r="D130" s="150"/>
      <c r="E130" s="150"/>
      <c r="F130" s="150"/>
      <c r="G130" s="150"/>
      <c r="H130" s="150"/>
    </row>
    <row r="131" spans="1:8">
      <c r="A131" s="150"/>
      <c r="B131" s="163" t="s">
        <v>8613</v>
      </c>
      <c r="C131" s="169"/>
      <c r="D131" s="150"/>
      <c r="E131" s="150"/>
      <c r="F131" s="150"/>
      <c r="G131" s="150"/>
      <c r="H131" s="150"/>
    </row>
    <row r="132" spans="1:8">
      <c r="A132" s="150"/>
      <c r="B132" s="163" t="s">
        <v>32079</v>
      </c>
      <c r="C132" s="169"/>
      <c r="D132" s="150"/>
      <c r="E132" s="150"/>
      <c r="F132" s="150"/>
      <c r="G132" s="150"/>
      <c r="H132" s="150"/>
    </row>
    <row r="133" spans="1:8">
      <c r="A133" s="150"/>
      <c r="B133" s="163" t="s">
        <v>8614</v>
      </c>
      <c r="C133" s="169"/>
      <c r="D133" s="150"/>
      <c r="E133" s="150"/>
      <c r="F133" s="150"/>
      <c r="G133" s="150"/>
      <c r="H133" s="150"/>
    </row>
    <row r="134" spans="1:8">
      <c r="A134" s="150"/>
      <c r="B134" s="164" t="s">
        <v>8615</v>
      </c>
      <c r="C134" s="165"/>
      <c r="D134" s="150"/>
      <c r="E134" s="150"/>
      <c r="F134" s="150"/>
      <c r="G134" s="150"/>
      <c r="H134" s="150"/>
    </row>
    <row r="135" spans="1:8" ht="25.5">
      <c r="A135" s="150"/>
      <c r="B135" s="1147" t="s">
        <v>8616</v>
      </c>
      <c r="C135" s="159" t="s">
        <v>8617</v>
      </c>
      <c r="D135" s="150"/>
      <c r="E135" s="150"/>
      <c r="F135" s="150"/>
      <c r="G135" s="150"/>
      <c r="H135" s="150"/>
    </row>
    <row r="136" spans="1:8">
      <c r="A136" s="150"/>
      <c r="B136" s="1157"/>
      <c r="C136" s="160" t="s">
        <v>8618</v>
      </c>
      <c r="D136" s="150"/>
      <c r="E136" s="150"/>
      <c r="F136" s="150"/>
      <c r="G136" s="150"/>
      <c r="H136" s="150"/>
    </row>
    <row r="137" spans="1:8">
      <c r="A137" s="150"/>
      <c r="B137" s="1157"/>
      <c r="C137" s="160" t="s">
        <v>8619</v>
      </c>
      <c r="D137" s="150"/>
      <c r="E137" s="150"/>
      <c r="F137" s="150"/>
      <c r="G137" s="150"/>
      <c r="H137" s="150"/>
    </row>
    <row r="138" spans="1:8" ht="25.5">
      <c r="A138" s="150"/>
      <c r="B138" s="1157"/>
      <c r="C138" s="160" t="s">
        <v>8620</v>
      </c>
      <c r="D138" s="150"/>
      <c r="E138" s="150"/>
      <c r="F138" s="150"/>
      <c r="G138" s="150"/>
      <c r="H138" s="150"/>
    </row>
    <row r="139" spans="1:8">
      <c r="A139" s="150"/>
      <c r="B139" s="1157"/>
      <c r="C139" s="160" t="s">
        <v>8621</v>
      </c>
      <c r="D139" s="150"/>
      <c r="E139" s="150"/>
      <c r="F139" s="150"/>
      <c r="G139" s="150"/>
      <c r="H139" s="150"/>
    </row>
    <row r="140" spans="1:8">
      <c r="A140" s="150"/>
      <c r="B140" s="1157"/>
      <c r="C140" s="160" t="s">
        <v>8622</v>
      </c>
      <c r="D140" s="150"/>
      <c r="E140" s="150"/>
      <c r="F140" s="150"/>
      <c r="G140" s="150"/>
      <c r="H140" s="150"/>
    </row>
    <row r="141" spans="1:8" ht="25.5">
      <c r="A141" s="150"/>
      <c r="B141" s="1157"/>
      <c r="C141" s="160" t="s">
        <v>8623</v>
      </c>
      <c r="D141" s="150"/>
      <c r="E141" s="150"/>
      <c r="F141" s="150"/>
      <c r="G141" s="150"/>
      <c r="H141" s="150"/>
    </row>
    <row r="142" spans="1:8">
      <c r="A142" s="150"/>
      <c r="B142" s="1148"/>
      <c r="C142" s="161" t="s">
        <v>8624</v>
      </c>
      <c r="D142" s="150"/>
      <c r="E142" s="150"/>
      <c r="F142" s="150"/>
      <c r="G142" s="150"/>
      <c r="H142" s="150"/>
    </row>
    <row r="143" spans="1:8">
      <c r="A143" s="150"/>
      <c r="B143" s="162" t="s">
        <v>8625</v>
      </c>
      <c r="C143" s="167" t="s">
        <v>27247</v>
      </c>
      <c r="D143" s="150"/>
      <c r="E143" s="150"/>
      <c r="F143" s="150"/>
      <c r="G143" s="150"/>
      <c r="H143" s="150"/>
    </row>
    <row r="144" spans="1:8">
      <c r="A144" s="150"/>
      <c r="B144" s="163" t="s">
        <v>8626</v>
      </c>
      <c r="C144" s="174" t="s">
        <v>27248</v>
      </c>
      <c r="D144" s="150"/>
      <c r="E144" s="150"/>
      <c r="F144" s="150"/>
      <c r="G144" s="150"/>
      <c r="H144" s="150"/>
    </row>
    <row r="145" spans="1:8" ht="38.25">
      <c r="A145" s="150"/>
      <c r="B145" s="163" t="s">
        <v>8627</v>
      </c>
      <c r="C145" s="174" t="s">
        <v>27249</v>
      </c>
      <c r="D145" s="150"/>
      <c r="E145" s="150"/>
      <c r="F145" s="150"/>
      <c r="G145" s="150"/>
      <c r="H145" s="150"/>
    </row>
    <row r="146" spans="1:8" ht="51">
      <c r="A146" s="150"/>
      <c r="B146" s="169"/>
      <c r="C146" s="174" t="s">
        <v>27250</v>
      </c>
      <c r="D146" s="150"/>
      <c r="E146" s="150"/>
      <c r="F146" s="150"/>
      <c r="G146" s="150"/>
      <c r="H146" s="150"/>
    </row>
    <row r="147" spans="1:8">
      <c r="A147" s="150"/>
      <c r="B147" s="169"/>
      <c r="C147" s="174" t="s">
        <v>27251</v>
      </c>
      <c r="D147" s="150"/>
      <c r="E147" s="150"/>
      <c r="F147" s="150"/>
      <c r="G147" s="150"/>
      <c r="H147" s="150"/>
    </row>
    <row r="148" spans="1:8">
      <c r="A148" s="150"/>
      <c r="B148" s="169"/>
      <c r="C148" s="174" t="s">
        <v>27252</v>
      </c>
      <c r="D148" s="150"/>
      <c r="E148" s="150"/>
      <c r="F148" s="150"/>
      <c r="G148" s="150"/>
      <c r="H148" s="150"/>
    </row>
    <row r="149" spans="1:8" ht="25.5">
      <c r="A149" s="150"/>
      <c r="B149" s="169"/>
      <c r="C149" s="174" t="s">
        <v>32080</v>
      </c>
      <c r="D149" s="150"/>
      <c r="E149" s="150"/>
      <c r="F149" s="150"/>
      <c r="G149" s="150"/>
      <c r="H149" s="150"/>
    </row>
    <row r="150" spans="1:8" ht="38.25">
      <c r="A150" s="150"/>
      <c r="B150" s="169"/>
      <c r="C150" s="174" t="s">
        <v>27253</v>
      </c>
      <c r="D150" s="150"/>
      <c r="E150" s="150"/>
      <c r="F150" s="150"/>
      <c r="G150" s="150"/>
      <c r="H150" s="150"/>
    </row>
    <row r="151" spans="1:8">
      <c r="A151" s="150"/>
      <c r="B151" s="169"/>
      <c r="C151" s="174" t="s">
        <v>27254</v>
      </c>
      <c r="D151" s="150"/>
      <c r="E151" s="150"/>
      <c r="F151" s="150"/>
      <c r="G151" s="150"/>
      <c r="H151" s="150"/>
    </row>
    <row r="152" spans="1:8">
      <c r="A152" s="150"/>
      <c r="B152" s="169"/>
      <c r="C152" s="174" t="s">
        <v>27255</v>
      </c>
      <c r="D152" s="150"/>
      <c r="E152" s="150"/>
      <c r="F152" s="150"/>
      <c r="G152" s="150"/>
      <c r="H152" s="150"/>
    </row>
    <row r="153" spans="1:8">
      <c r="A153" s="150"/>
      <c r="B153" s="169"/>
      <c r="C153" s="174" t="s">
        <v>27256</v>
      </c>
      <c r="D153" s="150"/>
      <c r="E153" s="150"/>
      <c r="F153" s="150"/>
      <c r="G153" s="150"/>
      <c r="H153" s="150"/>
    </row>
    <row r="154" spans="1:8">
      <c r="A154" s="150"/>
      <c r="B154" s="169"/>
      <c r="C154" s="174" t="s">
        <v>27257</v>
      </c>
      <c r="D154" s="150"/>
      <c r="E154" s="150"/>
      <c r="F154" s="150"/>
      <c r="G154" s="150"/>
      <c r="H154" s="150"/>
    </row>
    <row r="155" spans="1:8">
      <c r="A155" s="150"/>
      <c r="B155" s="169"/>
      <c r="C155" s="174" t="s">
        <v>27258</v>
      </c>
      <c r="D155" s="150"/>
      <c r="E155" s="150"/>
      <c r="F155" s="150"/>
      <c r="G155" s="150"/>
      <c r="H155" s="150"/>
    </row>
    <row r="156" spans="1:8">
      <c r="A156" s="150"/>
      <c r="B156" s="169"/>
      <c r="C156" s="174" t="s">
        <v>27259</v>
      </c>
      <c r="D156" s="150"/>
      <c r="E156" s="150"/>
      <c r="F156" s="150"/>
      <c r="G156" s="150"/>
      <c r="H156" s="150"/>
    </row>
    <row r="157" spans="1:8">
      <c r="A157" s="150"/>
      <c r="B157" s="169"/>
      <c r="C157" s="174" t="s">
        <v>27260</v>
      </c>
      <c r="D157" s="150"/>
      <c r="E157" s="150"/>
      <c r="F157" s="150"/>
      <c r="G157" s="150"/>
      <c r="H157" s="150"/>
    </row>
    <row r="158" spans="1:8" ht="25.5">
      <c r="A158" s="150"/>
      <c r="B158" s="169"/>
      <c r="C158" s="174" t="s">
        <v>27261</v>
      </c>
      <c r="D158" s="150"/>
      <c r="E158" s="150"/>
      <c r="F158" s="150"/>
      <c r="G158" s="150"/>
      <c r="H158" s="150"/>
    </row>
    <row r="159" spans="1:8">
      <c r="A159" s="150"/>
      <c r="B159" s="169"/>
      <c r="C159" s="174" t="s">
        <v>27262</v>
      </c>
      <c r="D159" s="150"/>
      <c r="E159" s="150"/>
      <c r="F159" s="150"/>
      <c r="G159" s="150"/>
      <c r="H159" s="150"/>
    </row>
    <row r="160" spans="1:8">
      <c r="A160" s="150"/>
      <c r="B160" s="169"/>
      <c r="C160" s="174" t="s">
        <v>27263</v>
      </c>
      <c r="D160" s="150"/>
      <c r="E160" s="150"/>
      <c r="F160" s="150"/>
      <c r="G160" s="150"/>
      <c r="H160" s="150"/>
    </row>
    <row r="161" spans="1:8">
      <c r="A161" s="150"/>
      <c r="B161" s="169"/>
      <c r="C161" s="174" t="s">
        <v>27264</v>
      </c>
      <c r="D161" s="150"/>
      <c r="E161" s="150"/>
      <c r="F161" s="150"/>
      <c r="G161" s="150"/>
      <c r="H161" s="150"/>
    </row>
    <row r="162" spans="1:8" ht="25.5">
      <c r="A162" s="150"/>
      <c r="B162" s="169"/>
      <c r="C162" s="174" t="s">
        <v>27265</v>
      </c>
      <c r="D162" s="150"/>
      <c r="E162" s="150"/>
      <c r="F162" s="150"/>
      <c r="G162" s="150"/>
      <c r="H162" s="150"/>
    </row>
    <row r="163" spans="1:8" ht="38.25">
      <c r="A163" s="150"/>
      <c r="B163" s="169"/>
      <c r="C163" s="174" t="s">
        <v>27266</v>
      </c>
      <c r="D163" s="150"/>
      <c r="E163" s="150"/>
      <c r="F163" s="150"/>
      <c r="G163" s="150"/>
      <c r="H163" s="150"/>
    </row>
    <row r="164" spans="1:8" ht="25.5">
      <c r="A164" s="150"/>
      <c r="B164" s="169"/>
      <c r="C164" s="174" t="s">
        <v>8628</v>
      </c>
      <c r="D164" s="150"/>
      <c r="E164" s="150"/>
      <c r="F164" s="150"/>
      <c r="G164" s="150"/>
      <c r="H164" s="150"/>
    </row>
    <row r="165" spans="1:8" ht="25.5">
      <c r="A165" s="150"/>
      <c r="B165" s="169"/>
      <c r="C165" s="174" t="s">
        <v>27267</v>
      </c>
      <c r="D165" s="150"/>
      <c r="E165" s="150"/>
      <c r="F165" s="150"/>
      <c r="G165" s="150"/>
      <c r="H165" s="150"/>
    </row>
    <row r="166" spans="1:8">
      <c r="A166" s="150"/>
      <c r="B166" s="169"/>
      <c r="C166" s="174" t="s">
        <v>27268</v>
      </c>
      <c r="D166" s="150"/>
      <c r="E166" s="150"/>
      <c r="F166" s="150"/>
      <c r="G166" s="150"/>
      <c r="H166" s="150"/>
    </row>
    <row r="167" spans="1:8">
      <c r="A167" s="150"/>
      <c r="B167" s="169"/>
      <c r="C167" s="174" t="s">
        <v>27269</v>
      </c>
      <c r="D167" s="150"/>
      <c r="E167" s="150"/>
      <c r="F167" s="150"/>
      <c r="G167" s="150"/>
      <c r="H167" s="150"/>
    </row>
    <row r="168" spans="1:8">
      <c r="A168" s="150"/>
      <c r="B168" s="169"/>
      <c r="C168" s="174" t="s">
        <v>27270</v>
      </c>
      <c r="D168" s="150"/>
      <c r="E168" s="150"/>
      <c r="F168" s="150"/>
      <c r="G168" s="150"/>
      <c r="H168" s="150"/>
    </row>
    <row r="169" spans="1:8">
      <c r="A169" s="150"/>
      <c r="B169" s="169"/>
      <c r="C169" s="174" t="s">
        <v>27252</v>
      </c>
      <c r="D169" s="150"/>
      <c r="E169" s="150"/>
      <c r="F169" s="150"/>
      <c r="G169" s="150"/>
      <c r="H169" s="150"/>
    </row>
    <row r="170" spans="1:8" ht="25.5">
      <c r="A170" s="150"/>
      <c r="B170" s="165"/>
      <c r="C170" s="178" t="s">
        <v>32081</v>
      </c>
      <c r="D170" s="150"/>
      <c r="E170" s="150"/>
      <c r="F170" s="150"/>
      <c r="G170" s="150"/>
      <c r="H170" s="150"/>
    </row>
    <row r="171" spans="1:8" ht="38.25">
      <c r="A171" s="150"/>
      <c r="B171" s="1147" t="s">
        <v>8629</v>
      </c>
      <c r="C171" s="159" t="s">
        <v>8630</v>
      </c>
      <c r="D171" s="150"/>
      <c r="E171" s="150"/>
      <c r="F171" s="150"/>
      <c r="G171" s="150"/>
      <c r="H171" s="150"/>
    </row>
    <row r="172" spans="1:8">
      <c r="A172" s="150"/>
      <c r="B172" s="1157"/>
      <c r="C172" s="160" t="s">
        <v>8619</v>
      </c>
      <c r="D172" s="150"/>
      <c r="E172" s="150"/>
      <c r="F172" s="150"/>
      <c r="G172" s="150"/>
      <c r="H172" s="150"/>
    </row>
    <row r="173" spans="1:8" ht="25.5">
      <c r="A173" s="150"/>
      <c r="B173" s="1157"/>
      <c r="C173" s="160" t="s">
        <v>8620</v>
      </c>
      <c r="D173" s="150"/>
      <c r="E173" s="150"/>
      <c r="F173" s="150"/>
      <c r="G173" s="150"/>
      <c r="H173" s="150"/>
    </row>
    <row r="174" spans="1:8">
      <c r="A174" s="150"/>
      <c r="B174" s="1157"/>
      <c r="C174" s="160" t="s">
        <v>8631</v>
      </c>
      <c r="D174" s="150"/>
      <c r="E174" s="150"/>
      <c r="F174" s="150"/>
      <c r="G174" s="150"/>
      <c r="H174" s="150"/>
    </row>
    <row r="175" spans="1:8" ht="38.25">
      <c r="A175" s="150"/>
      <c r="B175" s="1157"/>
      <c r="C175" s="160" t="s">
        <v>8632</v>
      </c>
      <c r="D175" s="150"/>
      <c r="E175" s="150"/>
      <c r="F175" s="150"/>
      <c r="G175" s="150"/>
      <c r="H175" s="150"/>
    </row>
    <row r="176" spans="1:8" ht="25.5">
      <c r="A176" s="150"/>
      <c r="B176" s="1157"/>
      <c r="C176" s="160" t="s">
        <v>8633</v>
      </c>
      <c r="D176" s="150"/>
      <c r="E176" s="150"/>
      <c r="F176" s="150"/>
      <c r="G176" s="150"/>
      <c r="H176" s="150"/>
    </row>
    <row r="177" spans="1:8">
      <c r="A177" s="150"/>
      <c r="B177" s="1157"/>
      <c r="C177" s="160" t="s">
        <v>8634</v>
      </c>
      <c r="D177" s="150"/>
      <c r="E177" s="150"/>
      <c r="F177" s="150"/>
      <c r="G177" s="150"/>
      <c r="H177" s="150"/>
    </row>
    <row r="178" spans="1:8" ht="76.5">
      <c r="A178" s="150"/>
      <c r="B178" s="1157"/>
      <c r="C178" s="160" t="s">
        <v>8635</v>
      </c>
      <c r="D178" s="150"/>
      <c r="E178" s="150"/>
      <c r="F178" s="150"/>
      <c r="G178" s="150"/>
      <c r="H178" s="150"/>
    </row>
    <row r="179" spans="1:8" ht="51">
      <c r="A179" s="150"/>
      <c r="B179" s="1157"/>
      <c r="C179" s="160" t="s">
        <v>8636</v>
      </c>
      <c r="D179" s="150"/>
      <c r="E179" s="150"/>
      <c r="F179" s="150"/>
      <c r="G179" s="150"/>
      <c r="H179" s="150"/>
    </row>
    <row r="180" spans="1:8" ht="25.5">
      <c r="A180" s="150"/>
      <c r="B180" s="1157"/>
      <c r="C180" s="160" t="s">
        <v>8637</v>
      </c>
      <c r="D180" s="150"/>
      <c r="E180" s="150"/>
      <c r="F180" s="150"/>
      <c r="G180" s="150"/>
      <c r="H180" s="150"/>
    </row>
    <row r="181" spans="1:8">
      <c r="A181" s="150"/>
      <c r="B181" s="1157"/>
      <c r="C181" s="160" t="s">
        <v>8638</v>
      </c>
      <c r="D181" s="150"/>
      <c r="E181" s="150"/>
      <c r="F181" s="150"/>
      <c r="G181" s="150"/>
      <c r="H181" s="150"/>
    </row>
    <row r="182" spans="1:8" ht="25.5">
      <c r="A182" s="150"/>
      <c r="B182" s="1157"/>
      <c r="C182" s="160" t="s">
        <v>8639</v>
      </c>
      <c r="D182" s="150"/>
      <c r="E182" s="150"/>
      <c r="F182" s="150"/>
      <c r="G182" s="150"/>
      <c r="H182" s="150"/>
    </row>
    <row r="183" spans="1:8">
      <c r="A183" s="150"/>
      <c r="B183" s="1157"/>
      <c r="C183" s="160" t="s">
        <v>8640</v>
      </c>
      <c r="D183" s="150"/>
      <c r="E183" s="150"/>
      <c r="F183" s="150"/>
      <c r="G183" s="150"/>
      <c r="H183" s="150"/>
    </row>
    <row r="184" spans="1:8">
      <c r="A184" s="150"/>
      <c r="B184" s="1157"/>
      <c r="C184" s="160" t="s">
        <v>8641</v>
      </c>
      <c r="D184" s="150"/>
      <c r="E184" s="150"/>
      <c r="F184" s="150"/>
      <c r="G184" s="150"/>
      <c r="H184" s="150"/>
    </row>
    <row r="185" spans="1:8">
      <c r="A185" s="150"/>
      <c r="B185" s="1157"/>
      <c r="C185" s="160" t="s">
        <v>8642</v>
      </c>
      <c r="D185" s="150"/>
      <c r="E185" s="150"/>
      <c r="F185" s="150"/>
      <c r="G185" s="150"/>
      <c r="H185" s="150"/>
    </row>
    <row r="186" spans="1:8">
      <c r="A186" s="150"/>
      <c r="B186" s="1157"/>
      <c r="C186" s="160" t="s">
        <v>8643</v>
      </c>
      <c r="D186" s="150"/>
      <c r="E186" s="150"/>
      <c r="F186" s="150"/>
      <c r="G186" s="150"/>
      <c r="H186" s="150"/>
    </row>
    <row r="187" spans="1:8">
      <c r="A187" s="150"/>
      <c r="B187" s="1157"/>
      <c r="C187" s="160" t="s">
        <v>8644</v>
      </c>
      <c r="D187" s="150"/>
      <c r="E187" s="150"/>
      <c r="F187" s="150"/>
      <c r="G187" s="150"/>
      <c r="H187" s="150"/>
    </row>
    <row r="188" spans="1:8">
      <c r="A188" s="150"/>
      <c r="B188" s="1157"/>
      <c r="C188" s="160" t="s">
        <v>8645</v>
      </c>
      <c r="D188" s="150"/>
      <c r="E188" s="150"/>
      <c r="F188" s="150"/>
      <c r="G188" s="150"/>
      <c r="H188" s="150"/>
    </row>
    <row r="189" spans="1:8">
      <c r="A189" s="150"/>
      <c r="B189" s="1157"/>
      <c r="C189" s="160" t="s">
        <v>8646</v>
      </c>
      <c r="D189" s="150"/>
      <c r="E189" s="150"/>
      <c r="F189" s="150"/>
      <c r="G189" s="150"/>
      <c r="H189" s="150"/>
    </row>
    <row r="190" spans="1:8" ht="114.75">
      <c r="A190" s="150"/>
      <c r="B190" s="1157"/>
      <c r="C190" s="160" t="s">
        <v>8647</v>
      </c>
      <c r="D190" s="150"/>
      <c r="E190" s="150"/>
      <c r="F190" s="150"/>
      <c r="G190" s="150"/>
      <c r="H190" s="150"/>
    </row>
    <row r="191" spans="1:8">
      <c r="A191" s="150"/>
      <c r="B191" s="1157"/>
      <c r="C191" s="160" t="s">
        <v>8648</v>
      </c>
      <c r="D191" s="150"/>
      <c r="E191" s="150"/>
      <c r="F191" s="150"/>
      <c r="G191" s="150"/>
      <c r="H191" s="150"/>
    </row>
    <row r="192" spans="1:8">
      <c r="A192" s="150"/>
      <c r="B192" s="1157"/>
      <c r="C192" s="160" t="s">
        <v>8649</v>
      </c>
      <c r="D192" s="150"/>
      <c r="E192" s="150"/>
      <c r="F192" s="150"/>
      <c r="G192" s="150"/>
      <c r="H192" s="150"/>
    </row>
    <row r="193" spans="1:8">
      <c r="A193" s="150"/>
      <c r="B193" s="1157"/>
      <c r="C193" s="160" t="s">
        <v>8650</v>
      </c>
      <c r="D193" s="150"/>
      <c r="E193" s="150"/>
      <c r="F193" s="150"/>
      <c r="G193" s="150"/>
      <c r="H193" s="150"/>
    </row>
    <row r="194" spans="1:8">
      <c r="A194" s="150"/>
      <c r="B194" s="1157"/>
      <c r="C194" s="160" t="s">
        <v>8651</v>
      </c>
      <c r="D194" s="150"/>
      <c r="E194" s="150"/>
      <c r="F194" s="150"/>
      <c r="G194" s="150"/>
      <c r="H194" s="150"/>
    </row>
    <row r="195" spans="1:8" ht="25.5">
      <c r="A195" s="150"/>
      <c r="B195" s="1157"/>
      <c r="C195" s="160" t="s">
        <v>8652</v>
      </c>
      <c r="D195" s="150"/>
      <c r="E195" s="150"/>
      <c r="F195" s="150"/>
      <c r="G195" s="150"/>
      <c r="H195" s="150"/>
    </row>
    <row r="196" spans="1:8" ht="38.25">
      <c r="A196" s="150"/>
      <c r="B196" s="1157"/>
      <c r="C196" s="160" t="s">
        <v>8653</v>
      </c>
      <c r="D196" s="150"/>
      <c r="E196" s="150"/>
      <c r="F196" s="150"/>
      <c r="G196" s="150"/>
      <c r="H196" s="150"/>
    </row>
    <row r="197" spans="1:8" ht="51">
      <c r="A197" s="150"/>
      <c r="B197" s="1157"/>
      <c r="C197" s="160" t="s">
        <v>8654</v>
      </c>
      <c r="D197" s="150"/>
      <c r="E197" s="150"/>
      <c r="F197" s="150"/>
      <c r="G197" s="150"/>
      <c r="H197" s="150"/>
    </row>
    <row r="198" spans="1:8" ht="38.25">
      <c r="A198" s="150"/>
      <c r="B198" s="1157"/>
      <c r="C198" s="160" t="s">
        <v>8655</v>
      </c>
      <c r="D198" s="150"/>
      <c r="E198" s="150"/>
      <c r="F198" s="150"/>
      <c r="G198" s="150"/>
      <c r="H198" s="150"/>
    </row>
    <row r="199" spans="1:8" ht="25.5">
      <c r="A199" s="150"/>
      <c r="B199" s="1157"/>
      <c r="C199" s="160" t="s">
        <v>8656</v>
      </c>
      <c r="D199" s="150"/>
      <c r="E199" s="150"/>
      <c r="F199" s="150"/>
      <c r="G199" s="150"/>
      <c r="H199" s="150"/>
    </row>
    <row r="200" spans="1:8" ht="25.5">
      <c r="A200" s="150"/>
      <c r="B200" s="1157"/>
      <c r="C200" s="160" t="s">
        <v>8657</v>
      </c>
      <c r="D200" s="150"/>
      <c r="E200" s="150"/>
      <c r="F200" s="150"/>
      <c r="G200" s="150"/>
      <c r="H200" s="150"/>
    </row>
    <row r="201" spans="1:8" ht="25.5">
      <c r="A201" s="150"/>
      <c r="B201" s="1157"/>
      <c r="C201" s="160" t="s">
        <v>8658</v>
      </c>
      <c r="D201" s="150"/>
      <c r="E201" s="150"/>
      <c r="F201" s="150"/>
      <c r="G201" s="150"/>
      <c r="H201" s="150"/>
    </row>
    <row r="202" spans="1:8" ht="25.5">
      <c r="A202" s="150"/>
      <c r="B202" s="1157"/>
      <c r="C202" s="160" t="s">
        <v>8659</v>
      </c>
      <c r="D202" s="150"/>
      <c r="E202" s="150"/>
      <c r="F202" s="150"/>
      <c r="G202" s="150"/>
      <c r="H202" s="150"/>
    </row>
    <row r="203" spans="1:8" ht="25.5">
      <c r="A203" s="150"/>
      <c r="B203" s="1148"/>
      <c r="C203" s="161" t="s">
        <v>8660</v>
      </c>
      <c r="D203" s="150"/>
      <c r="E203" s="150"/>
      <c r="F203" s="150"/>
      <c r="G203" s="150"/>
      <c r="H203" s="150"/>
    </row>
    <row r="204" spans="1:8" ht="38.25">
      <c r="A204" s="150"/>
      <c r="B204" s="1147" t="s">
        <v>8661</v>
      </c>
      <c r="C204" s="167" t="s">
        <v>27271</v>
      </c>
      <c r="D204" s="150"/>
      <c r="E204" s="150"/>
      <c r="F204" s="150"/>
      <c r="G204" s="150"/>
      <c r="H204" s="150"/>
    </row>
    <row r="205" spans="1:8" ht="38.25">
      <c r="A205" s="150"/>
      <c r="B205" s="1157"/>
      <c r="C205" s="174" t="s">
        <v>27272</v>
      </c>
      <c r="D205" s="150"/>
      <c r="E205" s="150"/>
      <c r="F205" s="150"/>
      <c r="G205" s="150"/>
      <c r="H205" s="150"/>
    </row>
    <row r="206" spans="1:8" ht="25.5">
      <c r="A206" s="150"/>
      <c r="B206" s="1157"/>
      <c r="C206" s="174" t="s">
        <v>27273</v>
      </c>
      <c r="D206" s="150"/>
      <c r="E206" s="150"/>
      <c r="F206" s="150"/>
      <c r="G206" s="150"/>
      <c r="H206" s="150"/>
    </row>
    <row r="207" spans="1:8" ht="25.5">
      <c r="A207" s="150"/>
      <c r="B207" s="1157"/>
      <c r="C207" s="174" t="s">
        <v>27274</v>
      </c>
      <c r="D207" s="150"/>
      <c r="E207" s="150"/>
      <c r="F207" s="150"/>
      <c r="G207" s="150"/>
      <c r="H207" s="150"/>
    </row>
    <row r="208" spans="1:8">
      <c r="A208" s="150"/>
      <c r="B208" s="1157"/>
      <c r="C208" s="174" t="s">
        <v>27275</v>
      </c>
      <c r="D208" s="150"/>
      <c r="E208" s="150"/>
      <c r="F208" s="150"/>
      <c r="G208" s="150"/>
      <c r="H208" s="150"/>
    </row>
    <row r="209" spans="1:8" ht="38.25">
      <c r="A209" s="150"/>
      <c r="B209" s="1157"/>
      <c r="C209" s="174" t="s">
        <v>32082</v>
      </c>
      <c r="D209" s="150"/>
      <c r="E209" s="150"/>
      <c r="F209" s="150"/>
      <c r="G209" s="150"/>
      <c r="H209" s="150"/>
    </row>
    <row r="210" spans="1:8">
      <c r="A210" s="150"/>
      <c r="B210" s="1157"/>
      <c r="C210" s="174" t="s">
        <v>27276</v>
      </c>
      <c r="D210" s="150"/>
      <c r="E210" s="150"/>
      <c r="F210" s="150"/>
      <c r="G210" s="150"/>
      <c r="H210" s="150"/>
    </row>
    <row r="211" spans="1:8" ht="51">
      <c r="A211" s="150"/>
      <c r="B211" s="1157"/>
      <c r="C211" s="174" t="s">
        <v>27277</v>
      </c>
      <c r="D211" s="150"/>
      <c r="E211" s="150"/>
      <c r="F211" s="150"/>
      <c r="G211" s="150"/>
      <c r="H211" s="150"/>
    </row>
    <row r="212" spans="1:8" ht="38.25">
      <c r="A212" s="150"/>
      <c r="B212" s="1157"/>
      <c r="C212" s="174" t="s">
        <v>27278</v>
      </c>
      <c r="D212" s="150"/>
      <c r="E212" s="150"/>
      <c r="F212" s="150"/>
      <c r="G212" s="150"/>
      <c r="H212" s="150"/>
    </row>
    <row r="213" spans="1:8">
      <c r="A213" s="150"/>
      <c r="B213" s="1157"/>
      <c r="C213" s="174" t="s">
        <v>27279</v>
      </c>
      <c r="D213" s="150"/>
      <c r="E213" s="150"/>
      <c r="F213" s="150"/>
      <c r="G213" s="150"/>
      <c r="H213" s="150"/>
    </row>
    <row r="214" spans="1:8" ht="51">
      <c r="A214" s="150"/>
      <c r="B214" s="1157"/>
      <c r="C214" s="174" t="s">
        <v>27280</v>
      </c>
      <c r="D214" s="150"/>
      <c r="E214" s="150"/>
      <c r="F214" s="150"/>
      <c r="G214" s="150"/>
      <c r="H214" s="150"/>
    </row>
    <row r="215" spans="1:8" ht="38.25">
      <c r="A215" s="150"/>
      <c r="B215" s="1157"/>
      <c r="C215" s="174" t="s">
        <v>27281</v>
      </c>
      <c r="D215" s="150"/>
      <c r="E215" s="150"/>
      <c r="F215" s="150"/>
      <c r="G215" s="150"/>
      <c r="H215" s="150"/>
    </row>
    <row r="216" spans="1:8" ht="25.5">
      <c r="A216" s="150"/>
      <c r="B216" s="1157"/>
      <c r="C216" s="174" t="s">
        <v>8662</v>
      </c>
      <c r="D216" s="150"/>
      <c r="E216" s="150"/>
      <c r="F216" s="150"/>
      <c r="G216" s="150"/>
      <c r="H216" s="150"/>
    </row>
    <row r="217" spans="1:8" ht="25.5">
      <c r="A217" s="150"/>
      <c r="B217" s="1157"/>
      <c r="C217" s="160" t="s">
        <v>8663</v>
      </c>
      <c r="D217" s="150"/>
      <c r="E217" s="150"/>
      <c r="F217" s="150"/>
      <c r="G217" s="150"/>
      <c r="H217" s="150"/>
    </row>
    <row r="218" spans="1:8" ht="25.5">
      <c r="A218" s="150"/>
      <c r="B218" s="1157"/>
      <c r="C218" s="160" t="s">
        <v>8664</v>
      </c>
      <c r="D218" s="150"/>
      <c r="E218" s="150"/>
      <c r="F218" s="150"/>
      <c r="G218" s="150"/>
      <c r="H218" s="150"/>
    </row>
    <row r="219" spans="1:8" ht="25.5">
      <c r="A219" s="150"/>
      <c r="B219" s="1157"/>
      <c r="C219" s="160" t="s">
        <v>8665</v>
      </c>
      <c r="D219" s="150"/>
      <c r="E219" s="150"/>
      <c r="F219" s="150"/>
      <c r="G219" s="150"/>
      <c r="H219" s="150"/>
    </row>
    <row r="220" spans="1:8" ht="25.5">
      <c r="A220" s="150"/>
      <c r="B220" s="1157"/>
      <c r="C220" s="160" t="s">
        <v>8666</v>
      </c>
      <c r="D220" s="150"/>
      <c r="E220" s="150"/>
      <c r="F220" s="150"/>
      <c r="G220" s="150"/>
      <c r="H220" s="150"/>
    </row>
    <row r="221" spans="1:8" ht="25.5">
      <c r="A221" s="150"/>
      <c r="B221" s="1157"/>
      <c r="C221" s="160" t="s">
        <v>8667</v>
      </c>
      <c r="D221" s="150"/>
      <c r="E221" s="150"/>
      <c r="F221" s="150"/>
      <c r="G221" s="150"/>
      <c r="H221" s="150"/>
    </row>
    <row r="222" spans="1:8">
      <c r="A222" s="150"/>
      <c r="B222" s="1157"/>
      <c r="C222" s="169"/>
      <c r="D222" s="150"/>
      <c r="E222" s="150"/>
      <c r="F222" s="150"/>
      <c r="G222" s="150"/>
      <c r="H222" s="150"/>
    </row>
    <row r="223" spans="1:8" ht="25.5">
      <c r="A223" s="150"/>
      <c r="B223" s="1157"/>
      <c r="C223" s="170" t="s">
        <v>27282</v>
      </c>
      <c r="D223" s="150"/>
      <c r="E223" s="150"/>
      <c r="F223" s="150"/>
      <c r="G223" s="150"/>
      <c r="H223" s="150"/>
    </row>
    <row r="224" spans="1:8">
      <c r="A224" s="150"/>
      <c r="B224" s="1157"/>
      <c r="C224" s="170" t="s">
        <v>27283</v>
      </c>
      <c r="D224" s="150"/>
      <c r="E224" s="150"/>
      <c r="F224" s="150"/>
      <c r="G224" s="150"/>
      <c r="H224" s="150"/>
    </row>
    <row r="225" spans="1:8" ht="51">
      <c r="A225" s="150"/>
      <c r="B225" s="1157"/>
      <c r="C225" s="170" t="s">
        <v>13415</v>
      </c>
      <c r="D225" s="150"/>
      <c r="E225" s="150"/>
      <c r="F225" s="150"/>
      <c r="G225" s="150"/>
      <c r="H225" s="150"/>
    </row>
    <row r="226" spans="1:8">
      <c r="A226" s="150"/>
      <c r="B226" s="1157"/>
      <c r="C226" s="160" t="s">
        <v>8668</v>
      </c>
      <c r="D226" s="150"/>
      <c r="E226" s="150"/>
      <c r="F226" s="150"/>
      <c r="G226" s="150"/>
      <c r="H226" s="150"/>
    </row>
    <row r="227" spans="1:8">
      <c r="A227" s="150"/>
      <c r="B227" s="1157"/>
      <c r="C227" s="160" t="s">
        <v>8669</v>
      </c>
      <c r="D227" s="150"/>
      <c r="E227" s="150"/>
      <c r="F227" s="150"/>
      <c r="G227" s="150"/>
      <c r="H227" s="150"/>
    </row>
    <row r="228" spans="1:8">
      <c r="A228" s="150"/>
      <c r="B228" s="1157"/>
      <c r="C228" s="160" t="s">
        <v>8670</v>
      </c>
      <c r="D228" s="150"/>
      <c r="E228" s="150"/>
      <c r="F228" s="150"/>
      <c r="G228" s="150"/>
      <c r="H228" s="150"/>
    </row>
    <row r="229" spans="1:8">
      <c r="A229" s="150"/>
      <c r="B229" s="1157"/>
      <c r="C229" s="160" t="s">
        <v>8671</v>
      </c>
      <c r="D229" s="150"/>
      <c r="E229" s="150"/>
      <c r="F229" s="150"/>
      <c r="G229" s="150"/>
      <c r="H229" s="150"/>
    </row>
    <row r="230" spans="1:8">
      <c r="A230" s="150"/>
      <c r="B230" s="1157"/>
      <c r="C230" s="160" t="s">
        <v>8672</v>
      </c>
      <c r="D230" s="150"/>
      <c r="E230" s="150"/>
      <c r="F230" s="150"/>
      <c r="G230" s="150"/>
      <c r="H230" s="150"/>
    </row>
    <row r="231" spans="1:8">
      <c r="A231" s="150"/>
      <c r="B231" s="1157"/>
      <c r="C231" s="160" t="s">
        <v>8673</v>
      </c>
      <c r="D231" s="150"/>
      <c r="E231" s="150"/>
      <c r="F231" s="150"/>
      <c r="G231" s="150"/>
      <c r="H231" s="150"/>
    </row>
    <row r="232" spans="1:8">
      <c r="A232" s="150"/>
      <c r="B232" s="1157"/>
      <c r="C232" s="160" t="s">
        <v>8674</v>
      </c>
      <c r="D232" s="150"/>
      <c r="E232" s="150"/>
      <c r="F232" s="150"/>
      <c r="G232" s="150"/>
      <c r="H232" s="150"/>
    </row>
    <row r="233" spans="1:8" ht="25.5">
      <c r="A233" s="150"/>
      <c r="B233" s="1157"/>
      <c r="C233" s="160" t="s">
        <v>8675</v>
      </c>
      <c r="D233" s="150"/>
      <c r="E233" s="150"/>
      <c r="F233" s="150"/>
      <c r="G233" s="150"/>
      <c r="H233" s="150"/>
    </row>
    <row r="234" spans="1:8">
      <c r="A234" s="150"/>
      <c r="B234" s="1157"/>
      <c r="C234" s="169"/>
      <c r="D234" s="150"/>
      <c r="E234" s="150"/>
      <c r="F234" s="150"/>
      <c r="G234" s="150"/>
      <c r="H234" s="150"/>
    </row>
    <row r="235" spans="1:8" ht="38.25">
      <c r="A235" s="150"/>
      <c r="B235" s="1148"/>
      <c r="C235" s="172" t="s">
        <v>32083</v>
      </c>
      <c r="D235" s="150"/>
      <c r="E235" s="150"/>
      <c r="F235" s="150"/>
      <c r="G235" s="150"/>
      <c r="H235" s="150"/>
    </row>
    <row r="236" spans="1:8" ht="25.5">
      <c r="A236" s="150"/>
      <c r="B236" s="162" t="s">
        <v>32084</v>
      </c>
      <c r="C236" s="159" t="s">
        <v>13416</v>
      </c>
      <c r="D236" s="150"/>
      <c r="E236" s="150"/>
      <c r="F236" s="150"/>
      <c r="G236" s="150"/>
      <c r="H236" s="150"/>
    </row>
    <row r="237" spans="1:8" ht="51">
      <c r="A237" s="150"/>
      <c r="B237" s="163" t="s">
        <v>8676</v>
      </c>
      <c r="C237" s="160" t="s">
        <v>13417</v>
      </c>
      <c r="D237" s="150"/>
      <c r="E237" s="150"/>
      <c r="F237" s="150"/>
      <c r="G237" s="150"/>
      <c r="H237" s="150"/>
    </row>
    <row r="238" spans="1:8">
      <c r="A238" s="150"/>
      <c r="B238" s="164" t="s">
        <v>8677</v>
      </c>
      <c r="C238" s="165"/>
      <c r="D238" s="150"/>
      <c r="E238" s="150"/>
      <c r="F238" s="150"/>
      <c r="G238" s="150"/>
      <c r="H238" s="150"/>
    </row>
    <row r="239" spans="1:8">
      <c r="A239" s="150"/>
      <c r="B239" s="1159" t="s">
        <v>31892</v>
      </c>
      <c r="C239" s="1161"/>
      <c r="D239" s="150"/>
      <c r="E239" s="150"/>
      <c r="F239" s="150"/>
      <c r="G239" s="150"/>
      <c r="H239" s="150"/>
    </row>
    <row r="240" spans="1:8">
      <c r="A240" s="150"/>
      <c r="B240" s="1159" t="s">
        <v>31503</v>
      </c>
      <c r="C240" s="1161"/>
      <c r="D240" s="150"/>
      <c r="E240" s="150"/>
      <c r="F240" s="150"/>
      <c r="G240" s="150"/>
      <c r="H240" s="150"/>
    </row>
    <row r="241" spans="1:8" ht="51">
      <c r="A241" s="150"/>
      <c r="B241" s="162" t="s">
        <v>8678</v>
      </c>
      <c r="C241" s="159" t="s">
        <v>32085</v>
      </c>
      <c r="D241" s="150"/>
      <c r="E241" s="150"/>
      <c r="F241" s="150"/>
      <c r="G241" s="150"/>
      <c r="H241" s="150"/>
    </row>
    <row r="242" spans="1:8" ht="25.5">
      <c r="A242" s="150"/>
      <c r="B242" s="163" t="s">
        <v>8679</v>
      </c>
      <c r="C242" s="160" t="s">
        <v>8681</v>
      </c>
      <c r="D242" s="150"/>
      <c r="E242" s="150"/>
      <c r="F242" s="150"/>
      <c r="G242" s="150"/>
      <c r="H242" s="150"/>
    </row>
    <row r="243" spans="1:8">
      <c r="A243" s="150"/>
      <c r="B243" s="163" t="s">
        <v>8680</v>
      </c>
      <c r="C243" s="160" t="s">
        <v>8682</v>
      </c>
      <c r="D243" s="150"/>
      <c r="E243" s="150"/>
      <c r="F243" s="150"/>
      <c r="G243" s="150"/>
      <c r="H243" s="150"/>
    </row>
    <row r="244" spans="1:8">
      <c r="A244" s="150"/>
      <c r="B244" s="169"/>
      <c r="C244" s="160" t="s">
        <v>8683</v>
      </c>
      <c r="D244" s="150"/>
      <c r="E244" s="150"/>
      <c r="F244" s="150"/>
      <c r="G244" s="150"/>
      <c r="H244" s="150"/>
    </row>
    <row r="245" spans="1:8" ht="25.5">
      <c r="A245" s="150"/>
      <c r="B245" s="169"/>
      <c r="C245" s="160" t="s">
        <v>8684</v>
      </c>
      <c r="D245" s="150"/>
      <c r="E245" s="150"/>
      <c r="F245" s="150"/>
      <c r="G245" s="150"/>
      <c r="H245" s="150"/>
    </row>
    <row r="246" spans="1:8">
      <c r="A246" s="150"/>
      <c r="B246" s="169"/>
      <c r="C246" s="160" t="s">
        <v>8685</v>
      </c>
      <c r="D246" s="150"/>
      <c r="E246" s="150"/>
      <c r="F246" s="150"/>
      <c r="G246" s="150"/>
      <c r="H246" s="150"/>
    </row>
    <row r="247" spans="1:8">
      <c r="A247" s="150"/>
      <c r="B247" s="169"/>
      <c r="C247" s="160" t="s">
        <v>8686</v>
      </c>
      <c r="D247" s="150"/>
      <c r="E247" s="150"/>
      <c r="F247" s="150"/>
      <c r="G247" s="150"/>
      <c r="H247" s="150"/>
    </row>
    <row r="248" spans="1:8">
      <c r="A248" s="150"/>
      <c r="B248" s="169"/>
      <c r="C248" s="160" t="s">
        <v>8687</v>
      </c>
      <c r="D248" s="150"/>
      <c r="E248" s="150"/>
      <c r="F248" s="150"/>
      <c r="G248" s="150"/>
      <c r="H248" s="150"/>
    </row>
    <row r="249" spans="1:8">
      <c r="A249" s="150"/>
      <c r="B249" s="169"/>
      <c r="C249" s="160" t="s">
        <v>8688</v>
      </c>
      <c r="D249" s="150"/>
      <c r="E249" s="150"/>
      <c r="F249" s="150"/>
      <c r="G249" s="150"/>
      <c r="H249" s="150"/>
    </row>
    <row r="250" spans="1:8">
      <c r="A250" s="150"/>
      <c r="B250" s="169"/>
      <c r="C250" s="160" t="s">
        <v>8689</v>
      </c>
      <c r="D250" s="150"/>
      <c r="E250" s="150"/>
      <c r="F250" s="150"/>
      <c r="G250" s="150"/>
      <c r="H250" s="150"/>
    </row>
    <row r="251" spans="1:8">
      <c r="A251" s="150"/>
      <c r="B251" s="169"/>
      <c r="C251" s="160" t="s">
        <v>8690</v>
      </c>
      <c r="D251" s="150"/>
      <c r="E251" s="150"/>
      <c r="F251" s="150"/>
      <c r="G251" s="150"/>
      <c r="H251" s="150"/>
    </row>
    <row r="252" spans="1:8">
      <c r="A252" s="150"/>
      <c r="B252" s="169"/>
      <c r="C252" s="160" t="s">
        <v>8691</v>
      </c>
      <c r="D252" s="150"/>
      <c r="E252" s="150"/>
      <c r="F252" s="150"/>
      <c r="G252" s="150"/>
      <c r="H252" s="150"/>
    </row>
    <row r="253" spans="1:8">
      <c r="A253" s="150"/>
      <c r="B253" s="169"/>
      <c r="C253" s="160" t="s">
        <v>8692</v>
      </c>
      <c r="D253" s="150"/>
      <c r="E253" s="150"/>
      <c r="F253" s="150"/>
      <c r="G253" s="150"/>
      <c r="H253" s="150"/>
    </row>
    <row r="254" spans="1:8">
      <c r="A254" s="150"/>
      <c r="B254" s="169"/>
      <c r="C254" s="160" t="s">
        <v>8693</v>
      </c>
      <c r="D254" s="150"/>
      <c r="E254" s="150"/>
      <c r="F254" s="150"/>
      <c r="G254" s="150"/>
      <c r="H254" s="150"/>
    </row>
    <row r="255" spans="1:8">
      <c r="A255" s="150"/>
      <c r="B255" s="169"/>
      <c r="C255" s="160" t="s">
        <v>8694</v>
      </c>
      <c r="D255" s="150"/>
      <c r="E255" s="150"/>
      <c r="F255" s="150"/>
      <c r="G255" s="150"/>
      <c r="H255" s="150"/>
    </row>
    <row r="256" spans="1:8">
      <c r="A256" s="150"/>
      <c r="B256" s="169"/>
      <c r="C256" s="160" t="s">
        <v>8695</v>
      </c>
      <c r="D256" s="150"/>
      <c r="E256" s="150"/>
      <c r="F256" s="150"/>
      <c r="G256" s="150"/>
      <c r="H256" s="150"/>
    </row>
    <row r="257" spans="1:8">
      <c r="A257" s="150"/>
      <c r="B257" s="169"/>
      <c r="C257" s="160" t="s">
        <v>8696</v>
      </c>
      <c r="D257" s="150"/>
      <c r="E257" s="150"/>
      <c r="F257" s="150"/>
      <c r="G257" s="150"/>
      <c r="H257" s="150"/>
    </row>
    <row r="258" spans="1:8">
      <c r="A258" s="150"/>
      <c r="B258" s="169"/>
      <c r="C258" s="160" t="s">
        <v>8697</v>
      </c>
      <c r="D258" s="150"/>
      <c r="E258" s="150"/>
      <c r="F258" s="150"/>
      <c r="G258" s="150"/>
      <c r="H258" s="150"/>
    </row>
    <row r="259" spans="1:8">
      <c r="A259" s="150"/>
      <c r="B259" s="169"/>
      <c r="C259" s="169"/>
      <c r="D259" s="150"/>
      <c r="E259" s="150"/>
      <c r="F259" s="150"/>
      <c r="G259" s="150"/>
      <c r="H259" s="150"/>
    </row>
    <row r="260" spans="1:8" ht="51">
      <c r="A260" s="150"/>
      <c r="B260" s="169"/>
      <c r="C260" s="170" t="s">
        <v>27284</v>
      </c>
      <c r="D260" s="150"/>
      <c r="E260" s="150"/>
      <c r="F260" s="150"/>
      <c r="G260" s="150"/>
      <c r="H260" s="150"/>
    </row>
    <row r="261" spans="1:8" ht="25.5">
      <c r="A261" s="150"/>
      <c r="B261" s="169"/>
      <c r="C261" s="170" t="s">
        <v>27285</v>
      </c>
      <c r="D261" s="150"/>
      <c r="E261" s="150"/>
      <c r="F261" s="150"/>
      <c r="G261" s="150"/>
      <c r="H261" s="150"/>
    </row>
    <row r="262" spans="1:8" ht="27">
      <c r="A262" s="150"/>
      <c r="B262" s="169"/>
      <c r="C262" s="170" t="s">
        <v>32086</v>
      </c>
      <c r="D262" s="150"/>
      <c r="E262" s="150"/>
      <c r="F262" s="150"/>
      <c r="G262" s="150"/>
      <c r="H262" s="150"/>
    </row>
    <row r="263" spans="1:8" ht="63.75">
      <c r="A263" s="150"/>
      <c r="B263" s="169"/>
      <c r="C263" s="170" t="s">
        <v>32087</v>
      </c>
      <c r="D263" s="150"/>
      <c r="E263" s="150"/>
      <c r="F263" s="150"/>
      <c r="G263" s="150"/>
      <c r="H263" s="150"/>
    </row>
    <row r="264" spans="1:8" ht="38.25">
      <c r="A264" s="150"/>
      <c r="B264" s="169"/>
      <c r="C264" s="170" t="s">
        <v>27286</v>
      </c>
      <c r="D264" s="150"/>
      <c r="E264" s="150"/>
      <c r="F264" s="150"/>
      <c r="G264" s="150"/>
      <c r="H264" s="150"/>
    </row>
    <row r="265" spans="1:8" ht="38.25">
      <c r="A265" s="150"/>
      <c r="B265" s="169"/>
      <c r="C265" s="170" t="s">
        <v>27287</v>
      </c>
      <c r="D265" s="150"/>
      <c r="E265" s="150"/>
      <c r="F265" s="150"/>
      <c r="G265" s="150"/>
      <c r="H265" s="150"/>
    </row>
    <row r="266" spans="1:8" ht="38.25">
      <c r="A266" s="150"/>
      <c r="B266" s="169"/>
      <c r="C266" s="170" t="s">
        <v>32088</v>
      </c>
      <c r="D266" s="150"/>
      <c r="E266" s="150"/>
      <c r="F266" s="150"/>
      <c r="G266" s="150"/>
      <c r="H266" s="150"/>
    </row>
    <row r="267" spans="1:8" ht="25.5">
      <c r="A267" s="150"/>
      <c r="B267" s="169"/>
      <c r="C267" s="170" t="s">
        <v>27288</v>
      </c>
      <c r="D267" s="150"/>
      <c r="E267" s="150"/>
      <c r="F267" s="150"/>
      <c r="G267" s="150"/>
      <c r="H267" s="150"/>
    </row>
    <row r="268" spans="1:8" ht="25.5">
      <c r="A268" s="150"/>
      <c r="B268" s="169"/>
      <c r="C268" s="170" t="s">
        <v>8698</v>
      </c>
      <c r="D268" s="150"/>
      <c r="E268" s="150"/>
      <c r="F268" s="150"/>
      <c r="G268" s="150"/>
      <c r="H268" s="150"/>
    </row>
    <row r="269" spans="1:8" ht="25.5">
      <c r="A269" s="150"/>
      <c r="B269" s="169"/>
      <c r="C269" s="160" t="s">
        <v>8699</v>
      </c>
      <c r="D269" s="150"/>
      <c r="E269" s="150"/>
      <c r="F269" s="150"/>
      <c r="G269" s="150"/>
      <c r="H269" s="150"/>
    </row>
    <row r="270" spans="1:8" ht="38.25">
      <c r="A270" s="150"/>
      <c r="B270" s="169"/>
      <c r="C270" s="160" t="s">
        <v>13418</v>
      </c>
      <c r="D270" s="150"/>
      <c r="E270" s="150"/>
      <c r="F270" s="150"/>
      <c r="G270" s="150"/>
      <c r="H270" s="150"/>
    </row>
    <row r="271" spans="1:8">
      <c r="A271" s="150"/>
      <c r="B271" s="169"/>
      <c r="C271" s="179" t="s">
        <v>8700</v>
      </c>
      <c r="D271" s="150"/>
      <c r="E271" s="150"/>
      <c r="F271" s="150"/>
      <c r="G271" s="150"/>
      <c r="H271" s="150"/>
    </row>
    <row r="272" spans="1:8">
      <c r="A272" s="150"/>
      <c r="B272" s="169"/>
      <c r="C272" s="160" t="s">
        <v>8701</v>
      </c>
      <c r="D272" s="150"/>
      <c r="E272" s="150"/>
      <c r="F272" s="150"/>
      <c r="G272" s="150"/>
      <c r="H272" s="150"/>
    </row>
    <row r="273" spans="1:8">
      <c r="A273" s="150"/>
      <c r="B273" s="169"/>
      <c r="C273" s="160" t="s">
        <v>8702</v>
      </c>
      <c r="D273" s="150"/>
      <c r="E273" s="150"/>
      <c r="F273" s="150"/>
      <c r="G273" s="150"/>
      <c r="H273" s="150"/>
    </row>
    <row r="274" spans="1:8">
      <c r="A274" s="150"/>
      <c r="B274" s="169"/>
      <c r="C274" s="160" t="s">
        <v>8703</v>
      </c>
      <c r="D274" s="150"/>
      <c r="E274" s="150"/>
      <c r="F274" s="150"/>
      <c r="G274" s="150"/>
      <c r="H274" s="150"/>
    </row>
    <row r="275" spans="1:8">
      <c r="A275" s="150"/>
      <c r="B275" s="169"/>
      <c r="C275" s="160" t="s">
        <v>8704</v>
      </c>
      <c r="D275" s="150"/>
      <c r="E275" s="150"/>
      <c r="F275" s="150"/>
      <c r="G275" s="150"/>
      <c r="H275" s="150"/>
    </row>
    <row r="276" spans="1:8" ht="38.25">
      <c r="A276" s="150"/>
      <c r="B276" s="169"/>
      <c r="C276" s="160" t="s">
        <v>8705</v>
      </c>
      <c r="D276" s="150"/>
      <c r="E276" s="150"/>
      <c r="F276" s="150"/>
      <c r="G276" s="150"/>
      <c r="H276" s="150"/>
    </row>
    <row r="277" spans="1:8">
      <c r="A277" s="150"/>
      <c r="B277" s="169"/>
      <c r="C277" s="169"/>
      <c r="D277" s="150"/>
      <c r="E277" s="150"/>
      <c r="F277" s="150"/>
      <c r="G277" s="150"/>
      <c r="H277" s="150"/>
    </row>
    <row r="278" spans="1:8" ht="51">
      <c r="A278" s="150"/>
      <c r="B278" s="169"/>
      <c r="C278" s="170" t="s">
        <v>32089</v>
      </c>
      <c r="D278" s="150"/>
      <c r="E278" s="150"/>
      <c r="F278" s="150"/>
      <c r="G278" s="150"/>
      <c r="H278" s="150"/>
    </row>
    <row r="279" spans="1:8" ht="87.75" customHeight="1">
      <c r="A279" s="150"/>
      <c r="B279" s="169"/>
      <c r="C279" s="170"/>
      <c r="D279" s="150"/>
      <c r="E279" s="150"/>
      <c r="F279" s="150"/>
      <c r="G279" s="150"/>
      <c r="H279" s="150"/>
    </row>
    <row r="280" spans="1:8" ht="51">
      <c r="A280" s="150"/>
      <c r="B280" s="169"/>
      <c r="C280" s="170" t="s">
        <v>32090</v>
      </c>
      <c r="D280" s="150"/>
      <c r="E280" s="150"/>
      <c r="F280" s="150"/>
      <c r="G280" s="150"/>
      <c r="H280" s="150"/>
    </row>
    <row r="281" spans="1:8" ht="25.5">
      <c r="A281" s="150"/>
      <c r="B281" s="169"/>
      <c r="C281" s="170" t="s">
        <v>27289</v>
      </c>
      <c r="D281" s="150"/>
      <c r="E281" s="150"/>
      <c r="F281" s="150"/>
      <c r="G281" s="150"/>
      <c r="H281" s="150"/>
    </row>
    <row r="282" spans="1:8" ht="25.5">
      <c r="A282" s="150"/>
      <c r="B282" s="169"/>
      <c r="C282" s="170" t="s">
        <v>27290</v>
      </c>
      <c r="D282" s="150"/>
      <c r="E282" s="150"/>
      <c r="F282" s="150"/>
      <c r="G282" s="150"/>
      <c r="H282" s="150"/>
    </row>
    <row r="283" spans="1:8">
      <c r="A283" s="150"/>
      <c r="B283" s="169"/>
      <c r="C283" s="170" t="s">
        <v>8706</v>
      </c>
      <c r="D283" s="150"/>
      <c r="E283" s="150"/>
      <c r="F283" s="150"/>
      <c r="G283" s="150"/>
      <c r="H283" s="150"/>
    </row>
    <row r="284" spans="1:8" ht="25.5">
      <c r="A284" s="150"/>
      <c r="B284" s="169"/>
      <c r="C284" s="160" t="s">
        <v>8707</v>
      </c>
      <c r="D284" s="150"/>
      <c r="E284" s="150"/>
      <c r="F284" s="150"/>
      <c r="G284" s="150"/>
      <c r="H284" s="150"/>
    </row>
    <row r="285" spans="1:8">
      <c r="A285" s="150"/>
      <c r="B285" s="169"/>
      <c r="C285" s="160" t="s">
        <v>8708</v>
      </c>
      <c r="D285" s="150"/>
      <c r="E285" s="150"/>
      <c r="F285" s="150"/>
      <c r="G285" s="150"/>
      <c r="H285" s="150"/>
    </row>
    <row r="286" spans="1:8">
      <c r="A286" s="150"/>
      <c r="B286" s="169"/>
      <c r="C286" s="160" t="s">
        <v>8709</v>
      </c>
      <c r="D286" s="150"/>
      <c r="E286" s="150"/>
      <c r="F286" s="150"/>
      <c r="G286" s="150"/>
      <c r="H286" s="150"/>
    </row>
    <row r="287" spans="1:8">
      <c r="A287" s="150"/>
      <c r="B287" s="169"/>
      <c r="C287" s="160" t="s">
        <v>8710</v>
      </c>
      <c r="D287" s="150"/>
      <c r="E287" s="150"/>
      <c r="F287" s="150"/>
      <c r="G287" s="150"/>
      <c r="H287" s="150"/>
    </row>
    <row r="288" spans="1:8">
      <c r="A288" s="150"/>
      <c r="B288" s="169"/>
      <c r="C288" s="169"/>
      <c r="D288" s="150"/>
      <c r="E288" s="150"/>
      <c r="F288" s="150"/>
      <c r="G288" s="150"/>
      <c r="H288" s="150"/>
    </row>
    <row r="289" spans="1:8">
      <c r="A289" s="150"/>
      <c r="B289" s="169"/>
      <c r="C289" s="170" t="s">
        <v>8711</v>
      </c>
      <c r="D289" s="150"/>
      <c r="E289" s="150"/>
      <c r="F289" s="150"/>
      <c r="G289" s="150"/>
      <c r="H289" s="150"/>
    </row>
    <row r="290" spans="1:8">
      <c r="A290" s="150"/>
      <c r="B290" s="169"/>
      <c r="C290" s="160" t="s">
        <v>8712</v>
      </c>
      <c r="D290" s="150"/>
      <c r="E290" s="150"/>
      <c r="F290" s="150"/>
      <c r="G290" s="150"/>
      <c r="H290" s="150"/>
    </row>
    <row r="291" spans="1:8">
      <c r="A291" s="150"/>
      <c r="B291" s="169"/>
      <c r="C291" s="160" t="s">
        <v>8713</v>
      </c>
      <c r="D291" s="150"/>
      <c r="E291" s="150"/>
      <c r="F291" s="150"/>
      <c r="G291" s="150"/>
      <c r="H291" s="150"/>
    </row>
    <row r="292" spans="1:8">
      <c r="A292" s="150"/>
      <c r="B292" s="169"/>
      <c r="C292" s="160" t="s">
        <v>8714</v>
      </c>
      <c r="D292" s="150"/>
      <c r="E292" s="150"/>
      <c r="F292" s="150"/>
      <c r="G292" s="150"/>
      <c r="H292" s="150"/>
    </row>
    <row r="293" spans="1:8">
      <c r="A293" s="150"/>
      <c r="B293" s="169"/>
      <c r="C293" s="160" t="s">
        <v>8715</v>
      </c>
      <c r="D293" s="150"/>
      <c r="E293" s="150"/>
      <c r="F293" s="150"/>
      <c r="G293" s="150"/>
      <c r="H293" s="150"/>
    </row>
    <row r="294" spans="1:8">
      <c r="A294" s="150"/>
      <c r="B294" s="169"/>
      <c r="C294" s="169"/>
      <c r="D294" s="150"/>
      <c r="E294" s="150"/>
      <c r="F294" s="150"/>
      <c r="G294" s="150"/>
      <c r="H294" s="150"/>
    </row>
    <row r="295" spans="1:8" ht="51">
      <c r="A295" s="150"/>
      <c r="B295" s="169"/>
      <c r="C295" s="170" t="s">
        <v>27291</v>
      </c>
      <c r="D295" s="150"/>
      <c r="E295" s="150"/>
      <c r="F295" s="150"/>
      <c r="G295" s="150"/>
      <c r="H295" s="150"/>
    </row>
    <row r="296" spans="1:8" ht="51">
      <c r="A296" s="150"/>
      <c r="B296" s="169"/>
      <c r="C296" s="170" t="s">
        <v>27292</v>
      </c>
      <c r="D296" s="150"/>
      <c r="E296" s="150"/>
      <c r="F296" s="150"/>
      <c r="G296" s="150"/>
      <c r="H296" s="150"/>
    </row>
    <row r="297" spans="1:8">
      <c r="A297" s="150"/>
      <c r="B297" s="169"/>
      <c r="C297" s="170" t="s">
        <v>8716</v>
      </c>
      <c r="D297" s="150"/>
      <c r="E297" s="150"/>
      <c r="F297" s="150"/>
      <c r="G297" s="150"/>
      <c r="H297" s="150"/>
    </row>
    <row r="298" spans="1:8" ht="25.5">
      <c r="A298" s="150"/>
      <c r="B298" s="169"/>
      <c r="C298" s="160" t="s">
        <v>8717</v>
      </c>
      <c r="D298" s="150"/>
      <c r="E298" s="150"/>
      <c r="F298" s="150"/>
      <c r="G298" s="150"/>
      <c r="H298" s="150"/>
    </row>
    <row r="299" spans="1:8">
      <c r="A299" s="150"/>
      <c r="B299" s="169"/>
      <c r="C299" s="169"/>
      <c r="D299" s="150"/>
      <c r="E299" s="150"/>
      <c r="F299" s="150"/>
      <c r="G299" s="150"/>
      <c r="H299" s="150"/>
    </row>
    <row r="300" spans="1:8">
      <c r="A300" s="150"/>
      <c r="B300" s="169"/>
      <c r="C300" s="170" t="s">
        <v>8711</v>
      </c>
      <c r="D300" s="150"/>
      <c r="E300" s="150"/>
      <c r="F300" s="150"/>
      <c r="G300" s="150"/>
      <c r="H300" s="150"/>
    </row>
    <row r="301" spans="1:8" ht="25.5">
      <c r="A301" s="150"/>
      <c r="B301" s="169"/>
      <c r="C301" s="160" t="s">
        <v>8718</v>
      </c>
      <c r="D301" s="150"/>
      <c r="E301" s="150"/>
      <c r="F301" s="150"/>
      <c r="G301" s="150"/>
      <c r="H301" s="150"/>
    </row>
    <row r="302" spans="1:8">
      <c r="A302" s="150"/>
      <c r="B302" s="169"/>
      <c r="C302" s="160" t="s">
        <v>8719</v>
      </c>
      <c r="D302" s="150"/>
      <c r="E302" s="150"/>
      <c r="F302" s="150"/>
      <c r="G302" s="150"/>
      <c r="H302" s="150"/>
    </row>
    <row r="303" spans="1:8">
      <c r="A303" s="150"/>
      <c r="B303" s="169"/>
      <c r="C303" s="160" t="s">
        <v>8720</v>
      </c>
      <c r="D303" s="150"/>
      <c r="E303" s="150"/>
      <c r="F303" s="150"/>
      <c r="G303" s="150"/>
      <c r="H303" s="150"/>
    </row>
    <row r="304" spans="1:8">
      <c r="A304" s="150"/>
      <c r="B304" s="169"/>
      <c r="C304" s="160" t="s">
        <v>8721</v>
      </c>
      <c r="D304" s="150"/>
      <c r="E304" s="150"/>
      <c r="F304" s="150"/>
      <c r="G304" s="150"/>
      <c r="H304" s="150"/>
    </row>
    <row r="305" spans="1:8">
      <c r="A305" s="150"/>
      <c r="B305" s="169"/>
      <c r="C305" s="169"/>
      <c r="D305" s="150"/>
      <c r="E305" s="150"/>
      <c r="F305" s="150"/>
      <c r="G305" s="150"/>
      <c r="H305" s="150"/>
    </row>
    <row r="306" spans="1:8">
      <c r="A306" s="150"/>
      <c r="B306" s="169"/>
      <c r="C306" s="170" t="s">
        <v>8722</v>
      </c>
      <c r="D306" s="150"/>
      <c r="E306" s="150"/>
      <c r="F306" s="150"/>
      <c r="G306" s="150"/>
      <c r="H306" s="150"/>
    </row>
    <row r="307" spans="1:8" ht="51">
      <c r="A307" s="150"/>
      <c r="B307" s="169"/>
      <c r="C307" s="160" t="s">
        <v>8723</v>
      </c>
      <c r="D307" s="150"/>
      <c r="E307" s="150"/>
      <c r="F307" s="150"/>
      <c r="G307" s="150"/>
      <c r="H307" s="150"/>
    </row>
    <row r="308" spans="1:8" ht="25.5">
      <c r="A308" s="150"/>
      <c r="B308" s="169"/>
      <c r="C308" s="160" t="s">
        <v>8724</v>
      </c>
      <c r="D308" s="150"/>
      <c r="E308" s="150"/>
      <c r="F308" s="150"/>
      <c r="G308" s="150"/>
      <c r="H308" s="150"/>
    </row>
    <row r="309" spans="1:8">
      <c r="A309" s="150"/>
      <c r="B309" s="169"/>
      <c r="C309" s="171" t="s">
        <v>32091</v>
      </c>
      <c r="D309" s="150"/>
      <c r="E309" s="150"/>
      <c r="F309" s="150"/>
      <c r="G309" s="150"/>
      <c r="H309" s="150"/>
    </row>
    <row r="310" spans="1:8" ht="25.5">
      <c r="A310" s="150"/>
      <c r="B310" s="169"/>
      <c r="C310" s="170" t="s">
        <v>27293</v>
      </c>
      <c r="D310" s="150"/>
      <c r="E310" s="150"/>
      <c r="F310" s="150"/>
      <c r="G310" s="150"/>
      <c r="H310" s="150"/>
    </row>
    <row r="311" spans="1:8" ht="38.25">
      <c r="A311" s="150"/>
      <c r="B311" s="169"/>
      <c r="C311" s="170" t="s">
        <v>27294</v>
      </c>
      <c r="D311" s="150"/>
      <c r="E311" s="150"/>
      <c r="F311" s="150"/>
      <c r="G311" s="150"/>
      <c r="H311" s="150"/>
    </row>
    <row r="312" spans="1:8" ht="25.5">
      <c r="A312" s="150"/>
      <c r="B312" s="169"/>
      <c r="C312" s="170" t="s">
        <v>27295</v>
      </c>
      <c r="D312" s="150"/>
      <c r="E312" s="150"/>
      <c r="F312" s="150"/>
      <c r="G312" s="150"/>
      <c r="H312" s="150"/>
    </row>
    <row r="313" spans="1:8" ht="38.25">
      <c r="A313" s="150"/>
      <c r="B313" s="169"/>
      <c r="C313" s="170" t="s">
        <v>27296</v>
      </c>
      <c r="D313" s="150"/>
      <c r="E313" s="150"/>
      <c r="F313" s="150"/>
      <c r="G313" s="150"/>
      <c r="H313" s="150"/>
    </row>
    <row r="314" spans="1:8" ht="25.5">
      <c r="A314" s="150"/>
      <c r="B314" s="169"/>
      <c r="C314" s="170" t="s">
        <v>27297</v>
      </c>
      <c r="D314" s="150"/>
      <c r="E314" s="150"/>
      <c r="F314" s="150"/>
      <c r="G314" s="150"/>
      <c r="H314" s="150"/>
    </row>
    <row r="315" spans="1:8">
      <c r="A315" s="150"/>
      <c r="B315" s="169"/>
      <c r="C315" s="170" t="s">
        <v>27298</v>
      </c>
      <c r="D315" s="150"/>
      <c r="E315" s="150"/>
      <c r="F315" s="150"/>
      <c r="G315" s="150"/>
      <c r="H315" s="150"/>
    </row>
    <row r="316" spans="1:8" ht="25.5">
      <c r="A316" s="150"/>
      <c r="B316" s="169"/>
      <c r="C316" s="170" t="s">
        <v>8725</v>
      </c>
      <c r="D316" s="150"/>
      <c r="E316" s="150"/>
      <c r="F316" s="150"/>
      <c r="G316" s="150"/>
      <c r="H316" s="150"/>
    </row>
    <row r="317" spans="1:8">
      <c r="A317" s="150"/>
      <c r="B317" s="169"/>
      <c r="C317" s="160" t="s">
        <v>8726</v>
      </c>
      <c r="D317" s="150"/>
      <c r="E317" s="150"/>
      <c r="F317" s="150"/>
      <c r="G317" s="150"/>
      <c r="H317" s="150"/>
    </row>
    <row r="318" spans="1:8">
      <c r="A318" s="150"/>
      <c r="B318" s="169"/>
      <c r="C318" s="160" t="s">
        <v>8727</v>
      </c>
      <c r="D318" s="150"/>
      <c r="E318" s="150"/>
      <c r="F318" s="150"/>
      <c r="G318" s="150"/>
      <c r="H318" s="150"/>
    </row>
    <row r="319" spans="1:8">
      <c r="A319" s="150"/>
      <c r="B319" s="169"/>
      <c r="C319" s="160" t="s">
        <v>8728</v>
      </c>
      <c r="D319" s="150"/>
      <c r="E319" s="150"/>
      <c r="F319" s="150"/>
      <c r="G319" s="150"/>
      <c r="H319" s="150"/>
    </row>
    <row r="320" spans="1:8">
      <c r="A320" s="150"/>
      <c r="B320" s="169"/>
      <c r="C320" s="160" t="s">
        <v>8729</v>
      </c>
      <c r="D320" s="150"/>
      <c r="E320" s="150"/>
      <c r="F320" s="150"/>
      <c r="G320" s="150"/>
      <c r="H320" s="150"/>
    </row>
    <row r="321" spans="1:8">
      <c r="A321" s="150"/>
      <c r="B321" s="169"/>
      <c r="C321" s="171" t="s">
        <v>32092</v>
      </c>
      <c r="D321" s="150"/>
      <c r="E321" s="150"/>
      <c r="F321" s="150"/>
      <c r="G321" s="150"/>
      <c r="H321" s="150"/>
    </row>
    <row r="322" spans="1:8" ht="38.25">
      <c r="A322" s="150"/>
      <c r="B322" s="165"/>
      <c r="C322" s="172" t="s">
        <v>32093</v>
      </c>
      <c r="D322" s="150"/>
      <c r="E322" s="150"/>
      <c r="F322" s="150"/>
      <c r="G322" s="150"/>
      <c r="H322" s="150"/>
    </row>
    <row r="323" spans="1:8" ht="25.5">
      <c r="A323" s="150"/>
      <c r="B323" s="162" t="s">
        <v>8730</v>
      </c>
      <c r="C323" s="159" t="s">
        <v>8733</v>
      </c>
      <c r="D323" s="150"/>
      <c r="E323" s="150"/>
      <c r="F323" s="150"/>
      <c r="G323" s="150"/>
      <c r="H323" s="150"/>
    </row>
    <row r="324" spans="1:8">
      <c r="A324" s="150"/>
      <c r="B324" s="163" t="s">
        <v>8731</v>
      </c>
      <c r="C324" s="160" t="s">
        <v>8734</v>
      </c>
      <c r="D324" s="150"/>
      <c r="E324" s="150"/>
      <c r="F324" s="150"/>
      <c r="G324" s="150"/>
      <c r="H324" s="150"/>
    </row>
    <row r="325" spans="1:8">
      <c r="A325" s="150"/>
      <c r="B325" s="163" t="s">
        <v>8732</v>
      </c>
      <c r="C325" s="160" t="s">
        <v>8735</v>
      </c>
      <c r="D325" s="150"/>
      <c r="E325" s="150"/>
      <c r="F325" s="150"/>
      <c r="G325" s="150"/>
      <c r="H325" s="150"/>
    </row>
    <row r="326" spans="1:8" ht="25.5">
      <c r="A326" s="150"/>
      <c r="B326" s="169"/>
      <c r="C326" s="160" t="s">
        <v>8736</v>
      </c>
      <c r="D326" s="150"/>
      <c r="E326" s="150"/>
      <c r="F326" s="150"/>
      <c r="G326" s="150"/>
      <c r="H326" s="150"/>
    </row>
    <row r="327" spans="1:8" ht="25.5">
      <c r="A327" s="150"/>
      <c r="B327" s="169"/>
      <c r="C327" s="160" t="s">
        <v>8737</v>
      </c>
      <c r="D327" s="150"/>
      <c r="E327" s="150"/>
      <c r="F327" s="150"/>
      <c r="G327" s="150"/>
      <c r="H327" s="150"/>
    </row>
    <row r="328" spans="1:8" ht="38.25">
      <c r="A328" s="150"/>
      <c r="B328" s="165"/>
      <c r="C328" s="161" t="s">
        <v>8738</v>
      </c>
      <c r="D328" s="150"/>
      <c r="E328" s="150"/>
      <c r="F328" s="150"/>
      <c r="G328" s="150"/>
      <c r="H328" s="150"/>
    </row>
    <row r="329" spans="1:8">
      <c r="A329" s="150"/>
      <c r="B329" s="162" t="s">
        <v>8739</v>
      </c>
      <c r="C329" s="159" t="s">
        <v>8742</v>
      </c>
      <c r="D329" s="150"/>
      <c r="E329" s="150"/>
      <c r="F329" s="150"/>
      <c r="G329" s="150"/>
      <c r="H329" s="150"/>
    </row>
    <row r="330" spans="1:8">
      <c r="A330" s="150"/>
      <c r="B330" s="163" t="s">
        <v>8740</v>
      </c>
      <c r="C330" s="160" t="s">
        <v>8734</v>
      </c>
      <c r="D330" s="150"/>
      <c r="E330" s="150"/>
      <c r="F330" s="150"/>
      <c r="G330" s="150"/>
      <c r="H330" s="150"/>
    </row>
    <row r="331" spans="1:8">
      <c r="A331" s="150"/>
      <c r="B331" s="164" t="s">
        <v>8741</v>
      </c>
      <c r="C331" s="165"/>
      <c r="D331" s="150"/>
      <c r="E331" s="150"/>
      <c r="F331" s="150"/>
      <c r="G331" s="150"/>
      <c r="H331" s="150"/>
    </row>
    <row r="332" spans="1:8" ht="25.5">
      <c r="A332" s="150"/>
      <c r="B332" s="162" t="s">
        <v>8743</v>
      </c>
      <c r="C332" s="159" t="s">
        <v>8742</v>
      </c>
      <c r="D332" s="150"/>
      <c r="E332" s="150"/>
      <c r="F332" s="150"/>
      <c r="G332" s="150"/>
      <c r="H332" s="150"/>
    </row>
    <row r="333" spans="1:8">
      <c r="A333" s="150"/>
      <c r="B333" s="163" t="s">
        <v>8744</v>
      </c>
      <c r="C333" s="160" t="s">
        <v>8734</v>
      </c>
      <c r="D333" s="150"/>
      <c r="E333" s="150"/>
      <c r="F333" s="150"/>
      <c r="G333" s="150"/>
      <c r="H333" s="150"/>
    </row>
    <row r="334" spans="1:8">
      <c r="A334" s="150"/>
      <c r="B334" s="164" t="s">
        <v>8745</v>
      </c>
      <c r="C334" s="165"/>
      <c r="D334" s="150"/>
      <c r="E334" s="150"/>
      <c r="F334" s="150"/>
      <c r="G334" s="150"/>
      <c r="H334" s="150"/>
    </row>
    <row r="335" spans="1:8">
      <c r="A335" s="150"/>
      <c r="B335" s="162" t="s">
        <v>8746</v>
      </c>
      <c r="C335" s="159" t="s">
        <v>8749</v>
      </c>
      <c r="D335" s="150"/>
      <c r="E335" s="150"/>
      <c r="F335" s="150"/>
      <c r="G335" s="150"/>
      <c r="H335" s="150"/>
    </row>
    <row r="336" spans="1:8" ht="38.25">
      <c r="A336" s="150"/>
      <c r="B336" s="163" t="s">
        <v>8747</v>
      </c>
      <c r="C336" s="160" t="s">
        <v>32094</v>
      </c>
      <c r="D336" s="150"/>
      <c r="E336" s="150"/>
      <c r="F336" s="150"/>
      <c r="G336" s="150"/>
      <c r="H336" s="150"/>
    </row>
    <row r="337" spans="1:8" ht="25.5">
      <c r="A337" s="150"/>
      <c r="B337" s="163" t="s">
        <v>8748</v>
      </c>
      <c r="C337" s="160" t="s">
        <v>8750</v>
      </c>
      <c r="D337" s="150"/>
      <c r="E337" s="150"/>
      <c r="F337" s="150"/>
      <c r="G337" s="150"/>
      <c r="H337" s="150"/>
    </row>
    <row r="338" spans="1:8">
      <c r="A338" s="150"/>
      <c r="B338" s="169"/>
      <c r="C338" s="160" t="s">
        <v>8751</v>
      </c>
      <c r="D338" s="150"/>
      <c r="E338" s="150"/>
      <c r="F338" s="150"/>
      <c r="G338" s="150"/>
      <c r="H338" s="150"/>
    </row>
    <row r="339" spans="1:8">
      <c r="A339" s="150"/>
      <c r="B339" s="169"/>
      <c r="C339" s="160" t="s">
        <v>8752</v>
      </c>
      <c r="D339" s="150"/>
      <c r="E339" s="150"/>
      <c r="F339" s="150"/>
      <c r="G339" s="150"/>
      <c r="H339" s="150"/>
    </row>
    <row r="340" spans="1:8">
      <c r="A340" s="150"/>
      <c r="B340" s="169"/>
      <c r="C340" s="160" t="s">
        <v>8753</v>
      </c>
      <c r="D340" s="150"/>
      <c r="E340" s="150"/>
      <c r="F340" s="150"/>
      <c r="G340" s="150"/>
      <c r="H340" s="150"/>
    </row>
    <row r="341" spans="1:8" ht="25.5">
      <c r="A341" s="150"/>
      <c r="B341" s="169"/>
      <c r="C341" s="160" t="s">
        <v>8754</v>
      </c>
      <c r="D341" s="150"/>
      <c r="E341" s="150"/>
      <c r="F341" s="150"/>
      <c r="G341" s="150"/>
      <c r="H341" s="150"/>
    </row>
    <row r="342" spans="1:8" ht="25.5">
      <c r="A342" s="150"/>
      <c r="B342" s="169"/>
      <c r="C342" s="160" t="s">
        <v>32095</v>
      </c>
      <c r="D342" s="150"/>
      <c r="E342" s="150"/>
      <c r="F342" s="150"/>
      <c r="G342" s="150"/>
      <c r="H342" s="150"/>
    </row>
    <row r="343" spans="1:8" ht="63.75">
      <c r="A343" s="150"/>
      <c r="B343" s="169"/>
      <c r="C343" s="160" t="s">
        <v>32096</v>
      </c>
      <c r="D343" s="150"/>
      <c r="E343" s="150"/>
      <c r="F343" s="150"/>
      <c r="G343" s="150"/>
      <c r="H343" s="150"/>
    </row>
    <row r="344" spans="1:8" ht="25.5">
      <c r="A344" s="150"/>
      <c r="B344" s="169"/>
      <c r="C344" s="160" t="s">
        <v>8755</v>
      </c>
      <c r="D344" s="150"/>
      <c r="E344" s="150"/>
      <c r="F344" s="150"/>
      <c r="G344" s="150"/>
      <c r="H344" s="150"/>
    </row>
    <row r="345" spans="1:8" ht="38.25">
      <c r="A345" s="150"/>
      <c r="B345" s="165"/>
      <c r="C345" s="161" t="s">
        <v>8756</v>
      </c>
      <c r="D345" s="150"/>
      <c r="E345" s="150"/>
      <c r="F345" s="150"/>
      <c r="G345" s="150"/>
      <c r="H345" s="150"/>
    </row>
    <row r="346" spans="1:8" ht="51">
      <c r="A346" s="150"/>
      <c r="B346" s="180" t="s">
        <v>32097</v>
      </c>
      <c r="C346" s="159" t="s">
        <v>8757</v>
      </c>
      <c r="D346" s="150"/>
      <c r="E346" s="150"/>
      <c r="F346" s="150"/>
      <c r="G346" s="150"/>
      <c r="H346" s="150"/>
    </row>
    <row r="347" spans="1:8" ht="51">
      <c r="A347" s="150"/>
      <c r="B347" s="163" t="s">
        <v>14137</v>
      </c>
      <c r="C347" s="160" t="s">
        <v>8758</v>
      </c>
      <c r="D347" s="150"/>
      <c r="E347" s="150"/>
      <c r="F347" s="150"/>
      <c r="G347" s="150"/>
      <c r="H347" s="150"/>
    </row>
    <row r="348" spans="1:8" ht="51">
      <c r="A348" s="150"/>
      <c r="B348" s="163" t="s">
        <v>32098</v>
      </c>
      <c r="C348" s="160" t="s">
        <v>8517</v>
      </c>
      <c r="D348" s="150"/>
      <c r="E348" s="150"/>
      <c r="F348" s="150"/>
      <c r="G348" s="150"/>
      <c r="H348" s="150"/>
    </row>
    <row r="349" spans="1:8">
      <c r="A349" s="150"/>
      <c r="B349" s="169"/>
      <c r="C349" s="160" t="s">
        <v>8759</v>
      </c>
      <c r="D349" s="150"/>
      <c r="E349" s="150"/>
      <c r="F349" s="150"/>
      <c r="G349" s="150"/>
      <c r="H349" s="150"/>
    </row>
    <row r="350" spans="1:8">
      <c r="A350" s="150"/>
      <c r="B350" s="169"/>
      <c r="C350" s="160" t="s">
        <v>8760</v>
      </c>
      <c r="D350" s="150"/>
      <c r="E350" s="150"/>
      <c r="F350" s="150"/>
      <c r="G350" s="150"/>
      <c r="H350" s="150"/>
    </row>
    <row r="351" spans="1:8" ht="25.5">
      <c r="A351" s="150"/>
      <c r="B351" s="169"/>
      <c r="C351" s="160" t="s">
        <v>8761</v>
      </c>
      <c r="D351" s="150"/>
      <c r="E351" s="150"/>
      <c r="F351" s="150"/>
      <c r="G351" s="150"/>
      <c r="H351" s="150"/>
    </row>
    <row r="352" spans="1:8" ht="25.5">
      <c r="A352" s="150"/>
      <c r="B352" s="169"/>
      <c r="C352" s="160" t="s">
        <v>8762</v>
      </c>
      <c r="D352" s="150"/>
      <c r="E352" s="150"/>
      <c r="F352" s="150"/>
      <c r="G352" s="150"/>
      <c r="H352" s="150"/>
    </row>
    <row r="353" spans="1:8">
      <c r="A353" s="150"/>
      <c r="B353" s="169"/>
      <c r="C353" s="171" t="s">
        <v>32099</v>
      </c>
      <c r="D353" s="150"/>
      <c r="E353" s="150"/>
      <c r="F353" s="150"/>
      <c r="G353" s="150"/>
      <c r="H353" s="150"/>
    </row>
    <row r="354" spans="1:8">
      <c r="A354" s="150"/>
      <c r="B354" s="169"/>
      <c r="C354" s="160"/>
      <c r="D354" s="150"/>
      <c r="E354" s="150"/>
      <c r="F354" s="150"/>
      <c r="G354" s="150"/>
      <c r="H354" s="150"/>
    </row>
    <row r="355" spans="1:8" ht="25.5">
      <c r="A355" s="150"/>
      <c r="B355" s="169"/>
      <c r="C355" s="160" t="s">
        <v>8763</v>
      </c>
      <c r="D355" s="150"/>
      <c r="E355" s="150"/>
      <c r="F355" s="150"/>
      <c r="G355" s="150"/>
      <c r="H355" s="150"/>
    </row>
    <row r="356" spans="1:8">
      <c r="A356" s="150"/>
      <c r="B356" s="169"/>
      <c r="C356" s="171" t="s">
        <v>31505</v>
      </c>
      <c r="D356" s="150"/>
      <c r="E356" s="150"/>
      <c r="F356" s="150"/>
      <c r="G356" s="150"/>
      <c r="H356" s="150"/>
    </row>
    <row r="357" spans="1:8" ht="63.75">
      <c r="A357" s="150"/>
      <c r="B357" s="169"/>
      <c r="C357" s="160" t="s">
        <v>8764</v>
      </c>
      <c r="D357" s="150"/>
      <c r="E357" s="150"/>
      <c r="F357" s="150"/>
      <c r="G357" s="150"/>
      <c r="H357" s="150"/>
    </row>
    <row r="358" spans="1:8">
      <c r="A358" s="150"/>
      <c r="B358" s="169"/>
      <c r="C358" s="160" t="s">
        <v>8765</v>
      </c>
      <c r="D358" s="150"/>
      <c r="E358" s="150"/>
      <c r="F358" s="150"/>
      <c r="G358" s="150"/>
      <c r="H358" s="150"/>
    </row>
    <row r="359" spans="1:8">
      <c r="A359" s="150"/>
      <c r="B359" s="169"/>
      <c r="C359" s="160" t="s">
        <v>8766</v>
      </c>
      <c r="D359" s="150"/>
      <c r="E359" s="150"/>
      <c r="F359" s="150"/>
      <c r="G359" s="150"/>
      <c r="H359" s="150"/>
    </row>
    <row r="360" spans="1:8" ht="25.5">
      <c r="A360" s="150"/>
      <c r="B360" s="169"/>
      <c r="C360" s="160" t="s">
        <v>8767</v>
      </c>
      <c r="D360" s="150"/>
      <c r="E360" s="150"/>
      <c r="F360" s="150"/>
      <c r="G360" s="150"/>
      <c r="H360" s="150"/>
    </row>
    <row r="361" spans="1:8">
      <c r="A361" s="150"/>
      <c r="B361" s="169"/>
      <c r="C361" s="160" t="s">
        <v>27299</v>
      </c>
      <c r="D361" s="150"/>
      <c r="E361" s="150"/>
      <c r="F361" s="150"/>
      <c r="G361" s="150"/>
      <c r="H361" s="150"/>
    </row>
    <row r="362" spans="1:8">
      <c r="A362" s="150"/>
      <c r="B362" s="169"/>
      <c r="C362" s="160" t="s">
        <v>8768</v>
      </c>
      <c r="D362" s="150"/>
      <c r="E362" s="150"/>
      <c r="F362" s="150"/>
      <c r="G362" s="150"/>
      <c r="H362" s="150"/>
    </row>
    <row r="363" spans="1:8">
      <c r="A363" s="150"/>
      <c r="B363" s="169"/>
      <c r="C363" s="160" t="s">
        <v>8769</v>
      </c>
      <c r="D363" s="150"/>
      <c r="E363" s="150"/>
      <c r="F363" s="150"/>
      <c r="G363" s="150"/>
      <c r="H363" s="150"/>
    </row>
    <row r="364" spans="1:8" ht="25.5">
      <c r="A364" s="150"/>
      <c r="B364" s="169"/>
      <c r="C364" s="160" t="s">
        <v>8770</v>
      </c>
      <c r="D364" s="150"/>
      <c r="E364" s="150"/>
      <c r="F364" s="150"/>
      <c r="G364" s="150"/>
      <c r="H364" s="150"/>
    </row>
    <row r="365" spans="1:8">
      <c r="A365" s="150"/>
      <c r="B365" s="169"/>
      <c r="C365" s="160" t="s">
        <v>8771</v>
      </c>
      <c r="D365" s="150"/>
      <c r="E365" s="150"/>
      <c r="F365" s="150"/>
      <c r="G365" s="150"/>
      <c r="H365" s="150"/>
    </row>
    <row r="366" spans="1:8">
      <c r="A366" s="150"/>
      <c r="B366" s="169"/>
      <c r="C366" s="171" t="s">
        <v>32061</v>
      </c>
      <c r="D366" s="150"/>
      <c r="E366" s="150"/>
      <c r="F366" s="150"/>
      <c r="G366" s="150"/>
      <c r="H366" s="150"/>
    </row>
    <row r="367" spans="1:8">
      <c r="A367" s="150"/>
      <c r="B367" s="169"/>
      <c r="C367" s="170" t="s">
        <v>32100</v>
      </c>
      <c r="D367" s="150"/>
      <c r="E367" s="150"/>
      <c r="F367" s="150"/>
      <c r="G367" s="150"/>
      <c r="H367" s="150"/>
    </row>
    <row r="368" spans="1:8" ht="38.25">
      <c r="A368" s="150"/>
      <c r="B368" s="169"/>
      <c r="C368" s="170" t="s">
        <v>32101</v>
      </c>
      <c r="D368" s="150"/>
      <c r="E368" s="150"/>
      <c r="F368" s="150"/>
      <c r="G368" s="150"/>
      <c r="H368" s="150"/>
    </row>
    <row r="369" spans="1:8">
      <c r="A369" s="150"/>
      <c r="B369" s="165"/>
      <c r="C369" s="172" t="s">
        <v>32102</v>
      </c>
      <c r="D369" s="150"/>
      <c r="E369" s="150"/>
      <c r="F369" s="150"/>
      <c r="G369" s="150"/>
      <c r="H369" s="150"/>
    </row>
    <row r="370" spans="1:8" ht="38.25">
      <c r="A370" s="150"/>
      <c r="B370" s="176" t="s">
        <v>8772</v>
      </c>
      <c r="C370" s="159" t="s">
        <v>8800</v>
      </c>
      <c r="D370" s="150"/>
      <c r="E370" s="150"/>
      <c r="F370" s="150"/>
      <c r="G370" s="150"/>
      <c r="H370" s="150"/>
    </row>
    <row r="371" spans="1:8">
      <c r="A371" s="150"/>
      <c r="B371" s="163" t="s">
        <v>8773</v>
      </c>
      <c r="C371" s="160" t="s">
        <v>8801</v>
      </c>
      <c r="D371" s="150"/>
      <c r="E371" s="150"/>
      <c r="F371" s="150"/>
      <c r="G371" s="150"/>
      <c r="H371" s="150"/>
    </row>
    <row r="372" spans="1:8" ht="38.25">
      <c r="A372" s="150"/>
      <c r="B372" s="163" t="s">
        <v>8774</v>
      </c>
      <c r="C372" s="160" t="s">
        <v>8802</v>
      </c>
      <c r="D372" s="150"/>
      <c r="E372" s="150"/>
      <c r="F372" s="150"/>
      <c r="G372" s="150"/>
      <c r="H372" s="150"/>
    </row>
    <row r="373" spans="1:8" ht="25.5">
      <c r="A373" s="150"/>
      <c r="B373" s="163" t="s">
        <v>8775</v>
      </c>
      <c r="C373" s="160" t="s">
        <v>13419</v>
      </c>
      <c r="D373" s="150"/>
      <c r="E373" s="150"/>
      <c r="F373" s="150"/>
      <c r="G373" s="150"/>
      <c r="H373" s="150"/>
    </row>
    <row r="374" spans="1:8">
      <c r="A374" s="150"/>
      <c r="B374" s="163" t="s">
        <v>8776</v>
      </c>
      <c r="C374" s="160" t="s">
        <v>13420</v>
      </c>
      <c r="D374" s="150"/>
      <c r="E374" s="150"/>
      <c r="F374" s="150"/>
      <c r="G374" s="150"/>
      <c r="H374" s="150"/>
    </row>
    <row r="375" spans="1:8" ht="25.5">
      <c r="A375" s="150"/>
      <c r="B375" s="163" t="s">
        <v>8777</v>
      </c>
      <c r="C375" s="160" t="s">
        <v>8803</v>
      </c>
      <c r="D375" s="150"/>
      <c r="E375" s="150"/>
      <c r="F375" s="150"/>
      <c r="G375" s="150"/>
      <c r="H375" s="150"/>
    </row>
    <row r="376" spans="1:8" ht="25.5">
      <c r="A376" s="150"/>
      <c r="B376" s="163" t="s">
        <v>8778</v>
      </c>
      <c r="C376" s="160" t="s">
        <v>8804</v>
      </c>
      <c r="D376" s="150"/>
      <c r="E376" s="150"/>
      <c r="F376" s="150"/>
      <c r="G376" s="150"/>
      <c r="H376" s="150"/>
    </row>
    <row r="377" spans="1:8" ht="25.5">
      <c r="A377" s="150"/>
      <c r="B377" s="163" t="s">
        <v>8779</v>
      </c>
      <c r="C377" s="160" t="s">
        <v>8805</v>
      </c>
      <c r="D377" s="150"/>
      <c r="E377" s="150"/>
      <c r="F377" s="150"/>
      <c r="G377" s="150"/>
      <c r="H377" s="150"/>
    </row>
    <row r="378" spans="1:8" ht="63.75">
      <c r="A378" s="150"/>
      <c r="B378" s="163" t="s">
        <v>8780</v>
      </c>
      <c r="C378" s="160" t="s">
        <v>8806</v>
      </c>
      <c r="D378" s="150"/>
      <c r="E378" s="150"/>
      <c r="F378" s="150"/>
      <c r="G378" s="150"/>
      <c r="H378" s="150"/>
    </row>
    <row r="379" spans="1:8">
      <c r="A379" s="150"/>
      <c r="B379" s="163" t="s">
        <v>8781</v>
      </c>
      <c r="C379" s="160" t="s">
        <v>8807</v>
      </c>
      <c r="D379" s="150"/>
      <c r="E379" s="150"/>
      <c r="F379" s="150"/>
      <c r="G379" s="150"/>
      <c r="H379" s="150"/>
    </row>
    <row r="380" spans="1:8" ht="76.5">
      <c r="A380" s="150"/>
      <c r="B380" s="163" t="s">
        <v>8782</v>
      </c>
      <c r="C380" s="160" t="s">
        <v>8808</v>
      </c>
      <c r="D380" s="150"/>
      <c r="E380" s="150"/>
      <c r="F380" s="150"/>
      <c r="G380" s="150"/>
      <c r="H380" s="150"/>
    </row>
    <row r="381" spans="1:8" ht="51">
      <c r="A381" s="150"/>
      <c r="B381" s="163" t="s">
        <v>8783</v>
      </c>
      <c r="C381" s="160" t="s">
        <v>8809</v>
      </c>
      <c r="D381" s="150"/>
      <c r="E381" s="150"/>
      <c r="F381" s="150"/>
      <c r="G381" s="150"/>
      <c r="H381" s="150"/>
    </row>
    <row r="382" spans="1:8">
      <c r="A382" s="150"/>
      <c r="B382" s="163" t="s">
        <v>8784</v>
      </c>
      <c r="C382" s="160" t="s">
        <v>8810</v>
      </c>
      <c r="D382" s="150"/>
      <c r="E382" s="150"/>
      <c r="F382" s="150"/>
      <c r="G382" s="150"/>
      <c r="H382" s="150"/>
    </row>
    <row r="383" spans="1:8">
      <c r="A383" s="150"/>
      <c r="B383" s="163" t="s">
        <v>8785</v>
      </c>
      <c r="C383" s="160" t="s">
        <v>8811</v>
      </c>
      <c r="D383" s="150"/>
      <c r="E383" s="150"/>
      <c r="F383" s="150"/>
      <c r="G383" s="150"/>
      <c r="H383" s="150"/>
    </row>
    <row r="384" spans="1:8">
      <c r="A384" s="150"/>
      <c r="B384" s="163" t="s">
        <v>8786</v>
      </c>
      <c r="C384" s="160" t="s">
        <v>8812</v>
      </c>
      <c r="D384" s="150"/>
      <c r="E384" s="150"/>
      <c r="F384" s="150"/>
      <c r="G384" s="150"/>
      <c r="H384" s="150"/>
    </row>
    <row r="385" spans="1:8">
      <c r="A385" s="150"/>
      <c r="B385" s="163" t="s">
        <v>8787</v>
      </c>
      <c r="C385" s="160" t="s">
        <v>8813</v>
      </c>
      <c r="D385" s="150"/>
      <c r="E385" s="150"/>
      <c r="F385" s="150"/>
      <c r="G385" s="150"/>
      <c r="H385" s="150"/>
    </row>
    <row r="386" spans="1:8" ht="25.5">
      <c r="A386" s="150"/>
      <c r="B386" s="163" t="s">
        <v>8788</v>
      </c>
      <c r="C386" s="160" t="s">
        <v>8814</v>
      </c>
      <c r="D386" s="150"/>
      <c r="E386" s="150"/>
      <c r="F386" s="150"/>
      <c r="G386" s="150"/>
      <c r="H386" s="150"/>
    </row>
    <row r="387" spans="1:8">
      <c r="A387" s="150"/>
      <c r="B387" s="163" t="s">
        <v>8789</v>
      </c>
      <c r="C387" s="160" t="s">
        <v>8815</v>
      </c>
      <c r="D387" s="150"/>
      <c r="E387" s="150"/>
      <c r="F387" s="150"/>
      <c r="G387" s="150"/>
      <c r="H387" s="150"/>
    </row>
    <row r="388" spans="1:8">
      <c r="A388" s="150"/>
      <c r="B388" s="163" t="s">
        <v>8790</v>
      </c>
      <c r="C388" s="160" t="s">
        <v>8816</v>
      </c>
      <c r="D388" s="150"/>
      <c r="E388" s="150"/>
      <c r="F388" s="150"/>
      <c r="G388" s="150"/>
      <c r="H388" s="150"/>
    </row>
    <row r="389" spans="1:8">
      <c r="A389" s="150"/>
      <c r="B389" s="163" t="s">
        <v>8791</v>
      </c>
      <c r="C389" s="160" t="s">
        <v>8700</v>
      </c>
      <c r="D389" s="150"/>
      <c r="E389" s="150"/>
      <c r="F389" s="150"/>
      <c r="G389" s="150"/>
      <c r="H389" s="150"/>
    </row>
    <row r="390" spans="1:8">
      <c r="A390" s="150"/>
      <c r="B390" s="163" t="s">
        <v>8792</v>
      </c>
      <c r="C390" s="160" t="s">
        <v>8817</v>
      </c>
      <c r="D390" s="150"/>
      <c r="E390" s="150"/>
      <c r="F390" s="150"/>
      <c r="G390" s="150"/>
      <c r="H390" s="150"/>
    </row>
    <row r="391" spans="1:8" ht="25.5">
      <c r="A391" s="150"/>
      <c r="B391" s="163" t="s">
        <v>8793</v>
      </c>
      <c r="C391" s="160" t="s">
        <v>8818</v>
      </c>
      <c r="D391" s="150"/>
      <c r="E391" s="150"/>
      <c r="F391" s="150"/>
      <c r="G391" s="150"/>
      <c r="H391" s="150"/>
    </row>
    <row r="392" spans="1:8">
      <c r="A392" s="150"/>
      <c r="B392" s="163" t="s">
        <v>8794</v>
      </c>
      <c r="C392" s="160" t="s">
        <v>8819</v>
      </c>
      <c r="D392" s="150"/>
      <c r="E392" s="150"/>
      <c r="F392" s="150"/>
      <c r="G392" s="150"/>
      <c r="H392" s="150"/>
    </row>
    <row r="393" spans="1:8">
      <c r="A393" s="150"/>
      <c r="B393" s="163" t="s">
        <v>8795</v>
      </c>
      <c r="C393" s="169"/>
      <c r="D393" s="150"/>
      <c r="E393" s="150"/>
      <c r="F393" s="150"/>
      <c r="G393" s="150"/>
      <c r="H393" s="150"/>
    </row>
    <row r="394" spans="1:8">
      <c r="A394" s="150"/>
      <c r="B394" s="163" t="s">
        <v>8796</v>
      </c>
      <c r="C394" s="169"/>
      <c r="D394" s="150"/>
      <c r="E394" s="150"/>
      <c r="F394" s="150"/>
      <c r="G394" s="150"/>
      <c r="H394" s="150"/>
    </row>
    <row r="395" spans="1:8" ht="25.5">
      <c r="A395" s="150"/>
      <c r="B395" s="163" t="s">
        <v>8797</v>
      </c>
      <c r="C395" s="169"/>
      <c r="D395" s="150"/>
      <c r="E395" s="150"/>
      <c r="F395" s="150"/>
      <c r="G395" s="150"/>
      <c r="H395" s="150"/>
    </row>
    <row r="396" spans="1:8">
      <c r="A396" s="150"/>
      <c r="B396" s="163" t="s">
        <v>8798</v>
      </c>
      <c r="C396" s="169"/>
      <c r="D396" s="150"/>
      <c r="E396" s="150"/>
      <c r="F396" s="150"/>
      <c r="G396" s="150"/>
      <c r="H396" s="150"/>
    </row>
    <row r="397" spans="1:8">
      <c r="A397" s="150"/>
      <c r="B397" s="164" t="s">
        <v>8799</v>
      </c>
      <c r="C397" s="165"/>
      <c r="D397" s="150"/>
      <c r="E397" s="150"/>
      <c r="F397" s="150"/>
      <c r="G397" s="150"/>
      <c r="H397" s="150"/>
    </row>
    <row r="398" spans="1:8" ht="25.5">
      <c r="A398" s="150"/>
      <c r="B398" s="162" t="s">
        <v>8820</v>
      </c>
      <c r="C398" s="159" t="s">
        <v>8837</v>
      </c>
      <c r="D398" s="150"/>
      <c r="E398" s="150"/>
      <c r="F398" s="150"/>
      <c r="G398" s="150"/>
      <c r="H398" s="150"/>
    </row>
    <row r="399" spans="1:8">
      <c r="A399" s="150"/>
      <c r="B399" s="163" t="s">
        <v>8821</v>
      </c>
      <c r="C399" s="160" t="s">
        <v>8758</v>
      </c>
      <c r="D399" s="150"/>
      <c r="E399" s="150"/>
      <c r="F399" s="150"/>
      <c r="G399" s="150"/>
      <c r="H399" s="150"/>
    </row>
    <row r="400" spans="1:8">
      <c r="A400" s="150"/>
      <c r="B400" s="163" t="s">
        <v>8822</v>
      </c>
      <c r="C400" s="160" t="s">
        <v>8517</v>
      </c>
      <c r="D400" s="150"/>
      <c r="E400" s="150"/>
      <c r="F400" s="150"/>
      <c r="G400" s="150"/>
      <c r="H400" s="150"/>
    </row>
    <row r="401" spans="1:8" ht="25.5">
      <c r="A401" s="150"/>
      <c r="B401" s="163" t="s">
        <v>8823</v>
      </c>
      <c r="C401" s="160" t="s">
        <v>13421</v>
      </c>
      <c r="D401" s="150"/>
      <c r="E401" s="150"/>
      <c r="F401" s="150"/>
      <c r="G401" s="150"/>
      <c r="H401" s="150"/>
    </row>
    <row r="402" spans="1:8" ht="38.25">
      <c r="A402" s="150"/>
      <c r="B402" s="163" t="s">
        <v>8824</v>
      </c>
      <c r="C402" s="160" t="s">
        <v>8838</v>
      </c>
      <c r="D402" s="150"/>
      <c r="E402" s="150"/>
      <c r="F402" s="150"/>
      <c r="G402" s="150"/>
      <c r="H402" s="150"/>
    </row>
    <row r="403" spans="1:8" ht="76.5">
      <c r="A403" s="150"/>
      <c r="B403" s="163" t="s">
        <v>8825</v>
      </c>
      <c r="C403" s="160" t="s">
        <v>13422</v>
      </c>
      <c r="D403" s="150"/>
      <c r="E403" s="150"/>
      <c r="F403" s="150"/>
      <c r="G403" s="150"/>
      <c r="H403" s="150"/>
    </row>
    <row r="404" spans="1:8">
      <c r="A404" s="150"/>
      <c r="B404" s="163" t="s">
        <v>8826</v>
      </c>
      <c r="C404" s="160" t="s">
        <v>8839</v>
      </c>
      <c r="D404" s="150"/>
      <c r="E404" s="150"/>
      <c r="F404" s="150"/>
      <c r="G404" s="150"/>
      <c r="H404" s="150"/>
    </row>
    <row r="405" spans="1:8">
      <c r="A405" s="150"/>
      <c r="B405" s="163" t="s">
        <v>8827</v>
      </c>
      <c r="C405" s="160" t="s">
        <v>8840</v>
      </c>
      <c r="D405" s="150"/>
      <c r="E405" s="150"/>
      <c r="F405" s="150"/>
      <c r="G405" s="150"/>
      <c r="H405" s="150"/>
    </row>
    <row r="406" spans="1:8" ht="25.5">
      <c r="A406" s="150"/>
      <c r="B406" s="163" t="s">
        <v>8828</v>
      </c>
      <c r="C406" s="160" t="s">
        <v>8767</v>
      </c>
      <c r="D406" s="150"/>
      <c r="E406" s="150"/>
      <c r="F406" s="150"/>
      <c r="G406" s="150"/>
      <c r="H406" s="150"/>
    </row>
    <row r="407" spans="1:8">
      <c r="A407" s="150"/>
      <c r="B407" s="163" t="s">
        <v>8829</v>
      </c>
      <c r="C407" s="160" t="s">
        <v>8841</v>
      </c>
      <c r="D407" s="150"/>
      <c r="E407" s="150"/>
      <c r="F407" s="150"/>
      <c r="G407" s="150"/>
      <c r="H407" s="150"/>
    </row>
    <row r="408" spans="1:8">
      <c r="A408" s="150"/>
      <c r="B408" s="163" t="s">
        <v>8830</v>
      </c>
      <c r="C408" s="169"/>
      <c r="D408" s="150"/>
      <c r="E408" s="150"/>
      <c r="F408" s="150"/>
      <c r="G408" s="150"/>
      <c r="H408" s="150"/>
    </row>
    <row r="409" spans="1:8">
      <c r="A409" s="150"/>
      <c r="B409" s="163" t="s">
        <v>8831</v>
      </c>
      <c r="C409" s="169"/>
      <c r="D409" s="150"/>
      <c r="E409" s="150"/>
      <c r="F409" s="150"/>
      <c r="G409" s="150"/>
      <c r="H409" s="150"/>
    </row>
    <row r="410" spans="1:8">
      <c r="A410" s="150"/>
      <c r="B410" s="163" t="s">
        <v>8832</v>
      </c>
      <c r="C410" s="169"/>
      <c r="D410" s="150"/>
      <c r="E410" s="150"/>
      <c r="F410" s="150"/>
      <c r="G410" s="150"/>
      <c r="H410" s="150"/>
    </row>
    <row r="411" spans="1:8">
      <c r="A411" s="150"/>
      <c r="B411" s="163" t="s">
        <v>8833</v>
      </c>
      <c r="C411" s="169"/>
      <c r="D411" s="150"/>
      <c r="E411" s="150"/>
      <c r="F411" s="150"/>
      <c r="G411" s="150"/>
      <c r="H411" s="150"/>
    </row>
    <row r="412" spans="1:8">
      <c r="A412" s="150"/>
      <c r="B412" s="163" t="s">
        <v>8834</v>
      </c>
      <c r="C412" s="169"/>
      <c r="D412" s="150"/>
      <c r="E412" s="150"/>
      <c r="F412" s="150"/>
      <c r="G412" s="150"/>
      <c r="H412" s="150"/>
    </row>
    <row r="413" spans="1:8">
      <c r="A413" s="150"/>
      <c r="B413" s="163" t="s">
        <v>8835</v>
      </c>
      <c r="C413" s="169"/>
      <c r="D413" s="150"/>
      <c r="E413" s="150"/>
      <c r="F413" s="150"/>
      <c r="G413" s="150"/>
      <c r="H413" s="150"/>
    </row>
    <row r="414" spans="1:8">
      <c r="A414" s="150"/>
      <c r="B414" s="164" t="s">
        <v>8836</v>
      </c>
      <c r="C414" s="165"/>
      <c r="D414" s="150"/>
      <c r="E414" s="150"/>
      <c r="F414" s="150"/>
      <c r="G414" s="150"/>
      <c r="H414" s="150"/>
    </row>
    <row r="415" spans="1:8" ht="38.25">
      <c r="A415" s="150"/>
      <c r="B415" s="166" t="s">
        <v>32061</v>
      </c>
      <c r="C415" s="159" t="s">
        <v>8842</v>
      </c>
      <c r="D415" s="150"/>
      <c r="E415" s="150"/>
      <c r="F415" s="150"/>
      <c r="G415" s="150"/>
      <c r="H415" s="150"/>
    </row>
    <row r="416" spans="1:8" ht="102">
      <c r="A416" s="150"/>
      <c r="B416" s="168" t="s">
        <v>32103</v>
      </c>
      <c r="C416" s="160" t="s">
        <v>8843</v>
      </c>
      <c r="D416" s="150"/>
      <c r="E416" s="150"/>
      <c r="F416" s="150"/>
      <c r="G416" s="150"/>
      <c r="H416" s="150"/>
    </row>
    <row r="417" spans="1:8">
      <c r="A417" s="150"/>
      <c r="B417" s="169"/>
      <c r="C417" s="160" t="s">
        <v>8844</v>
      </c>
      <c r="D417" s="150"/>
      <c r="E417" s="150"/>
      <c r="F417" s="150"/>
      <c r="G417" s="150"/>
      <c r="H417" s="150"/>
    </row>
    <row r="418" spans="1:8">
      <c r="A418" s="150"/>
      <c r="B418" s="169"/>
      <c r="C418" s="160" t="s">
        <v>8845</v>
      </c>
      <c r="D418" s="150"/>
      <c r="E418" s="150"/>
      <c r="F418" s="150"/>
      <c r="G418" s="150"/>
      <c r="H418" s="150"/>
    </row>
    <row r="419" spans="1:8">
      <c r="A419" s="150"/>
      <c r="B419" s="169"/>
      <c r="C419" s="160" t="s">
        <v>8846</v>
      </c>
      <c r="D419" s="150"/>
      <c r="E419" s="150"/>
      <c r="F419" s="150"/>
      <c r="G419" s="150"/>
      <c r="H419" s="150"/>
    </row>
    <row r="420" spans="1:8">
      <c r="A420" s="150"/>
      <c r="B420" s="169"/>
      <c r="C420" s="160" t="s">
        <v>8847</v>
      </c>
      <c r="D420" s="150"/>
      <c r="E420" s="150"/>
      <c r="F420" s="150"/>
      <c r="G420" s="150"/>
      <c r="H420" s="150"/>
    </row>
    <row r="421" spans="1:8">
      <c r="A421" s="150"/>
      <c r="B421" s="169"/>
      <c r="C421" s="160" t="s">
        <v>8848</v>
      </c>
      <c r="D421" s="150"/>
      <c r="E421" s="150"/>
      <c r="F421" s="150"/>
      <c r="G421" s="150"/>
      <c r="H421" s="150"/>
    </row>
    <row r="422" spans="1:8">
      <c r="A422" s="150"/>
      <c r="B422" s="169"/>
      <c r="C422" s="160" t="s">
        <v>8849</v>
      </c>
      <c r="D422" s="150"/>
      <c r="E422" s="150"/>
      <c r="F422" s="150"/>
      <c r="G422" s="150"/>
      <c r="H422" s="150"/>
    </row>
    <row r="423" spans="1:8">
      <c r="A423" s="150"/>
      <c r="B423" s="169"/>
      <c r="C423" s="160" t="s">
        <v>8850</v>
      </c>
      <c r="D423" s="150"/>
      <c r="E423" s="150"/>
      <c r="F423" s="150"/>
      <c r="G423" s="150"/>
      <c r="H423" s="150"/>
    </row>
    <row r="424" spans="1:8">
      <c r="A424" s="150"/>
      <c r="B424" s="169"/>
      <c r="C424" s="160" t="s">
        <v>8851</v>
      </c>
      <c r="D424" s="150"/>
      <c r="E424" s="150"/>
      <c r="F424" s="150"/>
      <c r="G424" s="150"/>
      <c r="H424" s="150"/>
    </row>
    <row r="425" spans="1:8" ht="51">
      <c r="A425" s="150"/>
      <c r="B425" s="169"/>
      <c r="C425" s="160" t="s">
        <v>8852</v>
      </c>
      <c r="D425" s="150"/>
      <c r="E425" s="150"/>
      <c r="F425" s="150"/>
      <c r="G425" s="150"/>
      <c r="H425" s="150"/>
    </row>
    <row r="426" spans="1:8">
      <c r="A426" s="150"/>
      <c r="B426" s="169"/>
      <c r="C426" s="160" t="s">
        <v>8853</v>
      </c>
      <c r="D426" s="150"/>
      <c r="E426" s="150"/>
      <c r="F426" s="150"/>
      <c r="G426" s="150"/>
      <c r="H426" s="150"/>
    </row>
    <row r="427" spans="1:8" ht="27">
      <c r="A427" s="150"/>
      <c r="B427" s="169"/>
      <c r="C427" s="160" t="s">
        <v>32104</v>
      </c>
      <c r="D427" s="150"/>
      <c r="E427" s="150"/>
      <c r="F427" s="150"/>
      <c r="G427" s="150"/>
      <c r="H427" s="150"/>
    </row>
    <row r="428" spans="1:8" ht="25.5">
      <c r="A428" s="150"/>
      <c r="B428" s="165"/>
      <c r="C428" s="161" t="s">
        <v>8854</v>
      </c>
      <c r="D428" s="150"/>
      <c r="E428" s="150"/>
      <c r="F428" s="150"/>
      <c r="G428" s="150"/>
      <c r="H428" s="150"/>
    </row>
    <row r="429" spans="1:8">
      <c r="A429" s="150"/>
      <c r="B429" s="162" t="s">
        <v>8855</v>
      </c>
      <c r="C429" s="1149" t="s">
        <v>8858</v>
      </c>
      <c r="D429" s="150"/>
      <c r="E429" s="150"/>
      <c r="F429" s="150"/>
      <c r="G429" s="150"/>
      <c r="H429" s="150"/>
    </row>
    <row r="430" spans="1:8">
      <c r="A430" s="150"/>
      <c r="B430" s="163" t="s">
        <v>8856</v>
      </c>
      <c r="C430" s="1158"/>
      <c r="D430" s="150"/>
      <c r="E430" s="150"/>
      <c r="F430" s="150"/>
      <c r="G430" s="150"/>
      <c r="H430" s="150"/>
    </row>
    <row r="431" spans="1:8">
      <c r="A431" s="150"/>
      <c r="B431" s="164" t="s">
        <v>8857</v>
      </c>
      <c r="C431" s="1150"/>
      <c r="D431" s="150"/>
      <c r="E431" s="150"/>
      <c r="F431" s="150"/>
      <c r="G431" s="150"/>
      <c r="H431" s="150"/>
    </row>
    <row r="432" spans="1:8">
      <c r="A432" s="150"/>
      <c r="B432" s="1159" t="s">
        <v>31506</v>
      </c>
      <c r="C432" s="1161"/>
      <c r="D432" s="150"/>
      <c r="E432" s="150"/>
      <c r="F432" s="150"/>
      <c r="G432" s="150"/>
      <c r="H432" s="150"/>
    </row>
    <row r="433" spans="1:8">
      <c r="A433" s="150"/>
      <c r="B433" s="1159" t="s">
        <v>31503</v>
      </c>
      <c r="C433" s="1161"/>
      <c r="D433" s="150"/>
      <c r="E433" s="150"/>
      <c r="F433" s="150"/>
      <c r="G433" s="150"/>
      <c r="H433" s="150"/>
    </row>
    <row r="434" spans="1:8" ht="89.25">
      <c r="A434" s="150"/>
      <c r="B434" s="1147" t="s">
        <v>8859</v>
      </c>
      <c r="C434" s="159" t="s">
        <v>13423</v>
      </c>
      <c r="D434" s="150"/>
      <c r="E434" s="150"/>
      <c r="F434" s="150"/>
      <c r="G434" s="150"/>
      <c r="H434" s="150"/>
    </row>
    <row r="435" spans="1:8" ht="25.5">
      <c r="A435" s="150"/>
      <c r="B435" s="1157"/>
      <c r="C435" s="160" t="s">
        <v>8860</v>
      </c>
      <c r="D435" s="150"/>
      <c r="E435" s="150"/>
      <c r="F435" s="150"/>
      <c r="G435" s="150"/>
      <c r="H435" s="150"/>
    </row>
    <row r="436" spans="1:8" ht="25.5">
      <c r="A436" s="150"/>
      <c r="B436" s="1157"/>
      <c r="C436" s="160" t="s">
        <v>8861</v>
      </c>
      <c r="D436" s="150"/>
      <c r="E436" s="150"/>
      <c r="F436" s="150"/>
      <c r="G436" s="150"/>
      <c r="H436" s="150"/>
    </row>
    <row r="437" spans="1:8">
      <c r="A437" s="150"/>
      <c r="B437" s="1157"/>
      <c r="C437" s="160" t="s">
        <v>8862</v>
      </c>
      <c r="D437" s="150"/>
      <c r="E437" s="150"/>
      <c r="F437" s="150"/>
      <c r="G437" s="150"/>
      <c r="H437" s="150"/>
    </row>
    <row r="438" spans="1:8">
      <c r="A438" s="150"/>
      <c r="B438" s="1157"/>
      <c r="C438" s="160" t="s">
        <v>8863</v>
      </c>
      <c r="D438" s="150"/>
      <c r="E438" s="150"/>
      <c r="F438" s="150"/>
      <c r="G438" s="150"/>
      <c r="H438" s="150"/>
    </row>
    <row r="439" spans="1:8" ht="38.25">
      <c r="A439" s="150"/>
      <c r="B439" s="1157"/>
      <c r="C439" s="160" t="s">
        <v>8864</v>
      </c>
      <c r="D439" s="150"/>
      <c r="E439" s="150"/>
      <c r="F439" s="150"/>
      <c r="G439" s="150"/>
      <c r="H439" s="150"/>
    </row>
    <row r="440" spans="1:8" ht="51">
      <c r="A440" s="150"/>
      <c r="B440" s="1148"/>
      <c r="C440" s="161" t="s">
        <v>13424</v>
      </c>
      <c r="D440" s="150"/>
      <c r="E440" s="150"/>
      <c r="F440" s="150"/>
      <c r="G440" s="150"/>
      <c r="H440" s="150"/>
    </row>
    <row r="441" spans="1:8">
      <c r="A441" s="150"/>
      <c r="B441" s="1159" t="s">
        <v>31507</v>
      </c>
      <c r="C441" s="1161"/>
      <c r="D441" s="150"/>
      <c r="E441" s="150"/>
      <c r="F441" s="150"/>
      <c r="G441" s="150"/>
      <c r="H441" s="150"/>
    </row>
    <row r="442" spans="1:8">
      <c r="A442" s="150"/>
      <c r="B442" s="1159" t="s">
        <v>31503</v>
      </c>
      <c r="C442" s="1161"/>
      <c r="D442" s="150"/>
      <c r="E442" s="150"/>
      <c r="F442" s="150"/>
      <c r="G442" s="150"/>
      <c r="H442" s="150"/>
    </row>
    <row r="443" spans="1:8">
      <c r="A443" s="150"/>
      <c r="B443" s="162" t="s">
        <v>8865</v>
      </c>
      <c r="C443" s="159" t="s">
        <v>8866</v>
      </c>
      <c r="D443" s="150"/>
      <c r="E443" s="150"/>
      <c r="F443" s="150"/>
      <c r="G443" s="150"/>
      <c r="H443" s="150"/>
    </row>
    <row r="444" spans="1:8">
      <c r="A444" s="150"/>
      <c r="B444" s="163" t="s">
        <v>32105</v>
      </c>
      <c r="C444" s="160" t="s">
        <v>8537</v>
      </c>
      <c r="D444" s="150"/>
      <c r="E444" s="150"/>
      <c r="F444" s="150"/>
      <c r="G444" s="150"/>
      <c r="H444" s="150"/>
    </row>
    <row r="445" spans="1:8" ht="25.5">
      <c r="A445" s="150"/>
      <c r="B445" s="169"/>
      <c r="C445" s="160" t="s">
        <v>13425</v>
      </c>
      <c r="D445" s="150"/>
      <c r="E445" s="150"/>
      <c r="F445" s="150"/>
      <c r="G445" s="150"/>
      <c r="H445" s="150"/>
    </row>
    <row r="446" spans="1:8" ht="38.25">
      <c r="A446" s="150"/>
      <c r="B446" s="169"/>
      <c r="C446" s="160" t="s">
        <v>13426</v>
      </c>
      <c r="D446" s="150"/>
      <c r="E446" s="150"/>
      <c r="F446" s="150"/>
      <c r="G446" s="150"/>
      <c r="H446" s="150"/>
    </row>
    <row r="447" spans="1:8">
      <c r="A447" s="150"/>
      <c r="B447" s="169"/>
      <c r="C447" s="160" t="s">
        <v>8867</v>
      </c>
      <c r="D447" s="150"/>
      <c r="E447" s="150"/>
      <c r="F447" s="150"/>
      <c r="G447" s="150"/>
      <c r="H447" s="150"/>
    </row>
    <row r="448" spans="1:8">
      <c r="A448" s="150"/>
      <c r="B448" s="169"/>
      <c r="C448" s="160" t="s">
        <v>8868</v>
      </c>
      <c r="D448" s="150"/>
      <c r="E448" s="150"/>
      <c r="F448" s="150"/>
      <c r="G448" s="150"/>
      <c r="H448" s="150"/>
    </row>
    <row r="449" spans="1:8" ht="25.5">
      <c r="A449" s="150"/>
      <c r="B449" s="165"/>
      <c r="C449" s="161" t="s">
        <v>8869</v>
      </c>
      <c r="D449" s="150"/>
      <c r="E449" s="150"/>
      <c r="F449" s="150"/>
      <c r="G449" s="150"/>
      <c r="H449" s="150"/>
    </row>
    <row r="450" spans="1:8" ht="38.25">
      <c r="A450" s="150"/>
      <c r="B450" s="176" t="s">
        <v>8870</v>
      </c>
      <c r="C450" s="159" t="s">
        <v>13427</v>
      </c>
      <c r="D450" s="150"/>
      <c r="E450" s="150"/>
      <c r="F450" s="150"/>
      <c r="G450" s="150"/>
      <c r="H450" s="150"/>
    </row>
    <row r="451" spans="1:8">
      <c r="A451" s="150"/>
      <c r="B451" s="163" t="s">
        <v>8871</v>
      </c>
      <c r="C451" s="160" t="s">
        <v>8873</v>
      </c>
      <c r="D451" s="150"/>
      <c r="E451" s="150"/>
      <c r="F451" s="150"/>
      <c r="G451" s="150"/>
      <c r="H451" s="150"/>
    </row>
    <row r="452" spans="1:8" ht="25.5">
      <c r="A452" s="150"/>
      <c r="B452" s="163" t="s">
        <v>32106</v>
      </c>
      <c r="C452" s="160" t="s">
        <v>8874</v>
      </c>
      <c r="D452" s="150"/>
      <c r="E452" s="150"/>
      <c r="F452" s="150"/>
      <c r="G452" s="150"/>
      <c r="H452" s="150"/>
    </row>
    <row r="453" spans="1:8" ht="25.5">
      <c r="A453" s="150"/>
      <c r="B453" s="163" t="s">
        <v>8872</v>
      </c>
      <c r="C453" s="160" t="s">
        <v>8875</v>
      </c>
      <c r="D453" s="150"/>
      <c r="E453" s="150"/>
      <c r="F453" s="150"/>
      <c r="G453" s="150"/>
      <c r="H453" s="150"/>
    </row>
    <row r="454" spans="1:8">
      <c r="A454" s="150"/>
      <c r="B454" s="163" t="s">
        <v>32107</v>
      </c>
      <c r="C454" s="160" t="s">
        <v>8876</v>
      </c>
      <c r="D454" s="150"/>
      <c r="E454" s="150"/>
      <c r="F454" s="150"/>
      <c r="G454" s="150"/>
      <c r="H454" s="150"/>
    </row>
    <row r="455" spans="1:8">
      <c r="A455" s="150"/>
      <c r="B455" s="169"/>
      <c r="C455" s="160" t="s">
        <v>8877</v>
      </c>
      <c r="D455" s="150"/>
      <c r="E455" s="150"/>
      <c r="F455" s="150"/>
      <c r="G455" s="150"/>
      <c r="H455" s="150"/>
    </row>
    <row r="456" spans="1:8">
      <c r="A456" s="150"/>
      <c r="B456" s="169"/>
      <c r="C456" s="160" t="s">
        <v>8878</v>
      </c>
      <c r="D456" s="150"/>
      <c r="E456" s="150"/>
      <c r="F456" s="150"/>
      <c r="G456" s="150"/>
      <c r="H456" s="150"/>
    </row>
    <row r="457" spans="1:8" ht="38.25">
      <c r="A457" s="150"/>
      <c r="B457" s="169"/>
      <c r="C457" s="160" t="s">
        <v>8879</v>
      </c>
      <c r="D457" s="150"/>
      <c r="E457" s="150"/>
      <c r="F457" s="150"/>
      <c r="G457" s="150"/>
      <c r="H457" s="150"/>
    </row>
    <row r="458" spans="1:8">
      <c r="A458" s="150"/>
      <c r="B458" s="169"/>
      <c r="C458" s="160" t="s">
        <v>8880</v>
      </c>
      <c r="D458" s="150"/>
      <c r="E458" s="150"/>
      <c r="F458" s="150"/>
      <c r="G458" s="150"/>
      <c r="H458" s="150"/>
    </row>
    <row r="459" spans="1:8">
      <c r="A459" s="150"/>
      <c r="B459" s="169"/>
      <c r="C459" s="160" t="s">
        <v>8881</v>
      </c>
      <c r="D459" s="150"/>
      <c r="E459" s="150"/>
      <c r="F459" s="150"/>
      <c r="G459" s="150"/>
      <c r="H459" s="150"/>
    </row>
    <row r="460" spans="1:8" ht="25.5">
      <c r="A460" s="150"/>
      <c r="B460" s="169"/>
      <c r="C460" s="160" t="s">
        <v>8882</v>
      </c>
      <c r="D460" s="150"/>
      <c r="E460" s="150"/>
      <c r="F460" s="150"/>
      <c r="G460" s="150"/>
      <c r="H460" s="150"/>
    </row>
    <row r="461" spans="1:8">
      <c r="A461" s="150"/>
      <c r="B461" s="169"/>
      <c r="C461" s="160" t="s">
        <v>8883</v>
      </c>
      <c r="D461" s="150"/>
      <c r="E461" s="150"/>
      <c r="F461" s="150"/>
      <c r="G461" s="150"/>
      <c r="H461" s="150"/>
    </row>
    <row r="462" spans="1:8">
      <c r="A462" s="150"/>
      <c r="B462" s="169"/>
      <c r="C462" s="160" t="s">
        <v>8884</v>
      </c>
      <c r="D462" s="150"/>
      <c r="E462" s="150"/>
      <c r="F462" s="150"/>
      <c r="G462" s="150"/>
      <c r="H462" s="150"/>
    </row>
    <row r="463" spans="1:8">
      <c r="A463" s="150"/>
      <c r="B463" s="169"/>
      <c r="C463" s="160" t="s">
        <v>8885</v>
      </c>
      <c r="D463" s="150"/>
      <c r="E463" s="150"/>
      <c r="F463" s="150"/>
      <c r="G463" s="150"/>
      <c r="H463" s="150"/>
    </row>
    <row r="464" spans="1:8">
      <c r="A464" s="150"/>
      <c r="B464" s="169"/>
      <c r="C464" s="160" t="s">
        <v>8886</v>
      </c>
      <c r="D464" s="150"/>
      <c r="E464" s="150"/>
      <c r="F464" s="150"/>
      <c r="G464" s="150"/>
      <c r="H464" s="150"/>
    </row>
    <row r="465" spans="1:8" ht="51">
      <c r="A465" s="150"/>
      <c r="B465" s="165"/>
      <c r="C465" s="161" t="s">
        <v>8887</v>
      </c>
      <c r="D465" s="150"/>
      <c r="E465" s="150"/>
      <c r="F465" s="150"/>
      <c r="G465" s="150"/>
      <c r="H465" s="150"/>
    </row>
    <row r="466" spans="1:8">
      <c r="A466" s="150"/>
      <c r="B466" s="1159" t="s">
        <v>31508</v>
      </c>
      <c r="C466" s="1161"/>
      <c r="D466" s="150"/>
      <c r="E466" s="150"/>
      <c r="F466" s="150"/>
      <c r="G466" s="150"/>
      <c r="H466" s="150"/>
    </row>
    <row r="467" spans="1:8" ht="51">
      <c r="A467" s="150"/>
      <c r="B467" s="162" t="s">
        <v>8888</v>
      </c>
      <c r="C467" s="159" t="s">
        <v>13428</v>
      </c>
      <c r="D467" s="150"/>
      <c r="E467" s="150"/>
      <c r="F467" s="150"/>
      <c r="G467" s="150"/>
      <c r="H467" s="150"/>
    </row>
    <row r="468" spans="1:8" ht="38.25">
      <c r="A468" s="150"/>
      <c r="B468" s="163" t="s">
        <v>32107</v>
      </c>
      <c r="C468" s="160" t="s">
        <v>8889</v>
      </c>
      <c r="D468" s="150"/>
      <c r="E468" s="150"/>
      <c r="F468" s="150"/>
      <c r="G468" s="150"/>
      <c r="H468" s="150"/>
    </row>
    <row r="469" spans="1:8" ht="76.5">
      <c r="A469" s="150"/>
      <c r="B469" s="165"/>
      <c r="C469" s="161" t="s">
        <v>13429</v>
      </c>
      <c r="D469" s="150"/>
      <c r="E469" s="150"/>
      <c r="F469" s="150"/>
      <c r="G469" s="150"/>
      <c r="H469" s="150"/>
    </row>
    <row r="470" spans="1:8">
      <c r="A470" s="150"/>
      <c r="B470" s="1159" t="s">
        <v>31503</v>
      </c>
      <c r="C470" s="1161"/>
      <c r="D470" s="150"/>
      <c r="E470" s="150"/>
      <c r="F470" s="150"/>
      <c r="G470" s="150"/>
      <c r="H470" s="150"/>
    </row>
    <row r="471" spans="1:8" ht="38.25">
      <c r="A471" s="150"/>
      <c r="B471" s="1147" t="s">
        <v>8890</v>
      </c>
      <c r="C471" s="167" t="s">
        <v>27300</v>
      </c>
      <c r="D471" s="150"/>
      <c r="E471" s="150"/>
      <c r="F471" s="150"/>
      <c r="G471" s="150"/>
      <c r="H471" s="150"/>
    </row>
    <row r="472" spans="1:8" ht="102">
      <c r="A472" s="150"/>
      <c r="B472" s="1157"/>
      <c r="C472" s="174" t="s">
        <v>27301</v>
      </c>
      <c r="D472" s="150"/>
      <c r="E472" s="150"/>
      <c r="F472" s="150"/>
      <c r="G472" s="150"/>
      <c r="H472" s="150"/>
    </row>
    <row r="473" spans="1:8" ht="63.75">
      <c r="A473" s="150"/>
      <c r="B473" s="1157"/>
      <c r="C473" s="174" t="s">
        <v>32108</v>
      </c>
      <c r="D473" s="150"/>
      <c r="E473" s="150"/>
      <c r="F473" s="150"/>
      <c r="G473" s="150"/>
      <c r="H473" s="150"/>
    </row>
    <row r="474" spans="1:8" ht="51">
      <c r="A474" s="150"/>
      <c r="B474" s="1157"/>
      <c r="C474" s="174" t="s">
        <v>32109</v>
      </c>
      <c r="D474" s="150"/>
      <c r="E474" s="150"/>
      <c r="F474" s="150"/>
      <c r="G474" s="150"/>
      <c r="H474" s="150"/>
    </row>
    <row r="475" spans="1:8" ht="51">
      <c r="A475" s="150"/>
      <c r="B475" s="1157"/>
      <c r="C475" s="174" t="s">
        <v>27302</v>
      </c>
      <c r="D475" s="150"/>
      <c r="E475" s="150"/>
      <c r="F475" s="150"/>
      <c r="G475" s="150"/>
      <c r="H475" s="150"/>
    </row>
    <row r="476" spans="1:8" ht="51">
      <c r="A476" s="150"/>
      <c r="B476" s="1157"/>
      <c r="C476" s="174" t="s">
        <v>27303</v>
      </c>
      <c r="D476" s="150"/>
      <c r="E476" s="150"/>
      <c r="F476" s="150"/>
      <c r="G476" s="150"/>
      <c r="H476" s="150"/>
    </row>
    <row r="477" spans="1:8" ht="38.25">
      <c r="A477" s="150"/>
      <c r="B477" s="1148"/>
      <c r="C477" s="178" t="s">
        <v>32110</v>
      </c>
      <c r="D477" s="150"/>
      <c r="E477" s="150"/>
      <c r="F477" s="150"/>
      <c r="G477" s="150"/>
      <c r="H477" s="150"/>
    </row>
    <row r="478" spans="1:8" ht="22.5" customHeight="1">
      <c r="A478" s="150"/>
      <c r="B478" s="162" t="s">
        <v>8891</v>
      </c>
      <c r="C478" s="1149" t="s">
        <v>13430</v>
      </c>
      <c r="D478" s="150"/>
      <c r="E478" s="150"/>
      <c r="F478" s="150"/>
      <c r="G478" s="150"/>
      <c r="H478" s="150"/>
    </row>
    <row r="479" spans="1:8">
      <c r="A479" s="150"/>
      <c r="B479" s="163" t="s">
        <v>8892</v>
      </c>
      <c r="C479" s="1158"/>
      <c r="D479" s="150"/>
      <c r="E479" s="150"/>
      <c r="F479" s="150"/>
      <c r="G479" s="150"/>
      <c r="H479" s="150"/>
    </row>
    <row r="480" spans="1:8">
      <c r="A480" s="150"/>
      <c r="B480" s="164" t="s">
        <v>8893</v>
      </c>
      <c r="C480" s="1150"/>
      <c r="D480" s="150"/>
      <c r="E480" s="150"/>
      <c r="F480" s="150"/>
      <c r="G480" s="150"/>
      <c r="H480" s="150"/>
    </row>
    <row r="481" spans="1:8" ht="25.5">
      <c r="A481" s="150"/>
      <c r="B481" s="162" t="s">
        <v>8894</v>
      </c>
      <c r="C481" s="159" t="s">
        <v>13431</v>
      </c>
      <c r="D481" s="150"/>
      <c r="E481" s="150"/>
      <c r="F481" s="150"/>
      <c r="G481" s="150"/>
      <c r="H481" s="150"/>
    </row>
    <row r="482" spans="1:8">
      <c r="A482" s="150"/>
      <c r="B482" s="163" t="s">
        <v>8895</v>
      </c>
      <c r="C482" s="160" t="s">
        <v>8897</v>
      </c>
      <c r="D482" s="150"/>
      <c r="E482" s="150"/>
      <c r="F482" s="150"/>
      <c r="G482" s="150"/>
      <c r="H482" s="150"/>
    </row>
    <row r="483" spans="1:8" ht="25.5">
      <c r="A483" s="150"/>
      <c r="B483" s="163" t="s">
        <v>8896</v>
      </c>
      <c r="C483" s="160" t="s">
        <v>8898</v>
      </c>
      <c r="D483" s="150"/>
      <c r="E483" s="150"/>
      <c r="F483" s="150"/>
      <c r="G483" s="150"/>
      <c r="H483" s="150"/>
    </row>
    <row r="484" spans="1:8">
      <c r="A484" s="150"/>
      <c r="B484" s="165"/>
      <c r="C484" s="161" t="s">
        <v>8899</v>
      </c>
      <c r="D484" s="150"/>
      <c r="E484" s="150"/>
      <c r="F484" s="150"/>
      <c r="G484" s="150"/>
      <c r="H484" s="150"/>
    </row>
    <row r="485" spans="1:8" ht="25.5">
      <c r="A485" s="150"/>
      <c r="B485" s="162" t="s">
        <v>8900</v>
      </c>
      <c r="C485" s="167" t="s">
        <v>8917</v>
      </c>
      <c r="D485" s="150"/>
      <c r="E485" s="150"/>
      <c r="F485" s="150"/>
      <c r="G485" s="150"/>
      <c r="H485" s="150"/>
    </row>
    <row r="486" spans="1:8">
      <c r="A486" s="150"/>
      <c r="B486" s="163" t="s">
        <v>8901</v>
      </c>
      <c r="C486" s="160" t="s">
        <v>13432</v>
      </c>
      <c r="D486" s="150"/>
      <c r="E486" s="150"/>
      <c r="F486" s="150"/>
      <c r="G486" s="150"/>
      <c r="H486" s="150"/>
    </row>
    <row r="487" spans="1:8">
      <c r="A487" s="150"/>
      <c r="B487" s="163" t="s">
        <v>8902</v>
      </c>
      <c r="C487" s="160" t="s">
        <v>13433</v>
      </c>
      <c r="D487" s="150"/>
      <c r="E487" s="150"/>
      <c r="F487" s="150"/>
      <c r="G487" s="150"/>
      <c r="H487" s="150"/>
    </row>
    <row r="488" spans="1:8">
      <c r="A488" s="150"/>
      <c r="B488" s="163" t="s">
        <v>8903</v>
      </c>
      <c r="C488" s="169"/>
      <c r="D488" s="150"/>
      <c r="E488" s="150"/>
      <c r="F488" s="150"/>
      <c r="G488" s="150"/>
      <c r="H488" s="150"/>
    </row>
    <row r="489" spans="1:8" ht="63.75">
      <c r="A489" s="150"/>
      <c r="B489" s="163" t="s">
        <v>8904</v>
      </c>
      <c r="C489" s="170" t="s">
        <v>27304</v>
      </c>
      <c r="D489" s="150"/>
      <c r="E489" s="150"/>
      <c r="F489" s="150"/>
      <c r="G489" s="150"/>
      <c r="H489" s="150"/>
    </row>
    <row r="490" spans="1:8" ht="114.75">
      <c r="A490" s="150"/>
      <c r="B490" s="163" t="s">
        <v>8905</v>
      </c>
      <c r="C490" s="170" t="s">
        <v>27305</v>
      </c>
      <c r="D490" s="150"/>
      <c r="E490" s="150"/>
      <c r="F490" s="150"/>
      <c r="G490" s="150"/>
      <c r="H490" s="150"/>
    </row>
    <row r="491" spans="1:8" ht="38.25">
      <c r="A491" s="150"/>
      <c r="B491" s="163" t="s">
        <v>8906</v>
      </c>
      <c r="C491" s="170" t="s">
        <v>27306</v>
      </c>
      <c r="D491" s="150"/>
      <c r="E491" s="150"/>
      <c r="F491" s="150"/>
      <c r="G491" s="150"/>
      <c r="H491" s="150"/>
    </row>
    <row r="492" spans="1:8" ht="51">
      <c r="A492" s="150"/>
      <c r="B492" s="163" t="s">
        <v>8907</v>
      </c>
      <c r="C492" s="170" t="s">
        <v>27307</v>
      </c>
      <c r="D492" s="150"/>
      <c r="E492" s="150"/>
      <c r="F492" s="150"/>
      <c r="G492" s="150"/>
      <c r="H492" s="150"/>
    </row>
    <row r="493" spans="1:8" ht="38.25">
      <c r="A493" s="150"/>
      <c r="B493" s="163" t="s">
        <v>8908</v>
      </c>
      <c r="C493" s="170" t="s">
        <v>27308</v>
      </c>
      <c r="D493" s="150"/>
      <c r="E493" s="150"/>
      <c r="F493" s="150"/>
      <c r="G493" s="150"/>
      <c r="H493" s="150"/>
    </row>
    <row r="494" spans="1:8" ht="25.5">
      <c r="A494" s="150"/>
      <c r="B494" s="163" t="s">
        <v>8909</v>
      </c>
      <c r="C494" s="170" t="s">
        <v>8918</v>
      </c>
      <c r="D494" s="150"/>
      <c r="E494" s="150"/>
      <c r="F494" s="150"/>
      <c r="G494" s="150"/>
      <c r="H494" s="150"/>
    </row>
    <row r="495" spans="1:8" ht="39.75">
      <c r="A495" s="150"/>
      <c r="B495" s="181" t="s">
        <v>8910</v>
      </c>
      <c r="C495" s="170" t="s">
        <v>32111</v>
      </c>
      <c r="D495" s="150"/>
      <c r="E495" s="150"/>
      <c r="F495" s="150"/>
      <c r="G495" s="150"/>
      <c r="H495" s="150"/>
    </row>
    <row r="496" spans="1:8" ht="51">
      <c r="A496" s="150"/>
      <c r="B496" s="181" t="s">
        <v>8911</v>
      </c>
      <c r="C496" s="170" t="s">
        <v>31078</v>
      </c>
      <c r="D496" s="150"/>
      <c r="E496" s="150"/>
      <c r="F496" s="150"/>
      <c r="G496" s="150"/>
      <c r="H496" s="150"/>
    </row>
    <row r="497" spans="1:8" ht="39.75">
      <c r="A497" s="150"/>
      <c r="B497" s="181" t="s">
        <v>8912</v>
      </c>
      <c r="C497" s="170" t="s">
        <v>32112</v>
      </c>
      <c r="D497" s="150"/>
      <c r="E497" s="150"/>
      <c r="F497" s="150"/>
      <c r="G497" s="150"/>
      <c r="H497" s="150"/>
    </row>
    <row r="498" spans="1:8">
      <c r="A498" s="150"/>
      <c r="B498" s="163" t="s">
        <v>8913</v>
      </c>
      <c r="C498" s="171" t="s">
        <v>32113</v>
      </c>
      <c r="D498" s="150"/>
      <c r="E498" s="150"/>
      <c r="F498" s="150"/>
      <c r="G498" s="150"/>
      <c r="H498" s="150"/>
    </row>
    <row r="499" spans="1:8" ht="76.5">
      <c r="A499" s="150"/>
      <c r="B499" s="163" t="s">
        <v>8914</v>
      </c>
      <c r="C499" s="170" t="s">
        <v>27309</v>
      </c>
      <c r="D499" s="150"/>
      <c r="E499" s="150"/>
      <c r="F499" s="150"/>
      <c r="G499" s="150"/>
      <c r="H499" s="150"/>
    </row>
    <row r="500" spans="1:8">
      <c r="A500" s="150"/>
      <c r="B500" s="163" t="s">
        <v>8915</v>
      </c>
      <c r="C500" s="170" t="s">
        <v>8919</v>
      </c>
      <c r="D500" s="150"/>
      <c r="E500" s="150"/>
      <c r="F500" s="150"/>
      <c r="G500" s="150"/>
      <c r="H500" s="150"/>
    </row>
    <row r="501" spans="1:8">
      <c r="A501" s="150"/>
      <c r="B501" s="163" t="s">
        <v>8916</v>
      </c>
      <c r="C501" s="160" t="s">
        <v>8920</v>
      </c>
      <c r="D501" s="150"/>
      <c r="E501" s="150"/>
      <c r="F501" s="150"/>
      <c r="G501" s="150"/>
      <c r="H501" s="150"/>
    </row>
    <row r="502" spans="1:8">
      <c r="A502" s="150"/>
      <c r="B502" s="169"/>
      <c r="C502" s="160" t="s">
        <v>8921</v>
      </c>
      <c r="D502" s="150"/>
      <c r="E502" s="150"/>
      <c r="F502" s="150"/>
      <c r="G502" s="150"/>
      <c r="H502" s="150"/>
    </row>
    <row r="503" spans="1:8">
      <c r="A503" s="150"/>
      <c r="B503" s="169"/>
      <c r="C503" s="160" t="s">
        <v>8922</v>
      </c>
      <c r="D503" s="150"/>
      <c r="E503" s="150"/>
      <c r="F503" s="150"/>
      <c r="G503" s="150"/>
      <c r="H503" s="150"/>
    </row>
    <row r="504" spans="1:8">
      <c r="A504" s="150"/>
      <c r="B504" s="169"/>
      <c r="C504" s="160" t="s">
        <v>8923</v>
      </c>
      <c r="D504" s="150"/>
      <c r="E504" s="150"/>
      <c r="F504" s="150"/>
      <c r="G504" s="150"/>
      <c r="H504" s="150"/>
    </row>
    <row r="505" spans="1:8">
      <c r="A505" s="150"/>
      <c r="B505" s="169"/>
      <c r="C505" s="160" t="s">
        <v>8924</v>
      </c>
      <c r="D505" s="150"/>
      <c r="E505" s="150"/>
      <c r="F505" s="150"/>
      <c r="G505" s="150"/>
      <c r="H505" s="150"/>
    </row>
    <row r="506" spans="1:8">
      <c r="A506" s="150"/>
      <c r="B506" s="169"/>
      <c r="C506" s="169"/>
      <c r="D506" s="150"/>
      <c r="E506" s="150"/>
      <c r="F506" s="150"/>
      <c r="G506" s="150"/>
      <c r="H506" s="150"/>
    </row>
    <row r="507" spans="1:8" ht="76.5">
      <c r="A507" s="150"/>
      <c r="B507" s="169"/>
      <c r="C507" s="170" t="s">
        <v>27310</v>
      </c>
      <c r="D507" s="150"/>
      <c r="E507" s="150"/>
      <c r="F507" s="150"/>
      <c r="G507" s="150"/>
      <c r="H507" s="150"/>
    </row>
    <row r="508" spans="1:8" ht="38.25">
      <c r="A508" s="150"/>
      <c r="B508" s="169"/>
      <c r="C508" s="170" t="s">
        <v>27311</v>
      </c>
      <c r="D508" s="150"/>
      <c r="E508" s="150"/>
      <c r="F508" s="150"/>
      <c r="G508" s="150"/>
      <c r="H508" s="150"/>
    </row>
    <row r="509" spans="1:8" ht="63.75">
      <c r="A509" s="150"/>
      <c r="B509" s="165"/>
      <c r="C509" s="172" t="s">
        <v>32114</v>
      </c>
      <c r="D509" s="150"/>
      <c r="E509" s="150"/>
      <c r="F509" s="150"/>
      <c r="G509" s="150"/>
      <c r="H509" s="150"/>
    </row>
    <row r="510" spans="1:8">
      <c r="A510" s="150"/>
      <c r="B510" s="1159" t="s">
        <v>31509</v>
      </c>
      <c r="C510" s="1161"/>
      <c r="D510" s="150"/>
      <c r="E510" s="150"/>
      <c r="F510" s="150"/>
      <c r="G510" s="150"/>
      <c r="H510" s="150"/>
    </row>
    <row r="511" spans="1:8" ht="51">
      <c r="A511" s="150"/>
      <c r="B511" s="162">
        <v>51</v>
      </c>
      <c r="C511" s="159" t="s">
        <v>14262</v>
      </c>
      <c r="D511" s="150"/>
      <c r="E511" s="150"/>
      <c r="F511" s="150"/>
      <c r="G511" s="150"/>
      <c r="H511" s="150"/>
    </row>
    <row r="512" spans="1:8" ht="51">
      <c r="A512" s="150"/>
      <c r="B512" s="163" t="s">
        <v>14238</v>
      </c>
      <c r="C512" s="160" t="s">
        <v>14263</v>
      </c>
      <c r="D512" s="150"/>
      <c r="E512" s="150"/>
      <c r="F512" s="150"/>
      <c r="G512" s="150"/>
      <c r="H512" s="150"/>
    </row>
    <row r="513" spans="1:8" ht="51">
      <c r="A513" s="150"/>
      <c r="B513" s="163" t="s">
        <v>14237</v>
      </c>
      <c r="C513" s="160" t="s">
        <v>14264</v>
      </c>
      <c r="D513" s="150"/>
      <c r="E513" s="150"/>
      <c r="F513" s="150"/>
      <c r="G513" s="150"/>
      <c r="H513" s="150"/>
    </row>
    <row r="514" spans="1:8" ht="51">
      <c r="A514" s="150"/>
      <c r="B514" s="163" t="s">
        <v>14236</v>
      </c>
      <c r="C514" s="160" t="s">
        <v>14265</v>
      </c>
      <c r="D514" s="150"/>
      <c r="E514" s="150"/>
      <c r="F514" s="150"/>
      <c r="G514" s="150"/>
      <c r="H514" s="150"/>
    </row>
    <row r="515" spans="1:8">
      <c r="A515" s="150"/>
      <c r="B515" s="163" t="s">
        <v>558</v>
      </c>
      <c r="C515" s="160" t="s">
        <v>14266</v>
      </c>
      <c r="D515" s="150"/>
      <c r="E515" s="150"/>
      <c r="F515" s="150"/>
      <c r="G515" s="150"/>
      <c r="H515" s="150"/>
    </row>
    <row r="516" spans="1:8" ht="51">
      <c r="A516" s="150"/>
      <c r="B516" s="163" t="s">
        <v>14235</v>
      </c>
      <c r="C516" s="160" t="s">
        <v>14267</v>
      </c>
      <c r="D516" s="150"/>
      <c r="E516" s="150"/>
      <c r="F516" s="150"/>
      <c r="G516" s="150"/>
      <c r="H516" s="150"/>
    </row>
    <row r="517" spans="1:8" ht="51">
      <c r="A517" s="150"/>
      <c r="B517" s="163" t="s">
        <v>14234</v>
      </c>
      <c r="C517" s="160" t="s">
        <v>14268</v>
      </c>
      <c r="D517" s="150"/>
      <c r="E517" s="150"/>
      <c r="F517" s="150"/>
      <c r="G517" s="150"/>
      <c r="H517" s="150"/>
    </row>
    <row r="518" spans="1:8" ht="51">
      <c r="A518" s="150"/>
      <c r="B518" s="163" t="s">
        <v>540</v>
      </c>
      <c r="C518" s="160" t="s">
        <v>14269</v>
      </c>
      <c r="D518" s="150"/>
      <c r="E518" s="150"/>
      <c r="F518" s="150"/>
      <c r="G518" s="150"/>
      <c r="H518" s="150"/>
    </row>
    <row r="519" spans="1:8">
      <c r="A519" s="150"/>
      <c r="B519" s="163" t="s">
        <v>14233</v>
      </c>
      <c r="C519" s="160" t="s">
        <v>14270</v>
      </c>
      <c r="D519" s="150"/>
      <c r="E519" s="150"/>
      <c r="F519" s="150"/>
      <c r="G519" s="150"/>
      <c r="H519" s="150"/>
    </row>
    <row r="520" spans="1:8">
      <c r="A520" s="150"/>
      <c r="B520" s="163" t="s">
        <v>14232</v>
      </c>
      <c r="C520" s="160" t="s">
        <v>14271</v>
      </c>
      <c r="D520" s="150"/>
      <c r="E520" s="150"/>
      <c r="F520" s="150"/>
      <c r="G520" s="150"/>
      <c r="H520" s="150"/>
    </row>
    <row r="521" spans="1:8" ht="39.75">
      <c r="A521" s="150"/>
      <c r="B521" s="181" t="s">
        <v>6969</v>
      </c>
      <c r="C521" s="160" t="s">
        <v>32115</v>
      </c>
      <c r="D521" s="150"/>
      <c r="E521" s="150"/>
      <c r="F521" s="150"/>
      <c r="G521" s="150"/>
      <c r="H521" s="150"/>
    </row>
    <row r="522" spans="1:8" ht="25.5">
      <c r="A522" s="150"/>
      <c r="B522" s="163" t="s">
        <v>14231</v>
      </c>
      <c r="C522" s="160" t="s">
        <v>14272</v>
      </c>
      <c r="D522" s="150"/>
      <c r="E522" s="150"/>
      <c r="F522" s="150"/>
      <c r="G522" s="150"/>
      <c r="H522" s="150"/>
    </row>
    <row r="523" spans="1:8" ht="25.5">
      <c r="A523" s="150"/>
      <c r="B523" s="163" t="s">
        <v>14230</v>
      </c>
      <c r="C523" s="160" t="s">
        <v>14273</v>
      </c>
      <c r="D523" s="150"/>
      <c r="E523" s="150"/>
      <c r="F523" s="150"/>
      <c r="G523" s="150"/>
      <c r="H523" s="150"/>
    </row>
    <row r="524" spans="1:8" ht="38.25">
      <c r="A524" s="150"/>
      <c r="B524" s="169"/>
      <c r="C524" s="160" t="s">
        <v>14274</v>
      </c>
      <c r="D524" s="150"/>
      <c r="E524" s="150"/>
      <c r="F524" s="150"/>
      <c r="G524" s="150"/>
      <c r="H524" s="150"/>
    </row>
    <row r="525" spans="1:8">
      <c r="A525" s="150"/>
      <c r="B525" s="169"/>
      <c r="C525" s="160" t="s">
        <v>14275</v>
      </c>
      <c r="D525" s="150"/>
      <c r="E525" s="150"/>
      <c r="F525" s="150"/>
      <c r="G525" s="150"/>
      <c r="H525" s="150"/>
    </row>
    <row r="526" spans="1:8">
      <c r="A526" s="150"/>
      <c r="B526" s="169"/>
      <c r="C526" s="160" t="s">
        <v>14276</v>
      </c>
      <c r="D526" s="150"/>
      <c r="E526" s="150"/>
      <c r="F526" s="150"/>
      <c r="G526" s="150"/>
      <c r="H526" s="150"/>
    </row>
    <row r="527" spans="1:8" ht="25.5">
      <c r="A527" s="150"/>
      <c r="B527" s="169"/>
      <c r="C527" s="160" t="s">
        <v>14277</v>
      </c>
      <c r="D527" s="150"/>
      <c r="E527" s="150"/>
      <c r="F527" s="150"/>
      <c r="G527" s="150"/>
      <c r="H527" s="150"/>
    </row>
    <row r="528" spans="1:8" ht="25.5">
      <c r="A528" s="150"/>
      <c r="B528" s="169"/>
      <c r="C528" s="160" t="s">
        <v>14278</v>
      </c>
      <c r="D528" s="150"/>
      <c r="E528" s="150"/>
      <c r="F528" s="150"/>
      <c r="G528" s="150"/>
      <c r="H528" s="150"/>
    </row>
    <row r="529" spans="1:8" ht="25.5">
      <c r="A529" s="150"/>
      <c r="B529" s="169"/>
      <c r="C529" s="160" t="s">
        <v>14279</v>
      </c>
      <c r="D529" s="150"/>
      <c r="E529" s="150"/>
      <c r="F529" s="150"/>
      <c r="G529" s="150"/>
      <c r="H529" s="150"/>
    </row>
    <row r="530" spans="1:8">
      <c r="A530" s="150"/>
      <c r="B530" s="169"/>
      <c r="C530" s="160" t="s">
        <v>14280</v>
      </c>
      <c r="D530" s="150"/>
      <c r="E530" s="150"/>
      <c r="F530" s="150"/>
      <c r="G530" s="150"/>
      <c r="H530" s="150"/>
    </row>
    <row r="531" spans="1:8">
      <c r="A531" s="150"/>
      <c r="B531" s="169"/>
      <c r="C531" s="160" t="s">
        <v>14281</v>
      </c>
      <c r="D531" s="150"/>
      <c r="E531" s="150"/>
      <c r="F531" s="150"/>
      <c r="G531" s="150"/>
      <c r="H531" s="150"/>
    </row>
    <row r="532" spans="1:8" ht="38.25">
      <c r="A532" s="150"/>
      <c r="B532" s="169"/>
      <c r="C532" s="160" t="s">
        <v>14282</v>
      </c>
      <c r="D532" s="150"/>
      <c r="E532" s="150"/>
      <c r="F532" s="150"/>
      <c r="G532" s="150"/>
      <c r="H532" s="150"/>
    </row>
    <row r="533" spans="1:8" ht="25.5">
      <c r="A533" s="150"/>
      <c r="B533" s="169"/>
      <c r="C533" s="160" t="s">
        <v>14283</v>
      </c>
      <c r="D533" s="150"/>
      <c r="E533" s="150"/>
      <c r="F533" s="150"/>
      <c r="G533" s="150"/>
      <c r="H533" s="150"/>
    </row>
    <row r="534" spans="1:8">
      <c r="A534" s="150"/>
      <c r="B534" s="169"/>
      <c r="C534" s="160" t="s">
        <v>14284</v>
      </c>
      <c r="D534" s="150"/>
      <c r="E534" s="150"/>
      <c r="F534" s="150"/>
      <c r="G534" s="150"/>
      <c r="H534" s="150"/>
    </row>
    <row r="535" spans="1:8" ht="76.5">
      <c r="A535" s="150"/>
      <c r="B535" s="169"/>
      <c r="C535" s="160" t="s">
        <v>14285</v>
      </c>
      <c r="D535" s="150"/>
      <c r="E535" s="150"/>
      <c r="F535" s="150"/>
      <c r="G535" s="150"/>
      <c r="H535" s="150"/>
    </row>
    <row r="536" spans="1:8">
      <c r="A536" s="150"/>
      <c r="B536" s="165"/>
      <c r="C536" s="161" t="s">
        <v>9007</v>
      </c>
      <c r="D536" s="150"/>
      <c r="E536" s="150"/>
      <c r="F536" s="150"/>
      <c r="G536" s="150"/>
      <c r="H536" s="150"/>
    </row>
    <row r="537" spans="1:8">
      <c r="A537" s="150"/>
      <c r="B537" s="1159" t="s">
        <v>31503</v>
      </c>
      <c r="C537" s="1161"/>
      <c r="D537" s="150"/>
      <c r="E537" s="150"/>
      <c r="F537" s="150"/>
      <c r="G537" s="150"/>
      <c r="H537" s="150"/>
    </row>
    <row r="538" spans="1:8" ht="38.25">
      <c r="A538" s="150"/>
      <c r="B538" s="162" t="s">
        <v>8926</v>
      </c>
      <c r="C538" s="167" t="s">
        <v>27312</v>
      </c>
      <c r="D538" s="150"/>
      <c r="E538" s="150"/>
      <c r="F538" s="150"/>
      <c r="G538" s="150"/>
      <c r="H538" s="150"/>
    </row>
    <row r="539" spans="1:8" ht="38.25">
      <c r="A539" s="150"/>
      <c r="B539" s="163" t="s">
        <v>8927</v>
      </c>
      <c r="C539" s="174" t="s">
        <v>32116</v>
      </c>
      <c r="D539" s="150"/>
      <c r="E539" s="150"/>
      <c r="F539" s="150"/>
      <c r="G539" s="150"/>
      <c r="H539" s="150"/>
    </row>
    <row r="540" spans="1:8" ht="38.25">
      <c r="A540" s="150"/>
      <c r="B540" s="163" t="s">
        <v>8928</v>
      </c>
      <c r="C540" s="174" t="s">
        <v>8925</v>
      </c>
      <c r="D540" s="150"/>
      <c r="E540" s="150"/>
      <c r="F540" s="150"/>
      <c r="G540" s="150"/>
      <c r="H540" s="150"/>
    </row>
    <row r="541" spans="1:8">
      <c r="A541" s="150"/>
      <c r="B541" s="163" t="s">
        <v>8929</v>
      </c>
      <c r="C541" s="169"/>
      <c r="D541" s="150"/>
      <c r="E541" s="150"/>
      <c r="F541" s="150"/>
      <c r="G541" s="150"/>
      <c r="H541" s="150"/>
    </row>
    <row r="542" spans="1:8">
      <c r="A542" s="150"/>
      <c r="B542" s="163" t="s">
        <v>8930</v>
      </c>
      <c r="C542" s="169"/>
      <c r="D542" s="150"/>
      <c r="E542" s="150"/>
      <c r="F542" s="150"/>
      <c r="G542" s="150"/>
      <c r="H542" s="150"/>
    </row>
    <row r="543" spans="1:8">
      <c r="A543" s="150"/>
      <c r="B543" s="163" t="s">
        <v>8931</v>
      </c>
      <c r="C543" s="169"/>
      <c r="D543" s="150"/>
      <c r="E543" s="150"/>
      <c r="F543" s="150"/>
      <c r="G543" s="150"/>
      <c r="H543" s="150"/>
    </row>
    <row r="544" spans="1:8">
      <c r="A544" s="150"/>
      <c r="B544" s="163" t="s">
        <v>8932</v>
      </c>
      <c r="C544" s="169"/>
      <c r="D544" s="150"/>
      <c r="E544" s="150"/>
      <c r="F544" s="150"/>
      <c r="G544" s="150"/>
      <c r="H544" s="150"/>
    </row>
    <row r="545" spans="1:8">
      <c r="A545" s="150"/>
      <c r="B545" s="163" t="s">
        <v>8933</v>
      </c>
      <c r="C545" s="169"/>
      <c r="D545" s="150"/>
      <c r="E545" s="150"/>
      <c r="F545" s="150"/>
      <c r="G545" s="150"/>
      <c r="H545" s="150"/>
    </row>
    <row r="546" spans="1:8">
      <c r="A546" s="150"/>
      <c r="B546" s="163" t="s">
        <v>8934</v>
      </c>
      <c r="C546" s="169"/>
      <c r="D546" s="150"/>
      <c r="E546" s="150"/>
      <c r="F546" s="150"/>
      <c r="G546" s="150"/>
      <c r="H546" s="150"/>
    </row>
    <row r="547" spans="1:8">
      <c r="A547" s="150"/>
      <c r="B547" s="164" t="s">
        <v>8935</v>
      </c>
      <c r="C547" s="165"/>
      <c r="D547" s="150"/>
      <c r="E547" s="150"/>
      <c r="F547" s="150"/>
      <c r="G547" s="150"/>
      <c r="H547" s="150"/>
    </row>
    <row r="548" spans="1:8">
      <c r="A548" s="150"/>
      <c r="B548" s="1159" t="s">
        <v>31507</v>
      </c>
      <c r="C548" s="1161"/>
      <c r="D548" s="150"/>
      <c r="E548" s="150"/>
      <c r="F548" s="150"/>
      <c r="G548" s="150"/>
      <c r="H548" s="150"/>
    </row>
    <row r="549" spans="1:8">
      <c r="A549" s="150"/>
      <c r="B549" s="1159" t="s">
        <v>31503</v>
      </c>
      <c r="C549" s="1161"/>
      <c r="D549" s="150"/>
      <c r="E549" s="150"/>
      <c r="F549" s="150"/>
      <c r="G549" s="150"/>
      <c r="H549" s="150"/>
    </row>
    <row r="550" spans="1:8" ht="22.5" customHeight="1">
      <c r="A550" s="150"/>
      <c r="B550" s="162" t="s">
        <v>8936</v>
      </c>
      <c r="C550" s="1149" t="s">
        <v>13434</v>
      </c>
      <c r="D550" s="150"/>
      <c r="E550" s="150"/>
      <c r="F550" s="150"/>
      <c r="G550" s="150"/>
      <c r="H550" s="150"/>
    </row>
    <row r="551" spans="1:8">
      <c r="A551" s="150"/>
      <c r="B551" s="163" t="s">
        <v>8937</v>
      </c>
      <c r="C551" s="1158"/>
      <c r="D551" s="150"/>
      <c r="E551" s="150"/>
      <c r="F551" s="150"/>
      <c r="G551" s="150"/>
      <c r="H551" s="150"/>
    </row>
    <row r="552" spans="1:8">
      <c r="A552" s="150"/>
      <c r="B552" s="164" t="s">
        <v>8938</v>
      </c>
      <c r="C552" s="1150"/>
      <c r="D552" s="150"/>
      <c r="E552" s="150"/>
      <c r="F552" s="150"/>
      <c r="G552" s="150"/>
      <c r="H552" s="150"/>
    </row>
    <row r="553" spans="1:8" ht="51">
      <c r="A553" s="150"/>
      <c r="B553" s="162" t="s">
        <v>8939</v>
      </c>
      <c r="C553" s="159" t="s">
        <v>13435</v>
      </c>
      <c r="D553" s="150"/>
      <c r="E553" s="150"/>
      <c r="F553" s="150"/>
      <c r="G553" s="150"/>
      <c r="H553" s="150"/>
    </row>
    <row r="554" spans="1:8" ht="38.25">
      <c r="A554" s="150"/>
      <c r="B554" s="163" t="s">
        <v>8940</v>
      </c>
      <c r="C554" s="160" t="s">
        <v>8942</v>
      </c>
      <c r="D554" s="150"/>
      <c r="E554" s="150"/>
      <c r="F554" s="150"/>
      <c r="G554" s="150"/>
      <c r="H554" s="150"/>
    </row>
    <row r="555" spans="1:8" ht="89.25">
      <c r="A555" s="150"/>
      <c r="B555" s="163" t="s">
        <v>8941</v>
      </c>
      <c r="C555" s="160" t="s">
        <v>13436</v>
      </c>
      <c r="D555" s="150"/>
      <c r="E555" s="150"/>
      <c r="F555" s="150"/>
      <c r="G555" s="150"/>
      <c r="H555" s="150"/>
    </row>
    <row r="556" spans="1:8">
      <c r="A556" s="150"/>
      <c r="B556" s="165"/>
      <c r="C556" s="161" t="s">
        <v>8943</v>
      </c>
      <c r="D556" s="150"/>
      <c r="E556" s="150"/>
      <c r="F556" s="150"/>
      <c r="G556" s="150"/>
      <c r="H556" s="150"/>
    </row>
    <row r="557" spans="1:8" ht="51">
      <c r="A557" s="150"/>
      <c r="B557" s="166" t="s">
        <v>32117</v>
      </c>
      <c r="C557" s="159" t="s">
        <v>13437</v>
      </c>
      <c r="D557" s="150"/>
      <c r="E557" s="150"/>
      <c r="F557" s="150"/>
      <c r="G557" s="150"/>
      <c r="H557" s="150"/>
    </row>
    <row r="558" spans="1:8" ht="27">
      <c r="A558" s="150"/>
      <c r="B558" s="168" t="s">
        <v>27313</v>
      </c>
      <c r="C558" s="159" t="s">
        <v>32118</v>
      </c>
      <c r="D558" s="150"/>
      <c r="E558" s="150"/>
      <c r="F558" s="150"/>
      <c r="G558" s="150"/>
      <c r="H558" s="150"/>
    </row>
    <row r="559" spans="1:8" ht="38.25">
      <c r="A559" s="150"/>
      <c r="B559" s="168" t="s">
        <v>27314</v>
      </c>
      <c r="C559" s="160" t="s">
        <v>8944</v>
      </c>
      <c r="D559" s="150"/>
      <c r="E559" s="150"/>
      <c r="F559" s="150"/>
      <c r="G559" s="150"/>
      <c r="H559" s="150"/>
    </row>
    <row r="560" spans="1:8" ht="25.5">
      <c r="A560" s="150"/>
      <c r="B560" s="168" t="s">
        <v>27315</v>
      </c>
      <c r="C560" s="160" t="s">
        <v>8945</v>
      </c>
      <c r="D560" s="150"/>
      <c r="E560" s="150"/>
      <c r="F560" s="150"/>
      <c r="G560" s="150"/>
      <c r="H560" s="150"/>
    </row>
    <row r="561" spans="1:8" ht="25.5">
      <c r="A561" s="150"/>
      <c r="B561" s="168" t="s">
        <v>27316</v>
      </c>
      <c r="C561" s="160" t="s">
        <v>8946</v>
      </c>
      <c r="D561" s="150"/>
      <c r="E561" s="150"/>
      <c r="F561" s="150"/>
      <c r="G561" s="150"/>
      <c r="H561" s="150"/>
    </row>
    <row r="562" spans="1:8" ht="38.25">
      <c r="A562" s="150"/>
      <c r="B562" s="168" t="s">
        <v>27317</v>
      </c>
      <c r="C562" s="160" t="s">
        <v>8947</v>
      </c>
      <c r="D562" s="150"/>
      <c r="E562" s="150"/>
      <c r="F562" s="150"/>
      <c r="G562" s="150"/>
      <c r="H562" s="150"/>
    </row>
    <row r="563" spans="1:8" ht="25.5">
      <c r="A563" s="150"/>
      <c r="B563" s="168" t="s">
        <v>27318</v>
      </c>
      <c r="C563" s="160" t="s">
        <v>8948</v>
      </c>
      <c r="D563" s="150"/>
      <c r="E563" s="150"/>
      <c r="F563" s="150"/>
      <c r="G563" s="150"/>
      <c r="H563" s="150"/>
    </row>
    <row r="564" spans="1:8">
      <c r="A564" s="150"/>
      <c r="B564" s="168" t="s">
        <v>27319</v>
      </c>
      <c r="C564" s="169"/>
      <c r="D564" s="150"/>
      <c r="E564" s="150"/>
      <c r="F564" s="150"/>
      <c r="G564" s="150"/>
      <c r="H564" s="150"/>
    </row>
    <row r="565" spans="1:8">
      <c r="A565" s="150"/>
      <c r="B565" s="168" t="s">
        <v>27320</v>
      </c>
      <c r="C565" s="169"/>
      <c r="D565" s="150"/>
      <c r="E565" s="150"/>
      <c r="F565" s="150"/>
      <c r="G565" s="150"/>
      <c r="H565" s="150"/>
    </row>
    <row r="566" spans="1:8">
      <c r="A566" s="150"/>
      <c r="B566" s="168" t="s">
        <v>27321</v>
      </c>
      <c r="C566" s="169"/>
      <c r="D566" s="150"/>
      <c r="E566" s="150"/>
      <c r="F566" s="150"/>
      <c r="G566" s="150"/>
      <c r="H566" s="150"/>
    </row>
    <row r="567" spans="1:8">
      <c r="A567" s="150"/>
      <c r="B567" s="168" t="s">
        <v>27322</v>
      </c>
      <c r="C567" s="169"/>
      <c r="D567" s="150"/>
      <c r="E567" s="150"/>
      <c r="F567" s="150"/>
      <c r="G567" s="150"/>
      <c r="H567" s="150"/>
    </row>
    <row r="568" spans="1:8">
      <c r="A568" s="150"/>
      <c r="B568" s="168" t="s">
        <v>27323</v>
      </c>
      <c r="C568" s="169"/>
      <c r="D568" s="150"/>
      <c r="E568" s="150"/>
      <c r="F568" s="150"/>
      <c r="G568" s="150"/>
      <c r="H568" s="150"/>
    </row>
    <row r="569" spans="1:8">
      <c r="A569" s="150"/>
      <c r="B569" s="168" t="s">
        <v>27324</v>
      </c>
      <c r="C569" s="169"/>
      <c r="D569" s="150"/>
      <c r="E569" s="150"/>
      <c r="F569" s="150"/>
      <c r="G569" s="150"/>
      <c r="H569" s="150"/>
    </row>
    <row r="570" spans="1:8">
      <c r="A570" s="150"/>
      <c r="B570" s="182" t="s">
        <v>32119</v>
      </c>
      <c r="C570" s="165"/>
      <c r="D570" s="150"/>
      <c r="E570" s="150"/>
      <c r="F570" s="150"/>
      <c r="G570" s="150"/>
      <c r="H570" s="150"/>
    </row>
    <row r="571" spans="1:8" ht="51">
      <c r="A571" s="150"/>
      <c r="B571" s="162" t="s">
        <v>8949</v>
      </c>
      <c r="C571" s="159" t="s">
        <v>13438</v>
      </c>
      <c r="D571" s="150"/>
      <c r="E571" s="150"/>
      <c r="F571" s="150"/>
      <c r="G571" s="150"/>
      <c r="H571" s="150"/>
    </row>
    <row r="572" spans="1:8" ht="38.25">
      <c r="A572" s="150"/>
      <c r="B572" s="163" t="s">
        <v>8950</v>
      </c>
      <c r="C572" s="160" t="s">
        <v>8952</v>
      </c>
      <c r="D572" s="150"/>
      <c r="E572" s="150"/>
      <c r="F572" s="150"/>
      <c r="G572" s="150"/>
      <c r="H572" s="150"/>
    </row>
    <row r="573" spans="1:8" ht="89.25">
      <c r="A573" s="150"/>
      <c r="B573" s="163" t="s">
        <v>8951</v>
      </c>
      <c r="C573" s="160" t="s">
        <v>13439</v>
      </c>
      <c r="D573" s="150"/>
      <c r="E573" s="150"/>
      <c r="F573" s="150"/>
      <c r="G573" s="150"/>
      <c r="H573" s="150"/>
    </row>
    <row r="574" spans="1:8">
      <c r="A574" s="150"/>
      <c r="B574" s="169"/>
      <c r="C574" s="160" t="s">
        <v>8953</v>
      </c>
      <c r="D574" s="150"/>
      <c r="E574" s="150"/>
      <c r="F574" s="150"/>
      <c r="G574" s="150"/>
      <c r="H574" s="150"/>
    </row>
    <row r="575" spans="1:8">
      <c r="A575" s="150"/>
      <c r="B575" s="165"/>
      <c r="C575" s="161" t="s">
        <v>8954</v>
      </c>
      <c r="D575" s="150"/>
      <c r="E575" s="150"/>
      <c r="F575" s="150"/>
      <c r="G575" s="150"/>
      <c r="H575" s="150"/>
    </row>
    <row r="576" spans="1:8" ht="60.75" customHeight="1">
      <c r="A576" s="150"/>
      <c r="B576" s="162" t="s">
        <v>8955</v>
      </c>
      <c r="C576" s="1173" t="s">
        <v>32120</v>
      </c>
      <c r="D576" s="150"/>
      <c r="E576" s="150"/>
      <c r="F576" s="150"/>
      <c r="G576" s="150"/>
      <c r="H576" s="150"/>
    </row>
    <row r="577" spans="1:8">
      <c r="A577" s="150"/>
      <c r="B577" s="163" t="s">
        <v>8956</v>
      </c>
      <c r="C577" s="1174"/>
      <c r="D577" s="150"/>
      <c r="E577" s="150"/>
      <c r="F577" s="150"/>
      <c r="G577" s="150"/>
      <c r="H577" s="150"/>
    </row>
    <row r="578" spans="1:8">
      <c r="A578" s="150"/>
      <c r="B578" s="164" t="s">
        <v>8957</v>
      </c>
      <c r="C578" s="1175"/>
      <c r="D578" s="150"/>
      <c r="E578" s="150"/>
      <c r="F578" s="150"/>
      <c r="G578" s="150"/>
      <c r="H578" s="150"/>
    </row>
    <row r="579" spans="1:8">
      <c r="A579" s="150"/>
      <c r="B579" s="1159" t="s">
        <v>31504</v>
      </c>
      <c r="C579" s="1161"/>
      <c r="D579" s="150"/>
      <c r="E579" s="150"/>
      <c r="F579" s="150"/>
      <c r="G579" s="150"/>
      <c r="H579" s="150"/>
    </row>
    <row r="580" spans="1:8" ht="25.5">
      <c r="A580" s="150"/>
      <c r="B580" s="162" t="s">
        <v>8958</v>
      </c>
      <c r="C580" s="159" t="s">
        <v>13440</v>
      </c>
      <c r="D580" s="150"/>
      <c r="E580" s="150"/>
      <c r="F580" s="150"/>
      <c r="G580" s="150"/>
      <c r="H580" s="150"/>
    </row>
    <row r="581" spans="1:8" ht="25.5">
      <c r="A581" s="150"/>
      <c r="B581" s="163" t="s">
        <v>8959</v>
      </c>
      <c r="C581" s="160" t="s">
        <v>8961</v>
      </c>
      <c r="D581" s="150"/>
      <c r="E581" s="150"/>
      <c r="F581" s="150"/>
      <c r="G581" s="150"/>
      <c r="H581" s="150"/>
    </row>
    <row r="582" spans="1:8" ht="25.5">
      <c r="A582" s="150"/>
      <c r="B582" s="163" t="s">
        <v>8960</v>
      </c>
      <c r="C582" s="160" t="s">
        <v>8962</v>
      </c>
      <c r="D582" s="150"/>
      <c r="E582" s="150"/>
      <c r="F582" s="150"/>
      <c r="G582" s="150"/>
      <c r="H582" s="150"/>
    </row>
    <row r="583" spans="1:8">
      <c r="A583" s="150"/>
      <c r="B583" s="169"/>
      <c r="C583" s="160" t="s">
        <v>8963</v>
      </c>
      <c r="D583" s="150"/>
      <c r="E583" s="150"/>
      <c r="F583" s="150"/>
      <c r="G583" s="150"/>
      <c r="H583" s="150"/>
    </row>
    <row r="584" spans="1:8">
      <c r="A584" s="150"/>
      <c r="B584" s="169"/>
      <c r="C584" s="160" t="s">
        <v>8964</v>
      </c>
      <c r="D584" s="150"/>
      <c r="E584" s="150"/>
      <c r="F584" s="150"/>
      <c r="G584" s="150"/>
      <c r="H584" s="150"/>
    </row>
    <row r="585" spans="1:8" ht="38.25">
      <c r="A585" s="150"/>
      <c r="B585" s="169"/>
      <c r="C585" s="160" t="s">
        <v>8965</v>
      </c>
      <c r="D585" s="150"/>
      <c r="E585" s="150"/>
      <c r="F585" s="150"/>
      <c r="G585" s="150"/>
      <c r="H585" s="150"/>
    </row>
    <row r="586" spans="1:8">
      <c r="A586" s="150"/>
      <c r="B586" s="169"/>
      <c r="C586" s="160" t="s">
        <v>8966</v>
      </c>
      <c r="D586" s="150"/>
      <c r="E586" s="150"/>
      <c r="F586" s="150"/>
      <c r="G586" s="150"/>
      <c r="H586" s="150"/>
    </row>
    <row r="587" spans="1:8" ht="63.75">
      <c r="A587" s="150"/>
      <c r="B587" s="169"/>
      <c r="C587" s="160" t="s">
        <v>8967</v>
      </c>
      <c r="D587" s="150"/>
      <c r="E587" s="150"/>
      <c r="F587" s="150"/>
      <c r="G587" s="150"/>
      <c r="H587" s="150"/>
    </row>
    <row r="588" spans="1:8" ht="51">
      <c r="A588" s="150"/>
      <c r="B588" s="169"/>
      <c r="C588" s="160" t="s">
        <v>8968</v>
      </c>
      <c r="D588" s="150"/>
      <c r="E588" s="150"/>
      <c r="F588" s="150"/>
      <c r="G588" s="150"/>
      <c r="H588" s="150"/>
    </row>
    <row r="589" spans="1:8" ht="76.5">
      <c r="A589" s="150"/>
      <c r="B589" s="169"/>
      <c r="C589" s="160" t="s">
        <v>8969</v>
      </c>
      <c r="D589" s="150"/>
      <c r="E589" s="150"/>
      <c r="F589" s="150"/>
      <c r="G589" s="150"/>
      <c r="H589" s="150"/>
    </row>
    <row r="590" spans="1:8" ht="38.25">
      <c r="A590" s="150"/>
      <c r="B590" s="169"/>
      <c r="C590" s="160" t="s">
        <v>8970</v>
      </c>
      <c r="D590" s="150"/>
      <c r="E590" s="150"/>
      <c r="F590" s="150"/>
      <c r="G590" s="150"/>
      <c r="H590" s="150"/>
    </row>
    <row r="591" spans="1:8" ht="38.25">
      <c r="A591" s="150"/>
      <c r="B591" s="169"/>
      <c r="C591" s="160" t="s">
        <v>8971</v>
      </c>
      <c r="D591" s="150"/>
      <c r="E591" s="150"/>
      <c r="F591" s="150"/>
      <c r="G591" s="150"/>
      <c r="H591" s="150"/>
    </row>
    <row r="592" spans="1:8" ht="38.25">
      <c r="A592" s="150"/>
      <c r="B592" s="169"/>
      <c r="C592" s="160" t="s">
        <v>8972</v>
      </c>
      <c r="D592" s="150"/>
      <c r="E592" s="150"/>
      <c r="F592" s="150"/>
      <c r="G592" s="150"/>
      <c r="H592" s="150"/>
    </row>
    <row r="593" spans="1:8">
      <c r="A593" s="150"/>
      <c r="B593" s="169"/>
      <c r="C593" s="160" t="s">
        <v>8973</v>
      </c>
      <c r="D593" s="150"/>
      <c r="E593" s="150"/>
      <c r="F593" s="150"/>
      <c r="G593" s="150"/>
      <c r="H593" s="150"/>
    </row>
    <row r="594" spans="1:8" ht="25.5">
      <c r="A594" s="150"/>
      <c r="B594" s="169"/>
      <c r="C594" s="160" t="s">
        <v>8974</v>
      </c>
      <c r="D594" s="150"/>
      <c r="E594" s="150"/>
      <c r="F594" s="150"/>
      <c r="G594" s="150"/>
      <c r="H594" s="150"/>
    </row>
    <row r="595" spans="1:8" ht="51">
      <c r="A595" s="150"/>
      <c r="B595" s="169"/>
      <c r="C595" s="160" t="s">
        <v>8975</v>
      </c>
      <c r="D595" s="150"/>
      <c r="E595" s="150"/>
      <c r="F595" s="150"/>
      <c r="G595" s="150"/>
      <c r="H595" s="150"/>
    </row>
    <row r="596" spans="1:8" ht="25.5">
      <c r="A596" s="150"/>
      <c r="B596" s="169"/>
      <c r="C596" s="160" t="s">
        <v>8976</v>
      </c>
      <c r="D596" s="150"/>
      <c r="E596" s="150"/>
      <c r="F596" s="150"/>
      <c r="G596" s="150"/>
      <c r="H596" s="150"/>
    </row>
    <row r="597" spans="1:8" ht="51">
      <c r="A597" s="150"/>
      <c r="B597" s="169"/>
      <c r="C597" s="160" t="s">
        <v>13441</v>
      </c>
      <c r="D597" s="150"/>
      <c r="E597" s="150"/>
      <c r="F597" s="150"/>
      <c r="G597" s="150"/>
      <c r="H597" s="150"/>
    </row>
    <row r="598" spans="1:8" ht="63.75">
      <c r="A598" s="150"/>
      <c r="B598" s="169"/>
      <c r="C598" s="160" t="s">
        <v>8977</v>
      </c>
      <c r="D598" s="150"/>
      <c r="E598" s="150"/>
      <c r="F598" s="150"/>
      <c r="G598" s="150"/>
      <c r="H598" s="150"/>
    </row>
    <row r="599" spans="1:8" ht="51">
      <c r="A599" s="150"/>
      <c r="B599" s="169"/>
      <c r="C599" s="160" t="s">
        <v>8978</v>
      </c>
      <c r="D599" s="150"/>
      <c r="E599" s="150"/>
      <c r="F599" s="150"/>
      <c r="G599" s="150"/>
      <c r="H599" s="150"/>
    </row>
    <row r="600" spans="1:8" ht="51">
      <c r="A600" s="150"/>
      <c r="B600" s="169"/>
      <c r="C600" s="160" t="s">
        <v>8979</v>
      </c>
      <c r="D600" s="150"/>
      <c r="E600" s="150"/>
      <c r="F600" s="150"/>
      <c r="G600" s="150"/>
      <c r="H600" s="150"/>
    </row>
    <row r="601" spans="1:8" ht="51">
      <c r="A601" s="150"/>
      <c r="B601" s="169"/>
      <c r="C601" s="160" t="s">
        <v>8980</v>
      </c>
      <c r="D601" s="150"/>
      <c r="E601" s="150"/>
      <c r="F601" s="150"/>
      <c r="G601" s="150"/>
      <c r="H601" s="150"/>
    </row>
    <row r="602" spans="1:8" ht="25.5">
      <c r="A602" s="150"/>
      <c r="B602" s="169"/>
      <c r="C602" s="160" t="s">
        <v>8981</v>
      </c>
      <c r="D602" s="150"/>
      <c r="E602" s="150"/>
      <c r="F602" s="150"/>
      <c r="G602" s="150"/>
      <c r="H602" s="150"/>
    </row>
    <row r="603" spans="1:8" ht="63.75">
      <c r="A603" s="150"/>
      <c r="B603" s="169"/>
      <c r="C603" s="160" t="s">
        <v>13442</v>
      </c>
      <c r="D603" s="150"/>
      <c r="E603" s="150"/>
      <c r="F603" s="150"/>
      <c r="G603" s="150"/>
      <c r="H603" s="150"/>
    </row>
    <row r="604" spans="1:8" ht="25.5">
      <c r="A604" s="150"/>
      <c r="B604" s="165"/>
      <c r="C604" s="161" t="s">
        <v>8982</v>
      </c>
      <c r="D604" s="150"/>
      <c r="E604" s="150"/>
      <c r="F604" s="150"/>
      <c r="G604" s="150"/>
      <c r="H604" s="150"/>
    </row>
    <row r="605" spans="1:8">
      <c r="A605" s="150"/>
      <c r="B605" s="1159" t="s">
        <v>31510</v>
      </c>
      <c r="C605" s="1161"/>
      <c r="D605" s="150"/>
      <c r="E605" s="150"/>
      <c r="F605" s="150"/>
      <c r="G605" s="150"/>
      <c r="H605" s="150"/>
    </row>
    <row r="606" spans="1:8" ht="24" customHeight="1">
      <c r="A606" s="150"/>
      <c r="B606" s="162" t="s">
        <v>8983</v>
      </c>
      <c r="C606" s="1149" t="s">
        <v>13443</v>
      </c>
      <c r="D606" s="150"/>
      <c r="E606" s="150"/>
      <c r="F606" s="150"/>
      <c r="G606" s="150"/>
      <c r="H606" s="150"/>
    </row>
    <row r="607" spans="1:8">
      <c r="A607" s="150"/>
      <c r="B607" s="164" t="s">
        <v>8984</v>
      </c>
      <c r="C607" s="1150"/>
      <c r="D607" s="150"/>
      <c r="E607" s="150"/>
      <c r="F607" s="150"/>
      <c r="G607" s="150"/>
      <c r="H607" s="150"/>
    </row>
    <row r="608" spans="1:8">
      <c r="A608" s="150"/>
      <c r="B608" s="1159" t="s">
        <v>28528</v>
      </c>
      <c r="C608" s="1161"/>
      <c r="D608" s="150"/>
      <c r="E608" s="150"/>
      <c r="F608" s="150"/>
      <c r="G608" s="150"/>
      <c r="H608" s="150"/>
    </row>
    <row r="609" spans="1:8" ht="25.5">
      <c r="A609" s="150"/>
      <c r="B609" s="162" t="s">
        <v>8985</v>
      </c>
      <c r="C609" s="159" t="s">
        <v>13444</v>
      </c>
      <c r="D609" s="150"/>
      <c r="E609" s="150"/>
      <c r="F609" s="150"/>
      <c r="G609" s="150"/>
      <c r="H609" s="150"/>
    </row>
    <row r="610" spans="1:8" ht="25.5">
      <c r="A610" s="150"/>
      <c r="B610" s="163" t="s">
        <v>8986</v>
      </c>
      <c r="C610" s="160" t="s">
        <v>13445</v>
      </c>
      <c r="D610" s="150"/>
      <c r="E610" s="150"/>
      <c r="F610" s="150"/>
      <c r="G610" s="150"/>
      <c r="H610" s="150"/>
    </row>
    <row r="611" spans="1:8">
      <c r="A611" s="150"/>
      <c r="B611" s="164" t="s">
        <v>8987</v>
      </c>
      <c r="C611" s="165"/>
      <c r="D611" s="150"/>
      <c r="E611" s="150"/>
      <c r="F611" s="150"/>
      <c r="G611" s="150"/>
      <c r="H611" s="150"/>
    </row>
    <row r="612" spans="1:8">
      <c r="A612" s="150"/>
      <c r="B612" s="1159" t="s">
        <v>31511</v>
      </c>
      <c r="C612" s="1161"/>
      <c r="D612" s="150"/>
      <c r="E612" s="150"/>
      <c r="F612" s="150"/>
      <c r="G612" s="150"/>
      <c r="H612" s="150"/>
    </row>
    <row r="613" spans="1:8" ht="38.25">
      <c r="A613" s="150"/>
      <c r="B613" s="176" t="s">
        <v>13446</v>
      </c>
      <c r="C613" s="159" t="s">
        <v>13452</v>
      </c>
      <c r="D613" s="150"/>
      <c r="E613" s="150"/>
      <c r="F613" s="150"/>
      <c r="G613" s="150"/>
      <c r="H613" s="150"/>
    </row>
    <row r="614" spans="1:8" ht="51">
      <c r="A614" s="150"/>
      <c r="B614" s="163" t="s">
        <v>13447</v>
      </c>
      <c r="C614" s="160" t="s">
        <v>13453</v>
      </c>
      <c r="D614" s="150"/>
      <c r="E614" s="150"/>
      <c r="F614" s="150"/>
      <c r="G614" s="150"/>
      <c r="H614" s="150"/>
    </row>
    <row r="615" spans="1:8">
      <c r="A615" s="150"/>
      <c r="B615" s="163" t="s">
        <v>13318</v>
      </c>
      <c r="C615" s="169"/>
      <c r="D615" s="150"/>
      <c r="E615" s="150"/>
      <c r="F615" s="150"/>
      <c r="G615" s="150"/>
      <c r="H615" s="150"/>
    </row>
    <row r="616" spans="1:8">
      <c r="A616" s="150"/>
      <c r="B616" s="163" t="s">
        <v>13319</v>
      </c>
      <c r="C616" s="169"/>
      <c r="D616" s="150"/>
      <c r="E616" s="150"/>
      <c r="F616" s="150"/>
      <c r="G616" s="150"/>
      <c r="H616" s="150"/>
    </row>
    <row r="617" spans="1:8">
      <c r="A617" s="150"/>
      <c r="B617" s="163" t="s">
        <v>13448</v>
      </c>
      <c r="C617" s="169"/>
      <c r="D617" s="150"/>
      <c r="E617" s="150"/>
      <c r="F617" s="150"/>
      <c r="G617" s="150"/>
      <c r="H617" s="150"/>
    </row>
    <row r="618" spans="1:8">
      <c r="A618" s="150"/>
      <c r="B618" s="163" t="s">
        <v>13320</v>
      </c>
      <c r="C618" s="169"/>
      <c r="D618" s="150"/>
      <c r="E618" s="150"/>
      <c r="F618" s="150"/>
      <c r="G618" s="150"/>
      <c r="H618" s="150"/>
    </row>
    <row r="619" spans="1:8">
      <c r="A619" s="150"/>
      <c r="B619" s="163" t="s">
        <v>13321</v>
      </c>
      <c r="C619" s="169"/>
      <c r="D619" s="150"/>
      <c r="E619" s="150"/>
      <c r="F619" s="150"/>
      <c r="G619" s="150"/>
      <c r="H619" s="150"/>
    </row>
    <row r="620" spans="1:8">
      <c r="A620" s="150"/>
      <c r="B620" s="163" t="s">
        <v>13449</v>
      </c>
      <c r="C620" s="169"/>
      <c r="D620" s="150"/>
      <c r="E620" s="150"/>
      <c r="F620" s="150"/>
      <c r="G620" s="150"/>
      <c r="H620" s="150"/>
    </row>
    <row r="621" spans="1:8">
      <c r="A621" s="150"/>
      <c r="B621" s="163" t="s">
        <v>13322</v>
      </c>
      <c r="C621" s="169"/>
      <c r="D621" s="150"/>
      <c r="E621" s="150"/>
      <c r="F621" s="150"/>
      <c r="G621" s="150"/>
      <c r="H621" s="150"/>
    </row>
    <row r="622" spans="1:8">
      <c r="A622" s="150"/>
      <c r="B622" s="163" t="s">
        <v>13323</v>
      </c>
      <c r="C622" s="169"/>
      <c r="D622" s="150"/>
      <c r="E622" s="150"/>
      <c r="F622" s="150"/>
      <c r="G622" s="150"/>
      <c r="H622" s="150"/>
    </row>
    <row r="623" spans="1:8">
      <c r="A623" s="150"/>
      <c r="B623" s="163" t="s">
        <v>13450</v>
      </c>
      <c r="C623" s="169"/>
      <c r="D623" s="150"/>
      <c r="E623" s="150"/>
      <c r="F623" s="150"/>
      <c r="G623" s="150"/>
      <c r="H623" s="150"/>
    </row>
    <row r="624" spans="1:8">
      <c r="A624" s="150"/>
      <c r="B624" s="163" t="s">
        <v>13324</v>
      </c>
      <c r="C624" s="169"/>
      <c r="D624" s="150"/>
      <c r="E624" s="150"/>
      <c r="F624" s="150"/>
      <c r="G624" s="150"/>
      <c r="H624" s="150"/>
    </row>
    <row r="625" spans="1:8">
      <c r="A625" s="150"/>
      <c r="B625" s="163" t="s">
        <v>13325</v>
      </c>
      <c r="C625" s="169"/>
      <c r="D625" s="150"/>
      <c r="E625" s="150"/>
      <c r="F625" s="150"/>
      <c r="G625" s="150"/>
      <c r="H625" s="150"/>
    </row>
    <row r="626" spans="1:8">
      <c r="A626" s="150"/>
      <c r="B626" s="163" t="s">
        <v>13451</v>
      </c>
      <c r="C626" s="169"/>
      <c r="D626" s="150"/>
      <c r="E626" s="150"/>
      <c r="F626" s="150"/>
      <c r="G626" s="150"/>
      <c r="H626" s="150"/>
    </row>
    <row r="627" spans="1:8">
      <c r="A627" s="150"/>
      <c r="B627" s="163" t="s">
        <v>13326</v>
      </c>
      <c r="C627" s="169"/>
      <c r="D627" s="150"/>
      <c r="E627" s="150"/>
      <c r="F627" s="150"/>
      <c r="G627" s="150"/>
      <c r="H627" s="150"/>
    </row>
    <row r="628" spans="1:8">
      <c r="A628" s="150"/>
      <c r="B628" s="164" t="s">
        <v>13327</v>
      </c>
      <c r="C628" s="165"/>
      <c r="D628" s="150"/>
      <c r="E628" s="150"/>
      <c r="F628" s="150"/>
      <c r="G628" s="150"/>
      <c r="H628" s="150"/>
    </row>
    <row r="629" spans="1:8">
      <c r="A629" s="150"/>
      <c r="B629" s="1159" t="s">
        <v>28574</v>
      </c>
      <c r="C629" s="1161"/>
      <c r="D629" s="150"/>
      <c r="E629" s="150"/>
      <c r="F629" s="150"/>
      <c r="G629" s="150"/>
      <c r="H629" s="150"/>
    </row>
    <row r="630" spans="1:8" ht="38.25">
      <c r="A630" s="150"/>
      <c r="B630" s="162" t="s">
        <v>8988</v>
      </c>
      <c r="C630" s="167" t="s">
        <v>27325</v>
      </c>
      <c r="D630" s="150"/>
      <c r="E630" s="150"/>
      <c r="F630" s="150"/>
      <c r="G630" s="150"/>
      <c r="H630" s="150"/>
    </row>
    <row r="631" spans="1:8">
      <c r="A631" s="150"/>
      <c r="B631" s="163" t="s">
        <v>8989</v>
      </c>
      <c r="C631" s="174" t="s">
        <v>27326</v>
      </c>
      <c r="D631" s="150"/>
      <c r="E631" s="150"/>
      <c r="F631" s="150"/>
      <c r="G631" s="150"/>
      <c r="H631" s="150"/>
    </row>
    <row r="632" spans="1:8" ht="25.5">
      <c r="A632" s="150"/>
      <c r="B632" s="163" t="s">
        <v>8990</v>
      </c>
      <c r="C632" s="174" t="s">
        <v>27327</v>
      </c>
      <c r="D632" s="150"/>
      <c r="E632" s="150"/>
      <c r="F632" s="150"/>
      <c r="G632" s="150"/>
      <c r="H632" s="150"/>
    </row>
    <row r="633" spans="1:8">
      <c r="A633" s="150"/>
      <c r="B633" s="163" t="s">
        <v>8991</v>
      </c>
      <c r="C633" s="174" t="s">
        <v>27328</v>
      </c>
      <c r="D633" s="150"/>
      <c r="E633" s="150"/>
      <c r="F633" s="150"/>
      <c r="G633" s="150"/>
      <c r="H633" s="150"/>
    </row>
    <row r="634" spans="1:8">
      <c r="A634" s="150"/>
      <c r="B634" s="169"/>
      <c r="C634" s="174" t="s">
        <v>27329</v>
      </c>
      <c r="D634" s="150"/>
      <c r="E634" s="150"/>
      <c r="F634" s="150"/>
      <c r="G634" s="150"/>
      <c r="H634" s="150"/>
    </row>
    <row r="635" spans="1:8">
      <c r="A635" s="150"/>
      <c r="B635" s="169"/>
      <c r="C635" s="174" t="s">
        <v>27330</v>
      </c>
      <c r="D635" s="150"/>
      <c r="E635" s="150"/>
      <c r="F635" s="150"/>
      <c r="G635" s="150"/>
      <c r="H635" s="150"/>
    </row>
    <row r="636" spans="1:8">
      <c r="A636" s="150"/>
      <c r="B636" s="169"/>
      <c r="C636" s="174" t="s">
        <v>27331</v>
      </c>
      <c r="D636" s="150"/>
      <c r="E636" s="150"/>
      <c r="F636" s="150"/>
      <c r="G636" s="150"/>
      <c r="H636" s="150"/>
    </row>
    <row r="637" spans="1:8" ht="25.5">
      <c r="A637" s="150"/>
      <c r="B637" s="169"/>
      <c r="C637" s="174" t="s">
        <v>27332</v>
      </c>
      <c r="D637" s="150"/>
      <c r="E637" s="150"/>
      <c r="F637" s="150"/>
      <c r="G637" s="150"/>
      <c r="H637" s="150"/>
    </row>
    <row r="638" spans="1:8" ht="25.5">
      <c r="A638" s="150"/>
      <c r="B638" s="169"/>
      <c r="C638" s="174" t="s">
        <v>27333</v>
      </c>
      <c r="D638" s="150"/>
      <c r="E638" s="150"/>
      <c r="F638" s="150"/>
      <c r="G638" s="150"/>
      <c r="H638" s="150"/>
    </row>
    <row r="639" spans="1:8">
      <c r="A639" s="150"/>
      <c r="B639" s="169"/>
      <c r="C639" s="174" t="s">
        <v>27334</v>
      </c>
      <c r="D639" s="150"/>
      <c r="E639" s="150"/>
      <c r="F639" s="150"/>
      <c r="G639" s="150"/>
      <c r="H639" s="150"/>
    </row>
    <row r="640" spans="1:8" ht="27">
      <c r="A640" s="150"/>
      <c r="B640" s="169"/>
      <c r="C640" s="174" t="s">
        <v>32121</v>
      </c>
      <c r="D640" s="150"/>
      <c r="E640" s="150"/>
      <c r="F640" s="150"/>
      <c r="G640" s="150"/>
      <c r="H640" s="150"/>
    </row>
    <row r="641" spans="1:8">
      <c r="A641" s="150"/>
      <c r="B641" s="169"/>
      <c r="C641" s="174" t="s">
        <v>27335</v>
      </c>
      <c r="D641" s="150"/>
      <c r="E641" s="150"/>
      <c r="F641" s="150"/>
      <c r="G641" s="150"/>
      <c r="H641" s="150"/>
    </row>
    <row r="642" spans="1:8" ht="51">
      <c r="A642" s="150"/>
      <c r="B642" s="169"/>
      <c r="C642" s="174" t="s">
        <v>27336</v>
      </c>
      <c r="D642" s="150"/>
      <c r="E642" s="150"/>
      <c r="F642" s="150"/>
      <c r="G642" s="150"/>
      <c r="H642" s="150"/>
    </row>
    <row r="643" spans="1:8" ht="38.25">
      <c r="A643" s="150"/>
      <c r="B643" s="169"/>
      <c r="C643" s="174" t="s">
        <v>27337</v>
      </c>
      <c r="D643" s="150"/>
      <c r="E643" s="150"/>
      <c r="F643" s="150"/>
      <c r="G643" s="150"/>
      <c r="H643" s="150"/>
    </row>
    <row r="644" spans="1:8" ht="38.25">
      <c r="A644" s="150"/>
      <c r="B644" s="169"/>
      <c r="C644" s="174" t="s">
        <v>32122</v>
      </c>
      <c r="D644" s="150"/>
      <c r="E644" s="150"/>
      <c r="F644" s="150"/>
      <c r="G644" s="150"/>
      <c r="H644" s="150"/>
    </row>
    <row r="645" spans="1:8" ht="51">
      <c r="A645" s="150"/>
      <c r="B645" s="169"/>
      <c r="C645" s="174" t="s">
        <v>32123</v>
      </c>
      <c r="D645" s="150"/>
      <c r="E645" s="150"/>
      <c r="F645" s="150"/>
      <c r="G645" s="150"/>
      <c r="H645" s="150"/>
    </row>
    <row r="646" spans="1:8" ht="76.5">
      <c r="A646" s="150"/>
      <c r="B646" s="169"/>
      <c r="C646" s="174" t="s">
        <v>27338</v>
      </c>
      <c r="D646" s="150"/>
      <c r="E646" s="150"/>
      <c r="F646" s="150"/>
      <c r="G646" s="150"/>
      <c r="H646" s="150"/>
    </row>
    <row r="647" spans="1:8" ht="89.25">
      <c r="A647" s="150"/>
      <c r="B647" s="169"/>
      <c r="C647" s="174" t="s">
        <v>32124</v>
      </c>
      <c r="D647" s="150"/>
      <c r="E647" s="150"/>
      <c r="F647" s="150"/>
      <c r="G647" s="150"/>
      <c r="H647" s="150"/>
    </row>
    <row r="648" spans="1:8" ht="51">
      <c r="A648" s="150"/>
      <c r="B648" s="169"/>
      <c r="C648" s="174" t="s">
        <v>27339</v>
      </c>
      <c r="D648" s="150"/>
      <c r="E648" s="150"/>
      <c r="F648" s="150"/>
      <c r="G648" s="150"/>
      <c r="H648" s="150"/>
    </row>
    <row r="649" spans="1:8">
      <c r="A649" s="150"/>
      <c r="B649" s="169"/>
      <c r="C649" s="174" t="s">
        <v>27340</v>
      </c>
      <c r="D649" s="150"/>
      <c r="E649" s="150"/>
      <c r="F649" s="150"/>
      <c r="G649" s="150"/>
      <c r="H649" s="150"/>
    </row>
    <row r="650" spans="1:8">
      <c r="A650" s="150"/>
      <c r="B650" s="169"/>
      <c r="C650" s="174" t="s">
        <v>27341</v>
      </c>
      <c r="D650" s="150"/>
      <c r="E650" s="150"/>
      <c r="F650" s="150"/>
      <c r="G650" s="150"/>
      <c r="H650" s="150"/>
    </row>
    <row r="651" spans="1:8" ht="25.5">
      <c r="A651" s="150"/>
      <c r="B651" s="169"/>
      <c r="C651" s="174" t="s">
        <v>27342</v>
      </c>
      <c r="D651" s="150"/>
      <c r="E651" s="150"/>
      <c r="F651" s="150"/>
      <c r="G651" s="150"/>
      <c r="H651" s="150"/>
    </row>
    <row r="652" spans="1:8" ht="51">
      <c r="A652" s="150"/>
      <c r="B652" s="169"/>
      <c r="C652" s="174" t="s">
        <v>27343</v>
      </c>
      <c r="D652" s="150"/>
      <c r="E652" s="150"/>
      <c r="F652" s="150"/>
      <c r="G652" s="150"/>
      <c r="H652" s="150"/>
    </row>
    <row r="653" spans="1:8" ht="25.5">
      <c r="A653" s="150"/>
      <c r="B653" s="169"/>
      <c r="C653" s="174" t="s">
        <v>27344</v>
      </c>
      <c r="D653" s="150"/>
      <c r="E653" s="150"/>
      <c r="F653" s="150"/>
      <c r="G653" s="150"/>
      <c r="H653" s="150"/>
    </row>
    <row r="654" spans="1:8">
      <c r="A654" s="150"/>
      <c r="B654" s="169"/>
      <c r="C654" s="174" t="s">
        <v>27345</v>
      </c>
      <c r="D654" s="150"/>
      <c r="E654" s="150"/>
      <c r="F654" s="150"/>
      <c r="G654" s="150"/>
      <c r="H654" s="150"/>
    </row>
    <row r="655" spans="1:8">
      <c r="A655" s="150"/>
      <c r="B655" s="169"/>
      <c r="C655" s="174" t="s">
        <v>27346</v>
      </c>
      <c r="D655" s="150"/>
      <c r="E655" s="150"/>
      <c r="F655" s="150"/>
      <c r="G655" s="150"/>
      <c r="H655" s="150"/>
    </row>
    <row r="656" spans="1:8" ht="38.25">
      <c r="A656" s="150"/>
      <c r="B656" s="169"/>
      <c r="C656" s="174" t="s">
        <v>27347</v>
      </c>
      <c r="D656" s="150"/>
      <c r="E656" s="150"/>
      <c r="F656" s="150"/>
      <c r="G656" s="150"/>
      <c r="H656" s="150"/>
    </row>
    <row r="657" spans="1:8">
      <c r="A657" s="150"/>
      <c r="B657" s="169"/>
      <c r="C657" s="174" t="s">
        <v>27348</v>
      </c>
      <c r="D657" s="150"/>
      <c r="E657" s="150"/>
      <c r="F657" s="150"/>
      <c r="G657" s="150"/>
      <c r="H657" s="150"/>
    </row>
    <row r="658" spans="1:8">
      <c r="A658" s="150"/>
      <c r="B658" s="169"/>
      <c r="C658" s="174" t="s">
        <v>27349</v>
      </c>
      <c r="D658" s="150"/>
      <c r="E658" s="150"/>
      <c r="F658" s="150"/>
      <c r="G658" s="150"/>
      <c r="H658" s="150"/>
    </row>
    <row r="659" spans="1:8">
      <c r="A659" s="150"/>
      <c r="B659" s="169"/>
      <c r="C659" s="174" t="s">
        <v>27350</v>
      </c>
      <c r="D659" s="150"/>
      <c r="E659" s="150"/>
      <c r="F659" s="150"/>
      <c r="G659" s="150"/>
      <c r="H659" s="150"/>
    </row>
    <row r="660" spans="1:8">
      <c r="A660" s="150"/>
      <c r="B660" s="169"/>
      <c r="C660" s="174" t="s">
        <v>27351</v>
      </c>
      <c r="D660" s="150"/>
      <c r="E660" s="150"/>
      <c r="F660" s="150"/>
      <c r="G660" s="150"/>
      <c r="H660" s="150"/>
    </row>
    <row r="661" spans="1:8">
      <c r="A661" s="150"/>
      <c r="B661" s="169"/>
      <c r="C661" s="174" t="s">
        <v>27352</v>
      </c>
      <c r="D661" s="150"/>
      <c r="E661" s="150"/>
      <c r="F661" s="150"/>
      <c r="G661" s="150"/>
      <c r="H661" s="150"/>
    </row>
    <row r="662" spans="1:8">
      <c r="A662" s="150"/>
      <c r="B662" s="169"/>
      <c r="C662" s="174" t="s">
        <v>27353</v>
      </c>
      <c r="D662" s="150"/>
      <c r="E662" s="150"/>
      <c r="F662" s="150"/>
      <c r="G662" s="150"/>
      <c r="H662" s="150"/>
    </row>
    <row r="663" spans="1:8" ht="26.25">
      <c r="A663" s="150"/>
      <c r="B663" s="169"/>
      <c r="C663" s="174" t="s">
        <v>32125</v>
      </c>
      <c r="D663" s="150"/>
      <c r="E663" s="150"/>
      <c r="F663" s="150"/>
      <c r="G663" s="150"/>
      <c r="H663" s="150"/>
    </row>
    <row r="664" spans="1:8" ht="26.25">
      <c r="A664" s="150"/>
      <c r="B664" s="169"/>
      <c r="C664" s="174" t="s">
        <v>32126</v>
      </c>
      <c r="D664" s="150"/>
      <c r="E664" s="150"/>
      <c r="F664" s="150"/>
      <c r="G664" s="150"/>
      <c r="H664" s="150"/>
    </row>
    <row r="665" spans="1:8" ht="63.75">
      <c r="A665" s="150"/>
      <c r="B665" s="169"/>
      <c r="C665" s="174" t="s">
        <v>27354</v>
      </c>
      <c r="D665" s="150"/>
      <c r="E665" s="150"/>
      <c r="F665" s="150"/>
      <c r="G665" s="150"/>
      <c r="H665" s="150"/>
    </row>
    <row r="666" spans="1:8" ht="25.5">
      <c r="A666" s="150"/>
      <c r="B666" s="169"/>
      <c r="C666" s="174" t="s">
        <v>32127</v>
      </c>
      <c r="D666" s="150"/>
      <c r="E666" s="150"/>
      <c r="F666" s="150"/>
      <c r="G666" s="150"/>
      <c r="H666" s="150"/>
    </row>
    <row r="667" spans="1:8" ht="25.5">
      <c r="A667" s="150"/>
      <c r="B667" s="169"/>
      <c r="C667" s="174" t="s">
        <v>31893</v>
      </c>
      <c r="D667" s="150"/>
      <c r="E667" s="150"/>
      <c r="F667" s="150"/>
      <c r="G667" s="150"/>
      <c r="H667" s="150"/>
    </row>
    <row r="668" spans="1:8" ht="25.5">
      <c r="A668" s="150"/>
      <c r="B668" s="169"/>
      <c r="C668" s="174" t="s">
        <v>31894</v>
      </c>
      <c r="D668" s="150"/>
      <c r="E668" s="150"/>
      <c r="F668" s="150"/>
      <c r="G668" s="150"/>
      <c r="H668" s="150"/>
    </row>
    <row r="669" spans="1:8" ht="25.5">
      <c r="A669" s="150"/>
      <c r="B669" s="169"/>
      <c r="C669" s="174" t="s">
        <v>31895</v>
      </c>
      <c r="D669" s="150"/>
      <c r="E669" s="150"/>
      <c r="F669" s="150"/>
      <c r="G669" s="150"/>
      <c r="H669" s="150"/>
    </row>
    <row r="670" spans="1:8">
      <c r="A670" s="150"/>
      <c r="B670" s="169"/>
      <c r="C670" s="174" t="s">
        <v>31896</v>
      </c>
      <c r="D670" s="150"/>
      <c r="E670" s="150"/>
      <c r="F670" s="150"/>
      <c r="G670" s="150"/>
      <c r="H670" s="150"/>
    </row>
    <row r="671" spans="1:8" ht="25.5">
      <c r="A671" s="150"/>
      <c r="B671" s="169"/>
      <c r="C671" s="174" t="s">
        <v>31897</v>
      </c>
      <c r="D671" s="150"/>
      <c r="E671" s="150"/>
      <c r="F671" s="150"/>
      <c r="G671" s="150"/>
      <c r="H671" s="150"/>
    </row>
    <row r="672" spans="1:8">
      <c r="A672" s="150"/>
      <c r="B672" s="169"/>
      <c r="C672" s="174" t="s">
        <v>31898</v>
      </c>
      <c r="D672" s="150"/>
      <c r="E672" s="150"/>
      <c r="F672" s="150"/>
      <c r="G672" s="150"/>
      <c r="H672" s="150"/>
    </row>
    <row r="673" spans="1:8" ht="51">
      <c r="A673" s="150"/>
      <c r="B673" s="169"/>
      <c r="C673" s="174" t="s">
        <v>31899</v>
      </c>
      <c r="D673" s="150"/>
      <c r="E673" s="150"/>
      <c r="F673" s="150"/>
      <c r="G673" s="150"/>
      <c r="H673" s="150"/>
    </row>
    <row r="674" spans="1:8" ht="51">
      <c r="A674" s="150"/>
      <c r="B674" s="169"/>
      <c r="C674" s="174" t="s">
        <v>31900</v>
      </c>
      <c r="D674" s="150"/>
      <c r="E674" s="150"/>
      <c r="F674" s="150"/>
      <c r="G674" s="150"/>
      <c r="H674" s="150"/>
    </row>
    <row r="675" spans="1:8" ht="51">
      <c r="A675" s="150"/>
      <c r="B675" s="169"/>
      <c r="C675" s="174" t="s">
        <v>31901</v>
      </c>
      <c r="D675" s="150"/>
      <c r="E675" s="150"/>
      <c r="F675" s="150"/>
      <c r="G675" s="150"/>
      <c r="H675" s="150"/>
    </row>
    <row r="676" spans="1:8" ht="25.5">
      <c r="A676" s="150"/>
      <c r="B676" s="169"/>
      <c r="C676" s="174" t="s">
        <v>31902</v>
      </c>
      <c r="D676" s="150"/>
      <c r="E676" s="150"/>
      <c r="F676" s="150"/>
      <c r="G676" s="150"/>
      <c r="H676" s="150"/>
    </row>
    <row r="677" spans="1:8">
      <c r="A677" s="150"/>
      <c r="B677" s="169"/>
      <c r="C677" s="174" t="s">
        <v>31903</v>
      </c>
      <c r="D677" s="150"/>
      <c r="E677" s="150"/>
      <c r="F677" s="150"/>
      <c r="G677" s="150"/>
      <c r="H677" s="150"/>
    </row>
    <row r="678" spans="1:8" ht="25.5">
      <c r="A678" s="150"/>
      <c r="B678" s="169"/>
      <c r="C678" s="174" t="s">
        <v>31904</v>
      </c>
      <c r="D678" s="150"/>
      <c r="E678" s="150"/>
      <c r="F678" s="150"/>
      <c r="G678" s="150"/>
      <c r="H678" s="150"/>
    </row>
    <row r="679" spans="1:8" ht="89.25">
      <c r="A679" s="150"/>
      <c r="B679" s="169"/>
      <c r="C679" s="174" t="s">
        <v>31905</v>
      </c>
      <c r="D679" s="150"/>
      <c r="E679" s="150"/>
      <c r="F679" s="150"/>
      <c r="G679" s="150"/>
      <c r="H679" s="150"/>
    </row>
    <row r="680" spans="1:8">
      <c r="A680" s="150"/>
      <c r="B680" s="169"/>
      <c r="C680" s="174" t="s">
        <v>31906</v>
      </c>
      <c r="D680" s="150"/>
      <c r="E680" s="150"/>
      <c r="F680" s="150"/>
      <c r="G680" s="150"/>
      <c r="H680" s="150"/>
    </row>
    <row r="681" spans="1:8" ht="51">
      <c r="A681" s="150"/>
      <c r="B681" s="169"/>
      <c r="C681" s="174" t="s">
        <v>31907</v>
      </c>
      <c r="D681" s="150"/>
      <c r="E681" s="150"/>
      <c r="F681" s="150"/>
      <c r="G681" s="150"/>
      <c r="H681" s="150"/>
    </row>
    <row r="682" spans="1:8" ht="25.5">
      <c r="A682" s="150"/>
      <c r="B682" s="169"/>
      <c r="C682" s="174" t="s">
        <v>31908</v>
      </c>
      <c r="D682" s="150"/>
      <c r="E682" s="150"/>
      <c r="F682" s="150"/>
      <c r="G682" s="150"/>
      <c r="H682" s="150"/>
    </row>
    <row r="683" spans="1:8">
      <c r="A683" s="150"/>
      <c r="B683" s="169"/>
      <c r="C683" s="174" t="s">
        <v>31909</v>
      </c>
      <c r="D683" s="150"/>
      <c r="E683" s="150"/>
      <c r="F683" s="150"/>
      <c r="G683" s="150"/>
      <c r="H683" s="150"/>
    </row>
    <row r="684" spans="1:8">
      <c r="A684" s="150"/>
      <c r="B684" s="169"/>
      <c r="C684" s="174" t="s">
        <v>31910</v>
      </c>
      <c r="D684" s="150"/>
      <c r="E684" s="150"/>
      <c r="F684" s="150"/>
      <c r="G684" s="150"/>
      <c r="H684" s="150"/>
    </row>
    <row r="685" spans="1:8" ht="25.5">
      <c r="A685" s="150"/>
      <c r="B685" s="169"/>
      <c r="C685" s="174" t="s">
        <v>31911</v>
      </c>
      <c r="D685" s="150"/>
      <c r="E685" s="150"/>
      <c r="F685" s="150"/>
      <c r="G685" s="150"/>
      <c r="H685" s="150"/>
    </row>
    <row r="686" spans="1:8" ht="25.5">
      <c r="A686" s="150"/>
      <c r="B686" s="169"/>
      <c r="C686" s="174" t="s">
        <v>31912</v>
      </c>
      <c r="D686" s="150"/>
      <c r="E686" s="150"/>
      <c r="F686" s="150"/>
      <c r="G686" s="150"/>
      <c r="H686" s="150"/>
    </row>
    <row r="687" spans="1:8">
      <c r="A687" s="150"/>
      <c r="B687" s="169"/>
      <c r="C687" s="174" t="s">
        <v>31913</v>
      </c>
      <c r="D687" s="150"/>
      <c r="E687" s="150"/>
      <c r="F687" s="150"/>
      <c r="G687" s="150"/>
      <c r="H687" s="150"/>
    </row>
    <row r="688" spans="1:8" ht="25.5">
      <c r="A688" s="150"/>
      <c r="B688" s="169"/>
      <c r="C688" s="174" t="s">
        <v>31914</v>
      </c>
      <c r="D688" s="150"/>
      <c r="E688" s="150"/>
      <c r="F688" s="150"/>
      <c r="G688" s="150"/>
      <c r="H688" s="150"/>
    </row>
    <row r="689" spans="1:8" ht="38.25">
      <c r="A689" s="150"/>
      <c r="B689" s="169"/>
      <c r="C689" s="174" t="s">
        <v>31915</v>
      </c>
      <c r="D689" s="150"/>
      <c r="E689" s="150"/>
      <c r="F689" s="150"/>
      <c r="G689" s="150"/>
      <c r="H689" s="150"/>
    </row>
    <row r="690" spans="1:8" ht="51">
      <c r="A690" s="150"/>
      <c r="B690" s="165"/>
      <c r="C690" s="178" t="s">
        <v>32128</v>
      </c>
      <c r="D690" s="150"/>
      <c r="E690" s="150"/>
      <c r="F690" s="150"/>
      <c r="G690" s="150"/>
      <c r="H690" s="150"/>
    </row>
    <row r="691" spans="1:8">
      <c r="A691" s="150"/>
      <c r="B691" s="1159" t="s">
        <v>31512</v>
      </c>
      <c r="C691" s="1161"/>
      <c r="D691" s="150"/>
      <c r="E691" s="150"/>
      <c r="F691" s="150"/>
      <c r="G691" s="150"/>
      <c r="H691" s="150"/>
    </row>
    <row r="692" spans="1:8" ht="35.25" customHeight="1">
      <c r="A692" s="150"/>
      <c r="B692" s="162" t="s">
        <v>8992</v>
      </c>
      <c r="C692" s="1149" t="s">
        <v>13454</v>
      </c>
      <c r="D692" s="150"/>
      <c r="E692" s="150"/>
      <c r="F692" s="150"/>
      <c r="G692" s="150"/>
      <c r="H692" s="150"/>
    </row>
    <row r="693" spans="1:8">
      <c r="A693" s="150"/>
      <c r="B693" s="163" t="s">
        <v>8993</v>
      </c>
      <c r="C693" s="1158"/>
      <c r="D693" s="150"/>
      <c r="E693" s="150"/>
      <c r="F693" s="150"/>
      <c r="G693" s="150"/>
      <c r="H693" s="150"/>
    </row>
    <row r="694" spans="1:8">
      <c r="A694" s="150"/>
      <c r="B694" s="164" t="s">
        <v>8994</v>
      </c>
      <c r="C694" s="1150"/>
      <c r="D694" s="150"/>
      <c r="E694" s="150"/>
      <c r="F694" s="150"/>
      <c r="G694" s="150"/>
      <c r="H694" s="150"/>
    </row>
    <row r="695" spans="1:8">
      <c r="A695" s="150"/>
      <c r="B695" s="1159" t="s">
        <v>31513</v>
      </c>
      <c r="C695" s="1161"/>
      <c r="D695" s="150"/>
      <c r="E695" s="150"/>
      <c r="F695" s="150"/>
      <c r="G695" s="150"/>
      <c r="H695" s="150"/>
    </row>
    <row r="696" spans="1:8" ht="63.75">
      <c r="A696" s="150"/>
      <c r="B696" s="1147" t="s">
        <v>8995</v>
      </c>
      <c r="C696" s="159" t="s">
        <v>32129</v>
      </c>
      <c r="D696" s="150"/>
      <c r="E696" s="150"/>
      <c r="F696" s="150"/>
      <c r="G696" s="150"/>
      <c r="H696" s="150"/>
    </row>
    <row r="697" spans="1:8" ht="51">
      <c r="A697" s="150"/>
      <c r="B697" s="1157"/>
      <c r="C697" s="160" t="s">
        <v>8996</v>
      </c>
      <c r="D697" s="150"/>
      <c r="E697" s="150"/>
      <c r="F697" s="150"/>
      <c r="G697" s="150"/>
      <c r="H697" s="150"/>
    </row>
    <row r="698" spans="1:8" ht="38.25">
      <c r="A698" s="150"/>
      <c r="B698" s="1157"/>
      <c r="C698" s="160" t="s">
        <v>8997</v>
      </c>
      <c r="D698" s="150"/>
      <c r="E698" s="150"/>
      <c r="F698" s="150"/>
      <c r="G698" s="150"/>
      <c r="H698" s="150"/>
    </row>
    <row r="699" spans="1:8" ht="51">
      <c r="A699" s="150"/>
      <c r="B699" s="1157"/>
      <c r="C699" s="160" t="s">
        <v>8998</v>
      </c>
      <c r="D699" s="150"/>
      <c r="E699" s="150"/>
      <c r="F699" s="150"/>
      <c r="G699" s="150"/>
      <c r="H699" s="150"/>
    </row>
    <row r="700" spans="1:8" ht="51">
      <c r="A700" s="150"/>
      <c r="B700" s="1157"/>
      <c r="C700" s="160" t="s">
        <v>8999</v>
      </c>
      <c r="D700" s="150"/>
      <c r="E700" s="150"/>
      <c r="F700" s="150"/>
      <c r="G700" s="150"/>
      <c r="H700" s="150"/>
    </row>
    <row r="701" spans="1:8" ht="38.25">
      <c r="A701" s="150"/>
      <c r="B701" s="1157"/>
      <c r="C701" s="160" t="s">
        <v>9000</v>
      </c>
      <c r="D701" s="150"/>
      <c r="E701" s="150"/>
      <c r="F701" s="150"/>
      <c r="G701" s="150"/>
      <c r="H701" s="150"/>
    </row>
    <row r="702" spans="1:8">
      <c r="A702" s="150"/>
      <c r="B702" s="1157"/>
      <c r="C702" s="160" t="s">
        <v>9001</v>
      </c>
      <c r="D702" s="150"/>
      <c r="E702" s="150"/>
      <c r="F702" s="150"/>
      <c r="G702" s="150"/>
      <c r="H702" s="150"/>
    </row>
    <row r="703" spans="1:8" ht="25.5">
      <c r="A703" s="150"/>
      <c r="B703" s="1157"/>
      <c r="C703" s="160" t="s">
        <v>9002</v>
      </c>
      <c r="D703" s="150"/>
      <c r="E703" s="150"/>
      <c r="F703" s="150"/>
      <c r="G703" s="150"/>
      <c r="H703" s="150"/>
    </row>
    <row r="704" spans="1:8" ht="25.5">
      <c r="A704" s="150"/>
      <c r="B704" s="1157"/>
      <c r="C704" s="160" t="s">
        <v>9003</v>
      </c>
      <c r="D704" s="150"/>
      <c r="E704" s="150"/>
      <c r="F704" s="150"/>
      <c r="G704" s="150"/>
      <c r="H704" s="150"/>
    </row>
    <row r="705" spans="1:8">
      <c r="A705" s="150"/>
      <c r="B705" s="1157"/>
      <c r="C705" s="160" t="s">
        <v>13455</v>
      </c>
      <c r="D705" s="150"/>
      <c r="E705" s="150"/>
      <c r="F705" s="150"/>
      <c r="G705" s="150"/>
      <c r="H705" s="150"/>
    </row>
    <row r="706" spans="1:8" ht="25.5">
      <c r="A706" s="150"/>
      <c r="B706" s="1157"/>
      <c r="C706" s="160" t="s">
        <v>9004</v>
      </c>
      <c r="D706" s="150"/>
      <c r="E706" s="150"/>
      <c r="F706" s="150"/>
      <c r="G706" s="150"/>
      <c r="H706" s="150"/>
    </row>
    <row r="707" spans="1:8" ht="38.25">
      <c r="A707" s="150"/>
      <c r="B707" s="1148"/>
      <c r="C707" s="161" t="s">
        <v>9005</v>
      </c>
      <c r="D707" s="150"/>
      <c r="E707" s="150"/>
      <c r="F707" s="150"/>
      <c r="G707" s="150"/>
      <c r="H707" s="150"/>
    </row>
    <row r="708" spans="1:8">
      <c r="A708" s="150"/>
      <c r="B708" s="1159" t="s">
        <v>31514</v>
      </c>
      <c r="C708" s="1161"/>
      <c r="D708" s="150"/>
      <c r="E708" s="150"/>
      <c r="F708" s="150"/>
      <c r="G708" s="150"/>
      <c r="H708" s="150"/>
    </row>
    <row r="709" spans="1:8">
      <c r="A709" s="150"/>
      <c r="B709" s="162" t="s">
        <v>13456</v>
      </c>
      <c r="C709" s="1149" t="s">
        <v>13458</v>
      </c>
      <c r="D709" s="150"/>
      <c r="E709" s="150"/>
      <c r="F709" s="150"/>
      <c r="G709" s="150"/>
      <c r="H709" s="150"/>
    </row>
    <row r="710" spans="1:8">
      <c r="A710" s="150"/>
      <c r="B710" s="163" t="s">
        <v>13457</v>
      </c>
      <c r="C710" s="1158"/>
      <c r="D710" s="150"/>
      <c r="E710" s="150"/>
      <c r="F710" s="150"/>
      <c r="G710" s="150"/>
      <c r="H710" s="150"/>
    </row>
    <row r="711" spans="1:8">
      <c r="A711" s="150"/>
      <c r="B711" s="164" t="s">
        <v>9006</v>
      </c>
      <c r="C711" s="1150"/>
      <c r="D711" s="150"/>
      <c r="E711" s="150"/>
      <c r="F711" s="150"/>
      <c r="G711" s="150"/>
      <c r="H711" s="150"/>
    </row>
    <row r="712" spans="1:8">
      <c r="A712" s="150"/>
      <c r="B712" s="1159" t="s">
        <v>31892</v>
      </c>
      <c r="C712" s="1161"/>
      <c r="D712" s="150"/>
      <c r="E712" s="150"/>
      <c r="F712" s="150"/>
      <c r="G712" s="150"/>
      <c r="H712" s="150"/>
    </row>
    <row r="713" spans="1:8">
      <c r="A713" s="150"/>
      <c r="B713" s="1159" t="s">
        <v>31516</v>
      </c>
      <c r="C713" s="1161"/>
      <c r="D713" s="150"/>
      <c r="E713" s="150"/>
      <c r="F713" s="150"/>
      <c r="G713" s="150"/>
      <c r="H713" s="150"/>
    </row>
    <row r="714" spans="1:8">
      <c r="A714" s="150"/>
      <c r="B714" s="162" t="s">
        <v>13881</v>
      </c>
      <c r="C714" s="1149" t="s">
        <v>13882</v>
      </c>
      <c r="D714" s="150"/>
      <c r="E714" s="150"/>
      <c r="F714" s="150"/>
      <c r="G714" s="150"/>
      <c r="H714" s="150"/>
    </row>
    <row r="715" spans="1:8">
      <c r="A715" s="150"/>
      <c r="B715" s="163" t="s">
        <v>13883</v>
      </c>
      <c r="C715" s="1158"/>
      <c r="D715" s="150"/>
      <c r="E715" s="150"/>
      <c r="F715" s="150"/>
      <c r="G715" s="150"/>
      <c r="H715" s="150"/>
    </row>
    <row r="716" spans="1:8">
      <c r="A716" s="150"/>
      <c r="B716" s="164" t="s">
        <v>13884</v>
      </c>
      <c r="C716" s="1150"/>
      <c r="D716" s="150"/>
      <c r="E716" s="150"/>
      <c r="F716" s="150"/>
      <c r="G716" s="150"/>
      <c r="H716" s="150"/>
    </row>
    <row r="717" spans="1:8">
      <c r="A717" s="150"/>
      <c r="B717" s="1159" t="s">
        <v>31517</v>
      </c>
      <c r="C717" s="1161"/>
      <c r="D717" s="150"/>
      <c r="E717" s="150"/>
      <c r="F717" s="150"/>
      <c r="G717" s="150"/>
      <c r="H717" s="150"/>
    </row>
    <row r="718" spans="1:8" ht="38.25">
      <c r="A718" s="150"/>
      <c r="B718" s="162" t="s">
        <v>13885</v>
      </c>
      <c r="C718" s="159" t="s">
        <v>14138</v>
      </c>
      <c r="D718" s="150"/>
      <c r="E718" s="150"/>
      <c r="F718" s="150"/>
      <c r="G718" s="150"/>
      <c r="H718" s="150"/>
    </row>
    <row r="719" spans="1:8" ht="51">
      <c r="A719" s="150"/>
      <c r="B719" s="163" t="s">
        <v>13886</v>
      </c>
      <c r="C719" s="160" t="s">
        <v>13887</v>
      </c>
      <c r="D719" s="150"/>
      <c r="E719" s="150"/>
      <c r="F719" s="150"/>
      <c r="G719" s="150"/>
      <c r="H719" s="150"/>
    </row>
    <row r="720" spans="1:8">
      <c r="A720" s="150"/>
      <c r="B720" s="163" t="s">
        <v>13888</v>
      </c>
      <c r="C720" s="169"/>
      <c r="D720" s="150"/>
      <c r="E720" s="150"/>
      <c r="F720" s="150"/>
      <c r="G720" s="150"/>
      <c r="H720" s="150"/>
    </row>
    <row r="721" spans="1:8">
      <c r="A721" s="150"/>
      <c r="B721" s="163" t="s">
        <v>13889</v>
      </c>
      <c r="C721" s="169"/>
      <c r="D721" s="150"/>
      <c r="E721" s="150"/>
      <c r="F721" s="150"/>
      <c r="G721" s="150"/>
      <c r="H721" s="150"/>
    </row>
    <row r="722" spans="1:8">
      <c r="A722" s="150"/>
      <c r="B722" s="163" t="s">
        <v>13890</v>
      </c>
      <c r="C722" s="169"/>
      <c r="D722" s="150"/>
      <c r="E722" s="150"/>
      <c r="F722" s="150"/>
      <c r="G722" s="150"/>
      <c r="H722" s="150"/>
    </row>
    <row r="723" spans="1:8">
      <c r="A723" s="150"/>
      <c r="B723" s="164" t="s">
        <v>13891</v>
      </c>
      <c r="C723" s="165"/>
      <c r="D723" s="150"/>
      <c r="E723" s="150"/>
      <c r="F723" s="150"/>
      <c r="G723" s="150"/>
      <c r="H723" s="150"/>
    </row>
    <row r="724" spans="1:8">
      <c r="A724" s="150"/>
      <c r="B724" s="1159" t="s">
        <v>31518</v>
      </c>
      <c r="C724" s="1161"/>
      <c r="D724" s="150"/>
      <c r="E724" s="150"/>
      <c r="F724" s="150"/>
      <c r="G724" s="150"/>
      <c r="H724" s="150"/>
    </row>
    <row r="725" spans="1:8" ht="76.5">
      <c r="A725" s="150"/>
      <c r="B725" s="162" t="s">
        <v>13892</v>
      </c>
      <c r="C725" s="159" t="s">
        <v>32130</v>
      </c>
      <c r="D725" s="150"/>
      <c r="E725" s="150"/>
      <c r="F725" s="150"/>
      <c r="G725" s="150"/>
      <c r="H725" s="150"/>
    </row>
    <row r="726" spans="1:8" ht="76.5">
      <c r="A726" s="150"/>
      <c r="B726" s="163" t="s">
        <v>13893</v>
      </c>
      <c r="C726" s="160" t="s">
        <v>14139</v>
      </c>
      <c r="D726" s="150"/>
      <c r="E726" s="150"/>
      <c r="F726" s="150"/>
      <c r="G726" s="150"/>
      <c r="H726" s="150"/>
    </row>
    <row r="727" spans="1:8" ht="38.25">
      <c r="A727" s="150"/>
      <c r="B727" s="163" t="s">
        <v>13894</v>
      </c>
      <c r="C727" s="160" t="s">
        <v>13895</v>
      </c>
      <c r="D727" s="150"/>
      <c r="E727" s="150"/>
      <c r="F727" s="150"/>
      <c r="G727" s="150"/>
      <c r="H727" s="150"/>
    </row>
    <row r="728" spans="1:8">
      <c r="A728" s="150"/>
      <c r="B728" s="164" t="s">
        <v>13896</v>
      </c>
      <c r="C728" s="165"/>
      <c r="D728" s="150"/>
      <c r="E728" s="150"/>
      <c r="F728" s="150"/>
      <c r="G728" s="150"/>
      <c r="H728" s="150"/>
    </row>
    <row r="729" spans="1:8">
      <c r="A729" s="150"/>
      <c r="B729" s="1159" t="s">
        <v>31519</v>
      </c>
      <c r="C729" s="1161"/>
      <c r="D729" s="150"/>
      <c r="E729" s="150"/>
      <c r="F729" s="150"/>
      <c r="G729" s="150"/>
      <c r="H729" s="150"/>
    </row>
    <row r="730" spans="1:8" ht="25.5">
      <c r="A730" s="150"/>
      <c r="B730" s="1147" t="s">
        <v>14140</v>
      </c>
      <c r="C730" s="159" t="s">
        <v>14141</v>
      </c>
      <c r="D730" s="150"/>
      <c r="E730" s="150"/>
      <c r="F730" s="150"/>
      <c r="G730" s="150"/>
      <c r="H730" s="150"/>
    </row>
    <row r="731" spans="1:8">
      <c r="A731" s="150"/>
      <c r="B731" s="1157"/>
      <c r="C731" s="160" t="s">
        <v>14142</v>
      </c>
      <c r="D731" s="150"/>
      <c r="E731" s="150"/>
      <c r="F731" s="150"/>
      <c r="G731" s="150"/>
      <c r="H731" s="150"/>
    </row>
    <row r="732" spans="1:8" ht="38.25">
      <c r="A732" s="150"/>
      <c r="B732" s="1157"/>
      <c r="C732" s="160" t="s">
        <v>14143</v>
      </c>
      <c r="D732" s="150"/>
      <c r="E732" s="150"/>
      <c r="F732" s="150"/>
      <c r="G732" s="150"/>
      <c r="H732" s="150"/>
    </row>
    <row r="733" spans="1:8">
      <c r="A733" s="150"/>
      <c r="B733" s="1157"/>
      <c r="C733" s="160" t="s">
        <v>14144</v>
      </c>
      <c r="D733" s="150"/>
      <c r="E733" s="150"/>
      <c r="F733" s="150"/>
      <c r="G733" s="150"/>
      <c r="H733" s="150"/>
    </row>
    <row r="734" spans="1:8" ht="51">
      <c r="A734" s="150"/>
      <c r="B734" s="1157"/>
      <c r="C734" s="160" t="s">
        <v>14145</v>
      </c>
      <c r="D734" s="150"/>
      <c r="E734" s="150"/>
      <c r="F734" s="150"/>
      <c r="G734" s="150"/>
      <c r="H734" s="150"/>
    </row>
    <row r="735" spans="1:8" ht="63.75">
      <c r="A735" s="150"/>
      <c r="B735" s="1157"/>
      <c r="C735" s="160" t="s">
        <v>14146</v>
      </c>
      <c r="D735" s="150"/>
      <c r="E735" s="150"/>
      <c r="F735" s="150"/>
      <c r="G735" s="150"/>
      <c r="H735" s="150"/>
    </row>
    <row r="736" spans="1:8">
      <c r="A736" s="150"/>
      <c r="B736" s="1157"/>
      <c r="C736" s="160" t="s">
        <v>14147</v>
      </c>
      <c r="D736" s="150"/>
      <c r="E736" s="150"/>
      <c r="F736" s="150"/>
      <c r="G736" s="150"/>
      <c r="H736" s="150"/>
    </row>
    <row r="737" spans="1:8" ht="25.5">
      <c r="A737" s="150"/>
      <c r="B737" s="1157"/>
      <c r="C737" s="160" t="s">
        <v>14148</v>
      </c>
      <c r="D737" s="150"/>
      <c r="E737" s="150"/>
      <c r="F737" s="150"/>
      <c r="G737" s="150"/>
      <c r="H737" s="150"/>
    </row>
    <row r="738" spans="1:8">
      <c r="A738" s="150"/>
      <c r="B738" s="1157"/>
      <c r="C738" s="160" t="s">
        <v>14149</v>
      </c>
      <c r="D738" s="150"/>
      <c r="E738" s="150"/>
      <c r="F738" s="150"/>
      <c r="G738" s="150"/>
      <c r="H738" s="150"/>
    </row>
    <row r="739" spans="1:8" ht="25.5">
      <c r="A739" s="150"/>
      <c r="B739" s="1157"/>
      <c r="C739" s="160" t="s">
        <v>14150</v>
      </c>
      <c r="D739" s="150"/>
      <c r="E739" s="150"/>
      <c r="F739" s="150"/>
      <c r="G739" s="150"/>
      <c r="H739" s="150"/>
    </row>
    <row r="740" spans="1:8" ht="25.5">
      <c r="A740" s="150"/>
      <c r="B740" s="1157"/>
      <c r="C740" s="160" t="s">
        <v>14151</v>
      </c>
      <c r="D740" s="150"/>
      <c r="E740" s="150"/>
      <c r="F740" s="150"/>
      <c r="G740" s="150"/>
      <c r="H740" s="150"/>
    </row>
    <row r="741" spans="1:8" ht="51">
      <c r="A741" s="150"/>
      <c r="B741" s="1157"/>
      <c r="C741" s="160" t="s">
        <v>14152</v>
      </c>
      <c r="D741" s="150"/>
      <c r="E741" s="150"/>
      <c r="F741" s="150"/>
      <c r="G741" s="150"/>
      <c r="H741" s="150"/>
    </row>
    <row r="742" spans="1:8" ht="51">
      <c r="A742" s="150"/>
      <c r="B742" s="1157"/>
      <c r="C742" s="160" t="s">
        <v>14153</v>
      </c>
      <c r="D742" s="150"/>
      <c r="E742" s="150"/>
      <c r="F742" s="150"/>
      <c r="G742" s="150"/>
      <c r="H742" s="150"/>
    </row>
    <row r="743" spans="1:8" ht="38.25">
      <c r="A743" s="150"/>
      <c r="B743" s="1157"/>
      <c r="C743" s="160" t="s">
        <v>14154</v>
      </c>
      <c r="D743" s="150"/>
      <c r="E743" s="150"/>
      <c r="F743" s="150"/>
      <c r="G743" s="150"/>
      <c r="H743" s="150"/>
    </row>
    <row r="744" spans="1:8" ht="25.5">
      <c r="A744" s="150"/>
      <c r="B744" s="1157"/>
      <c r="C744" s="160" t="s">
        <v>14155</v>
      </c>
      <c r="D744" s="150"/>
      <c r="E744" s="150"/>
      <c r="F744" s="150"/>
      <c r="G744" s="150"/>
      <c r="H744" s="150"/>
    </row>
    <row r="745" spans="1:8" ht="38.25">
      <c r="A745" s="150"/>
      <c r="B745" s="1157"/>
      <c r="C745" s="160" t="s">
        <v>14156</v>
      </c>
      <c r="D745" s="150"/>
      <c r="E745" s="150"/>
      <c r="F745" s="150"/>
      <c r="G745" s="150"/>
      <c r="H745" s="150"/>
    </row>
    <row r="746" spans="1:8" ht="63.75">
      <c r="A746" s="150"/>
      <c r="B746" s="1148"/>
      <c r="C746" s="161" t="s">
        <v>14157</v>
      </c>
      <c r="D746" s="150"/>
      <c r="E746" s="150"/>
      <c r="F746" s="150"/>
      <c r="G746" s="150"/>
      <c r="H746" s="150"/>
    </row>
    <row r="747" spans="1:8">
      <c r="A747" s="150"/>
      <c r="B747" s="1159" t="s">
        <v>31520</v>
      </c>
      <c r="C747" s="1161"/>
      <c r="D747" s="150"/>
      <c r="E747" s="150"/>
      <c r="F747" s="150"/>
      <c r="G747" s="150"/>
      <c r="H747" s="150"/>
    </row>
    <row r="748" spans="1:8" ht="51">
      <c r="A748" s="150"/>
      <c r="B748" s="162" t="s">
        <v>27355</v>
      </c>
      <c r="C748" s="159" t="s">
        <v>27356</v>
      </c>
      <c r="D748" s="150"/>
      <c r="E748" s="150"/>
      <c r="F748" s="150"/>
      <c r="G748" s="150"/>
      <c r="H748" s="150"/>
    </row>
    <row r="749" spans="1:8" ht="38.25">
      <c r="A749" s="150"/>
      <c r="B749" s="163" t="s">
        <v>26965</v>
      </c>
      <c r="C749" s="160" t="s">
        <v>27357</v>
      </c>
      <c r="D749" s="150"/>
      <c r="E749" s="150"/>
      <c r="F749" s="150"/>
      <c r="G749" s="150"/>
      <c r="H749" s="150"/>
    </row>
    <row r="750" spans="1:8" ht="89.25">
      <c r="A750" s="150"/>
      <c r="B750" s="169"/>
      <c r="C750" s="160" t="s">
        <v>27358</v>
      </c>
      <c r="D750" s="150"/>
      <c r="E750" s="150"/>
      <c r="F750" s="150"/>
      <c r="G750" s="150"/>
      <c r="H750" s="150"/>
    </row>
    <row r="751" spans="1:8" ht="63.75">
      <c r="A751" s="150"/>
      <c r="B751" s="169"/>
      <c r="C751" s="160" t="s">
        <v>27359</v>
      </c>
      <c r="D751" s="150"/>
      <c r="E751" s="150"/>
      <c r="F751" s="150"/>
      <c r="G751" s="150"/>
      <c r="H751" s="150"/>
    </row>
    <row r="752" spans="1:8" ht="25.5">
      <c r="A752" s="150"/>
      <c r="B752" s="165"/>
      <c r="C752" s="161" t="s">
        <v>27360</v>
      </c>
      <c r="D752" s="150"/>
      <c r="E752" s="150"/>
      <c r="F752" s="150"/>
      <c r="G752" s="150"/>
      <c r="H752" s="150"/>
    </row>
    <row r="753" spans="1:8">
      <c r="A753" s="150"/>
      <c r="B753" s="1159" t="s">
        <v>31916</v>
      </c>
      <c r="C753" s="1161"/>
      <c r="D753" s="150"/>
      <c r="E753" s="150"/>
      <c r="F753" s="150"/>
      <c r="G753" s="150"/>
      <c r="H753" s="150"/>
    </row>
    <row r="754" spans="1:8" ht="38.25">
      <c r="A754" s="150"/>
      <c r="B754" s="1147" t="s">
        <v>31917</v>
      </c>
      <c r="C754" s="159" t="s">
        <v>31522</v>
      </c>
      <c r="D754" s="150"/>
      <c r="E754" s="150"/>
      <c r="F754" s="150"/>
      <c r="G754" s="150"/>
      <c r="H754" s="150"/>
    </row>
    <row r="755" spans="1:8" ht="25.5">
      <c r="A755" s="150"/>
      <c r="B755" s="1157"/>
      <c r="C755" s="160" t="s">
        <v>31523</v>
      </c>
      <c r="D755" s="150"/>
      <c r="E755" s="150"/>
      <c r="F755" s="150"/>
      <c r="G755" s="150"/>
      <c r="H755" s="150"/>
    </row>
    <row r="756" spans="1:8" ht="38.25">
      <c r="A756" s="150"/>
      <c r="B756" s="1157"/>
      <c r="C756" s="160" t="s">
        <v>31524</v>
      </c>
      <c r="D756" s="150"/>
      <c r="E756" s="150"/>
      <c r="F756" s="150"/>
      <c r="G756" s="150"/>
      <c r="H756" s="150"/>
    </row>
    <row r="757" spans="1:8" ht="38.25">
      <c r="A757" s="150"/>
      <c r="B757" s="1157"/>
      <c r="C757" s="160" t="s">
        <v>31525</v>
      </c>
      <c r="D757" s="150"/>
      <c r="E757" s="150"/>
      <c r="F757" s="150"/>
      <c r="G757" s="150"/>
      <c r="H757" s="150"/>
    </row>
    <row r="758" spans="1:8" ht="25.5">
      <c r="A758" s="150"/>
      <c r="B758" s="1157"/>
      <c r="C758" s="160" t="s">
        <v>31523</v>
      </c>
      <c r="D758" s="150"/>
      <c r="E758" s="150"/>
      <c r="F758" s="150"/>
      <c r="G758" s="150"/>
      <c r="H758" s="150"/>
    </row>
    <row r="759" spans="1:8" ht="76.5">
      <c r="A759" s="150"/>
      <c r="B759" s="1157"/>
      <c r="C759" s="160" t="s">
        <v>31526</v>
      </c>
      <c r="D759" s="150"/>
      <c r="E759" s="150"/>
      <c r="F759" s="150"/>
      <c r="G759" s="150"/>
      <c r="H759" s="150"/>
    </row>
    <row r="760" spans="1:8" ht="51">
      <c r="A760" s="150"/>
      <c r="B760" s="1157"/>
      <c r="C760" s="160" t="s">
        <v>31527</v>
      </c>
      <c r="D760" s="150"/>
      <c r="E760" s="150"/>
      <c r="F760" s="150"/>
      <c r="G760" s="150"/>
      <c r="H760" s="150"/>
    </row>
    <row r="761" spans="1:8" ht="89.25">
      <c r="A761" s="150"/>
      <c r="B761" s="1157"/>
      <c r="C761" s="160" t="s">
        <v>31528</v>
      </c>
      <c r="D761" s="150"/>
      <c r="E761" s="150"/>
      <c r="F761" s="150"/>
      <c r="G761" s="150"/>
      <c r="H761" s="150"/>
    </row>
    <row r="762" spans="1:8" ht="25.5">
      <c r="A762" s="150"/>
      <c r="B762" s="1157"/>
      <c r="C762" s="160" t="s">
        <v>31529</v>
      </c>
      <c r="D762" s="150"/>
      <c r="E762" s="150"/>
      <c r="F762" s="150"/>
      <c r="G762" s="150"/>
      <c r="H762" s="150"/>
    </row>
    <row r="763" spans="1:8" ht="25.5">
      <c r="A763" s="150"/>
      <c r="B763" s="1157"/>
      <c r="C763" s="160" t="s">
        <v>31530</v>
      </c>
      <c r="D763" s="150"/>
      <c r="E763" s="150"/>
      <c r="F763" s="150"/>
      <c r="G763" s="150"/>
      <c r="H763" s="150"/>
    </row>
    <row r="764" spans="1:8">
      <c r="A764" s="150"/>
      <c r="B764" s="1157"/>
      <c r="C764" s="160" t="s">
        <v>31531</v>
      </c>
      <c r="D764" s="150"/>
      <c r="E764" s="150"/>
      <c r="F764" s="150"/>
      <c r="G764" s="150"/>
      <c r="H764" s="150"/>
    </row>
    <row r="765" spans="1:8">
      <c r="A765" s="150"/>
      <c r="B765" s="1157"/>
      <c r="C765" s="160" t="s">
        <v>31532</v>
      </c>
      <c r="D765" s="150"/>
      <c r="E765" s="150"/>
      <c r="F765" s="150"/>
      <c r="G765" s="150"/>
      <c r="H765" s="150"/>
    </row>
    <row r="766" spans="1:8">
      <c r="A766" s="150"/>
      <c r="B766" s="1157"/>
      <c r="C766" s="160" t="s">
        <v>31533</v>
      </c>
      <c r="D766" s="150"/>
      <c r="E766" s="150"/>
      <c r="F766" s="150"/>
      <c r="G766" s="150"/>
      <c r="H766" s="150"/>
    </row>
    <row r="767" spans="1:8">
      <c r="A767" s="150"/>
      <c r="B767" s="1157"/>
      <c r="C767" s="160" t="s">
        <v>31534</v>
      </c>
      <c r="D767" s="150"/>
      <c r="E767" s="150"/>
      <c r="F767" s="150"/>
      <c r="G767" s="150"/>
      <c r="H767" s="150"/>
    </row>
    <row r="768" spans="1:8">
      <c r="A768" s="150"/>
      <c r="B768" s="1157"/>
      <c r="C768" s="160" t="s">
        <v>31535</v>
      </c>
      <c r="D768" s="150"/>
      <c r="E768" s="150"/>
      <c r="F768" s="150"/>
      <c r="G768" s="150"/>
      <c r="H768" s="150"/>
    </row>
    <row r="769" spans="1:8" ht="25.5">
      <c r="A769" s="150"/>
      <c r="B769" s="1157"/>
      <c r="C769" s="160" t="s">
        <v>31536</v>
      </c>
      <c r="D769" s="150"/>
      <c r="E769" s="150"/>
      <c r="F769" s="150"/>
      <c r="G769" s="150"/>
      <c r="H769" s="150"/>
    </row>
    <row r="770" spans="1:8">
      <c r="A770" s="150"/>
      <c r="B770" s="1157"/>
      <c r="C770" s="160" t="s">
        <v>31537</v>
      </c>
      <c r="D770" s="150"/>
      <c r="E770" s="150"/>
      <c r="F770" s="150"/>
      <c r="G770" s="150"/>
      <c r="H770" s="150"/>
    </row>
    <row r="771" spans="1:8" ht="25.5">
      <c r="A771" s="150"/>
      <c r="B771" s="1157"/>
      <c r="C771" s="160" t="s">
        <v>31538</v>
      </c>
      <c r="D771" s="150"/>
      <c r="E771" s="150"/>
      <c r="F771" s="150"/>
      <c r="G771" s="150"/>
      <c r="H771" s="150"/>
    </row>
    <row r="772" spans="1:8" ht="25.5">
      <c r="A772" s="150"/>
      <c r="B772" s="1157"/>
      <c r="C772" s="160" t="s">
        <v>31539</v>
      </c>
      <c r="D772" s="150"/>
      <c r="E772" s="150"/>
      <c r="F772" s="150"/>
      <c r="G772" s="150"/>
      <c r="H772" s="150"/>
    </row>
    <row r="773" spans="1:8">
      <c r="A773" s="150"/>
      <c r="B773" s="1157"/>
      <c r="C773" s="160" t="s">
        <v>31540</v>
      </c>
      <c r="D773" s="150"/>
      <c r="E773" s="150"/>
      <c r="F773" s="150"/>
      <c r="G773" s="150"/>
      <c r="H773" s="150"/>
    </row>
    <row r="774" spans="1:8">
      <c r="A774" s="150"/>
      <c r="B774" s="1157"/>
      <c r="C774" s="160" t="s">
        <v>31541</v>
      </c>
      <c r="D774" s="150"/>
      <c r="E774" s="150"/>
      <c r="F774" s="150"/>
      <c r="G774" s="150"/>
      <c r="H774" s="150"/>
    </row>
    <row r="775" spans="1:8">
      <c r="A775" s="150"/>
      <c r="B775" s="1157"/>
      <c r="C775" s="160" t="s">
        <v>31542</v>
      </c>
      <c r="D775" s="150"/>
      <c r="E775" s="150"/>
      <c r="F775" s="150"/>
      <c r="G775" s="150"/>
      <c r="H775" s="150"/>
    </row>
    <row r="776" spans="1:8">
      <c r="A776" s="150"/>
      <c r="B776" s="1157"/>
      <c r="C776" s="160" t="s">
        <v>31543</v>
      </c>
      <c r="D776" s="150"/>
      <c r="E776" s="150"/>
      <c r="F776" s="150"/>
      <c r="G776" s="150"/>
      <c r="H776" s="150"/>
    </row>
    <row r="777" spans="1:8" ht="38.25">
      <c r="A777" s="150"/>
      <c r="B777" s="1157"/>
      <c r="C777" s="160" t="s">
        <v>31544</v>
      </c>
      <c r="D777" s="150"/>
      <c r="E777" s="150"/>
      <c r="F777" s="150"/>
      <c r="G777" s="150"/>
      <c r="H777" s="150"/>
    </row>
    <row r="778" spans="1:8" ht="25.5">
      <c r="A778" s="150"/>
      <c r="B778" s="1157"/>
      <c r="C778" s="160" t="s">
        <v>31545</v>
      </c>
      <c r="D778" s="150"/>
      <c r="E778" s="150"/>
      <c r="F778" s="150"/>
      <c r="G778" s="150"/>
      <c r="H778" s="150"/>
    </row>
    <row r="779" spans="1:8">
      <c r="A779" s="150"/>
      <c r="B779" s="1157"/>
      <c r="C779" s="160" t="s">
        <v>31546</v>
      </c>
      <c r="D779" s="150"/>
      <c r="E779" s="150"/>
      <c r="F779" s="150"/>
      <c r="G779" s="150"/>
      <c r="H779" s="150"/>
    </row>
    <row r="780" spans="1:8">
      <c r="A780" s="150"/>
      <c r="B780" s="1157"/>
      <c r="C780" s="160" t="s">
        <v>31547</v>
      </c>
      <c r="D780" s="150"/>
      <c r="E780" s="150"/>
      <c r="F780" s="150"/>
      <c r="G780" s="150"/>
      <c r="H780" s="150"/>
    </row>
    <row r="781" spans="1:8">
      <c r="A781" s="150"/>
      <c r="B781" s="1157"/>
      <c r="C781" s="160" t="s">
        <v>31548</v>
      </c>
      <c r="D781" s="150"/>
      <c r="E781" s="150"/>
      <c r="F781" s="150"/>
      <c r="G781" s="150"/>
      <c r="H781" s="150"/>
    </row>
    <row r="782" spans="1:8">
      <c r="A782" s="150"/>
      <c r="B782" s="1157"/>
      <c r="C782" s="160" t="s">
        <v>31549</v>
      </c>
      <c r="D782" s="150"/>
      <c r="E782" s="150"/>
      <c r="F782" s="150"/>
      <c r="G782" s="150"/>
      <c r="H782" s="150"/>
    </row>
    <row r="783" spans="1:8">
      <c r="A783" s="150"/>
      <c r="B783" s="1157"/>
      <c r="C783" s="160" t="s">
        <v>31550</v>
      </c>
      <c r="D783" s="150"/>
      <c r="E783" s="150"/>
      <c r="F783" s="150"/>
      <c r="G783" s="150"/>
      <c r="H783" s="150"/>
    </row>
    <row r="784" spans="1:8">
      <c r="A784" s="150"/>
      <c r="B784" s="1157"/>
      <c r="C784" s="160" t="s">
        <v>31551</v>
      </c>
      <c r="D784" s="150"/>
      <c r="E784" s="150"/>
      <c r="F784" s="150"/>
      <c r="G784" s="150"/>
      <c r="H784" s="150"/>
    </row>
    <row r="785" spans="1:8">
      <c r="A785" s="150"/>
      <c r="B785" s="1157"/>
      <c r="C785" s="160" t="s">
        <v>31552</v>
      </c>
      <c r="D785" s="150"/>
      <c r="E785" s="150"/>
      <c r="F785" s="150"/>
      <c r="G785" s="150"/>
      <c r="H785" s="150"/>
    </row>
    <row r="786" spans="1:8">
      <c r="A786" s="150"/>
      <c r="B786" s="1157"/>
      <c r="C786" s="160" t="s">
        <v>31553</v>
      </c>
      <c r="D786" s="150"/>
      <c r="E786" s="150"/>
      <c r="F786" s="150"/>
      <c r="G786" s="150"/>
      <c r="H786" s="150"/>
    </row>
    <row r="787" spans="1:8">
      <c r="A787" s="150"/>
      <c r="B787" s="1157"/>
      <c r="C787" s="160" t="s">
        <v>31554</v>
      </c>
      <c r="D787" s="150"/>
      <c r="E787" s="150"/>
      <c r="F787" s="150"/>
      <c r="G787" s="150"/>
      <c r="H787" s="150"/>
    </row>
    <row r="788" spans="1:8">
      <c r="A788" s="150"/>
      <c r="B788" s="1157"/>
      <c r="C788" s="160" t="s">
        <v>31555</v>
      </c>
      <c r="D788" s="150"/>
      <c r="E788" s="150"/>
      <c r="F788" s="150"/>
      <c r="G788" s="150"/>
      <c r="H788" s="150"/>
    </row>
    <row r="789" spans="1:8">
      <c r="A789" s="150"/>
      <c r="B789" s="1157"/>
      <c r="C789" s="160" t="s">
        <v>31556</v>
      </c>
      <c r="D789" s="150"/>
      <c r="E789" s="150"/>
      <c r="F789" s="150"/>
      <c r="G789" s="150"/>
      <c r="H789" s="150"/>
    </row>
    <row r="790" spans="1:8" ht="25.5">
      <c r="A790" s="150"/>
      <c r="B790" s="1157"/>
      <c r="C790" s="160" t="s">
        <v>31557</v>
      </c>
      <c r="D790" s="150"/>
      <c r="E790" s="150"/>
      <c r="F790" s="150"/>
      <c r="G790" s="150"/>
      <c r="H790" s="150"/>
    </row>
    <row r="791" spans="1:8">
      <c r="A791" s="150"/>
      <c r="B791" s="1157"/>
      <c r="C791" s="160" t="s">
        <v>31558</v>
      </c>
      <c r="D791" s="150"/>
      <c r="E791" s="150"/>
      <c r="F791" s="150"/>
      <c r="G791" s="150"/>
      <c r="H791" s="150"/>
    </row>
    <row r="792" spans="1:8">
      <c r="A792" s="150"/>
      <c r="B792" s="1157"/>
      <c r="C792" s="160" t="s">
        <v>31559</v>
      </c>
      <c r="D792" s="150"/>
      <c r="E792" s="150"/>
      <c r="F792" s="150"/>
      <c r="G792" s="150"/>
      <c r="H792" s="150"/>
    </row>
    <row r="793" spans="1:8">
      <c r="A793" s="150"/>
      <c r="B793" s="1157"/>
      <c r="C793" s="160" t="s">
        <v>31560</v>
      </c>
      <c r="D793" s="150"/>
      <c r="E793" s="150"/>
      <c r="F793" s="150"/>
      <c r="G793" s="150"/>
      <c r="H793" s="150"/>
    </row>
    <row r="794" spans="1:8">
      <c r="A794" s="150"/>
      <c r="B794" s="1157"/>
      <c r="C794" s="160" t="s">
        <v>31561</v>
      </c>
      <c r="D794" s="150"/>
      <c r="E794" s="150"/>
      <c r="F794" s="150"/>
      <c r="G794" s="150"/>
      <c r="H794" s="150"/>
    </row>
    <row r="795" spans="1:8">
      <c r="A795" s="150"/>
      <c r="B795" s="1157"/>
      <c r="C795" s="160" t="s">
        <v>31562</v>
      </c>
      <c r="D795" s="150"/>
      <c r="E795" s="150"/>
      <c r="F795" s="150"/>
      <c r="G795" s="150"/>
      <c r="H795" s="150"/>
    </row>
    <row r="796" spans="1:8">
      <c r="A796" s="150"/>
      <c r="B796" s="1157"/>
      <c r="C796" s="160" t="s">
        <v>31563</v>
      </c>
      <c r="D796" s="150"/>
      <c r="E796" s="150"/>
      <c r="F796" s="150"/>
      <c r="G796" s="150"/>
      <c r="H796" s="150"/>
    </row>
    <row r="797" spans="1:8">
      <c r="A797" s="150"/>
      <c r="B797" s="1157"/>
      <c r="C797" s="160" t="s">
        <v>31564</v>
      </c>
      <c r="D797" s="150"/>
      <c r="E797" s="150"/>
      <c r="F797" s="150"/>
      <c r="G797" s="150"/>
      <c r="H797" s="150"/>
    </row>
    <row r="798" spans="1:8">
      <c r="A798" s="150"/>
      <c r="B798" s="1157"/>
      <c r="C798" s="160" t="s">
        <v>31565</v>
      </c>
      <c r="D798" s="150"/>
      <c r="E798" s="150"/>
      <c r="F798" s="150"/>
      <c r="G798" s="150"/>
      <c r="H798" s="150"/>
    </row>
    <row r="799" spans="1:8">
      <c r="A799" s="150"/>
      <c r="B799" s="1157"/>
      <c r="C799" s="160" t="s">
        <v>31566</v>
      </c>
      <c r="D799" s="150"/>
      <c r="E799" s="150"/>
      <c r="F799" s="150"/>
      <c r="G799" s="150"/>
      <c r="H799" s="150"/>
    </row>
    <row r="800" spans="1:8">
      <c r="A800" s="150"/>
      <c r="B800" s="1157"/>
      <c r="C800" s="160" t="s">
        <v>31567</v>
      </c>
      <c r="D800" s="150"/>
      <c r="E800" s="150"/>
      <c r="F800" s="150"/>
      <c r="G800" s="150"/>
      <c r="H800" s="150"/>
    </row>
    <row r="801" spans="1:8" ht="25.5">
      <c r="A801" s="150"/>
      <c r="B801" s="1157"/>
      <c r="C801" s="160" t="s">
        <v>31568</v>
      </c>
      <c r="D801" s="150"/>
      <c r="E801" s="150"/>
      <c r="F801" s="150"/>
      <c r="G801" s="150"/>
      <c r="H801" s="150"/>
    </row>
    <row r="802" spans="1:8">
      <c r="A802" s="150"/>
      <c r="B802" s="1157"/>
      <c r="C802" s="160" t="s">
        <v>31569</v>
      </c>
      <c r="D802" s="150"/>
      <c r="E802" s="150"/>
      <c r="F802" s="150"/>
      <c r="G802" s="150"/>
      <c r="H802" s="150"/>
    </row>
    <row r="803" spans="1:8">
      <c r="A803" s="150"/>
      <c r="B803" s="1157"/>
      <c r="C803" s="160" t="s">
        <v>31570</v>
      </c>
      <c r="D803" s="150"/>
      <c r="E803" s="150"/>
      <c r="F803" s="150"/>
      <c r="G803" s="150"/>
      <c r="H803" s="150"/>
    </row>
    <row r="804" spans="1:8">
      <c r="A804" s="150"/>
      <c r="B804" s="1157"/>
      <c r="C804" s="160" t="s">
        <v>31571</v>
      </c>
      <c r="D804" s="150"/>
      <c r="E804" s="150"/>
      <c r="F804" s="150"/>
      <c r="G804" s="150"/>
      <c r="H804" s="150"/>
    </row>
    <row r="805" spans="1:8">
      <c r="A805" s="150"/>
      <c r="B805" s="1157"/>
      <c r="C805" s="160" t="s">
        <v>31572</v>
      </c>
      <c r="D805" s="150"/>
      <c r="E805" s="150"/>
      <c r="F805" s="150"/>
      <c r="G805" s="150"/>
      <c r="H805" s="150"/>
    </row>
    <row r="806" spans="1:8">
      <c r="A806" s="150"/>
      <c r="B806" s="1157"/>
      <c r="C806" s="160" t="s">
        <v>31573</v>
      </c>
      <c r="D806" s="150"/>
      <c r="E806" s="150"/>
      <c r="F806" s="150"/>
      <c r="G806" s="150"/>
      <c r="H806" s="150"/>
    </row>
    <row r="807" spans="1:8">
      <c r="A807" s="150"/>
      <c r="B807" s="1157"/>
      <c r="C807" s="160" t="s">
        <v>31559</v>
      </c>
      <c r="D807" s="150"/>
      <c r="E807" s="150"/>
      <c r="F807" s="150"/>
      <c r="G807" s="150"/>
      <c r="H807" s="150"/>
    </row>
    <row r="808" spans="1:8" ht="25.5">
      <c r="A808" s="150"/>
      <c r="B808" s="1157"/>
      <c r="C808" s="160" t="s">
        <v>31568</v>
      </c>
      <c r="D808" s="150"/>
      <c r="E808" s="150"/>
      <c r="F808" s="150"/>
      <c r="G808" s="150"/>
      <c r="H808" s="150"/>
    </row>
    <row r="809" spans="1:8">
      <c r="A809" s="150"/>
      <c r="B809" s="1157"/>
      <c r="C809" s="160" t="s">
        <v>31574</v>
      </c>
      <c r="D809" s="150"/>
      <c r="E809" s="150"/>
      <c r="F809" s="150"/>
      <c r="G809" s="150"/>
      <c r="H809" s="150"/>
    </row>
    <row r="810" spans="1:8">
      <c r="A810" s="150"/>
      <c r="B810" s="1157"/>
      <c r="C810" s="160" t="s">
        <v>31575</v>
      </c>
      <c r="D810" s="150"/>
      <c r="E810" s="150"/>
      <c r="F810" s="150"/>
      <c r="G810" s="150"/>
      <c r="H810" s="150"/>
    </row>
    <row r="811" spans="1:8">
      <c r="A811" s="150"/>
      <c r="B811" s="1157"/>
      <c r="C811" s="160" t="s">
        <v>31576</v>
      </c>
      <c r="D811" s="150"/>
      <c r="E811" s="150"/>
      <c r="F811" s="150"/>
      <c r="G811" s="150"/>
      <c r="H811" s="150"/>
    </row>
    <row r="812" spans="1:8">
      <c r="A812" s="150"/>
      <c r="B812" s="1157"/>
      <c r="C812" s="160" t="s">
        <v>31577</v>
      </c>
      <c r="D812" s="150"/>
      <c r="E812" s="150"/>
      <c r="F812" s="150"/>
      <c r="G812" s="150"/>
      <c r="H812" s="150"/>
    </row>
    <row r="813" spans="1:8" ht="25.5">
      <c r="A813" s="150"/>
      <c r="B813" s="1157"/>
      <c r="C813" s="160" t="s">
        <v>31568</v>
      </c>
      <c r="D813" s="150"/>
      <c r="E813" s="150"/>
      <c r="F813" s="150"/>
      <c r="G813" s="150"/>
      <c r="H813" s="150"/>
    </row>
    <row r="814" spans="1:8" ht="63.75">
      <c r="A814" s="150"/>
      <c r="B814" s="1157"/>
      <c r="C814" s="160" t="s">
        <v>31578</v>
      </c>
      <c r="D814" s="150"/>
      <c r="E814" s="150"/>
      <c r="F814" s="150"/>
      <c r="G814" s="150"/>
      <c r="H814" s="150"/>
    </row>
    <row r="815" spans="1:8" ht="76.5">
      <c r="A815" s="150"/>
      <c r="B815" s="1157"/>
      <c r="C815" s="160" t="s">
        <v>31579</v>
      </c>
      <c r="D815" s="150"/>
      <c r="E815" s="150"/>
      <c r="F815" s="150"/>
      <c r="G815" s="150"/>
      <c r="H815" s="150"/>
    </row>
    <row r="816" spans="1:8" ht="38.25">
      <c r="A816" s="150"/>
      <c r="B816" s="1157"/>
      <c r="C816" s="160" t="s">
        <v>31580</v>
      </c>
      <c r="D816" s="150"/>
      <c r="E816" s="150"/>
      <c r="F816" s="150"/>
      <c r="G816" s="150"/>
      <c r="H816" s="150"/>
    </row>
    <row r="817" spans="1:8" ht="25.5">
      <c r="A817" s="150"/>
      <c r="B817" s="1157"/>
      <c r="C817" s="160" t="s">
        <v>31581</v>
      </c>
      <c r="D817" s="150"/>
      <c r="E817" s="150"/>
      <c r="F817" s="150"/>
      <c r="G817" s="150"/>
      <c r="H817" s="150"/>
    </row>
    <row r="818" spans="1:8" ht="38.25">
      <c r="A818" s="150"/>
      <c r="B818" s="1157"/>
      <c r="C818" s="160" t="s">
        <v>31582</v>
      </c>
      <c r="D818" s="150"/>
      <c r="E818" s="150"/>
      <c r="F818" s="150"/>
      <c r="G818" s="150"/>
      <c r="H818" s="150"/>
    </row>
    <row r="819" spans="1:8" ht="38.25">
      <c r="A819" s="150"/>
      <c r="B819" s="1157"/>
      <c r="C819" s="160" t="s">
        <v>31583</v>
      </c>
      <c r="D819" s="150"/>
      <c r="E819" s="150"/>
      <c r="F819" s="150"/>
      <c r="G819" s="150"/>
      <c r="H819" s="150"/>
    </row>
    <row r="820" spans="1:8">
      <c r="A820" s="150"/>
      <c r="B820" s="1157"/>
      <c r="C820" s="160" t="s">
        <v>31584</v>
      </c>
      <c r="D820" s="150"/>
      <c r="E820" s="150"/>
      <c r="F820" s="150"/>
      <c r="G820" s="150"/>
      <c r="H820" s="150"/>
    </row>
    <row r="821" spans="1:8">
      <c r="A821" s="150"/>
      <c r="B821" s="1157"/>
      <c r="C821" s="160" t="s">
        <v>31585</v>
      </c>
      <c r="D821" s="150"/>
      <c r="E821" s="150"/>
      <c r="F821" s="150"/>
      <c r="G821" s="150"/>
      <c r="H821" s="150"/>
    </row>
    <row r="822" spans="1:8" ht="25.5">
      <c r="A822" s="150"/>
      <c r="B822" s="1148"/>
      <c r="C822" s="161" t="s">
        <v>31586</v>
      </c>
      <c r="D822" s="150"/>
      <c r="E822" s="150"/>
      <c r="F822" s="150"/>
      <c r="G822" s="150"/>
      <c r="H822" s="150"/>
    </row>
    <row r="823" spans="1:8">
      <c r="A823" s="150"/>
      <c r="B823" s="1159" t="s">
        <v>31918</v>
      </c>
      <c r="C823" s="1161"/>
      <c r="D823" s="150"/>
      <c r="E823" s="150"/>
      <c r="F823" s="150"/>
      <c r="G823" s="150"/>
      <c r="H823" s="150"/>
    </row>
    <row r="824" spans="1:8">
      <c r="A824" s="150"/>
      <c r="B824" s="1153" t="s">
        <v>32131</v>
      </c>
      <c r="C824" s="1154"/>
      <c r="D824" s="150"/>
      <c r="E824" s="150"/>
      <c r="F824" s="150"/>
      <c r="G824" s="150"/>
      <c r="H824" s="150"/>
    </row>
    <row r="825" spans="1:8">
      <c r="A825" s="150"/>
      <c r="B825" s="1168" t="s">
        <v>31920</v>
      </c>
      <c r="C825" s="1169"/>
      <c r="D825" s="150"/>
      <c r="E825" s="150"/>
      <c r="F825" s="150"/>
      <c r="G825" s="150"/>
      <c r="H825" s="150"/>
    </row>
    <row r="826" spans="1:8">
      <c r="A826" s="150"/>
      <c r="B826" s="1168" t="s">
        <v>32132</v>
      </c>
      <c r="C826" s="1169"/>
      <c r="D826" s="150"/>
      <c r="E826" s="150"/>
      <c r="F826" s="150"/>
      <c r="G826" s="150"/>
      <c r="H826" s="150"/>
    </row>
    <row r="827" spans="1:8">
      <c r="A827" s="150"/>
      <c r="B827" s="1168" t="s">
        <v>31921</v>
      </c>
      <c r="C827" s="1169"/>
      <c r="D827" s="150"/>
      <c r="E827" s="150"/>
      <c r="F827" s="150"/>
      <c r="G827" s="150"/>
      <c r="H827" s="150"/>
    </row>
    <row r="828" spans="1:8">
      <c r="A828" s="150"/>
      <c r="B828" s="1168" t="s">
        <v>32133</v>
      </c>
      <c r="C828" s="1169"/>
      <c r="D828" s="150"/>
      <c r="E828" s="150"/>
      <c r="F828" s="150"/>
      <c r="G828" s="150"/>
      <c r="H828" s="150"/>
    </row>
    <row r="829" spans="1:8">
      <c r="A829" s="150"/>
      <c r="B829" s="1168" t="s">
        <v>31922</v>
      </c>
      <c r="C829" s="1169"/>
      <c r="D829" s="150"/>
      <c r="E829" s="150"/>
      <c r="F829" s="150"/>
      <c r="G829" s="150"/>
      <c r="H829" s="150"/>
    </row>
    <row r="830" spans="1:8">
      <c r="A830" s="150"/>
      <c r="B830" s="1168" t="s">
        <v>32134</v>
      </c>
      <c r="C830" s="1169"/>
      <c r="D830" s="150"/>
      <c r="E830" s="150"/>
      <c r="F830" s="150"/>
      <c r="G830" s="150"/>
      <c r="H830" s="150"/>
    </row>
    <row r="831" spans="1:8">
      <c r="A831" s="150"/>
      <c r="B831" s="1168" t="s">
        <v>31923</v>
      </c>
      <c r="C831" s="1169"/>
      <c r="D831" s="150"/>
      <c r="E831" s="150"/>
      <c r="F831" s="150"/>
      <c r="G831" s="150"/>
      <c r="H831" s="150"/>
    </row>
    <row r="832" spans="1:8">
      <c r="A832" s="150"/>
      <c r="B832" s="1168" t="s">
        <v>32135</v>
      </c>
      <c r="C832" s="1169"/>
      <c r="D832" s="150"/>
      <c r="E832" s="150"/>
      <c r="F832" s="150"/>
      <c r="G832" s="150"/>
      <c r="H832" s="150"/>
    </row>
    <row r="833" spans="1:8">
      <c r="A833" s="150"/>
      <c r="B833" s="1168" t="s">
        <v>31924</v>
      </c>
      <c r="C833" s="1169"/>
      <c r="D833" s="150"/>
      <c r="E833" s="150"/>
      <c r="F833" s="150"/>
      <c r="G833" s="150"/>
      <c r="H833" s="150"/>
    </row>
    <row r="834" spans="1:8">
      <c r="A834" s="150"/>
      <c r="B834" s="1168" t="s">
        <v>32136</v>
      </c>
      <c r="C834" s="1169"/>
      <c r="D834" s="150"/>
      <c r="E834" s="150"/>
      <c r="F834" s="150"/>
      <c r="G834" s="150"/>
      <c r="H834" s="150"/>
    </row>
    <row r="835" spans="1:8">
      <c r="A835" s="150"/>
      <c r="B835" s="1168" t="s">
        <v>31925</v>
      </c>
      <c r="C835" s="1169"/>
      <c r="D835" s="150"/>
      <c r="E835" s="150"/>
      <c r="F835" s="150"/>
      <c r="G835" s="150"/>
      <c r="H835" s="150"/>
    </row>
    <row r="836" spans="1:8">
      <c r="A836" s="150"/>
      <c r="B836" s="1168" t="s">
        <v>32137</v>
      </c>
      <c r="C836" s="1169"/>
      <c r="D836" s="150"/>
      <c r="E836" s="150"/>
      <c r="F836" s="150"/>
      <c r="G836" s="150"/>
      <c r="H836" s="150"/>
    </row>
    <row r="837" spans="1:8">
      <c r="A837" s="150"/>
      <c r="B837" s="1168" t="s">
        <v>31926</v>
      </c>
      <c r="C837" s="1169"/>
      <c r="D837" s="150"/>
      <c r="E837" s="150"/>
      <c r="F837" s="150"/>
      <c r="G837" s="150"/>
      <c r="H837" s="150"/>
    </row>
    <row r="838" spans="1:8">
      <c r="A838" s="150"/>
      <c r="B838" s="1168" t="s">
        <v>32138</v>
      </c>
      <c r="C838" s="1169"/>
      <c r="D838" s="150"/>
      <c r="E838" s="150"/>
      <c r="F838" s="150"/>
      <c r="G838" s="150"/>
      <c r="H838" s="150"/>
    </row>
    <row r="839" spans="1:8">
      <c r="A839" s="150"/>
      <c r="B839" s="1168" t="s">
        <v>31927</v>
      </c>
      <c r="C839" s="1169"/>
      <c r="D839" s="150"/>
      <c r="E839" s="150"/>
      <c r="F839" s="150"/>
      <c r="G839" s="150"/>
      <c r="H839" s="150"/>
    </row>
    <row r="840" spans="1:8">
      <c r="A840" s="150"/>
      <c r="B840" s="1168" t="s">
        <v>32139</v>
      </c>
      <c r="C840" s="1169"/>
      <c r="D840" s="150"/>
      <c r="E840" s="150"/>
      <c r="F840" s="150"/>
      <c r="G840" s="150"/>
      <c r="H840" s="150"/>
    </row>
    <row r="841" spans="1:8">
      <c r="A841" s="150"/>
      <c r="B841" s="1168" t="s">
        <v>31928</v>
      </c>
      <c r="C841" s="1169"/>
      <c r="D841" s="150"/>
      <c r="E841" s="150"/>
      <c r="F841" s="150"/>
      <c r="G841" s="150"/>
      <c r="H841" s="150"/>
    </row>
    <row r="842" spans="1:8">
      <c r="A842" s="150"/>
      <c r="B842" s="1168" t="s">
        <v>32140</v>
      </c>
      <c r="C842" s="1169"/>
      <c r="D842" s="150"/>
      <c r="E842" s="150"/>
      <c r="F842" s="150"/>
      <c r="G842" s="150"/>
      <c r="H842" s="150"/>
    </row>
    <row r="843" spans="1:8">
      <c r="A843" s="150"/>
      <c r="B843" s="1168" t="s">
        <v>31929</v>
      </c>
      <c r="C843" s="1169"/>
      <c r="D843" s="150"/>
      <c r="E843" s="150"/>
      <c r="F843" s="150"/>
      <c r="G843" s="150"/>
      <c r="H843" s="150"/>
    </row>
    <row r="844" spans="1:8">
      <c r="A844" s="150"/>
      <c r="B844" s="1168" t="s">
        <v>32141</v>
      </c>
      <c r="C844" s="1169"/>
      <c r="D844" s="150"/>
      <c r="E844" s="150"/>
      <c r="F844" s="150"/>
      <c r="G844" s="150"/>
      <c r="H844" s="150"/>
    </row>
    <row r="845" spans="1:8">
      <c r="A845" s="150"/>
      <c r="B845" s="1168" t="s">
        <v>31930</v>
      </c>
      <c r="C845" s="1169"/>
      <c r="D845" s="150"/>
      <c r="E845" s="150"/>
      <c r="F845" s="150"/>
      <c r="G845" s="150"/>
      <c r="H845" s="150"/>
    </row>
    <row r="846" spans="1:8">
      <c r="A846" s="150"/>
      <c r="B846" s="1168" t="s">
        <v>32142</v>
      </c>
      <c r="C846" s="1169"/>
      <c r="D846" s="150"/>
      <c r="E846" s="150"/>
      <c r="F846" s="150"/>
      <c r="G846" s="150"/>
      <c r="H846" s="150"/>
    </row>
    <row r="847" spans="1:8">
      <c r="A847" s="150"/>
      <c r="B847" s="1168" t="s">
        <v>31931</v>
      </c>
      <c r="C847" s="1169"/>
      <c r="D847" s="150"/>
      <c r="E847" s="150"/>
      <c r="F847" s="150"/>
      <c r="G847" s="150"/>
      <c r="H847" s="150"/>
    </row>
    <row r="848" spans="1:8">
      <c r="A848" s="150"/>
      <c r="B848" s="1168" t="s">
        <v>32143</v>
      </c>
      <c r="C848" s="1169"/>
      <c r="D848" s="150"/>
      <c r="E848" s="150"/>
      <c r="F848" s="150"/>
      <c r="G848" s="150"/>
      <c r="H848" s="150"/>
    </row>
    <row r="849" spans="1:8">
      <c r="A849" s="150"/>
      <c r="B849" s="1168" t="s">
        <v>31932</v>
      </c>
      <c r="C849" s="1169"/>
      <c r="D849" s="150"/>
      <c r="E849" s="150"/>
      <c r="F849" s="150"/>
      <c r="G849" s="150"/>
      <c r="H849" s="150"/>
    </row>
    <row r="850" spans="1:8">
      <c r="A850" s="150"/>
      <c r="B850" s="1170" t="s">
        <v>32144</v>
      </c>
      <c r="C850" s="1171"/>
      <c r="D850" s="150"/>
      <c r="E850" s="150"/>
      <c r="F850" s="150"/>
      <c r="G850" s="150"/>
      <c r="H850" s="150"/>
    </row>
    <row r="851" spans="1:8">
      <c r="A851" s="150"/>
      <c r="B851" s="1168" t="s">
        <v>31933</v>
      </c>
      <c r="C851" s="1169"/>
      <c r="D851" s="150"/>
      <c r="E851" s="150"/>
      <c r="F851" s="150"/>
      <c r="G851" s="150"/>
      <c r="H851" s="150"/>
    </row>
    <row r="852" spans="1:8">
      <c r="A852" s="150"/>
      <c r="B852" s="1170" t="s">
        <v>31505</v>
      </c>
      <c r="C852" s="1171"/>
      <c r="D852" s="150"/>
      <c r="E852" s="150"/>
      <c r="F852" s="150"/>
      <c r="G852" s="150"/>
      <c r="H852" s="150"/>
    </row>
    <row r="853" spans="1:8">
      <c r="A853" s="150"/>
      <c r="B853" s="1170" t="s">
        <v>32145</v>
      </c>
      <c r="C853" s="1171"/>
      <c r="D853" s="150"/>
      <c r="E853" s="150"/>
      <c r="F853" s="150"/>
      <c r="G853" s="150"/>
      <c r="H853" s="150"/>
    </row>
    <row r="854" spans="1:8" ht="25.5" customHeight="1">
      <c r="A854" s="150"/>
      <c r="B854" s="1168" t="s">
        <v>31934</v>
      </c>
      <c r="C854" s="1169"/>
      <c r="D854" s="150"/>
      <c r="E854" s="150"/>
      <c r="F854" s="150"/>
      <c r="G854" s="150"/>
      <c r="H854" s="150"/>
    </row>
    <row r="855" spans="1:8">
      <c r="A855" s="150"/>
      <c r="B855" s="1168" t="s">
        <v>32146</v>
      </c>
      <c r="C855" s="1169"/>
      <c r="D855" s="150"/>
      <c r="E855" s="150"/>
      <c r="F855" s="150"/>
      <c r="G855" s="150"/>
      <c r="H855" s="150"/>
    </row>
    <row r="856" spans="1:8" ht="25.5" customHeight="1">
      <c r="A856" s="150"/>
      <c r="B856" s="1168" t="s">
        <v>31935</v>
      </c>
      <c r="C856" s="1169"/>
      <c r="D856" s="150"/>
      <c r="E856" s="150"/>
      <c r="F856" s="150"/>
      <c r="G856" s="150"/>
      <c r="H856" s="150"/>
    </row>
    <row r="857" spans="1:8">
      <c r="A857" s="150"/>
      <c r="B857" s="1170" t="s">
        <v>31505</v>
      </c>
      <c r="C857" s="1171"/>
      <c r="D857" s="150"/>
      <c r="E857" s="150"/>
      <c r="F857" s="150"/>
      <c r="G857" s="150"/>
      <c r="H857" s="150"/>
    </row>
    <row r="858" spans="1:8">
      <c r="A858" s="150"/>
      <c r="B858" s="1170" t="s">
        <v>32147</v>
      </c>
      <c r="C858" s="1171"/>
      <c r="D858" s="150"/>
      <c r="E858" s="150"/>
      <c r="F858" s="150"/>
      <c r="G858" s="150"/>
      <c r="H858" s="150"/>
    </row>
    <row r="859" spans="1:8" ht="25.5" customHeight="1">
      <c r="A859" s="150"/>
      <c r="B859" s="1168" t="s">
        <v>31936</v>
      </c>
      <c r="C859" s="1169"/>
      <c r="D859" s="150"/>
      <c r="E859" s="150"/>
      <c r="F859" s="150"/>
      <c r="G859" s="150"/>
      <c r="H859" s="150"/>
    </row>
    <row r="860" spans="1:8">
      <c r="A860" s="150"/>
      <c r="B860" s="1170" t="s">
        <v>31505</v>
      </c>
      <c r="C860" s="1171"/>
      <c r="D860" s="150"/>
      <c r="E860" s="150"/>
      <c r="F860" s="150"/>
      <c r="G860" s="150"/>
      <c r="H860" s="150"/>
    </row>
    <row r="861" spans="1:8">
      <c r="A861" s="150"/>
      <c r="B861" s="1168" t="s">
        <v>32148</v>
      </c>
      <c r="C861" s="1169"/>
      <c r="D861" s="150"/>
      <c r="E861" s="150"/>
      <c r="F861" s="150"/>
      <c r="G861" s="150"/>
      <c r="H861" s="150"/>
    </row>
    <row r="862" spans="1:8" ht="25.5" customHeight="1">
      <c r="A862" s="150"/>
      <c r="B862" s="1168" t="s">
        <v>31937</v>
      </c>
      <c r="C862" s="1169"/>
      <c r="D862" s="150"/>
      <c r="E862" s="150"/>
      <c r="F862" s="150"/>
      <c r="G862" s="150"/>
      <c r="H862" s="150"/>
    </row>
    <row r="863" spans="1:8">
      <c r="A863" s="150"/>
      <c r="B863" s="1168" t="s">
        <v>32149</v>
      </c>
      <c r="C863" s="1169"/>
      <c r="D863" s="150"/>
      <c r="E863" s="150"/>
      <c r="F863" s="150"/>
      <c r="G863" s="150"/>
      <c r="H863" s="150"/>
    </row>
    <row r="864" spans="1:8" ht="25.5" customHeight="1">
      <c r="A864" s="150"/>
      <c r="B864" s="1168" t="s">
        <v>31938</v>
      </c>
      <c r="C864" s="1169"/>
      <c r="D864" s="150"/>
      <c r="E864" s="150"/>
      <c r="F864" s="150"/>
      <c r="G864" s="150"/>
      <c r="H864" s="150"/>
    </row>
    <row r="865" spans="1:8">
      <c r="A865" s="150"/>
      <c r="B865" s="1168" t="s">
        <v>32150</v>
      </c>
      <c r="C865" s="1169"/>
      <c r="D865" s="150"/>
      <c r="E865" s="150"/>
      <c r="F865" s="150"/>
      <c r="G865" s="150"/>
      <c r="H865" s="150"/>
    </row>
    <row r="866" spans="1:8" ht="38.25" customHeight="1">
      <c r="A866" s="150"/>
      <c r="B866" s="1168" t="s">
        <v>31939</v>
      </c>
      <c r="C866" s="1169"/>
      <c r="D866" s="150"/>
      <c r="E866" s="150"/>
      <c r="F866" s="150"/>
      <c r="G866" s="150"/>
      <c r="H866" s="150"/>
    </row>
    <row r="867" spans="1:8">
      <c r="A867" s="150"/>
      <c r="B867" s="1168" t="s">
        <v>32151</v>
      </c>
      <c r="C867" s="1169"/>
      <c r="D867" s="150"/>
      <c r="E867" s="150"/>
      <c r="F867" s="150"/>
      <c r="G867" s="150"/>
      <c r="H867" s="150"/>
    </row>
    <row r="868" spans="1:8" ht="25.5" customHeight="1">
      <c r="A868" s="150"/>
      <c r="B868" s="1168" t="s">
        <v>31940</v>
      </c>
      <c r="C868" s="1169"/>
      <c r="D868" s="150"/>
      <c r="E868" s="150"/>
      <c r="F868" s="150"/>
      <c r="G868" s="150"/>
      <c r="H868" s="150"/>
    </row>
    <row r="869" spans="1:8">
      <c r="A869" s="150"/>
      <c r="B869" s="1168" t="s">
        <v>32152</v>
      </c>
      <c r="C869" s="1169"/>
      <c r="D869" s="150"/>
      <c r="E869" s="150"/>
      <c r="F869" s="150"/>
      <c r="G869" s="150"/>
      <c r="H869" s="150"/>
    </row>
    <row r="870" spans="1:8" ht="25.5" customHeight="1">
      <c r="A870" s="150"/>
      <c r="B870" s="1155" t="s">
        <v>31941</v>
      </c>
      <c r="C870" s="1156"/>
      <c r="D870" s="150"/>
      <c r="E870" s="150"/>
      <c r="F870" s="150"/>
      <c r="G870" s="150"/>
      <c r="H870" s="150"/>
    </row>
    <row r="871" spans="1:8" ht="15.75">
      <c r="A871" s="150"/>
      <c r="B871" s="152" t="s">
        <v>8508</v>
      </c>
      <c r="C871" s="150"/>
      <c r="D871" s="150"/>
      <c r="E871" s="150"/>
      <c r="F871" s="150"/>
      <c r="G871" s="150"/>
      <c r="H871" s="150"/>
    </row>
    <row r="872" spans="1:8">
      <c r="A872" s="150"/>
      <c r="B872" s="183"/>
      <c r="C872" s="150"/>
      <c r="D872" s="150"/>
      <c r="E872" s="150"/>
      <c r="F872" s="150"/>
      <c r="G872" s="150"/>
      <c r="H872" s="150"/>
    </row>
    <row r="873" spans="1:8">
      <c r="A873" s="150"/>
      <c r="B873" s="183"/>
      <c r="C873" s="150"/>
      <c r="D873" s="150"/>
      <c r="E873" s="150"/>
      <c r="F873" s="150"/>
      <c r="G873" s="150"/>
      <c r="H873" s="150"/>
    </row>
    <row r="874" spans="1:8">
      <c r="A874" s="150"/>
      <c r="B874" s="183"/>
      <c r="C874" s="150"/>
      <c r="D874" s="150"/>
      <c r="E874" s="150"/>
      <c r="F874" s="150"/>
      <c r="G874" s="150"/>
      <c r="H874" s="150"/>
    </row>
    <row r="875" spans="1:8" ht="15.75">
      <c r="A875" s="150"/>
      <c r="B875" s="151" t="s">
        <v>9008</v>
      </c>
      <c r="C875" s="150"/>
      <c r="D875" s="150"/>
      <c r="E875" s="150"/>
      <c r="F875" s="150"/>
      <c r="G875" s="150"/>
      <c r="H875" s="150"/>
    </row>
    <row r="876" spans="1:8" ht="15.75">
      <c r="A876" s="150"/>
      <c r="B876" s="152" t="s">
        <v>31503</v>
      </c>
      <c r="C876" s="150"/>
      <c r="D876" s="150"/>
      <c r="E876" s="150"/>
      <c r="F876" s="150"/>
      <c r="G876" s="150"/>
      <c r="H876" s="150"/>
    </row>
    <row r="877" spans="1:8" ht="15.75">
      <c r="A877" s="150"/>
      <c r="B877" s="184" t="s">
        <v>9009</v>
      </c>
      <c r="C877" s="150"/>
      <c r="D877" s="150"/>
      <c r="E877" s="150"/>
      <c r="F877" s="150"/>
      <c r="G877" s="150"/>
      <c r="H877" s="150"/>
    </row>
    <row r="878" spans="1:8" ht="15.75">
      <c r="A878" s="150"/>
      <c r="B878" s="152" t="s">
        <v>9010</v>
      </c>
      <c r="C878" s="150"/>
      <c r="D878" s="150"/>
      <c r="E878" s="150"/>
      <c r="F878" s="150"/>
      <c r="G878" s="150"/>
      <c r="H878" s="150"/>
    </row>
    <row r="879" spans="1:8">
      <c r="A879" s="150"/>
      <c r="B879" s="185" t="s">
        <v>9011</v>
      </c>
      <c r="C879" s="150"/>
      <c r="D879" s="150"/>
      <c r="E879" s="150"/>
      <c r="F879" s="150"/>
      <c r="G879" s="150"/>
      <c r="H879" s="150"/>
    </row>
    <row r="880" spans="1:8" ht="15.75">
      <c r="A880" s="150"/>
      <c r="B880" s="186" t="s">
        <v>31955</v>
      </c>
      <c r="C880" s="187"/>
      <c r="D880" s="150"/>
      <c r="E880" s="150"/>
      <c r="F880" s="150"/>
      <c r="G880" s="150"/>
      <c r="H880" s="150"/>
    </row>
    <row r="881" spans="1:8" ht="15.75">
      <c r="A881" s="150"/>
      <c r="B881" s="186" t="s">
        <v>31956</v>
      </c>
      <c r="C881" s="187"/>
      <c r="D881" s="150"/>
      <c r="E881" s="150"/>
      <c r="F881" s="150"/>
      <c r="G881" s="150"/>
      <c r="H881" s="150"/>
    </row>
    <row r="882" spans="1:8">
      <c r="A882" s="150"/>
      <c r="B882" s="188" t="s">
        <v>9012</v>
      </c>
      <c r="C882" s="189"/>
      <c r="D882" s="150"/>
      <c r="E882" s="150"/>
      <c r="F882" s="150"/>
      <c r="G882" s="150"/>
      <c r="H882" s="150"/>
    </row>
    <row r="883" spans="1:8" ht="15">
      <c r="A883" s="150"/>
      <c r="B883" s="190" t="s">
        <v>9013</v>
      </c>
      <c r="C883" s="189"/>
      <c r="D883" s="150"/>
      <c r="E883" s="150"/>
      <c r="F883" s="150"/>
      <c r="G883" s="150"/>
      <c r="H883" s="150"/>
    </row>
    <row r="884" spans="1:8" ht="15">
      <c r="A884" s="150"/>
      <c r="B884" s="190" t="s">
        <v>9014</v>
      </c>
      <c r="C884" s="189"/>
      <c r="D884" s="150"/>
      <c r="E884" s="150"/>
      <c r="F884" s="150"/>
      <c r="G884" s="150"/>
      <c r="H884" s="150"/>
    </row>
    <row r="885" spans="1:8" ht="15">
      <c r="A885" s="150"/>
      <c r="B885" s="190" t="s">
        <v>9015</v>
      </c>
      <c r="C885" s="189"/>
      <c r="D885" s="150"/>
      <c r="E885" s="150"/>
      <c r="F885" s="150"/>
      <c r="G885" s="150"/>
      <c r="H885" s="150"/>
    </row>
    <row r="886" spans="1:8">
      <c r="A886" s="150"/>
      <c r="B886" s="188" t="s">
        <v>9016</v>
      </c>
      <c r="C886" s="189"/>
      <c r="D886" s="150"/>
      <c r="E886" s="150"/>
      <c r="F886" s="150"/>
      <c r="G886" s="150"/>
      <c r="H886" s="150"/>
    </row>
    <row r="887" spans="1:8" ht="15">
      <c r="A887" s="150"/>
      <c r="B887" s="190" t="s">
        <v>9017</v>
      </c>
      <c r="C887" s="189"/>
      <c r="D887" s="150"/>
      <c r="E887" s="150"/>
      <c r="F887" s="150"/>
      <c r="G887" s="150"/>
      <c r="H887" s="150"/>
    </row>
    <row r="888" spans="1:8">
      <c r="A888" s="150"/>
      <c r="B888" s="188" t="s">
        <v>9018</v>
      </c>
      <c r="C888" s="189"/>
      <c r="D888" s="150"/>
      <c r="E888" s="150"/>
      <c r="F888" s="150"/>
      <c r="G888" s="150"/>
      <c r="H888" s="150"/>
    </row>
    <row r="889" spans="1:8" ht="15">
      <c r="A889" s="150"/>
      <c r="B889" s="190" t="s">
        <v>9019</v>
      </c>
      <c r="C889" s="189"/>
      <c r="D889" s="150"/>
      <c r="E889" s="150"/>
      <c r="F889" s="150"/>
      <c r="G889" s="150"/>
      <c r="H889" s="150"/>
    </row>
    <row r="890" spans="1:8" ht="15">
      <c r="A890" s="150"/>
      <c r="B890" s="190" t="s">
        <v>9020</v>
      </c>
      <c r="C890" s="189"/>
      <c r="D890" s="150"/>
      <c r="E890" s="150"/>
      <c r="F890" s="150"/>
      <c r="G890" s="150"/>
      <c r="H890" s="150"/>
    </row>
    <row r="891" spans="1:8">
      <c r="A891" s="150"/>
      <c r="B891" s="188" t="s">
        <v>9021</v>
      </c>
      <c r="C891" s="189"/>
      <c r="D891" s="150"/>
      <c r="E891" s="150"/>
      <c r="F891" s="150"/>
      <c r="G891" s="150"/>
      <c r="H891" s="150"/>
    </row>
    <row r="892" spans="1:8" ht="15">
      <c r="A892" s="150"/>
      <c r="B892" s="190" t="s">
        <v>9022</v>
      </c>
      <c r="C892" s="189"/>
      <c r="D892" s="150"/>
      <c r="E892" s="150"/>
      <c r="F892" s="150"/>
      <c r="G892" s="150"/>
      <c r="H892" s="150"/>
    </row>
    <row r="893" spans="1:8">
      <c r="A893" s="150"/>
      <c r="B893" s="188" t="s">
        <v>68</v>
      </c>
      <c r="C893" s="189"/>
      <c r="D893" s="150"/>
      <c r="E893" s="150"/>
      <c r="F893" s="150"/>
      <c r="G893" s="150"/>
      <c r="H893" s="150"/>
    </row>
    <row r="894" spans="1:8" ht="15">
      <c r="A894" s="150"/>
      <c r="B894" s="190" t="s">
        <v>9023</v>
      </c>
      <c r="C894" s="189"/>
      <c r="D894" s="150"/>
      <c r="E894" s="150"/>
      <c r="F894" s="150"/>
      <c r="G894" s="150"/>
      <c r="H894" s="150"/>
    </row>
    <row r="895" spans="1:8" ht="15">
      <c r="A895" s="150"/>
      <c r="B895" s="190" t="s">
        <v>9024</v>
      </c>
      <c r="C895" s="189"/>
      <c r="D895" s="150"/>
      <c r="E895" s="150"/>
      <c r="F895" s="150"/>
      <c r="G895" s="150"/>
      <c r="H895" s="150"/>
    </row>
    <row r="896" spans="1:8">
      <c r="A896" s="150"/>
      <c r="B896" s="188" t="s">
        <v>9025</v>
      </c>
      <c r="C896" s="189"/>
      <c r="D896" s="150"/>
      <c r="E896" s="150"/>
      <c r="F896" s="150"/>
      <c r="G896" s="150"/>
      <c r="H896" s="150"/>
    </row>
    <row r="897" spans="1:8" ht="15">
      <c r="A897" s="150"/>
      <c r="B897" s="190" t="s">
        <v>9026</v>
      </c>
      <c r="C897" s="189"/>
      <c r="D897" s="150"/>
      <c r="E897" s="150"/>
      <c r="F897" s="150"/>
      <c r="G897" s="150"/>
      <c r="H897" s="150"/>
    </row>
    <row r="898" spans="1:8" ht="15">
      <c r="A898" s="150"/>
      <c r="B898" s="190" t="s">
        <v>9027</v>
      </c>
      <c r="C898" s="189"/>
      <c r="D898" s="150"/>
      <c r="E898" s="150"/>
      <c r="F898" s="150"/>
      <c r="G898" s="150"/>
      <c r="H898" s="150"/>
    </row>
    <row r="899" spans="1:8" ht="15">
      <c r="A899" s="150"/>
      <c r="B899" s="191" t="s">
        <v>31587</v>
      </c>
      <c r="C899" s="189"/>
      <c r="D899" s="150"/>
      <c r="E899" s="150"/>
      <c r="F899" s="150"/>
      <c r="G899" s="150"/>
      <c r="H899" s="150"/>
    </row>
    <row r="900" spans="1:8">
      <c r="A900" s="150"/>
      <c r="B900" s="188" t="s">
        <v>9028</v>
      </c>
      <c r="C900" s="189"/>
      <c r="D900" s="150"/>
      <c r="E900" s="150"/>
      <c r="F900" s="150"/>
      <c r="G900" s="150"/>
      <c r="H900" s="150"/>
    </row>
    <row r="901" spans="1:8" ht="15">
      <c r="A901" s="150"/>
      <c r="B901" s="190" t="s">
        <v>9029</v>
      </c>
      <c r="C901" s="189"/>
      <c r="D901" s="150"/>
      <c r="E901" s="150"/>
      <c r="F901" s="150"/>
      <c r="G901" s="150"/>
      <c r="H901" s="150"/>
    </row>
    <row r="902" spans="1:8" ht="15">
      <c r="A902" s="150"/>
      <c r="B902" s="191" t="s">
        <v>31503</v>
      </c>
      <c r="C902" s="189"/>
      <c r="D902" s="150"/>
      <c r="E902" s="150"/>
      <c r="F902" s="150"/>
      <c r="G902" s="150"/>
      <c r="H902" s="150"/>
    </row>
    <row r="903" spans="1:8">
      <c r="A903" s="150"/>
      <c r="B903" s="188" t="s">
        <v>9030</v>
      </c>
      <c r="C903" s="189"/>
      <c r="D903" s="150"/>
      <c r="E903" s="150"/>
      <c r="F903" s="150"/>
      <c r="G903" s="150"/>
      <c r="H903" s="150"/>
    </row>
    <row r="904" spans="1:8" ht="15">
      <c r="A904" s="150"/>
      <c r="B904" s="190" t="s">
        <v>9031</v>
      </c>
      <c r="C904" s="189"/>
      <c r="D904" s="150"/>
      <c r="E904" s="150"/>
      <c r="F904" s="150"/>
      <c r="G904" s="150"/>
      <c r="H904" s="150"/>
    </row>
    <row r="905" spans="1:8">
      <c r="A905" s="150"/>
      <c r="B905" s="188" t="s">
        <v>9032</v>
      </c>
      <c r="C905" s="189"/>
      <c r="D905" s="150"/>
      <c r="E905" s="150"/>
      <c r="F905" s="150"/>
      <c r="G905" s="150"/>
      <c r="H905" s="150"/>
    </row>
    <row r="906" spans="1:8" ht="15">
      <c r="A906" s="150"/>
      <c r="B906" s="190" t="s">
        <v>9033</v>
      </c>
      <c r="C906" s="189"/>
      <c r="D906" s="150"/>
      <c r="E906" s="150"/>
      <c r="F906" s="150"/>
      <c r="G906" s="150"/>
      <c r="H906" s="150"/>
    </row>
    <row r="907" spans="1:8" ht="15">
      <c r="A907" s="150"/>
      <c r="B907" s="190" t="s">
        <v>9034</v>
      </c>
      <c r="C907" s="189"/>
      <c r="D907" s="150"/>
      <c r="E907" s="150"/>
      <c r="F907" s="150"/>
      <c r="G907" s="150"/>
      <c r="H907" s="150"/>
    </row>
    <row r="908" spans="1:8">
      <c r="A908" s="150"/>
      <c r="B908" s="188" t="s">
        <v>9035</v>
      </c>
      <c r="C908" s="189"/>
      <c r="D908" s="150"/>
      <c r="E908" s="150"/>
      <c r="F908" s="150"/>
      <c r="G908" s="150"/>
      <c r="H908" s="150"/>
    </row>
    <row r="909" spans="1:8" ht="15">
      <c r="A909" s="150"/>
      <c r="B909" s="190" t="s">
        <v>13459</v>
      </c>
      <c r="C909" s="189"/>
      <c r="D909" s="150"/>
      <c r="E909" s="150"/>
      <c r="F909" s="150"/>
      <c r="G909" s="150"/>
      <c r="H909" s="150"/>
    </row>
    <row r="910" spans="1:8">
      <c r="A910" s="150"/>
      <c r="B910" s="188" t="s">
        <v>9036</v>
      </c>
      <c r="C910" s="189"/>
      <c r="D910" s="150"/>
      <c r="E910" s="150"/>
      <c r="F910" s="150"/>
      <c r="G910" s="150"/>
      <c r="H910" s="150"/>
    </row>
    <row r="911" spans="1:8" ht="15">
      <c r="A911" s="150"/>
      <c r="B911" s="190" t="s">
        <v>13460</v>
      </c>
      <c r="C911" s="189"/>
      <c r="D911" s="150"/>
      <c r="E911" s="150"/>
      <c r="F911" s="150"/>
      <c r="G911" s="150"/>
      <c r="H911" s="150"/>
    </row>
    <row r="912" spans="1:8">
      <c r="A912" s="150"/>
      <c r="B912" s="188" t="s">
        <v>9037</v>
      </c>
      <c r="C912" s="189"/>
      <c r="D912" s="150"/>
      <c r="E912" s="150"/>
      <c r="F912" s="150"/>
      <c r="G912" s="150"/>
      <c r="H912" s="150"/>
    </row>
    <row r="913" spans="1:8" ht="15">
      <c r="A913" s="150"/>
      <c r="B913" s="190" t="s">
        <v>13461</v>
      </c>
      <c r="C913" s="189"/>
      <c r="D913" s="150"/>
      <c r="E913" s="150"/>
      <c r="F913" s="150"/>
      <c r="G913" s="150"/>
      <c r="H913" s="150"/>
    </row>
    <row r="914" spans="1:8">
      <c r="A914" s="150"/>
      <c r="B914" s="188" t="s">
        <v>9038</v>
      </c>
      <c r="C914" s="189"/>
      <c r="D914" s="150"/>
      <c r="E914" s="150"/>
      <c r="F914" s="150"/>
      <c r="G914" s="150"/>
      <c r="H914" s="150"/>
    </row>
    <row r="915" spans="1:8" ht="15">
      <c r="A915" s="150"/>
      <c r="B915" s="190" t="s">
        <v>13462</v>
      </c>
      <c r="C915" s="189"/>
      <c r="D915" s="150"/>
      <c r="E915" s="150"/>
      <c r="F915" s="150"/>
      <c r="G915" s="150"/>
      <c r="H915" s="150"/>
    </row>
    <row r="916" spans="1:8">
      <c r="A916" s="150"/>
      <c r="B916" s="188" t="s">
        <v>9039</v>
      </c>
      <c r="C916" s="189"/>
      <c r="D916" s="150"/>
      <c r="E916" s="150"/>
      <c r="F916" s="150"/>
      <c r="G916" s="150"/>
      <c r="H916" s="150"/>
    </row>
    <row r="917" spans="1:8" ht="15">
      <c r="A917" s="150"/>
      <c r="B917" s="190" t="s">
        <v>9040</v>
      </c>
      <c r="C917" s="189"/>
      <c r="D917" s="150"/>
      <c r="E917" s="150"/>
      <c r="F917" s="150"/>
      <c r="G917" s="150"/>
      <c r="H917" s="150"/>
    </row>
    <row r="918" spans="1:8">
      <c r="A918" s="150"/>
      <c r="B918" s="188" t="s">
        <v>9041</v>
      </c>
      <c r="C918" s="189"/>
      <c r="D918" s="150"/>
      <c r="E918" s="150"/>
      <c r="F918" s="150"/>
      <c r="G918" s="150"/>
      <c r="H918" s="150"/>
    </row>
    <row r="919" spans="1:8" ht="15">
      <c r="A919" s="150"/>
      <c r="B919" s="190" t="s">
        <v>13459</v>
      </c>
      <c r="C919" s="189"/>
      <c r="D919" s="150"/>
      <c r="E919" s="150"/>
      <c r="F919" s="150"/>
      <c r="G919" s="150"/>
      <c r="H919" s="150"/>
    </row>
    <row r="920" spans="1:8">
      <c r="A920" s="150"/>
      <c r="B920" s="188" t="s">
        <v>27361</v>
      </c>
      <c r="C920" s="189"/>
      <c r="D920" s="150"/>
      <c r="E920" s="150"/>
      <c r="F920" s="150"/>
      <c r="G920" s="150"/>
      <c r="H920" s="150"/>
    </row>
    <row r="921" spans="1:8" ht="15">
      <c r="A921" s="150"/>
      <c r="B921" s="190" t="s">
        <v>9042</v>
      </c>
      <c r="C921" s="189"/>
      <c r="D921" s="150"/>
      <c r="E921" s="150"/>
      <c r="F921" s="150"/>
      <c r="G921" s="150"/>
      <c r="H921" s="150"/>
    </row>
    <row r="922" spans="1:8" ht="15.75">
      <c r="A922" s="150"/>
      <c r="B922" s="152" t="s">
        <v>8508</v>
      </c>
      <c r="C922" s="150"/>
      <c r="D922" s="150"/>
      <c r="E922" s="150"/>
      <c r="F922" s="150"/>
      <c r="G922" s="150"/>
      <c r="H922" s="150"/>
    </row>
    <row r="923" spans="1:8">
      <c r="A923" s="150"/>
      <c r="B923" s="183"/>
      <c r="C923" s="150"/>
      <c r="D923" s="150"/>
      <c r="E923" s="150"/>
      <c r="F923" s="150"/>
      <c r="G923" s="150"/>
      <c r="H923" s="150"/>
    </row>
    <row r="924" spans="1:8">
      <c r="A924" s="150"/>
      <c r="B924" s="183"/>
      <c r="C924" s="150"/>
      <c r="D924" s="150"/>
      <c r="E924" s="150"/>
      <c r="F924" s="150"/>
      <c r="G924" s="150"/>
      <c r="H924" s="150"/>
    </row>
    <row r="925" spans="1:8">
      <c r="A925" s="150"/>
      <c r="B925" s="183"/>
      <c r="C925" s="150"/>
      <c r="D925" s="150"/>
      <c r="E925" s="150"/>
      <c r="F925" s="150"/>
      <c r="G925" s="150"/>
      <c r="H925" s="150"/>
    </row>
    <row r="926" spans="1:8" ht="15.75">
      <c r="A926" s="150"/>
      <c r="B926" s="151" t="s">
        <v>9043</v>
      </c>
      <c r="C926" s="150"/>
      <c r="D926" s="150"/>
      <c r="E926" s="150"/>
      <c r="F926" s="150"/>
      <c r="G926" s="150"/>
      <c r="H926" s="150"/>
    </row>
    <row r="927" spans="1:8" ht="15.75">
      <c r="A927" s="150"/>
      <c r="B927" s="152" t="s">
        <v>31942</v>
      </c>
      <c r="C927" s="150"/>
      <c r="D927" s="150"/>
      <c r="E927" s="150"/>
      <c r="F927" s="150"/>
      <c r="G927" s="150"/>
      <c r="H927" s="150"/>
    </row>
    <row r="928" spans="1:8" ht="15.75">
      <c r="A928" s="150"/>
      <c r="B928" s="192" t="s">
        <v>32153</v>
      </c>
      <c r="C928" s="150"/>
      <c r="D928" s="150"/>
      <c r="E928" s="150"/>
      <c r="F928" s="150"/>
      <c r="G928" s="150"/>
      <c r="H928" s="150"/>
    </row>
    <row r="929" spans="1:8" ht="15.75">
      <c r="A929" s="150"/>
      <c r="B929" s="152" t="s">
        <v>8508</v>
      </c>
      <c r="C929" s="150"/>
      <c r="D929" s="150"/>
      <c r="E929" s="150"/>
      <c r="F929" s="150"/>
      <c r="G929" s="150"/>
      <c r="H929" s="150"/>
    </row>
    <row r="930" spans="1:8" ht="15">
      <c r="A930" s="150"/>
      <c r="B930" s="154"/>
      <c r="C930" s="150"/>
      <c r="D930" s="150"/>
      <c r="E930" s="150"/>
      <c r="F930" s="150"/>
      <c r="G930" s="150"/>
      <c r="H930" s="150"/>
    </row>
    <row r="931" spans="1:8" ht="15">
      <c r="A931" s="150"/>
      <c r="B931" s="154"/>
      <c r="C931" s="150"/>
      <c r="D931" s="150"/>
      <c r="E931" s="150"/>
      <c r="F931" s="150"/>
      <c r="G931" s="150"/>
      <c r="H931" s="150"/>
    </row>
    <row r="932" spans="1:8">
      <c r="A932" s="150"/>
      <c r="B932" s="193" t="s">
        <v>9044</v>
      </c>
      <c r="C932" s="194" t="s">
        <v>9045</v>
      </c>
      <c r="D932" s="194" t="s">
        <v>8</v>
      </c>
      <c r="E932" s="194" t="s">
        <v>8349</v>
      </c>
      <c r="F932" s="194" t="s">
        <v>9046</v>
      </c>
      <c r="G932" s="150"/>
      <c r="H932" s="150"/>
    </row>
    <row r="933" spans="1:8">
      <c r="A933" s="150"/>
      <c r="B933" s="195" t="s">
        <v>9047</v>
      </c>
      <c r="C933" s="196" t="s">
        <v>9048</v>
      </c>
      <c r="D933" s="196" t="s">
        <v>452</v>
      </c>
      <c r="E933" s="196" t="s">
        <v>453</v>
      </c>
      <c r="F933" s="194" t="s">
        <v>32154</v>
      </c>
      <c r="G933" s="150"/>
      <c r="H933" s="150"/>
    </row>
    <row r="934" spans="1:8">
      <c r="A934" s="150"/>
      <c r="B934" s="195" t="s">
        <v>2</v>
      </c>
      <c r="C934" s="196" t="s">
        <v>9049</v>
      </c>
      <c r="D934" s="196"/>
      <c r="E934" s="196"/>
      <c r="F934" s="196"/>
      <c r="G934" s="150"/>
      <c r="H934" s="150"/>
    </row>
    <row r="935" spans="1:8">
      <c r="A935" s="150"/>
      <c r="B935" s="1159" t="s">
        <v>31587</v>
      </c>
      <c r="C935" s="1160"/>
      <c r="D935" s="1160"/>
      <c r="E935" s="1160"/>
      <c r="F935" s="1161"/>
      <c r="G935" s="150"/>
      <c r="H935" s="150"/>
    </row>
    <row r="936" spans="1:8">
      <c r="A936" s="150"/>
      <c r="B936" s="195" t="s">
        <v>9050</v>
      </c>
      <c r="C936" s="1149" t="s">
        <v>9051</v>
      </c>
      <c r="D936" s="196" t="s">
        <v>9052</v>
      </c>
      <c r="E936" s="196" t="s">
        <v>9053</v>
      </c>
      <c r="F936" s="1149"/>
      <c r="G936" s="150"/>
      <c r="H936" s="150"/>
    </row>
    <row r="937" spans="1:8">
      <c r="A937" s="150"/>
      <c r="B937" s="195" t="s">
        <v>9054</v>
      </c>
      <c r="C937" s="1158"/>
      <c r="D937" s="196" t="s">
        <v>9055</v>
      </c>
      <c r="E937" s="196" t="s">
        <v>9056</v>
      </c>
      <c r="F937" s="1158"/>
      <c r="G937" s="150"/>
      <c r="H937" s="150"/>
    </row>
    <row r="938" spans="1:8">
      <c r="A938" s="150"/>
      <c r="B938" s="195" t="s">
        <v>9057</v>
      </c>
      <c r="C938" s="1150"/>
      <c r="D938" s="196" t="s">
        <v>9058</v>
      </c>
      <c r="E938" s="196" t="s">
        <v>9059</v>
      </c>
      <c r="F938" s="1150"/>
      <c r="G938" s="150"/>
      <c r="H938" s="150"/>
    </row>
    <row r="939" spans="1:8">
      <c r="A939" s="150"/>
      <c r="B939" s="195" t="s">
        <v>9060</v>
      </c>
      <c r="C939" s="196" t="s">
        <v>9061</v>
      </c>
      <c r="D939" s="196" t="s">
        <v>9062</v>
      </c>
      <c r="E939" s="196" t="s">
        <v>5427</v>
      </c>
      <c r="F939" s="196"/>
      <c r="G939" s="150"/>
      <c r="H939" s="150"/>
    </row>
    <row r="940" spans="1:8">
      <c r="A940" s="150"/>
      <c r="B940" s="195" t="s">
        <v>9063</v>
      </c>
      <c r="C940" s="196" t="s">
        <v>9064</v>
      </c>
      <c r="D940" s="196" t="s">
        <v>9065</v>
      </c>
      <c r="E940" s="196" t="s">
        <v>5425</v>
      </c>
      <c r="F940" s="196"/>
      <c r="G940" s="150"/>
      <c r="H940" s="150"/>
    </row>
    <row r="941" spans="1:8">
      <c r="A941" s="150"/>
      <c r="B941" s="195" t="s">
        <v>9066</v>
      </c>
      <c r="C941" s="1149" t="s">
        <v>9067</v>
      </c>
      <c r="D941" s="196" t="s">
        <v>9068</v>
      </c>
      <c r="E941" s="196" t="s">
        <v>9069</v>
      </c>
      <c r="F941" s="1149"/>
      <c r="G941" s="150"/>
      <c r="H941" s="150"/>
    </row>
    <row r="942" spans="1:8">
      <c r="A942" s="150"/>
      <c r="B942" s="195" t="s">
        <v>9070</v>
      </c>
      <c r="C942" s="1158"/>
      <c r="D942" s="196" t="s">
        <v>9071</v>
      </c>
      <c r="E942" s="196" t="s">
        <v>9072</v>
      </c>
      <c r="F942" s="1158"/>
      <c r="G942" s="150"/>
      <c r="H942" s="150"/>
    </row>
    <row r="943" spans="1:8">
      <c r="A943" s="150"/>
      <c r="B943" s="195" t="s">
        <v>9073</v>
      </c>
      <c r="C943" s="1150"/>
      <c r="D943" s="196" t="s">
        <v>9058</v>
      </c>
      <c r="E943" s="196" t="s">
        <v>9074</v>
      </c>
      <c r="F943" s="1150"/>
      <c r="G943" s="150"/>
      <c r="H943" s="150"/>
    </row>
    <row r="944" spans="1:8">
      <c r="A944" s="150"/>
      <c r="B944" s="195" t="s">
        <v>9075</v>
      </c>
      <c r="C944" s="1149" t="s">
        <v>9076</v>
      </c>
      <c r="D944" s="196"/>
      <c r="E944" s="196"/>
      <c r="F944" s="1149"/>
      <c r="G944" s="150"/>
      <c r="H944" s="150"/>
    </row>
    <row r="945" spans="1:8">
      <c r="A945" s="150"/>
      <c r="B945" s="195" t="s">
        <v>9077</v>
      </c>
      <c r="C945" s="1158"/>
      <c r="D945" s="196" t="s">
        <v>9078</v>
      </c>
      <c r="E945" s="196" t="s">
        <v>9079</v>
      </c>
      <c r="F945" s="1158"/>
      <c r="G945" s="150"/>
      <c r="H945" s="150"/>
    </row>
    <row r="946" spans="1:8">
      <c r="A946" s="150"/>
      <c r="B946" s="195" t="s">
        <v>9080</v>
      </c>
      <c r="C946" s="1158"/>
      <c r="D946" s="196" t="s">
        <v>9081</v>
      </c>
      <c r="E946" s="196" t="s">
        <v>9082</v>
      </c>
      <c r="F946" s="1158"/>
      <c r="G946" s="150"/>
      <c r="H946" s="150"/>
    </row>
    <row r="947" spans="1:8">
      <c r="A947" s="150"/>
      <c r="B947" s="197" t="s">
        <v>31587</v>
      </c>
      <c r="C947" s="1150"/>
      <c r="D947" s="150"/>
      <c r="E947" s="150"/>
      <c r="F947" s="1150"/>
      <c r="G947" s="150"/>
      <c r="H947" s="150"/>
    </row>
    <row r="948" spans="1:8">
      <c r="A948" s="150"/>
      <c r="B948" s="195" t="s">
        <v>9083</v>
      </c>
      <c r="C948" s="1149" t="s">
        <v>9084</v>
      </c>
      <c r="D948" s="196" t="s">
        <v>9085</v>
      </c>
      <c r="E948" s="196" t="s">
        <v>9086</v>
      </c>
      <c r="F948" s="1149"/>
      <c r="G948" s="150"/>
      <c r="H948" s="150"/>
    </row>
    <row r="949" spans="1:8">
      <c r="A949" s="150"/>
      <c r="B949" s="195" t="s">
        <v>9087</v>
      </c>
      <c r="C949" s="1150"/>
      <c r="D949" s="196" t="s">
        <v>9088</v>
      </c>
      <c r="E949" s="196" t="s">
        <v>9089</v>
      </c>
      <c r="F949" s="1150"/>
      <c r="G949" s="150"/>
      <c r="H949" s="150"/>
    </row>
    <row r="950" spans="1:8">
      <c r="A950" s="150"/>
      <c r="B950" s="195" t="s">
        <v>5446</v>
      </c>
      <c r="C950" s="196" t="s">
        <v>9090</v>
      </c>
      <c r="D950" s="196" t="s">
        <v>9091</v>
      </c>
      <c r="E950" s="196" t="s">
        <v>5447</v>
      </c>
      <c r="F950" s="196"/>
      <c r="G950" s="150"/>
      <c r="H950" s="150"/>
    </row>
    <row r="951" spans="1:8">
      <c r="A951" s="150"/>
      <c r="B951" s="195" t="s">
        <v>9092</v>
      </c>
      <c r="C951" s="1149" t="s">
        <v>9093</v>
      </c>
      <c r="D951" s="196"/>
      <c r="E951" s="196"/>
      <c r="F951" s="1149"/>
      <c r="G951" s="150"/>
      <c r="H951" s="150"/>
    </row>
    <row r="952" spans="1:8">
      <c r="A952" s="150"/>
      <c r="B952" s="195" t="s">
        <v>9094</v>
      </c>
      <c r="C952" s="1158"/>
      <c r="D952" s="196"/>
      <c r="E952" s="196"/>
      <c r="F952" s="1158"/>
      <c r="G952" s="150"/>
      <c r="H952" s="150"/>
    </row>
    <row r="953" spans="1:8">
      <c r="A953" s="150"/>
      <c r="B953" s="195" t="s">
        <v>9095</v>
      </c>
      <c r="C953" s="1158"/>
      <c r="D953" s="196" t="s">
        <v>9096</v>
      </c>
      <c r="E953" s="196" t="s">
        <v>9097</v>
      </c>
      <c r="F953" s="1158"/>
      <c r="G953" s="150"/>
      <c r="H953" s="150"/>
    </row>
    <row r="954" spans="1:8">
      <c r="A954" s="150"/>
      <c r="B954" s="195" t="s">
        <v>9098</v>
      </c>
      <c r="C954" s="1158"/>
      <c r="D954" s="196" t="s">
        <v>9099</v>
      </c>
      <c r="E954" s="196" t="s">
        <v>9100</v>
      </c>
      <c r="F954" s="1158"/>
      <c r="G954" s="150"/>
      <c r="H954" s="150"/>
    </row>
    <row r="955" spans="1:8">
      <c r="A955" s="150"/>
      <c r="B955" s="195" t="s">
        <v>31588</v>
      </c>
      <c r="C955" s="1158"/>
      <c r="D955" s="196" t="s">
        <v>9101</v>
      </c>
      <c r="E955" s="196" t="s">
        <v>9102</v>
      </c>
      <c r="F955" s="1158"/>
      <c r="G955" s="150"/>
      <c r="H955" s="150"/>
    </row>
    <row r="956" spans="1:8">
      <c r="A956" s="150"/>
      <c r="B956" s="195" t="s">
        <v>9103</v>
      </c>
      <c r="C956" s="1150"/>
      <c r="D956" s="196" t="s">
        <v>9104</v>
      </c>
      <c r="E956" s="196" t="s">
        <v>9105</v>
      </c>
      <c r="F956" s="1150"/>
      <c r="G956" s="150"/>
      <c r="H956" s="150"/>
    </row>
    <row r="957" spans="1:8">
      <c r="A957" s="150"/>
      <c r="B957" s="195" t="s">
        <v>9106</v>
      </c>
      <c r="C957" s="196" t="s">
        <v>9107</v>
      </c>
      <c r="D957" s="196" t="s">
        <v>9108</v>
      </c>
      <c r="E957" s="196" t="s">
        <v>5512</v>
      </c>
      <c r="F957" s="196"/>
      <c r="G957" s="150"/>
      <c r="H957" s="150"/>
    </row>
    <row r="958" spans="1:8">
      <c r="A958" s="150"/>
      <c r="B958" s="195" t="s">
        <v>9109</v>
      </c>
      <c r="C958" s="1149" t="s">
        <v>9110</v>
      </c>
      <c r="D958" s="196" t="s">
        <v>9111</v>
      </c>
      <c r="E958" s="196" t="s">
        <v>9112</v>
      </c>
      <c r="F958" s="1149"/>
      <c r="G958" s="150"/>
      <c r="H958" s="150"/>
    </row>
    <row r="959" spans="1:8">
      <c r="A959" s="150"/>
      <c r="B959" s="195" t="s">
        <v>9113</v>
      </c>
      <c r="C959" s="1150"/>
      <c r="D959" s="196" t="s">
        <v>9114</v>
      </c>
      <c r="E959" s="196" t="s">
        <v>9115</v>
      </c>
      <c r="F959" s="1150"/>
      <c r="G959" s="150"/>
      <c r="H959" s="150"/>
    </row>
    <row r="960" spans="1:8">
      <c r="A960" s="150"/>
      <c r="B960" s="195" t="s">
        <v>9116</v>
      </c>
      <c r="C960" s="196" t="s">
        <v>9117</v>
      </c>
      <c r="D960" s="196" t="s">
        <v>9118</v>
      </c>
      <c r="E960" s="196" t="s">
        <v>9119</v>
      </c>
      <c r="F960" s="196"/>
      <c r="G960" s="150"/>
      <c r="H960" s="150"/>
    </row>
    <row r="961" spans="1:8" ht="25.5">
      <c r="A961" s="150"/>
      <c r="B961" s="195" t="s">
        <v>9120</v>
      </c>
      <c r="C961" s="196" t="s">
        <v>9121</v>
      </c>
      <c r="D961" s="196" t="s">
        <v>9122</v>
      </c>
      <c r="E961" s="196" t="s">
        <v>9123</v>
      </c>
      <c r="F961" s="196"/>
      <c r="G961" s="150"/>
      <c r="H961" s="150"/>
    </row>
    <row r="962" spans="1:8" ht="25.5">
      <c r="A962" s="150"/>
      <c r="B962" s="195" t="s">
        <v>9124</v>
      </c>
      <c r="C962" s="196" t="s">
        <v>9125</v>
      </c>
      <c r="D962" s="196" t="s">
        <v>9126</v>
      </c>
      <c r="E962" s="196" t="s">
        <v>9127</v>
      </c>
      <c r="F962" s="196"/>
      <c r="G962" s="150"/>
      <c r="H962" s="150"/>
    </row>
    <row r="963" spans="1:8">
      <c r="A963" s="150"/>
      <c r="B963" s="162" t="s">
        <v>9128</v>
      </c>
      <c r="C963" s="1149" t="s">
        <v>9130</v>
      </c>
      <c r="D963" s="1149" t="s">
        <v>9131</v>
      </c>
      <c r="E963" s="1149" t="s">
        <v>5429</v>
      </c>
      <c r="F963" s="1149"/>
      <c r="G963" s="150"/>
      <c r="H963" s="150"/>
    </row>
    <row r="964" spans="1:8">
      <c r="A964" s="150"/>
      <c r="B964" s="164" t="s">
        <v>9129</v>
      </c>
      <c r="C964" s="1150"/>
      <c r="D964" s="1150"/>
      <c r="E964" s="1150"/>
      <c r="F964" s="1150"/>
      <c r="G964" s="150"/>
      <c r="H964" s="150"/>
    </row>
    <row r="965" spans="1:8">
      <c r="A965" s="150"/>
      <c r="B965" s="195" t="s">
        <v>9132</v>
      </c>
      <c r="C965" s="1149" t="s">
        <v>9133</v>
      </c>
      <c r="D965" s="196" t="s">
        <v>9134</v>
      </c>
      <c r="E965" s="196" t="s">
        <v>9135</v>
      </c>
      <c r="F965" s="1149"/>
      <c r="G965" s="150"/>
      <c r="H965" s="150"/>
    </row>
    <row r="966" spans="1:8">
      <c r="A966" s="150"/>
      <c r="B966" s="195" t="s">
        <v>9136</v>
      </c>
      <c r="C966" s="1150"/>
      <c r="D966" s="196" t="s">
        <v>9137</v>
      </c>
      <c r="E966" s="196" t="s">
        <v>9138</v>
      </c>
      <c r="F966" s="1150"/>
      <c r="G966" s="150"/>
      <c r="H966" s="150"/>
    </row>
    <row r="967" spans="1:8">
      <c r="A967" s="150"/>
      <c r="B967" s="162" t="s">
        <v>9139</v>
      </c>
      <c r="C967" s="1149" t="s">
        <v>9141</v>
      </c>
      <c r="D967" s="1149" t="s">
        <v>9142</v>
      </c>
      <c r="E967" s="1149" t="s">
        <v>5724</v>
      </c>
      <c r="F967" s="1149"/>
      <c r="G967" s="150"/>
      <c r="H967" s="150"/>
    </row>
    <row r="968" spans="1:8">
      <c r="A968" s="150"/>
      <c r="B968" s="164" t="s">
        <v>9140</v>
      </c>
      <c r="C968" s="1150"/>
      <c r="D968" s="1150"/>
      <c r="E968" s="1150"/>
      <c r="F968" s="1150"/>
      <c r="G968" s="150"/>
      <c r="H968" s="150"/>
    </row>
    <row r="969" spans="1:8">
      <c r="A969" s="150"/>
      <c r="B969" s="195" t="s">
        <v>9143</v>
      </c>
      <c r="C969" s="196" t="s">
        <v>9144</v>
      </c>
      <c r="D969" s="196" t="s">
        <v>9145</v>
      </c>
      <c r="E969" s="196" t="s">
        <v>5516</v>
      </c>
      <c r="F969" s="196"/>
      <c r="G969" s="150"/>
      <c r="H969" s="150"/>
    </row>
    <row r="970" spans="1:8">
      <c r="A970" s="150"/>
      <c r="B970" s="195" t="s">
        <v>9146</v>
      </c>
      <c r="C970" s="1149" t="s">
        <v>9147</v>
      </c>
      <c r="D970" s="196" t="s">
        <v>9148</v>
      </c>
      <c r="E970" s="196" t="s">
        <v>9149</v>
      </c>
      <c r="F970" s="1149"/>
      <c r="G970" s="150"/>
      <c r="H970" s="150"/>
    </row>
    <row r="971" spans="1:8">
      <c r="A971" s="150"/>
      <c r="B971" s="195" t="s">
        <v>9150</v>
      </c>
      <c r="C971" s="1158"/>
      <c r="D971" s="196" t="s">
        <v>9151</v>
      </c>
      <c r="E971" s="196" t="s">
        <v>9152</v>
      </c>
      <c r="F971" s="1158"/>
      <c r="G971" s="150"/>
      <c r="H971" s="150"/>
    </row>
    <row r="972" spans="1:8">
      <c r="A972" s="150"/>
      <c r="B972" s="195" t="s">
        <v>9153</v>
      </c>
      <c r="C972" s="1150"/>
      <c r="D972" s="196" t="s">
        <v>9154</v>
      </c>
      <c r="E972" s="196" t="s">
        <v>9155</v>
      </c>
      <c r="F972" s="1150"/>
      <c r="G972" s="150"/>
      <c r="H972" s="150"/>
    </row>
    <row r="973" spans="1:8">
      <c r="A973" s="150"/>
      <c r="B973" s="195" t="s">
        <v>9156</v>
      </c>
      <c r="C973" s="1149" t="s">
        <v>9157</v>
      </c>
      <c r="D973" s="196" t="s">
        <v>9158</v>
      </c>
      <c r="E973" s="196" t="s">
        <v>9159</v>
      </c>
      <c r="F973" s="1149"/>
      <c r="G973" s="150"/>
      <c r="H973" s="150"/>
    </row>
    <row r="974" spans="1:8">
      <c r="A974" s="150"/>
      <c r="B974" s="195" t="s">
        <v>9160</v>
      </c>
      <c r="C974" s="1150"/>
      <c r="D974" s="196" t="s">
        <v>9161</v>
      </c>
      <c r="E974" s="196" t="s">
        <v>9162</v>
      </c>
      <c r="F974" s="1150"/>
      <c r="G974" s="150"/>
      <c r="H974" s="150"/>
    </row>
    <row r="975" spans="1:8">
      <c r="A975" s="150"/>
      <c r="B975" s="195" t="s">
        <v>5389</v>
      </c>
      <c r="C975" s="196" t="s">
        <v>9163</v>
      </c>
      <c r="D975" s="196" t="s">
        <v>9164</v>
      </c>
      <c r="E975" s="196" t="s">
        <v>5390</v>
      </c>
      <c r="F975" s="196"/>
      <c r="G975" s="150"/>
      <c r="H975" s="150"/>
    </row>
    <row r="976" spans="1:8">
      <c r="A976" s="150"/>
      <c r="B976" s="195" t="s">
        <v>9165</v>
      </c>
      <c r="C976" s="196" t="s">
        <v>9166</v>
      </c>
      <c r="D976" s="196" t="s">
        <v>9167</v>
      </c>
      <c r="E976" s="196" t="s">
        <v>5293</v>
      </c>
      <c r="F976" s="196"/>
      <c r="G976" s="150"/>
      <c r="H976" s="150"/>
    </row>
    <row r="977" spans="1:8">
      <c r="A977" s="150"/>
      <c r="B977" s="162" t="s">
        <v>9168</v>
      </c>
      <c r="C977" s="1149" t="s">
        <v>9170</v>
      </c>
      <c r="D977" s="1149" t="s">
        <v>9171</v>
      </c>
      <c r="E977" s="1149" t="s">
        <v>5706</v>
      </c>
      <c r="F977" s="1149"/>
      <c r="G977" s="150"/>
      <c r="H977" s="150"/>
    </row>
    <row r="978" spans="1:8">
      <c r="A978" s="150"/>
      <c r="B978" s="164" t="s">
        <v>9169</v>
      </c>
      <c r="C978" s="1150"/>
      <c r="D978" s="1150"/>
      <c r="E978" s="1150"/>
      <c r="F978" s="1150"/>
      <c r="G978" s="150"/>
      <c r="H978" s="150"/>
    </row>
    <row r="979" spans="1:8">
      <c r="A979" s="150"/>
      <c r="B979" s="195" t="s">
        <v>9172</v>
      </c>
      <c r="C979" s="196" t="s">
        <v>9173</v>
      </c>
      <c r="D979" s="196" t="s">
        <v>8356</v>
      </c>
      <c r="E979" s="196" t="s">
        <v>9174</v>
      </c>
      <c r="F979" s="196"/>
      <c r="G979" s="150"/>
      <c r="H979" s="150"/>
    </row>
    <row r="980" spans="1:8">
      <c r="A980" s="150"/>
      <c r="B980" s="195" t="s">
        <v>9175</v>
      </c>
      <c r="C980" s="196" t="s">
        <v>9176</v>
      </c>
      <c r="D980" s="196" t="s">
        <v>9177</v>
      </c>
      <c r="E980" s="196" t="s">
        <v>5708</v>
      </c>
      <c r="F980" s="196"/>
      <c r="G980" s="150"/>
      <c r="H980" s="150"/>
    </row>
    <row r="981" spans="1:8">
      <c r="A981" s="150"/>
      <c r="B981" s="195" t="s">
        <v>9178</v>
      </c>
      <c r="C981" s="1149" t="s">
        <v>9179</v>
      </c>
      <c r="D981" s="196" t="s">
        <v>9180</v>
      </c>
      <c r="E981" s="196" t="s">
        <v>9181</v>
      </c>
      <c r="F981" s="1149"/>
      <c r="G981" s="150"/>
      <c r="H981" s="150"/>
    </row>
    <row r="982" spans="1:8">
      <c r="A982" s="150"/>
      <c r="B982" s="195" t="s">
        <v>9182</v>
      </c>
      <c r="C982" s="1158"/>
      <c r="D982" s="196" t="s">
        <v>9183</v>
      </c>
      <c r="E982" s="196" t="s">
        <v>9184</v>
      </c>
      <c r="F982" s="1158"/>
      <c r="G982" s="150"/>
      <c r="H982" s="150"/>
    </row>
    <row r="983" spans="1:8">
      <c r="A983" s="150"/>
      <c r="B983" s="195" t="s">
        <v>9185</v>
      </c>
      <c r="C983" s="1158"/>
      <c r="D983" s="196" t="s">
        <v>9186</v>
      </c>
      <c r="E983" s="196" t="s">
        <v>9187</v>
      </c>
      <c r="F983" s="1158"/>
      <c r="G983" s="150"/>
      <c r="H983" s="150"/>
    </row>
    <row r="984" spans="1:8">
      <c r="A984" s="150"/>
      <c r="B984" s="195" t="s">
        <v>9188</v>
      </c>
      <c r="C984" s="1150"/>
      <c r="D984" s="196" t="s">
        <v>9189</v>
      </c>
      <c r="E984" s="196" t="s">
        <v>9190</v>
      </c>
      <c r="F984" s="1150"/>
      <c r="G984" s="150"/>
      <c r="H984" s="150"/>
    </row>
    <row r="985" spans="1:8">
      <c r="A985" s="150"/>
      <c r="B985" s="195" t="s">
        <v>9191</v>
      </c>
      <c r="C985" s="196" t="s">
        <v>9192</v>
      </c>
      <c r="D985" s="196" t="s">
        <v>9193</v>
      </c>
      <c r="E985" s="196" t="s">
        <v>9194</v>
      </c>
      <c r="F985" s="196"/>
      <c r="G985" s="150"/>
      <c r="H985" s="150"/>
    </row>
    <row r="986" spans="1:8">
      <c r="A986" s="150"/>
      <c r="B986" s="195" t="s">
        <v>5434</v>
      </c>
      <c r="C986" s="196" t="s">
        <v>9195</v>
      </c>
      <c r="D986" s="196" t="s">
        <v>9196</v>
      </c>
      <c r="E986" s="196" t="s">
        <v>5435</v>
      </c>
      <c r="F986" s="196"/>
      <c r="G986" s="150"/>
      <c r="H986" s="150"/>
    </row>
    <row r="987" spans="1:8">
      <c r="A987" s="150"/>
      <c r="B987" s="195" t="s">
        <v>9197</v>
      </c>
      <c r="C987" s="1149" t="s">
        <v>9198</v>
      </c>
      <c r="D987" s="196" t="s">
        <v>9199</v>
      </c>
      <c r="E987" s="196" t="s">
        <v>9200</v>
      </c>
      <c r="F987" s="1149"/>
      <c r="G987" s="150"/>
      <c r="H987" s="150"/>
    </row>
    <row r="988" spans="1:8">
      <c r="A988" s="150"/>
      <c r="B988" s="195" t="s">
        <v>9201</v>
      </c>
      <c r="C988" s="1158"/>
      <c r="D988" s="196" t="s">
        <v>9202</v>
      </c>
      <c r="E988" s="196" t="s">
        <v>9203</v>
      </c>
      <c r="F988" s="1158"/>
      <c r="G988" s="150"/>
      <c r="H988" s="150"/>
    </row>
    <row r="989" spans="1:8">
      <c r="A989" s="150"/>
      <c r="B989" s="195" t="s">
        <v>9204</v>
      </c>
      <c r="C989" s="1158"/>
      <c r="D989" s="196" t="s">
        <v>9205</v>
      </c>
      <c r="E989" s="196" t="s">
        <v>9206</v>
      </c>
      <c r="F989" s="1158"/>
      <c r="G989" s="150"/>
      <c r="H989" s="150"/>
    </row>
    <row r="990" spans="1:8">
      <c r="A990" s="150"/>
      <c r="B990" s="195" t="s">
        <v>9207</v>
      </c>
      <c r="C990" s="1158"/>
      <c r="D990" s="196" t="s">
        <v>9208</v>
      </c>
      <c r="E990" s="196" t="s">
        <v>9209</v>
      </c>
      <c r="F990" s="1158"/>
      <c r="G990" s="150"/>
      <c r="H990" s="150"/>
    </row>
    <row r="991" spans="1:8">
      <c r="A991" s="150"/>
      <c r="B991" s="195" t="s">
        <v>9210</v>
      </c>
      <c r="C991" s="1158"/>
      <c r="D991" s="196" t="s">
        <v>9211</v>
      </c>
      <c r="E991" s="196" t="s">
        <v>9212</v>
      </c>
      <c r="F991" s="1158"/>
      <c r="G991" s="150"/>
      <c r="H991" s="150"/>
    </row>
    <row r="992" spans="1:8">
      <c r="A992" s="150"/>
      <c r="B992" s="195" t="s">
        <v>9213</v>
      </c>
      <c r="C992" s="1158"/>
      <c r="D992" s="196" t="s">
        <v>9214</v>
      </c>
      <c r="E992" s="196" t="s">
        <v>9215</v>
      </c>
      <c r="F992" s="1158"/>
      <c r="G992" s="150"/>
      <c r="H992" s="150"/>
    </row>
    <row r="993" spans="1:8">
      <c r="A993" s="150"/>
      <c r="B993" s="195" t="s">
        <v>9216</v>
      </c>
      <c r="C993" s="1158"/>
      <c r="D993" s="196" t="s">
        <v>9217</v>
      </c>
      <c r="E993" s="196" t="s">
        <v>9218</v>
      </c>
      <c r="F993" s="1158"/>
      <c r="G993" s="150"/>
      <c r="H993" s="150"/>
    </row>
    <row r="994" spans="1:8">
      <c r="A994" s="150"/>
      <c r="B994" s="195" t="s">
        <v>9219</v>
      </c>
      <c r="C994" s="1150"/>
      <c r="D994" s="196" t="s">
        <v>9220</v>
      </c>
      <c r="E994" s="196" t="s">
        <v>9221</v>
      </c>
      <c r="F994" s="1150"/>
      <c r="G994" s="150"/>
      <c r="H994" s="150"/>
    </row>
    <row r="995" spans="1:8">
      <c r="A995" s="150"/>
      <c r="B995" s="195" t="s">
        <v>9222</v>
      </c>
      <c r="C995" s="196" t="s">
        <v>9223</v>
      </c>
      <c r="D995" s="196" t="s">
        <v>8356</v>
      </c>
      <c r="E995" s="196" t="s">
        <v>9224</v>
      </c>
      <c r="F995" s="196"/>
      <c r="G995" s="150"/>
      <c r="H995" s="150"/>
    </row>
    <row r="996" spans="1:8">
      <c r="A996" s="150"/>
      <c r="B996" s="195" t="s">
        <v>9225</v>
      </c>
      <c r="C996" s="196" t="s">
        <v>9226</v>
      </c>
      <c r="D996" s="196" t="s">
        <v>9227</v>
      </c>
      <c r="E996" s="196" t="s">
        <v>5388</v>
      </c>
      <c r="F996" s="196"/>
      <c r="G996" s="150"/>
      <c r="H996" s="150"/>
    </row>
    <row r="997" spans="1:8">
      <c r="A997" s="150"/>
      <c r="B997" s="195" t="s">
        <v>2376</v>
      </c>
      <c r="C997" s="196" t="s">
        <v>9228</v>
      </c>
      <c r="D997" s="196" t="s">
        <v>9229</v>
      </c>
      <c r="E997" s="196" t="s">
        <v>2377</v>
      </c>
      <c r="F997" s="196"/>
      <c r="G997" s="150"/>
      <c r="H997" s="150"/>
    </row>
    <row r="998" spans="1:8">
      <c r="A998" s="150"/>
      <c r="B998" s="195" t="s">
        <v>9230</v>
      </c>
      <c r="C998" s="1149" t="s">
        <v>9231</v>
      </c>
      <c r="D998" s="196" t="s">
        <v>9232</v>
      </c>
      <c r="E998" s="196" t="s">
        <v>9233</v>
      </c>
      <c r="F998" s="1149"/>
      <c r="G998" s="150"/>
      <c r="H998" s="150"/>
    </row>
    <row r="999" spans="1:8">
      <c r="A999" s="150"/>
      <c r="B999" s="195" t="s">
        <v>9234</v>
      </c>
      <c r="C999" s="1158"/>
      <c r="D999" s="196" t="s">
        <v>9235</v>
      </c>
      <c r="E999" s="196" t="s">
        <v>9236</v>
      </c>
      <c r="F999" s="1158"/>
      <c r="G999" s="150"/>
      <c r="H999" s="150"/>
    </row>
    <row r="1000" spans="1:8">
      <c r="A1000" s="150"/>
      <c r="B1000" s="195" t="s">
        <v>9237</v>
      </c>
      <c r="C1000" s="1158"/>
      <c r="D1000" s="196" t="s">
        <v>9238</v>
      </c>
      <c r="E1000" s="196" t="s">
        <v>9239</v>
      </c>
      <c r="F1000" s="1158"/>
      <c r="G1000" s="150"/>
      <c r="H1000" s="150"/>
    </row>
    <row r="1001" spans="1:8">
      <c r="A1001" s="150"/>
      <c r="B1001" s="195" t="s">
        <v>9240</v>
      </c>
      <c r="C1001" s="1158"/>
      <c r="D1001" s="196" t="s">
        <v>9241</v>
      </c>
      <c r="E1001" s="196" t="s">
        <v>9242</v>
      </c>
      <c r="F1001" s="1158"/>
      <c r="G1001" s="150"/>
      <c r="H1001" s="150"/>
    </row>
    <row r="1002" spans="1:8" ht="25.5">
      <c r="A1002" s="150"/>
      <c r="B1002" s="195" t="s">
        <v>9243</v>
      </c>
      <c r="C1002" s="1150"/>
      <c r="D1002" s="196" t="s">
        <v>9244</v>
      </c>
      <c r="E1002" s="196" t="s">
        <v>9245</v>
      </c>
      <c r="F1002" s="1150"/>
      <c r="G1002" s="150"/>
      <c r="H1002" s="150"/>
    </row>
    <row r="1003" spans="1:8">
      <c r="A1003" s="150"/>
      <c r="B1003" s="195" t="s">
        <v>9246</v>
      </c>
      <c r="C1003" s="196" t="s">
        <v>9247</v>
      </c>
      <c r="D1003" s="196" t="s">
        <v>9248</v>
      </c>
      <c r="E1003" s="196" t="s">
        <v>9249</v>
      </c>
      <c r="F1003" s="196"/>
      <c r="G1003" s="150"/>
      <c r="H1003" s="150"/>
    </row>
    <row r="1004" spans="1:8">
      <c r="A1004" s="150"/>
      <c r="B1004" s="162" t="s">
        <v>9250</v>
      </c>
      <c r="C1004" s="1149" t="s">
        <v>9252</v>
      </c>
      <c r="D1004" s="1149" t="s">
        <v>9253</v>
      </c>
      <c r="E1004" s="1149" t="s">
        <v>995</v>
      </c>
      <c r="F1004" s="1149"/>
      <c r="G1004" s="150"/>
      <c r="H1004" s="150"/>
    </row>
    <row r="1005" spans="1:8">
      <c r="A1005" s="150"/>
      <c r="B1005" s="164" t="s">
        <v>9251</v>
      </c>
      <c r="C1005" s="1150"/>
      <c r="D1005" s="1150"/>
      <c r="E1005" s="1150"/>
      <c r="F1005" s="1150"/>
      <c r="G1005" s="150"/>
      <c r="H1005" s="150"/>
    </row>
    <row r="1006" spans="1:8">
      <c r="A1006" s="150"/>
      <c r="B1006" s="195" t="s">
        <v>9254</v>
      </c>
      <c r="C1006" s="1149" t="s">
        <v>9255</v>
      </c>
      <c r="D1006" s="196" t="s">
        <v>9256</v>
      </c>
      <c r="E1006" s="196" t="s">
        <v>9257</v>
      </c>
      <c r="F1006" s="1149"/>
      <c r="G1006" s="150"/>
      <c r="H1006" s="150"/>
    </row>
    <row r="1007" spans="1:8">
      <c r="A1007" s="150"/>
      <c r="B1007" s="195" t="s">
        <v>9258</v>
      </c>
      <c r="C1007" s="1150"/>
      <c r="D1007" s="196" t="s">
        <v>9259</v>
      </c>
      <c r="E1007" s="196" t="s">
        <v>9260</v>
      </c>
      <c r="F1007" s="1150"/>
      <c r="G1007" s="150"/>
      <c r="H1007" s="150"/>
    </row>
    <row r="1008" spans="1:8">
      <c r="A1008" s="150"/>
      <c r="B1008" s="195" t="s">
        <v>5452</v>
      </c>
      <c r="C1008" s="196" t="s">
        <v>9261</v>
      </c>
      <c r="D1008" s="196" t="s">
        <v>9262</v>
      </c>
      <c r="E1008" s="196" t="s">
        <v>5453</v>
      </c>
      <c r="F1008" s="196"/>
      <c r="G1008" s="150"/>
      <c r="H1008" s="150"/>
    </row>
    <row r="1009" spans="1:8">
      <c r="A1009" s="150"/>
      <c r="B1009" s="195" t="s">
        <v>9263</v>
      </c>
      <c r="C1009" s="196" t="s">
        <v>9264</v>
      </c>
      <c r="D1009" s="196" t="s">
        <v>8356</v>
      </c>
      <c r="E1009" s="196" t="s">
        <v>9265</v>
      </c>
      <c r="F1009" s="196"/>
      <c r="G1009" s="150"/>
      <c r="H1009" s="150"/>
    </row>
    <row r="1010" spans="1:8">
      <c r="A1010" s="150"/>
      <c r="B1010" s="195" t="s">
        <v>9266</v>
      </c>
      <c r="C1010" s="196" t="s">
        <v>9267</v>
      </c>
      <c r="D1010" s="196" t="s">
        <v>8356</v>
      </c>
      <c r="E1010" s="196" t="s">
        <v>9268</v>
      </c>
      <c r="F1010" s="196"/>
      <c r="G1010" s="150"/>
      <c r="H1010" s="150"/>
    </row>
    <row r="1011" spans="1:8">
      <c r="A1011" s="150"/>
      <c r="B1011" s="195" t="s">
        <v>9269</v>
      </c>
      <c r="C1011" s="1149" t="s">
        <v>9270</v>
      </c>
      <c r="D1011" s="196"/>
      <c r="E1011" s="196"/>
      <c r="F1011" s="1149"/>
      <c r="G1011" s="150"/>
      <c r="H1011" s="150"/>
    </row>
    <row r="1012" spans="1:8">
      <c r="A1012" s="150"/>
      <c r="B1012" s="195" t="s">
        <v>9271</v>
      </c>
      <c r="C1012" s="1158"/>
      <c r="D1012" s="196"/>
      <c r="E1012" s="196"/>
      <c r="F1012" s="1158"/>
      <c r="G1012" s="150"/>
      <c r="H1012" s="150"/>
    </row>
    <row r="1013" spans="1:8">
      <c r="A1013" s="150"/>
      <c r="B1013" s="195" t="s">
        <v>9272</v>
      </c>
      <c r="C1013" s="1158"/>
      <c r="D1013" s="196" t="s">
        <v>9273</v>
      </c>
      <c r="E1013" s="196" t="s">
        <v>9274</v>
      </c>
      <c r="F1013" s="1158"/>
      <c r="G1013" s="150"/>
      <c r="H1013" s="150"/>
    </row>
    <row r="1014" spans="1:8">
      <c r="A1014" s="150"/>
      <c r="B1014" s="195" t="s">
        <v>9275</v>
      </c>
      <c r="C1014" s="1158"/>
      <c r="D1014" s="196" t="s">
        <v>9276</v>
      </c>
      <c r="E1014" s="196" t="s">
        <v>9277</v>
      </c>
      <c r="F1014" s="1158"/>
      <c r="G1014" s="150"/>
      <c r="H1014" s="150"/>
    </row>
    <row r="1015" spans="1:8">
      <c r="A1015" s="150"/>
      <c r="B1015" s="195" t="s">
        <v>9278</v>
      </c>
      <c r="C1015" s="1150"/>
      <c r="D1015" s="196" t="s">
        <v>9058</v>
      </c>
      <c r="E1015" s="196" t="s">
        <v>9279</v>
      </c>
      <c r="F1015" s="1150"/>
      <c r="G1015" s="150"/>
      <c r="H1015" s="150"/>
    </row>
    <row r="1016" spans="1:8">
      <c r="A1016" s="150"/>
      <c r="B1016" s="162" t="s">
        <v>9280</v>
      </c>
      <c r="C1016" s="1149" t="s">
        <v>9282</v>
      </c>
      <c r="D1016" s="1149" t="s">
        <v>9283</v>
      </c>
      <c r="E1016" s="1149" t="s">
        <v>5455</v>
      </c>
      <c r="F1016" s="1149"/>
      <c r="G1016" s="150"/>
      <c r="H1016" s="150"/>
    </row>
    <row r="1017" spans="1:8">
      <c r="A1017" s="150"/>
      <c r="B1017" s="164" t="s">
        <v>9281</v>
      </c>
      <c r="C1017" s="1150"/>
      <c r="D1017" s="1150"/>
      <c r="E1017" s="1150"/>
      <c r="F1017" s="1150"/>
      <c r="G1017" s="150"/>
      <c r="H1017" s="150"/>
    </row>
    <row r="1018" spans="1:8">
      <c r="A1018" s="150"/>
      <c r="B1018" s="195" t="s">
        <v>9284</v>
      </c>
      <c r="C1018" s="196" t="s">
        <v>9285</v>
      </c>
      <c r="D1018" s="196" t="s">
        <v>9286</v>
      </c>
      <c r="E1018" s="196" t="s">
        <v>9287</v>
      </c>
      <c r="F1018" s="196"/>
      <c r="G1018" s="150"/>
      <c r="H1018" s="150"/>
    </row>
    <row r="1019" spans="1:8">
      <c r="A1019" s="150"/>
      <c r="B1019" s="195" t="s">
        <v>5399</v>
      </c>
      <c r="C1019" s="196" t="s">
        <v>9288</v>
      </c>
      <c r="D1019" s="196" t="s">
        <v>9289</v>
      </c>
      <c r="E1019" s="196" t="s">
        <v>5400</v>
      </c>
      <c r="F1019" s="196"/>
      <c r="G1019" s="150"/>
      <c r="H1019" s="150"/>
    </row>
    <row r="1020" spans="1:8">
      <c r="A1020" s="150"/>
      <c r="B1020" s="195" t="s">
        <v>9290</v>
      </c>
      <c r="C1020" s="196" t="s">
        <v>9291</v>
      </c>
      <c r="D1020" s="196" t="s">
        <v>9292</v>
      </c>
      <c r="E1020" s="196" t="s">
        <v>2324</v>
      </c>
      <c r="F1020" s="196"/>
      <c r="G1020" s="150"/>
      <c r="H1020" s="150"/>
    </row>
    <row r="1021" spans="1:8">
      <c r="A1021" s="150"/>
      <c r="B1021" s="195" t="s">
        <v>9293</v>
      </c>
      <c r="C1021" s="196" t="s">
        <v>9294</v>
      </c>
      <c r="D1021" s="196" t="s">
        <v>9295</v>
      </c>
      <c r="E1021" s="196" t="s">
        <v>5482</v>
      </c>
      <c r="F1021" s="196"/>
      <c r="G1021" s="150"/>
      <c r="H1021" s="150"/>
    </row>
    <row r="1022" spans="1:8">
      <c r="A1022" s="150"/>
      <c r="B1022" s="195" t="s">
        <v>5436</v>
      </c>
      <c r="C1022" s="196" t="s">
        <v>9296</v>
      </c>
      <c r="D1022" s="196" t="s">
        <v>9297</v>
      </c>
      <c r="E1022" s="196" t="s">
        <v>5437</v>
      </c>
      <c r="F1022" s="196"/>
      <c r="G1022" s="150"/>
      <c r="H1022" s="150"/>
    </row>
    <row r="1023" spans="1:8">
      <c r="A1023" s="150"/>
      <c r="B1023" s="195" t="s">
        <v>4659</v>
      </c>
      <c r="C1023" s="196" t="s">
        <v>9298</v>
      </c>
      <c r="D1023" s="196" t="s">
        <v>8356</v>
      </c>
      <c r="E1023" s="196" t="s">
        <v>4660</v>
      </c>
      <c r="F1023" s="196"/>
      <c r="G1023" s="150"/>
      <c r="H1023" s="150"/>
    </row>
    <row r="1024" spans="1:8">
      <c r="A1024" s="150"/>
      <c r="B1024" s="195" t="s">
        <v>9299</v>
      </c>
      <c r="C1024" s="1149" t="s">
        <v>9300</v>
      </c>
      <c r="D1024" s="196" t="s">
        <v>9301</v>
      </c>
      <c r="E1024" s="196" t="s">
        <v>9302</v>
      </c>
      <c r="F1024" s="1149"/>
      <c r="G1024" s="150"/>
      <c r="H1024" s="150"/>
    </row>
    <row r="1025" spans="1:8">
      <c r="A1025" s="150"/>
      <c r="B1025" s="195" t="s">
        <v>9303</v>
      </c>
      <c r="C1025" s="1150"/>
      <c r="D1025" s="196" t="s">
        <v>9304</v>
      </c>
      <c r="E1025" s="196" t="s">
        <v>9305</v>
      </c>
      <c r="F1025" s="1150"/>
      <c r="G1025" s="150"/>
      <c r="H1025" s="150"/>
    </row>
    <row r="1026" spans="1:8">
      <c r="A1026" s="150"/>
      <c r="B1026" s="195" t="s">
        <v>9306</v>
      </c>
      <c r="C1026" s="1149" t="s">
        <v>9307</v>
      </c>
      <c r="D1026" s="196" t="s">
        <v>9308</v>
      </c>
      <c r="E1026" s="196" t="s">
        <v>5355</v>
      </c>
      <c r="F1026" s="1149"/>
      <c r="G1026" s="150"/>
      <c r="H1026" s="150"/>
    </row>
    <row r="1027" spans="1:8">
      <c r="A1027" s="150"/>
      <c r="B1027" s="195" t="s">
        <v>9309</v>
      </c>
      <c r="C1027" s="1158"/>
      <c r="D1027" s="196"/>
      <c r="E1027" s="196"/>
      <c r="F1027" s="1158"/>
      <c r="G1027" s="150"/>
      <c r="H1027" s="150"/>
    </row>
    <row r="1028" spans="1:8">
      <c r="A1028" s="150"/>
      <c r="B1028" s="195" t="s">
        <v>9310</v>
      </c>
      <c r="C1028" s="1150"/>
      <c r="D1028" s="196"/>
      <c r="E1028" s="196"/>
      <c r="F1028" s="1150"/>
      <c r="G1028" s="150"/>
      <c r="H1028" s="150"/>
    </row>
    <row r="1029" spans="1:8">
      <c r="A1029" s="150"/>
      <c r="B1029" s="195" t="s">
        <v>9311</v>
      </c>
      <c r="C1029" s="1149" t="s">
        <v>9312</v>
      </c>
      <c r="D1029" s="196" t="s">
        <v>9313</v>
      </c>
      <c r="E1029" s="196" t="s">
        <v>9314</v>
      </c>
      <c r="F1029" s="1149"/>
      <c r="G1029" s="150"/>
      <c r="H1029" s="150"/>
    </row>
    <row r="1030" spans="1:8">
      <c r="A1030" s="150"/>
      <c r="B1030" s="195" t="s">
        <v>9315</v>
      </c>
      <c r="C1030" s="1158"/>
      <c r="D1030" s="196" t="s">
        <v>9316</v>
      </c>
      <c r="E1030" s="196" t="s">
        <v>9317</v>
      </c>
      <c r="F1030" s="1158"/>
      <c r="G1030" s="150"/>
      <c r="H1030" s="150"/>
    </row>
    <row r="1031" spans="1:8">
      <c r="A1031" s="150"/>
      <c r="B1031" s="195" t="s">
        <v>9318</v>
      </c>
      <c r="C1031" s="1150"/>
      <c r="D1031" s="196" t="s">
        <v>9319</v>
      </c>
      <c r="E1031" s="196" t="s">
        <v>9320</v>
      </c>
      <c r="F1031" s="1150"/>
      <c r="G1031" s="150"/>
      <c r="H1031" s="150"/>
    </row>
    <row r="1032" spans="1:8">
      <c r="A1032" s="150"/>
      <c r="B1032" s="195" t="s">
        <v>9321</v>
      </c>
      <c r="C1032" s="1149" t="s">
        <v>9322</v>
      </c>
      <c r="D1032" s="196" t="s">
        <v>9323</v>
      </c>
      <c r="E1032" s="196" t="s">
        <v>9324</v>
      </c>
      <c r="F1032" s="1149"/>
      <c r="G1032" s="150"/>
      <c r="H1032" s="150"/>
    </row>
    <row r="1033" spans="1:8">
      <c r="A1033" s="150"/>
      <c r="B1033" s="195" t="s">
        <v>9325</v>
      </c>
      <c r="C1033" s="1158"/>
      <c r="D1033" s="196" t="s">
        <v>9326</v>
      </c>
      <c r="E1033" s="196" t="s">
        <v>9327</v>
      </c>
      <c r="F1033" s="1158"/>
      <c r="G1033" s="150"/>
      <c r="H1033" s="150"/>
    </row>
    <row r="1034" spans="1:8">
      <c r="A1034" s="150"/>
      <c r="B1034" s="195" t="s">
        <v>9328</v>
      </c>
      <c r="C1034" s="1158"/>
      <c r="D1034" s="196" t="s">
        <v>9329</v>
      </c>
      <c r="E1034" s="196" t="s">
        <v>9330</v>
      </c>
      <c r="F1034" s="1158"/>
      <c r="G1034" s="150"/>
      <c r="H1034" s="150"/>
    </row>
    <row r="1035" spans="1:8">
      <c r="A1035" s="150"/>
      <c r="B1035" s="195" t="s">
        <v>9331</v>
      </c>
      <c r="C1035" s="1158"/>
      <c r="D1035" s="196" t="s">
        <v>9332</v>
      </c>
      <c r="E1035" s="196" t="s">
        <v>9333</v>
      </c>
      <c r="F1035" s="1158"/>
      <c r="G1035" s="150"/>
      <c r="H1035" s="150"/>
    </row>
    <row r="1036" spans="1:8">
      <c r="A1036" s="150"/>
      <c r="B1036" s="195" t="s">
        <v>9334</v>
      </c>
      <c r="C1036" s="1158"/>
      <c r="D1036" s="196" t="s">
        <v>9335</v>
      </c>
      <c r="E1036" s="196" t="s">
        <v>9336</v>
      </c>
      <c r="F1036" s="1158"/>
      <c r="G1036" s="150"/>
      <c r="H1036" s="150"/>
    </row>
    <row r="1037" spans="1:8">
      <c r="A1037" s="150"/>
      <c r="B1037" s="195" t="s">
        <v>9337</v>
      </c>
      <c r="C1037" s="1158"/>
      <c r="D1037" s="196" t="s">
        <v>9338</v>
      </c>
      <c r="E1037" s="196" t="s">
        <v>9339</v>
      </c>
      <c r="F1037" s="1158"/>
      <c r="G1037" s="150"/>
      <c r="H1037" s="150"/>
    </row>
    <row r="1038" spans="1:8">
      <c r="A1038" s="150"/>
      <c r="B1038" s="195" t="s">
        <v>9340</v>
      </c>
      <c r="C1038" s="1158"/>
      <c r="D1038" s="196" t="s">
        <v>9341</v>
      </c>
      <c r="E1038" s="196" t="s">
        <v>9342</v>
      </c>
      <c r="F1038" s="1158"/>
      <c r="G1038" s="150"/>
      <c r="H1038" s="150"/>
    </row>
    <row r="1039" spans="1:8">
      <c r="A1039" s="150"/>
      <c r="B1039" s="195" t="s">
        <v>9343</v>
      </c>
      <c r="C1039" s="1158"/>
      <c r="D1039" s="196" t="s">
        <v>9344</v>
      </c>
      <c r="E1039" s="196" t="s">
        <v>9345</v>
      </c>
      <c r="F1039" s="1158"/>
      <c r="G1039" s="150"/>
      <c r="H1039" s="150"/>
    </row>
    <row r="1040" spans="1:8">
      <c r="A1040" s="150"/>
      <c r="B1040" s="195" t="s">
        <v>9346</v>
      </c>
      <c r="C1040" s="1158"/>
      <c r="D1040" s="196" t="s">
        <v>9347</v>
      </c>
      <c r="E1040" s="196" t="s">
        <v>9348</v>
      </c>
      <c r="F1040" s="1158"/>
      <c r="G1040" s="150"/>
      <c r="H1040" s="150"/>
    </row>
    <row r="1041" spans="1:8">
      <c r="A1041" s="150"/>
      <c r="B1041" s="195" t="s">
        <v>9349</v>
      </c>
      <c r="C1041" s="1158"/>
      <c r="D1041" s="196" t="s">
        <v>9350</v>
      </c>
      <c r="E1041" s="196" t="s">
        <v>9351</v>
      </c>
      <c r="F1041" s="1158"/>
      <c r="G1041" s="150"/>
      <c r="H1041" s="150"/>
    </row>
    <row r="1042" spans="1:8">
      <c r="A1042" s="150"/>
      <c r="B1042" s="195" t="s">
        <v>9352</v>
      </c>
      <c r="C1042" s="1158"/>
      <c r="D1042" s="196" t="s">
        <v>9353</v>
      </c>
      <c r="E1042" s="196" t="s">
        <v>9354</v>
      </c>
      <c r="F1042" s="1158"/>
      <c r="G1042" s="150"/>
      <c r="H1042" s="150"/>
    </row>
    <row r="1043" spans="1:8">
      <c r="A1043" s="150"/>
      <c r="B1043" s="195" t="s">
        <v>9355</v>
      </c>
      <c r="C1043" s="1158"/>
      <c r="D1043" s="196" t="s">
        <v>9356</v>
      </c>
      <c r="E1043" s="196" t="s">
        <v>9357</v>
      </c>
      <c r="F1043" s="1158"/>
      <c r="G1043" s="150"/>
      <c r="H1043" s="150"/>
    </row>
    <row r="1044" spans="1:8">
      <c r="A1044" s="150"/>
      <c r="B1044" s="195" t="s">
        <v>9358</v>
      </c>
      <c r="C1044" s="1158"/>
      <c r="D1044" s="196" t="s">
        <v>9359</v>
      </c>
      <c r="E1044" s="196" t="s">
        <v>9360</v>
      </c>
      <c r="F1044" s="1158"/>
      <c r="G1044" s="150"/>
      <c r="H1044" s="150"/>
    </row>
    <row r="1045" spans="1:8">
      <c r="A1045" s="150"/>
      <c r="B1045" s="195" t="s">
        <v>9361</v>
      </c>
      <c r="C1045" s="1158"/>
      <c r="D1045" s="196" t="s">
        <v>9362</v>
      </c>
      <c r="E1045" s="196" t="s">
        <v>9363</v>
      </c>
      <c r="F1045" s="1158"/>
      <c r="G1045" s="150"/>
      <c r="H1045" s="150"/>
    </row>
    <row r="1046" spans="1:8">
      <c r="A1046" s="150"/>
      <c r="B1046" s="195" t="s">
        <v>9364</v>
      </c>
      <c r="C1046" s="1158"/>
      <c r="D1046" s="196" t="s">
        <v>9365</v>
      </c>
      <c r="E1046" s="196" t="s">
        <v>9366</v>
      </c>
      <c r="F1046" s="1158"/>
      <c r="G1046" s="150"/>
      <c r="H1046" s="150"/>
    </row>
    <row r="1047" spans="1:8">
      <c r="A1047" s="150"/>
      <c r="B1047" s="195" t="s">
        <v>9367</v>
      </c>
      <c r="C1047" s="1158"/>
      <c r="D1047" s="196" t="s">
        <v>9368</v>
      </c>
      <c r="E1047" s="196" t="s">
        <v>9369</v>
      </c>
      <c r="F1047" s="1158"/>
      <c r="G1047" s="150"/>
      <c r="H1047" s="150"/>
    </row>
    <row r="1048" spans="1:8">
      <c r="A1048" s="150"/>
      <c r="B1048" s="195" t="s">
        <v>9370</v>
      </c>
      <c r="C1048" s="1158"/>
      <c r="D1048" s="196" t="s">
        <v>9371</v>
      </c>
      <c r="E1048" s="196" t="s">
        <v>9372</v>
      </c>
      <c r="F1048" s="1158"/>
      <c r="G1048" s="150"/>
      <c r="H1048" s="150"/>
    </row>
    <row r="1049" spans="1:8">
      <c r="A1049" s="150"/>
      <c r="B1049" s="195" t="s">
        <v>32155</v>
      </c>
      <c r="C1049" s="1158"/>
      <c r="D1049" s="196" t="s">
        <v>9373</v>
      </c>
      <c r="E1049" s="196" t="s">
        <v>9374</v>
      </c>
      <c r="F1049" s="1158"/>
      <c r="G1049" s="150"/>
      <c r="H1049" s="150"/>
    </row>
    <row r="1050" spans="1:8">
      <c r="A1050" s="150"/>
      <c r="B1050" s="195" t="s">
        <v>9375</v>
      </c>
      <c r="C1050" s="1158"/>
      <c r="D1050" s="196" t="s">
        <v>9376</v>
      </c>
      <c r="E1050" s="196" t="s">
        <v>9377</v>
      </c>
      <c r="F1050" s="1158"/>
      <c r="G1050" s="150"/>
      <c r="H1050" s="150"/>
    </row>
    <row r="1051" spans="1:8">
      <c r="A1051" s="150"/>
      <c r="B1051" s="195" t="s">
        <v>9378</v>
      </c>
      <c r="C1051" s="1158"/>
      <c r="D1051" s="196" t="s">
        <v>9379</v>
      </c>
      <c r="E1051" s="196" t="s">
        <v>9380</v>
      </c>
      <c r="F1051" s="1158"/>
      <c r="G1051" s="150"/>
      <c r="H1051" s="150"/>
    </row>
    <row r="1052" spans="1:8">
      <c r="A1052" s="150"/>
      <c r="B1052" s="195" t="s">
        <v>9381</v>
      </c>
      <c r="C1052" s="1158"/>
      <c r="D1052" s="196" t="s">
        <v>9382</v>
      </c>
      <c r="E1052" s="196" t="s">
        <v>9383</v>
      </c>
      <c r="F1052" s="1158"/>
      <c r="G1052" s="150"/>
      <c r="H1052" s="150"/>
    </row>
    <row r="1053" spans="1:8">
      <c r="A1053" s="150"/>
      <c r="B1053" s="195" t="s">
        <v>9384</v>
      </c>
      <c r="C1053" s="1158"/>
      <c r="D1053" s="196" t="s">
        <v>9385</v>
      </c>
      <c r="E1053" s="196" t="s">
        <v>9386</v>
      </c>
      <c r="F1053" s="1158"/>
      <c r="G1053" s="150"/>
      <c r="H1053" s="150"/>
    </row>
    <row r="1054" spans="1:8">
      <c r="A1054" s="150"/>
      <c r="B1054" s="195" t="s">
        <v>9387</v>
      </c>
      <c r="C1054" s="1158"/>
      <c r="D1054" s="196" t="s">
        <v>9388</v>
      </c>
      <c r="E1054" s="196" t="s">
        <v>9389</v>
      </c>
      <c r="F1054" s="1158"/>
      <c r="G1054" s="150"/>
      <c r="H1054" s="150"/>
    </row>
    <row r="1055" spans="1:8">
      <c r="A1055" s="150"/>
      <c r="B1055" s="195" t="s">
        <v>9390</v>
      </c>
      <c r="C1055" s="1158"/>
      <c r="D1055" s="196" t="s">
        <v>9391</v>
      </c>
      <c r="E1055" s="196" t="s">
        <v>9392</v>
      </c>
      <c r="F1055" s="1158"/>
      <c r="G1055" s="150"/>
      <c r="H1055" s="150"/>
    </row>
    <row r="1056" spans="1:8">
      <c r="A1056" s="150"/>
      <c r="B1056" s="195" t="s">
        <v>9393</v>
      </c>
      <c r="C1056" s="1158"/>
      <c r="D1056" s="196" t="s">
        <v>9394</v>
      </c>
      <c r="E1056" s="196" t="s">
        <v>9395</v>
      </c>
      <c r="F1056" s="1158"/>
      <c r="G1056" s="150"/>
      <c r="H1056" s="150"/>
    </row>
    <row r="1057" spans="1:8">
      <c r="A1057" s="150"/>
      <c r="B1057" s="195" t="s">
        <v>9396</v>
      </c>
      <c r="C1057" s="1158"/>
      <c r="D1057" s="196" t="s">
        <v>9397</v>
      </c>
      <c r="E1057" s="196" t="s">
        <v>9398</v>
      </c>
      <c r="F1057" s="1158"/>
      <c r="G1057" s="150"/>
      <c r="H1057" s="150"/>
    </row>
    <row r="1058" spans="1:8">
      <c r="A1058" s="150"/>
      <c r="B1058" s="195" t="s">
        <v>9399</v>
      </c>
      <c r="C1058" s="1158"/>
      <c r="D1058" s="196" t="s">
        <v>9400</v>
      </c>
      <c r="E1058" s="196" t="s">
        <v>9401</v>
      </c>
      <c r="F1058" s="1158"/>
      <c r="G1058" s="150"/>
      <c r="H1058" s="150"/>
    </row>
    <row r="1059" spans="1:8">
      <c r="A1059" s="150"/>
      <c r="B1059" s="195" t="s">
        <v>9402</v>
      </c>
      <c r="C1059" s="1158"/>
      <c r="D1059" s="196" t="s">
        <v>9403</v>
      </c>
      <c r="E1059" s="196" t="s">
        <v>9404</v>
      </c>
      <c r="F1059" s="1158"/>
      <c r="G1059" s="150"/>
      <c r="H1059" s="150"/>
    </row>
    <row r="1060" spans="1:8">
      <c r="A1060" s="150"/>
      <c r="B1060" s="195" t="s">
        <v>32156</v>
      </c>
      <c r="C1060" s="1158"/>
      <c r="D1060" s="196" t="s">
        <v>9405</v>
      </c>
      <c r="E1060" s="196" t="s">
        <v>9406</v>
      </c>
      <c r="F1060" s="1158"/>
      <c r="G1060" s="150"/>
      <c r="H1060" s="150"/>
    </row>
    <row r="1061" spans="1:8">
      <c r="A1061" s="150"/>
      <c r="B1061" s="195" t="s">
        <v>32157</v>
      </c>
      <c r="C1061" s="1158"/>
      <c r="D1061" s="196" t="s">
        <v>9407</v>
      </c>
      <c r="E1061" s="196" t="s">
        <v>9408</v>
      </c>
      <c r="F1061" s="1158"/>
      <c r="G1061" s="150"/>
      <c r="H1061" s="150"/>
    </row>
    <row r="1062" spans="1:8">
      <c r="A1062" s="150"/>
      <c r="B1062" s="195" t="s">
        <v>9409</v>
      </c>
      <c r="C1062" s="1150"/>
      <c r="D1062" s="196" t="s">
        <v>9410</v>
      </c>
      <c r="E1062" s="196" t="s">
        <v>9411</v>
      </c>
      <c r="F1062" s="1150"/>
      <c r="G1062" s="150"/>
      <c r="H1062" s="150"/>
    </row>
    <row r="1063" spans="1:8">
      <c r="A1063" s="150"/>
      <c r="B1063" s="195" t="s">
        <v>9412</v>
      </c>
      <c r="C1063" s="1149" t="s">
        <v>9413</v>
      </c>
      <c r="D1063" s="196" t="s">
        <v>9414</v>
      </c>
      <c r="E1063" s="196" t="s">
        <v>9415</v>
      </c>
      <c r="F1063" s="1149"/>
      <c r="G1063" s="150"/>
      <c r="H1063" s="150"/>
    </row>
    <row r="1064" spans="1:8">
      <c r="A1064" s="150"/>
      <c r="B1064" s="195" t="s">
        <v>9416</v>
      </c>
      <c r="C1064" s="1158"/>
      <c r="D1064" s="196" t="s">
        <v>9417</v>
      </c>
      <c r="E1064" s="196" t="s">
        <v>9418</v>
      </c>
      <c r="F1064" s="1158"/>
      <c r="G1064" s="150"/>
      <c r="H1064" s="150"/>
    </row>
    <row r="1065" spans="1:8">
      <c r="A1065" s="150"/>
      <c r="B1065" s="195" t="s">
        <v>9419</v>
      </c>
      <c r="C1065" s="1158"/>
      <c r="D1065" s="196" t="s">
        <v>9420</v>
      </c>
      <c r="E1065" s="196" t="s">
        <v>9421</v>
      </c>
      <c r="F1065" s="1158"/>
      <c r="G1065" s="150"/>
      <c r="H1065" s="150"/>
    </row>
    <row r="1066" spans="1:8">
      <c r="A1066" s="150"/>
      <c r="B1066" s="195" t="s">
        <v>9422</v>
      </c>
      <c r="C1066" s="1150"/>
      <c r="D1066" s="196" t="s">
        <v>9423</v>
      </c>
      <c r="E1066" s="196" t="s">
        <v>9424</v>
      </c>
      <c r="F1066" s="1150"/>
      <c r="G1066" s="150"/>
      <c r="H1066" s="150"/>
    </row>
    <row r="1067" spans="1:8">
      <c r="A1067" s="150"/>
      <c r="B1067" s="195" t="s">
        <v>9425</v>
      </c>
      <c r="C1067" s="1149" t="s">
        <v>9426</v>
      </c>
      <c r="D1067" s="196" t="s">
        <v>9427</v>
      </c>
      <c r="E1067" s="196" t="s">
        <v>9428</v>
      </c>
      <c r="F1067" s="1149"/>
      <c r="G1067" s="150"/>
      <c r="H1067" s="150"/>
    </row>
    <row r="1068" spans="1:8">
      <c r="A1068" s="150"/>
      <c r="B1068" s="195" t="s">
        <v>9429</v>
      </c>
      <c r="C1068" s="1158"/>
      <c r="D1068" s="196" t="s">
        <v>9430</v>
      </c>
      <c r="E1068" s="196" t="s">
        <v>9431</v>
      </c>
      <c r="F1068" s="1158"/>
      <c r="G1068" s="150"/>
      <c r="H1068" s="150"/>
    </row>
    <row r="1069" spans="1:8">
      <c r="A1069" s="150"/>
      <c r="B1069" s="195" t="s">
        <v>9432</v>
      </c>
      <c r="C1069" s="1158"/>
      <c r="D1069" s="196" t="s">
        <v>9433</v>
      </c>
      <c r="E1069" s="196" t="s">
        <v>9434</v>
      </c>
      <c r="F1069" s="1158"/>
      <c r="G1069" s="150"/>
      <c r="H1069" s="150"/>
    </row>
    <row r="1070" spans="1:8">
      <c r="A1070" s="150"/>
      <c r="B1070" s="195" t="s">
        <v>9435</v>
      </c>
      <c r="C1070" s="1158"/>
      <c r="D1070" s="196" t="s">
        <v>9436</v>
      </c>
      <c r="E1070" s="196" t="s">
        <v>9437</v>
      </c>
      <c r="F1070" s="1158"/>
      <c r="G1070" s="150"/>
      <c r="H1070" s="150"/>
    </row>
    <row r="1071" spans="1:8">
      <c r="A1071" s="150"/>
      <c r="B1071" s="195" t="s">
        <v>9438</v>
      </c>
      <c r="C1071" s="1158"/>
      <c r="D1071" s="196" t="s">
        <v>9439</v>
      </c>
      <c r="E1071" s="196" t="s">
        <v>9440</v>
      </c>
      <c r="F1071" s="1158"/>
      <c r="G1071" s="150"/>
      <c r="H1071" s="150"/>
    </row>
    <row r="1072" spans="1:8">
      <c r="A1072" s="150"/>
      <c r="B1072" s="195" t="s">
        <v>9441</v>
      </c>
      <c r="C1072" s="1158"/>
      <c r="D1072" s="196" t="s">
        <v>9442</v>
      </c>
      <c r="E1072" s="196" t="s">
        <v>9443</v>
      </c>
      <c r="F1072" s="1158"/>
      <c r="G1072" s="150"/>
      <c r="H1072" s="150"/>
    </row>
    <row r="1073" spans="1:8">
      <c r="A1073" s="150"/>
      <c r="B1073" s="195" t="s">
        <v>9444</v>
      </c>
      <c r="C1073" s="1158"/>
      <c r="D1073" s="196" t="s">
        <v>9445</v>
      </c>
      <c r="E1073" s="196" t="s">
        <v>9446</v>
      </c>
      <c r="F1073" s="1158"/>
      <c r="G1073" s="150"/>
      <c r="H1073" s="150"/>
    </row>
    <row r="1074" spans="1:8">
      <c r="A1074" s="150"/>
      <c r="B1074" s="195" t="s">
        <v>9447</v>
      </c>
      <c r="C1074" s="1150"/>
      <c r="D1074" s="196" t="s">
        <v>9220</v>
      </c>
      <c r="E1074" s="196" t="s">
        <v>9448</v>
      </c>
      <c r="F1074" s="1150"/>
      <c r="G1074" s="150"/>
      <c r="H1074" s="150"/>
    </row>
    <row r="1075" spans="1:8">
      <c r="A1075" s="150"/>
      <c r="B1075" s="195" t="s">
        <v>9449</v>
      </c>
      <c r="C1075" s="1149" t="s">
        <v>9450</v>
      </c>
      <c r="D1075" s="196" t="s">
        <v>9451</v>
      </c>
      <c r="E1075" s="196" t="s">
        <v>9452</v>
      </c>
      <c r="F1075" s="1149"/>
      <c r="G1075" s="150"/>
      <c r="H1075" s="150"/>
    </row>
    <row r="1076" spans="1:8">
      <c r="A1076" s="150"/>
      <c r="B1076" s="195" t="s">
        <v>9453</v>
      </c>
      <c r="C1076" s="1158"/>
      <c r="D1076" s="196" t="s">
        <v>9454</v>
      </c>
      <c r="E1076" s="196" t="s">
        <v>9455</v>
      </c>
      <c r="F1076" s="1158"/>
      <c r="G1076" s="150"/>
      <c r="H1076" s="150"/>
    </row>
    <row r="1077" spans="1:8">
      <c r="A1077" s="150"/>
      <c r="B1077" s="195" t="s">
        <v>9456</v>
      </c>
      <c r="C1077" s="1158"/>
      <c r="D1077" s="196" t="s">
        <v>9457</v>
      </c>
      <c r="E1077" s="196" t="s">
        <v>9458</v>
      </c>
      <c r="F1077" s="1158"/>
      <c r="G1077" s="150"/>
      <c r="H1077" s="150"/>
    </row>
    <row r="1078" spans="1:8">
      <c r="A1078" s="150"/>
      <c r="B1078" s="195" t="s">
        <v>9459</v>
      </c>
      <c r="C1078" s="1158"/>
      <c r="D1078" s="196" t="s">
        <v>9460</v>
      </c>
      <c r="E1078" s="196" t="s">
        <v>9461</v>
      </c>
      <c r="F1078" s="1158"/>
      <c r="G1078" s="150"/>
      <c r="H1078" s="150"/>
    </row>
    <row r="1079" spans="1:8">
      <c r="A1079" s="150"/>
      <c r="B1079" s="195" t="s">
        <v>9462</v>
      </c>
      <c r="C1079" s="1158"/>
      <c r="D1079" s="196" t="s">
        <v>9463</v>
      </c>
      <c r="E1079" s="196" t="s">
        <v>9464</v>
      </c>
      <c r="F1079" s="1158"/>
      <c r="G1079" s="150"/>
      <c r="H1079" s="150"/>
    </row>
    <row r="1080" spans="1:8">
      <c r="A1080" s="150"/>
      <c r="B1080" s="195" t="s">
        <v>9465</v>
      </c>
      <c r="C1080" s="1158"/>
      <c r="D1080" s="196" t="s">
        <v>9466</v>
      </c>
      <c r="E1080" s="196" t="s">
        <v>9467</v>
      </c>
      <c r="F1080" s="1158"/>
      <c r="G1080" s="150"/>
      <c r="H1080" s="150"/>
    </row>
    <row r="1081" spans="1:8">
      <c r="A1081" s="150"/>
      <c r="B1081" s="195" t="s">
        <v>9468</v>
      </c>
      <c r="C1081" s="1158"/>
      <c r="D1081" s="196" t="s">
        <v>9469</v>
      </c>
      <c r="E1081" s="196" t="s">
        <v>9470</v>
      </c>
      <c r="F1081" s="1158"/>
      <c r="G1081" s="150"/>
      <c r="H1081" s="150"/>
    </row>
    <row r="1082" spans="1:8">
      <c r="A1082" s="150"/>
      <c r="B1082" s="195" t="s">
        <v>9471</v>
      </c>
      <c r="C1082" s="1158"/>
      <c r="D1082" s="196" t="s">
        <v>9472</v>
      </c>
      <c r="E1082" s="196" t="s">
        <v>9473</v>
      </c>
      <c r="F1082" s="1158"/>
      <c r="G1082" s="150"/>
      <c r="H1082" s="150"/>
    </row>
    <row r="1083" spans="1:8">
      <c r="A1083" s="150"/>
      <c r="B1083" s="195" t="s">
        <v>9474</v>
      </c>
      <c r="C1083" s="1158"/>
      <c r="D1083" s="196" t="s">
        <v>9475</v>
      </c>
      <c r="E1083" s="196" t="s">
        <v>9476</v>
      </c>
      <c r="F1083" s="1158"/>
      <c r="G1083" s="150"/>
      <c r="H1083" s="150"/>
    </row>
    <row r="1084" spans="1:8">
      <c r="A1084" s="150"/>
      <c r="B1084" s="195" t="s">
        <v>9477</v>
      </c>
      <c r="C1084" s="1158"/>
      <c r="D1084" s="196" t="s">
        <v>9478</v>
      </c>
      <c r="E1084" s="196" t="s">
        <v>9479</v>
      </c>
      <c r="F1084" s="1158"/>
      <c r="G1084" s="150"/>
      <c r="H1084" s="150"/>
    </row>
    <row r="1085" spans="1:8">
      <c r="A1085" s="150"/>
      <c r="B1085" s="195" t="s">
        <v>9480</v>
      </c>
      <c r="C1085" s="1150"/>
      <c r="D1085" s="196" t="s">
        <v>9481</v>
      </c>
      <c r="E1085" s="196" t="s">
        <v>9482</v>
      </c>
      <c r="F1085" s="1150"/>
      <c r="G1085" s="150"/>
      <c r="H1085" s="150"/>
    </row>
    <row r="1086" spans="1:8">
      <c r="A1086" s="150"/>
      <c r="B1086" s="195" t="s">
        <v>9483</v>
      </c>
      <c r="C1086" s="196" t="s">
        <v>9484</v>
      </c>
      <c r="D1086" s="196" t="s">
        <v>13</v>
      </c>
      <c r="E1086" s="196" t="s">
        <v>8356</v>
      </c>
      <c r="F1086" s="196"/>
      <c r="G1086" s="150"/>
      <c r="H1086" s="150"/>
    </row>
    <row r="1087" spans="1:8">
      <c r="A1087" s="150"/>
      <c r="B1087" s="1159" t="s">
        <v>8508</v>
      </c>
      <c r="C1087" s="1160"/>
      <c r="D1087" s="1160"/>
      <c r="E1087" s="1160"/>
      <c r="F1087" s="1161"/>
      <c r="G1087" s="150"/>
      <c r="H1087" s="150"/>
    </row>
    <row r="1088" spans="1:8">
      <c r="A1088" s="150"/>
      <c r="B1088" s="195" t="s">
        <v>9485</v>
      </c>
      <c r="C1088" s="196" t="s">
        <v>9486</v>
      </c>
      <c r="D1088" s="196" t="s">
        <v>556</v>
      </c>
      <c r="E1088" s="196" t="s">
        <v>557</v>
      </c>
      <c r="F1088" s="196"/>
      <c r="G1088" s="150"/>
      <c r="H1088" s="150"/>
    </row>
    <row r="1089" spans="1:8">
      <c r="A1089" s="150"/>
      <c r="B1089" s="195" t="s">
        <v>9487</v>
      </c>
      <c r="C1089" s="196" t="s">
        <v>9488</v>
      </c>
      <c r="D1089" s="196" t="s">
        <v>553</v>
      </c>
      <c r="E1089" s="196" t="s">
        <v>554</v>
      </c>
      <c r="F1089" s="196"/>
      <c r="G1089" s="150"/>
      <c r="H1089" s="150"/>
    </row>
    <row r="1090" spans="1:8">
      <c r="A1090" s="150"/>
      <c r="B1090" s="1159" t="s">
        <v>31587</v>
      </c>
      <c r="C1090" s="1160"/>
      <c r="D1090" s="1160"/>
      <c r="E1090" s="1160"/>
      <c r="F1090" s="1161"/>
      <c r="G1090" s="150"/>
      <c r="H1090" s="150"/>
    </row>
    <row r="1091" spans="1:8" ht="25.5">
      <c r="A1091" s="150"/>
      <c r="B1091" s="195" t="s">
        <v>9489</v>
      </c>
      <c r="C1091" s="196" t="s">
        <v>9490</v>
      </c>
      <c r="D1091" s="196" t="s">
        <v>8356</v>
      </c>
      <c r="E1091" s="196" t="s">
        <v>8356</v>
      </c>
      <c r="F1091" s="196" t="s">
        <v>9491</v>
      </c>
      <c r="G1091" s="150"/>
      <c r="H1091" s="150"/>
    </row>
    <row r="1092" spans="1:8">
      <c r="A1092" s="150"/>
      <c r="B1092" s="1159" t="s">
        <v>8508</v>
      </c>
      <c r="C1092" s="1160"/>
      <c r="D1092" s="1160"/>
      <c r="E1092" s="1160"/>
      <c r="F1092" s="1161"/>
      <c r="G1092" s="150"/>
      <c r="H1092" s="150"/>
    </row>
    <row r="1093" spans="1:8">
      <c r="A1093" s="150"/>
      <c r="B1093" s="195" t="s">
        <v>563</v>
      </c>
      <c r="C1093" s="196" t="s">
        <v>9492</v>
      </c>
      <c r="D1093" s="196" t="s">
        <v>564</v>
      </c>
      <c r="E1093" s="196" t="s">
        <v>565</v>
      </c>
      <c r="F1093" s="196"/>
      <c r="G1093" s="150"/>
      <c r="H1093" s="150"/>
    </row>
    <row r="1094" spans="1:8">
      <c r="A1094" s="150"/>
      <c r="B1094" s="195" t="s">
        <v>31589</v>
      </c>
      <c r="C1094" s="1149" t="s">
        <v>9493</v>
      </c>
      <c r="D1094" s="196" t="s">
        <v>9494</v>
      </c>
      <c r="E1094" s="196" t="s">
        <v>9495</v>
      </c>
      <c r="F1094" s="1149" t="s">
        <v>32158</v>
      </c>
      <c r="G1094" s="150"/>
      <c r="H1094" s="150"/>
    </row>
    <row r="1095" spans="1:8" ht="25.5">
      <c r="A1095" s="150"/>
      <c r="B1095" s="195" t="s">
        <v>31590</v>
      </c>
      <c r="C1095" s="1150"/>
      <c r="D1095" s="196" t="s">
        <v>9496</v>
      </c>
      <c r="E1095" s="196" t="s">
        <v>9497</v>
      </c>
      <c r="F1095" s="1150"/>
      <c r="G1095" s="150"/>
      <c r="H1095" s="150"/>
    </row>
    <row r="1096" spans="1:8">
      <c r="A1096" s="150"/>
      <c r="B1096" s="195" t="s">
        <v>9498</v>
      </c>
      <c r="C1096" s="196" t="s">
        <v>9499</v>
      </c>
      <c r="D1096" s="196" t="s">
        <v>9500</v>
      </c>
      <c r="E1096" s="196" t="s">
        <v>2030</v>
      </c>
      <c r="F1096" s="196" t="s">
        <v>595</v>
      </c>
      <c r="G1096" s="150"/>
      <c r="H1096" s="150"/>
    </row>
    <row r="1097" spans="1:8">
      <c r="A1097" s="150"/>
      <c r="B1097" s="195" t="s">
        <v>1375</v>
      </c>
      <c r="C1097" s="196" t="s">
        <v>9501</v>
      </c>
      <c r="D1097" s="196" t="s">
        <v>9502</v>
      </c>
      <c r="E1097" s="196" t="s">
        <v>1376</v>
      </c>
      <c r="F1097" s="194" t="s">
        <v>32154</v>
      </c>
      <c r="G1097" s="150"/>
      <c r="H1097" s="150"/>
    </row>
    <row r="1098" spans="1:8">
      <c r="A1098" s="150"/>
      <c r="B1098" s="195" t="s">
        <v>569</v>
      </c>
      <c r="C1098" s="196" t="s">
        <v>9503</v>
      </c>
      <c r="D1098" s="196" t="s">
        <v>570</v>
      </c>
      <c r="E1098" s="196" t="s">
        <v>571</v>
      </c>
      <c r="F1098" s="196"/>
      <c r="G1098" s="150"/>
      <c r="H1098" s="150"/>
    </row>
    <row r="1099" spans="1:8">
      <c r="A1099" s="150"/>
      <c r="B1099" s="195" t="s">
        <v>9504</v>
      </c>
      <c r="C1099" s="196" t="s">
        <v>9505</v>
      </c>
      <c r="D1099" s="196" t="s">
        <v>9506</v>
      </c>
      <c r="E1099" s="198">
        <v>27398</v>
      </c>
      <c r="F1099" s="196"/>
      <c r="G1099" s="150"/>
      <c r="H1099" s="150"/>
    </row>
    <row r="1100" spans="1:8">
      <c r="A1100" s="150"/>
      <c r="B1100" s="1159" t="s">
        <v>31587</v>
      </c>
      <c r="C1100" s="1160"/>
      <c r="D1100" s="1160"/>
      <c r="E1100" s="1160"/>
      <c r="F1100" s="1161"/>
      <c r="G1100" s="150"/>
      <c r="H1100" s="150"/>
    </row>
    <row r="1101" spans="1:8">
      <c r="A1101" s="150"/>
      <c r="B1101" s="162" t="s">
        <v>9507</v>
      </c>
      <c r="C1101" s="1149" t="s">
        <v>9509</v>
      </c>
      <c r="D1101" s="1149" t="s">
        <v>9510</v>
      </c>
      <c r="E1101" s="1149" t="s">
        <v>2024</v>
      </c>
      <c r="F1101" s="1149"/>
      <c r="G1101" s="150"/>
      <c r="H1101" s="150"/>
    </row>
    <row r="1102" spans="1:8">
      <c r="A1102" s="150"/>
      <c r="B1102" s="164" t="s">
        <v>9508</v>
      </c>
      <c r="C1102" s="1150"/>
      <c r="D1102" s="1150"/>
      <c r="E1102" s="1150"/>
      <c r="F1102" s="1150"/>
      <c r="G1102" s="150"/>
      <c r="H1102" s="150"/>
    </row>
    <row r="1103" spans="1:8">
      <c r="A1103" s="150"/>
      <c r="B1103" s="1159" t="s">
        <v>8508</v>
      </c>
      <c r="C1103" s="1160"/>
      <c r="D1103" s="1160"/>
      <c r="E1103" s="1160"/>
      <c r="F1103" s="1161"/>
      <c r="G1103" s="150"/>
      <c r="H1103" s="150"/>
    </row>
    <row r="1104" spans="1:8">
      <c r="A1104" s="150"/>
      <c r="B1104" s="195" t="s">
        <v>9511</v>
      </c>
      <c r="C1104" s="196" t="s">
        <v>9512</v>
      </c>
      <c r="D1104" s="196" t="s">
        <v>9513</v>
      </c>
      <c r="E1104" s="196" t="s">
        <v>9514</v>
      </c>
      <c r="F1104" s="196"/>
      <c r="G1104" s="150"/>
      <c r="H1104" s="150"/>
    </row>
    <row r="1105" spans="1:8">
      <c r="A1105" s="150"/>
      <c r="B1105" s="195" t="s">
        <v>9515</v>
      </c>
      <c r="C1105" s="196" t="s">
        <v>9516</v>
      </c>
      <c r="D1105" s="196" t="s">
        <v>9517</v>
      </c>
      <c r="E1105" s="196" t="s">
        <v>5163</v>
      </c>
      <c r="F1105" s="194" t="s">
        <v>32154</v>
      </c>
      <c r="G1105" s="150"/>
      <c r="H1105" s="150"/>
    </row>
    <row r="1106" spans="1:8" ht="25.5">
      <c r="A1106" s="150"/>
      <c r="B1106" s="195" t="s">
        <v>31591</v>
      </c>
      <c r="C1106" s="196" t="s">
        <v>9518</v>
      </c>
      <c r="D1106" s="196" t="s">
        <v>9519</v>
      </c>
      <c r="E1106" s="196" t="s">
        <v>1413</v>
      </c>
      <c r="F1106" s="194" t="s">
        <v>32154</v>
      </c>
      <c r="G1106" s="150"/>
      <c r="H1106" s="150"/>
    </row>
    <row r="1107" spans="1:8">
      <c r="A1107" s="150"/>
      <c r="B1107" s="195" t="s">
        <v>9520</v>
      </c>
      <c r="C1107" s="196" t="s">
        <v>9521</v>
      </c>
      <c r="D1107" s="196"/>
      <c r="E1107" s="196"/>
      <c r="F1107" s="196"/>
      <c r="G1107" s="150"/>
      <c r="H1107" s="150"/>
    </row>
    <row r="1108" spans="1:8">
      <c r="A1108" s="150"/>
      <c r="B1108" s="1147" t="s">
        <v>9522</v>
      </c>
      <c r="C1108" s="1149" t="s">
        <v>9523</v>
      </c>
      <c r="D1108" s="159" t="s">
        <v>9524</v>
      </c>
      <c r="E1108" s="159" t="s">
        <v>9526</v>
      </c>
      <c r="F1108" s="1149"/>
      <c r="G1108" s="150"/>
      <c r="H1108" s="150"/>
    </row>
    <row r="1109" spans="1:8">
      <c r="A1109" s="150"/>
      <c r="B1109" s="1148"/>
      <c r="C1109" s="1150"/>
      <c r="D1109" s="161" t="s">
        <v>9525</v>
      </c>
      <c r="E1109" s="161" t="s">
        <v>9527</v>
      </c>
      <c r="F1109" s="1150"/>
      <c r="G1109" s="150"/>
      <c r="H1109" s="150"/>
    </row>
    <row r="1110" spans="1:8">
      <c r="A1110" s="150"/>
      <c r="B1110" s="195" t="s">
        <v>9528</v>
      </c>
      <c r="C1110" s="196" t="s">
        <v>9529</v>
      </c>
      <c r="D1110" s="196" t="s">
        <v>208</v>
      </c>
      <c r="E1110" s="196" t="s">
        <v>209</v>
      </c>
      <c r="F1110" s="196"/>
      <c r="G1110" s="150"/>
      <c r="H1110" s="150"/>
    </row>
    <row r="1111" spans="1:8" ht="25.5">
      <c r="A1111" s="150"/>
      <c r="B1111" s="195" t="s">
        <v>9530</v>
      </c>
      <c r="C1111" s="196" t="s">
        <v>9531</v>
      </c>
      <c r="D1111" s="196"/>
      <c r="E1111" s="196"/>
      <c r="F1111" s="196"/>
      <c r="G1111" s="150"/>
      <c r="H1111" s="150"/>
    </row>
    <row r="1112" spans="1:8">
      <c r="A1112" s="150"/>
      <c r="B1112" s="1159" t="s">
        <v>31592</v>
      </c>
      <c r="C1112" s="1160"/>
      <c r="D1112" s="1160"/>
      <c r="E1112" s="1160"/>
      <c r="F1112" s="1161"/>
      <c r="G1112" s="150"/>
      <c r="H1112" s="150"/>
    </row>
    <row r="1113" spans="1:8">
      <c r="A1113" s="150"/>
      <c r="B1113" s="162" t="s">
        <v>9532</v>
      </c>
      <c r="C1113" s="1149" t="s">
        <v>9533</v>
      </c>
      <c r="D1113" s="1149" t="s">
        <v>522</v>
      </c>
      <c r="E1113" s="1149" t="s">
        <v>523</v>
      </c>
      <c r="F1113" s="1149"/>
      <c r="G1113" s="150"/>
      <c r="H1113" s="150"/>
    </row>
    <row r="1114" spans="1:8" ht="76.5">
      <c r="A1114" s="150"/>
      <c r="B1114" s="164" t="s">
        <v>13463</v>
      </c>
      <c r="C1114" s="1150"/>
      <c r="D1114" s="1150"/>
      <c r="E1114" s="1150"/>
      <c r="F1114" s="1150"/>
      <c r="G1114" s="150"/>
      <c r="H1114" s="150"/>
    </row>
    <row r="1115" spans="1:8">
      <c r="A1115" s="150"/>
      <c r="B1115" s="1159" t="s">
        <v>8508</v>
      </c>
      <c r="C1115" s="1160"/>
      <c r="D1115" s="1160"/>
      <c r="E1115" s="1160"/>
      <c r="F1115" s="1161"/>
      <c r="G1115" s="150"/>
      <c r="H1115" s="150"/>
    </row>
    <row r="1116" spans="1:8">
      <c r="A1116" s="150"/>
      <c r="B1116" s="162" t="s">
        <v>9534</v>
      </c>
      <c r="C1116" s="1149" t="s">
        <v>9536</v>
      </c>
      <c r="D1116" s="1149" t="s">
        <v>9537</v>
      </c>
      <c r="E1116" s="1149" t="s">
        <v>9538</v>
      </c>
      <c r="F1116" s="1149"/>
      <c r="G1116" s="150"/>
      <c r="H1116" s="150"/>
    </row>
    <row r="1117" spans="1:8" ht="51">
      <c r="A1117" s="150"/>
      <c r="B1117" s="164" t="s">
        <v>9535</v>
      </c>
      <c r="C1117" s="1150"/>
      <c r="D1117" s="1150"/>
      <c r="E1117" s="1150"/>
      <c r="F1117" s="1150"/>
      <c r="G1117" s="150"/>
      <c r="H1117" s="150"/>
    </row>
    <row r="1118" spans="1:8">
      <c r="A1118" s="150"/>
      <c r="B1118" s="162" t="s">
        <v>9539</v>
      </c>
      <c r="C1118" s="1149" t="s">
        <v>9540</v>
      </c>
      <c r="D1118" s="1149" t="s">
        <v>9541</v>
      </c>
      <c r="E1118" s="1149" t="s">
        <v>9542</v>
      </c>
      <c r="F1118" s="1149"/>
      <c r="G1118" s="150"/>
      <c r="H1118" s="150"/>
    </row>
    <row r="1119" spans="1:8" ht="102">
      <c r="A1119" s="150"/>
      <c r="B1119" s="164" t="s">
        <v>13464</v>
      </c>
      <c r="C1119" s="1150"/>
      <c r="D1119" s="1150"/>
      <c r="E1119" s="1150"/>
      <c r="F1119" s="1150"/>
      <c r="G1119" s="150"/>
      <c r="H1119" s="150"/>
    </row>
    <row r="1120" spans="1:8">
      <c r="A1120" s="150"/>
      <c r="B1120" s="162" t="s">
        <v>9543</v>
      </c>
      <c r="C1120" s="1149" t="s">
        <v>9544</v>
      </c>
      <c r="D1120" s="1149" t="s">
        <v>9545</v>
      </c>
      <c r="E1120" s="1149" t="s">
        <v>9546</v>
      </c>
      <c r="F1120" s="1149"/>
      <c r="G1120" s="150"/>
      <c r="H1120" s="150"/>
    </row>
    <row r="1121" spans="1:8" ht="89.25">
      <c r="A1121" s="150"/>
      <c r="B1121" s="164" t="s">
        <v>13465</v>
      </c>
      <c r="C1121" s="1150"/>
      <c r="D1121" s="1150"/>
      <c r="E1121" s="1150"/>
      <c r="F1121" s="1150"/>
      <c r="G1121" s="150"/>
      <c r="H1121" s="150"/>
    </row>
    <row r="1122" spans="1:8">
      <c r="A1122" s="150"/>
      <c r="B1122" s="162" t="s">
        <v>9547</v>
      </c>
      <c r="C1122" s="1149" t="s">
        <v>9548</v>
      </c>
      <c r="D1122" s="1149" t="s">
        <v>9549</v>
      </c>
      <c r="E1122" s="1149" t="s">
        <v>9550</v>
      </c>
      <c r="F1122" s="1149"/>
      <c r="G1122" s="150"/>
      <c r="H1122" s="150"/>
    </row>
    <row r="1123" spans="1:8" ht="63.75">
      <c r="A1123" s="150"/>
      <c r="B1123" s="164" t="s">
        <v>13466</v>
      </c>
      <c r="C1123" s="1150"/>
      <c r="D1123" s="1150"/>
      <c r="E1123" s="1150"/>
      <c r="F1123" s="1150"/>
      <c r="G1123" s="150"/>
      <c r="H1123" s="150"/>
    </row>
    <row r="1124" spans="1:8">
      <c r="A1124" s="150"/>
      <c r="B1124" s="162" t="s">
        <v>9551</v>
      </c>
      <c r="C1124" s="1149" t="s">
        <v>9553</v>
      </c>
      <c r="D1124" s="1149" t="s">
        <v>9554</v>
      </c>
      <c r="E1124" s="1149" t="s">
        <v>9555</v>
      </c>
      <c r="F1124" s="1149"/>
      <c r="G1124" s="150"/>
      <c r="H1124" s="150"/>
    </row>
    <row r="1125" spans="1:8" ht="63.75">
      <c r="A1125" s="150"/>
      <c r="B1125" s="164" t="s">
        <v>9552</v>
      </c>
      <c r="C1125" s="1150"/>
      <c r="D1125" s="1150"/>
      <c r="E1125" s="1150"/>
      <c r="F1125" s="1150"/>
      <c r="G1125" s="150"/>
      <c r="H1125" s="150"/>
    </row>
    <row r="1126" spans="1:8" ht="25.5">
      <c r="A1126" s="150"/>
      <c r="B1126" s="162" t="s">
        <v>9556</v>
      </c>
      <c r="C1126" s="1149" t="s">
        <v>9557</v>
      </c>
      <c r="D1126" s="1149" t="s">
        <v>9558</v>
      </c>
      <c r="E1126" s="1149" t="s">
        <v>9559</v>
      </c>
      <c r="F1126" s="1149"/>
      <c r="G1126" s="150"/>
      <c r="H1126" s="150"/>
    </row>
    <row r="1127" spans="1:8" ht="114.75">
      <c r="A1127" s="150"/>
      <c r="B1127" s="164" t="s">
        <v>32159</v>
      </c>
      <c r="C1127" s="1150"/>
      <c r="D1127" s="1150"/>
      <c r="E1127" s="1150"/>
      <c r="F1127" s="1150"/>
      <c r="G1127" s="150"/>
      <c r="H1127" s="150"/>
    </row>
    <row r="1128" spans="1:8" ht="25.5">
      <c r="A1128" s="150"/>
      <c r="B1128" s="162" t="s">
        <v>9560</v>
      </c>
      <c r="C1128" s="1149" t="s">
        <v>9561</v>
      </c>
      <c r="D1128" s="1149" t="s">
        <v>9562</v>
      </c>
      <c r="E1128" s="1149" t="s">
        <v>9563</v>
      </c>
      <c r="F1128" s="1149"/>
      <c r="G1128" s="150"/>
      <c r="H1128" s="150"/>
    </row>
    <row r="1129" spans="1:8" ht="102">
      <c r="A1129" s="150"/>
      <c r="B1129" s="164" t="s">
        <v>32160</v>
      </c>
      <c r="C1129" s="1150"/>
      <c r="D1129" s="1150"/>
      <c r="E1129" s="1150"/>
      <c r="F1129" s="1150"/>
      <c r="G1129" s="150"/>
      <c r="H1129" s="150"/>
    </row>
    <row r="1130" spans="1:8" ht="25.5">
      <c r="A1130" s="150"/>
      <c r="B1130" s="162" t="s">
        <v>9564</v>
      </c>
      <c r="C1130" s="1149" t="s">
        <v>9565</v>
      </c>
      <c r="D1130" s="1149" t="s">
        <v>9566</v>
      </c>
      <c r="E1130" s="1149" t="s">
        <v>9567</v>
      </c>
      <c r="F1130" s="1149"/>
      <c r="G1130" s="150"/>
      <c r="H1130" s="150"/>
    </row>
    <row r="1131" spans="1:8" ht="89.25">
      <c r="A1131" s="150"/>
      <c r="B1131" s="164" t="s">
        <v>32161</v>
      </c>
      <c r="C1131" s="1150"/>
      <c r="D1131" s="1150"/>
      <c r="E1131" s="1150"/>
      <c r="F1131" s="1150"/>
      <c r="G1131" s="150"/>
      <c r="H1131" s="150"/>
    </row>
    <row r="1132" spans="1:8" ht="25.5">
      <c r="A1132" s="150"/>
      <c r="B1132" s="162" t="s">
        <v>9568</v>
      </c>
      <c r="C1132" s="1149" t="s">
        <v>9569</v>
      </c>
      <c r="D1132" s="1149" t="s">
        <v>9570</v>
      </c>
      <c r="E1132" s="1149" t="s">
        <v>9571</v>
      </c>
      <c r="F1132" s="1149"/>
      <c r="G1132" s="150"/>
      <c r="H1132" s="150"/>
    </row>
    <row r="1133" spans="1:8" ht="89.25">
      <c r="A1133" s="150"/>
      <c r="B1133" s="164" t="s">
        <v>32162</v>
      </c>
      <c r="C1133" s="1150"/>
      <c r="D1133" s="1150"/>
      <c r="E1133" s="1150"/>
      <c r="F1133" s="1150"/>
      <c r="G1133" s="150"/>
      <c r="H1133" s="150"/>
    </row>
    <row r="1134" spans="1:8" ht="25.5">
      <c r="A1134" s="150"/>
      <c r="B1134" s="162" t="s">
        <v>9572</v>
      </c>
      <c r="C1134" s="1149" t="s">
        <v>9573</v>
      </c>
      <c r="D1134" s="1149" t="s">
        <v>9574</v>
      </c>
      <c r="E1134" s="1149" t="s">
        <v>9575</v>
      </c>
      <c r="F1134" s="1149"/>
      <c r="G1134" s="150"/>
      <c r="H1134" s="150"/>
    </row>
    <row r="1135" spans="1:8" ht="89.25">
      <c r="A1135" s="150"/>
      <c r="B1135" s="164" t="s">
        <v>32163</v>
      </c>
      <c r="C1135" s="1150"/>
      <c r="D1135" s="1150"/>
      <c r="E1135" s="1150"/>
      <c r="F1135" s="1150"/>
      <c r="G1135" s="150"/>
      <c r="H1135" s="150"/>
    </row>
    <row r="1136" spans="1:8" ht="25.5">
      <c r="A1136" s="150"/>
      <c r="B1136" s="162" t="s">
        <v>9576</v>
      </c>
      <c r="C1136" s="1149" t="s">
        <v>9577</v>
      </c>
      <c r="D1136" s="1149" t="s">
        <v>9578</v>
      </c>
      <c r="E1136" s="1149" t="s">
        <v>9579</v>
      </c>
      <c r="F1136" s="1149"/>
      <c r="G1136" s="150"/>
      <c r="H1136" s="150"/>
    </row>
    <row r="1137" spans="1:8" ht="89.25">
      <c r="A1137" s="150"/>
      <c r="B1137" s="164" t="s">
        <v>32164</v>
      </c>
      <c r="C1137" s="1150"/>
      <c r="D1137" s="1150"/>
      <c r="E1137" s="1150"/>
      <c r="F1137" s="1150"/>
      <c r="G1137" s="150"/>
      <c r="H1137" s="150"/>
    </row>
    <row r="1138" spans="1:8" ht="25.5">
      <c r="A1138" s="150"/>
      <c r="B1138" s="162" t="s">
        <v>9580</v>
      </c>
      <c r="C1138" s="1149" t="s">
        <v>9581</v>
      </c>
      <c r="D1138" s="1149" t="s">
        <v>9582</v>
      </c>
      <c r="E1138" s="1149" t="s">
        <v>9583</v>
      </c>
      <c r="F1138" s="1149"/>
      <c r="G1138" s="150"/>
      <c r="H1138" s="150"/>
    </row>
    <row r="1139" spans="1:8" ht="76.5">
      <c r="A1139" s="150"/>
      <c r="B1139" s="164" t="s">
        <v>32165</v>
      </c>
      <c r="C1139" s="1150"/>
      <c r="D1139" s="1150"/>
      <c r="E1139" s="1150"/>
      <c r="F1139" s="1150"/>
      <c r="G1139" s="150"/>
      <c r="H1139" s="150"/>
    </row>
    <row r="1140" spans="1:8" ht="25.5">
      <c r="A1140" s="150"/>
      <c r="B1140" s="162" t="s">
        <v>9584</v>
      </c>
      <c r="C1140" s="1149" t="s">
        <v>9585</v>
      </c>
      <c r="D1140" s="1149" t="s">
        <v>9586</v>
      </c>
      <c r="E1140" s="1149" t="s">
        <v>9587</v>
      </c>
      <c r="F1140" s="1149"/>
      <c r="G1140" s="150"/>
      <c r="H1140" s="150"/>
    </row>
    <row r="1141" spans="1:8" ht="76.5">
      <c r="A1141" s="150"/>
      <c r="B1141" s="164" t="s">
        <v>32166</v>
      </c>
      <c r="C1141" s="1150"/>
      <c r="D1141" s="1150"/>
      <c r="E1141" s="1150"/>
      <c r="F1141" s="1150"/>
      <c r="G1141" s="150"/>
      <c r="H1141" s="150"/>
    </row>
    <row r="1142" spans="1:8" ht="25.5">
      <c r="A1142" s="150"/>
      <c r="B1142" s="162" t="s">
        <v>9588</v>
      </c>
      <c r="C1142" s="1149" t="s">
        <v>9589</v>
      </c>
      <c r="D1142" s="1149" t="s">
        <v>9590</v>
      </c>
      <c r="E1142" s="1149" t="s">
        <v>9591</v>
      </c>
      <c r="F1142" s="1149"/>
      <c r="G1142" s="150"/>
      <c r="H1142" s="150"/>
    </row>
    <row r="1143" spans="1:8" ht="89.25">
      <c r="A1143" s="150"/>
      <c r="B1143" s="164" t="s">
        <v>32167</v>
      </c>
      <c r="C1143" s="1150"/>
      <c r="D1143" s="1150"/>
      <c r="E1143" s="1150"/>
      <c r="F1143" s="1150"/>
      <c r="G1143" s="150"/>
      <c r="H1143" s="150"/>
    </row>
    <row r="1144" spans="1:8" ht="25.5">
      <c r="A1144" s="150"/>
      <c r="B1144" s="162" t="s">
        <v>9592</v>
      </c>
      <c r="C1144" s="1149" t="s">
        <v>9593</v>
      </c>
      <c r="D1144" s="1149" t="s">
        <v>9594</v>
      </c>
      <c r="E1144" s="1149" t="s">
        <v>9595</v>
      </c>
      <c r="F1144" s="1149"/>
      <c r="G1144" s="150"/>
      <c r="H1144" s="150"/>
    </row>
    <row r="1145" spans="1:8" ht="76.5">
      <c r="A1145" s="150"/>
      <c r="B1145" s="164" t="s">
        <v>32168</v>
      </c>
      <c r="C1145" s="1150"/>
      <c r="D1145" s="1150"/>
      <c r="E1145" s="1150"/>
      <c r="F1145" s="1150"/>
      <c r="G1145" s="150"/>
      <c r="H1145" s="150"/>
    </row>
    <row r="1146" spans="1:8" ht="25.5">
      <c r="A1146" s="150"/>
      <c r="B1146" s="162" t="s">
        <v>9596</v>
      </c>
      <c r="C1146" s="1149" t="s">
        <v>9597</v>
      </c>
      <c r="D1146" s="1149" t="s">
        <v>9598</v>
      </c>
      <c r="E1146" s="1149" t="s">
        <v>9599</v>
      </c>
      <c r="F1146" s="1149"/>
      <c r="G1146" s="150"/>
      <c r="H1146" s="150"/>
    </row>
    <row r="1147" spans="1:8" ht="89.25">
      <c r="A1147" s="150"/>
      <c r="B1147" s="164" t="s">
        <v>32169</v>
      </c>
      <c r="C1147" s="1150"/>
      <c r="D1147" s="1150"/>
      <c r="E1147" s="1150"/>
      <c r="F1147" s="1150"/>
      <c r="G1147" s="150"/>
      <c r="H1147" s="150"/>
    </row>
    <row r="1148" spans="1:8" ht="25.5">
      <c r="A1148" s="150"/>
      <c r="B1148" s="162" t="s">
        <v>9600</v>
      </c>
      <c r="C1148" s="1149" t="s">
        <v>9601</v>
      </c>
      <c r="D1148" s="1149" t="s">
        <v>9602</v>
      </c>
      <c r="E1148" s="1149" t="s">
        <v>9603</v>
      </c>
      <c r="F1148" s="1149"/>
      <c r="G1148" s="150"/>
      <c r="H1148" s="150"/>
    </row>
    <row r="1149" spans="1:8" ht="89.25">
      <c r="A1149" s="150"/>
      <c r="B1149" s="164" t="s">
        <v>32170</v>
      </c>
      <c r="C1149" s="1150"/>
      <c r="D1149" s="1150"/>
      <c r="E1149" s="1150"/>
      <c r="F1149" s="1150"/>
      <c r="G1149" s="150"/>
      <c r="H1149" s="150"/>
    </row>
    <row r="1150" spans="1:8" ht="25.5">
      <c r="A1150" s="150"/>
      <c r="B1150" s="162" t="s">
        <v>32171</v>
      </c>
      <c r="C1150" s="1149" t="s">
        <v>9604</v>
      </c>
      <c r="D1150" s="1149" t="s">
        <v>9605</v>
      </c>
      <c r="E1150" s="1149" t="s">
        <v>9606</v>
      </c>
      <c r="F1150" s="1163" t="s">
        <v>32172</v>
      </c>
      <c r="G1150" s="150"/>
      <c r="H1150" s="150"/>
    </row>
    <row r="1151" spans="1:8" ht="63.75">
      <c r="A1151" s="150"/>
      <c r="B1151" s="164" t="s">
        <v>32173</v>
      </c>
      <c r="C1151" s="1150"/>
      <c r="D1151" s="1150"/>
      <c r="E1151" s="1150"/>
      <c r="F1151" s="1164"/>
      <c r="G1151" s="150"/>
      <c r="H1151" s="150"/>
    </row>
    <row r="1152" spans="1:8">
      <c r="A1152" s="150"/>
      <c r="B1152" s="162" t="s">
        <v>9607</v>
      </c>
      <c r="C1152" s="1149" t="s">
        <v>9608</v>
      </c>
      <c r="D1152" s="1149" t="s">
        <v>9609</v>
      </c>
      <c r="E1152" s="1149" t="s">
        <v>9610</v>
      </c>
      <c r="F1152" s="1163" t="s">
        <v>32172</v>
      </c>
      <c r="G1152" s="150"/>
      <c r="H1152" s="150"/>
    </row>
    <row r="1153" spans="1:8" ht="63.75">
      <c r="A1153" s="150"/>
      <c r="B1153" s="164" t="s">
        <v>32174</v>
      </c>
      <c r="C1153" s="1150"/>
      <c r="D1153" s="1150"/>
      <c r="E1153" s="1150"/>
      <c r="F1153" s="1164"/>
      <c r="G1153" s="150"/>
      <c r="H1153" s="150"/>
    </row>
    <row r="1154" spans="1:8" ht="25.5">
      <c r="A1154" s="150"/>
      <c r="B1154" s="162" t="s">
        <v>32175</v>
      </c>
      <c r="C1154" s="1149" t="s">
        <v>9611</v>
      </c>
      <c r="D1154" s="1149" t="s">
        <v>9612</v>
      </c>
      <c r="E1154" s="1149" t="s">
        <v>9613</v>
      </c>
      <c r="F1154" s="1163" t="s">
        <v>32172</v>
      </c>
      <c r="G1154" s="150"/>
      <c r="H1154" s="150"/>
    </row>
    <row r="1155" spans="1:8" ht="63.75">
      <c r="A1155" s="150"/>
      <c r="B1155" s="164" t="s">
        <v>32176</v>
      </c>
      <c r="C1155" s="1150"/>
      <c r="D1155" s="1150"/>
      <c r="E1155" s="1150"/>
      <c r="F1155" s="1164"/>
      <c r="G1155" s="150"/>
      <c r="H1155" s="150"/>
    </row>
    <row r="1156" spans="1:8" ht="25.5">
      <c r="A1156" s="150"/>
      <c r="B1156" s="162" t="s">
        <v>32177</v>
      </c>
      <c r="C1156" s="1149" t="s">
        <v>9614</v>
      </c>
      <c r="D1156" s="1149" t="s">
        <v>9615</v>
      </c>
      <c r="E1156" s="1149" t="s">
        <v>9616</v>
      </c>
      <c r="F1156" s="1163" t="s">
        <v>32172</v>
      </c>
      <c r="G1156" s="150"/>
      <c r="H1156" s="150"/>
    </row>
    <row r="1157" spans="1:8" ht="63.75">
      <c r="A1157" s="150"/>
      <c r="B1157" s="164" t="s">
        <v>32178</v>
      </c>
      <c r="C1157" s="1150"/>
      <c r="D1157" s="1150"/>
      <c r="E1157" s="1150"/>
      <c r="F1157" s="1164"/>
      <c r="G1157" s="150"/>
      <c r="H1157" s="150"/>
    </row>
    <row r="1158" spans="1:8" ht="25.5">
      <c r="A1158" s="150"/>
      <c r="B1158" s="162" t="s">
        <v>32179</v>
      </c>
      <c r="C1158" s="1149" t="s">
        <v>9617</v>
      </c>
      <c r="D1158" s="1149" t="s">
        <v>9618</v>
      </c>
      <c r="E1158" s="1149" t="s">
        <v>9619</v>
      </c>
      <c r="F1158" s="1163" t="s">
        <v>32172</v>
      </c>
      <c r="G1158" s="150"/>
      <c r="H1158" s="150"/>
    </row>
    <row r="1159" spans="1:8" ht="63.75">
      <c r="A1159" s="150"/>
      <c r="B1159" s="164" t="s">
        <v>32180</v>
      </c>
      <c r="C1159" s="1150"/>
      <c r="D1159" s="1150"/>
      <c r="E1159" s="1150"/>
      <c r="F1159" s="1164"/>
      <c r="G1159" s="150"/>
      <c r="H1159" s="150"/>
    </row>
    <row r="1160" spans="1:8" ht="25.5">
      <c r="A1160" s="150"/>
      <c r="B1160" s="162" t="s">
        <v>32181</v>
      </c>
      <c r="C1160" s="1149" t="s">
        <v>9620</v>
      </c>
      <c r="D1160" s="1149" t="s">
        <v>9621</v>
      </c>
      <c r="E1160" s="1149" t="s">
        <v>9622</v>
      </c>
      <c r="F1160" s="1163" t="s">
        <v>32172</v>
      </c>
      <c r="G1160" s="150"/>
      <c r="H1160" s="150"/>
    </row>
    <row r="1161" spans="1:8" ht="63.75">
      <c r="A1161" s="150"/>
      <c r="B1161" s="164" t="s">
        <v>32182</v>
      </c>
      <c r="C1161" s="1150"/>
      <c r="D1161" s="1150"/>
      <c r="E1161" s="1150"/>
      <c r="F1161" s="1164"/>
      <c r="G1161" s="150"/>
      <c r="H1161" s="150"/>
    </row>
    <row r="1162" spans="1:8">
      <c r="A1162" s="150"/>
      <c r="B1162" s="162" t="s">
        <v>32183</v>
      </c>
      <c r="C1162" s="1149" t="s">
        <v>9623</v>
      </c>
      <c r="D1162" s="1149" t="s">
        <v>9624</v>
      </c>
      <c r="E1162" s="1149" t="s">
        <v>9625</v>
      </c>
      <c r="F1162" s="1163" t="s">
        <v>32172</v>
      </c>
      <c r="G1162" s="150"/>
      <c r="H1162" s="150"/>
    </row>
    <row r="1163" spans="1:8" ht="63.75">
      <c r="A1163" s="150"/>
      <c r="B1163" s="164" t="s">
        <v>32184</v>
      </c>
      <c r="C1163" s="1150"/>
      <c r="D1163" s="1150"/>
      <c r="E1163" s="1150"/>
      <c r="F1163" s="1164"/>
      <c r="G1163" s="150"/>
      <c r="H1163" s="150"/>
    </row>
    <row r="1164" spans="1:8" ht="25.5">
      <c r="A1164" s="150"/>
      <c r="B1164" s="162" t="s">
        <v>9626</v>
      </c>
      <c r="C1164" s="1149" t="s">
        <v>9628</v>
      </c>
      <c r="D1164" s="1149" t="s">
        <v>9629</v>
      </c>
      <c r="E1164" s="1149" t="s">
        <v>9630</v>
      </c>
      <c r="F1164" s="1163" t="s">
        <v>32172</v>
      </c>
      <c r="G1164" s="150"/>
      <c r="H1164" s="150"/>
    </row>
    <row r="1165" spans="1:8" ht="51">
      <c r="A1165" s="150"/>
      <c r="B1165" s="164" t="s">
        <v>9627</v>
      </c>
      <c r="C1165" s="1150"/>
      <c r="D1165" s="1150"/>
      <c r="E1165" s="1150"/>
      <c r="F1165" s="1164"/>
      <c r="G1165" s="150"/>
      <c r="H1165" s="150"/>
    </row>
    <row r="1166" spans="1:8" ht="25.5">
      <c r="A1166" s="150"/>
      <c r="B1166" s="162" t="s">
        <v>9631</v>
      </c>
      <c r="C1166" s="1149" t="s">
        <v>9632</v>
      </c>
      <c r="D1166" s="1149" t="s">
        <v>9633</v>
      </c>
      <c r="E1166" s="1149" t="s">
        <v>9634</v>
      </c>
      <c r="F1166" s="1163" t="s">
        <v>32172</v>
      </c>
      <c r="G1166" s="150"/>
      <c r="H1166" s="150"/>
    </row>
    <row r="1167" spans="1:8" ht="63.75">
      <c r="A1167" s="150"/>
      <c r="B1167" s="164" t="s">
        <v>32185</v>
      </c>
      <c r="C1167" s="1150"/>
      <c r="D1167" s="1150"/>
      <c r="E1167" s="1150"/>
      <c r="F1167" s="1164"/>
      <c r="G1167" s="150"/>
      <c r="H1167" s="150"/>
    </row>
    <row r="1168" spans="1:8" ht="25.5">
      <c r="A1168" s="150"/>
      <c r="B1168" s="162" t="s">
        <v>9635</v>
      </c>
      <c r="C1168" s="1149" t="s">
        <v>9637</v>
      </c>
      <c r="D1168" s="1149" t="s">
        <v>9638</v>
      </c>
      <c r="E1168" s="1149" t="s">
        <v>9639</v>
      </c>
      <c r="F1168" s="1163" t="s">
        <v>32172</v>
      </c>
      <c r="G1168" s="150"/>
      <c r="H1168" s="150"/>
    </row>
    <row r="1169" spans="1:8" ht="63.75">
      <c r="A1169" s="150"/>
      <c r="B1169" s="164" t="s">
        <v>9636</v>
      </c>
      <c r="C1169" s="1150"/>
      <c r="D1169" s="1150"/>
      <c r="E1169" s="1150"/>
      <c r="F1169" s="1164"/>
      <c r="G1169" s="150"/>
      <c r="H1169" s="150"/>
    </row>
    <row r="1170" spans="1:8" ht="25.5">
      <c r="A1170" s="150"/>
      <c r="B1170" s="162" t="s">
        <v>9640</v>
      </c>
      <c r="C1170" s="1149" t="s">
        <v>9641</v>
      </c>
      <c r="D1170" s="1149" t="s">
        <v>9642</v>
      </c>
      <c r="E1170" s="1149" t="s">
        <v>9643</v>
      </c>
      <c r="F1170" s="1163" t="s">
        <v>32172</v>
      </c>
      <c r="G1170" s="150"/>
      <c r="H1170" s="150"/>
    </row>
    <row r="1171" spans="1:8" ht="63.75">
      <c r="A1171" s="150"/>
      <c r="B1171" s="164" t="s">
        <v>32186</v>
      </c>
      <c r="C1171" s="1150"/>
      <c r="D1171" s="1150"/>
      <c r="E1171" s="1150"/>
      <c r="F1171" s="1164"/>
      <c r="G1171" s="150"/>
      <c r="H1171" s="150"/>
    </row>
    <row r="1172" spans="1:8" ht="25.5">
      <c r="A1172" s="150"/>
      <c r="B1172" s="162" t="s">
        <v>9644</v>
      </c>
      <c r="C1172" s="1149" t="s">
        <v>9645</v>
      </c>
      <c r="D1172" s="1149" t="s">
        <v>9646</v>
      </c>
      <c r="E1172" s="1149" t="s">
        <v>9647</v>
      </c>
      <c r="F1172" s="1163" t="s">
        <v>32172</v>
      </c>
      <c r="G1172" s="150"/>
      <c r="H1172" s="150"/>
    </row>
    <row r="1173" spans="1:8" ht="63.75">
      <c r="A1173" s="150"/>
      <c r="B1173" s="164" t="s">
        <v>32187</v>
      </c>
      <c r="C1173" s="1150"/>
      <c r="D1173" s="1150"/>
      <c r="E1173" s="1150"/>
      <c r="F1173" s="1164"/>
      <c r="G1173" s="150"/>
      <c r="H1173" s="150"/>
    </row>
    <row r="1174" spans="1:8">
      <c r="A1174" s="150"/>
      <c r="B1174" s="162" t="s">
        <v>9648</v>
      </c>
      <c r="C1174" s="1149" t="s">
        <v>9649</v>
      </c>
      <c r="D1174" s="1149" t="s">
        <v>9650</v>
      </c>
      <c r="E1174" s="1149" t="s">
        <v>9651</v>
      </c>
      <c r="F1174" s="1163" t="s">
        <v>32172</v>
      </c>
      <c r="G1174" s="150"/>
      <c r="H1174" s="150"/>
    </row>
    <row r="1175" spans="1:8" ht="63.75">
      <c r="A1175" s="150"/>
      <c r="B1175" s="164" t="s">
        <v>32188</v>
      </c>
      <c r="C1175" s="1150"/>
      <c r="D1175" s="1150"/>
      <c r="E1175" s="1150"/>
      <c r="F1175" s="1164"/>
      <c r="G1175" s="150"/>
      <c r="H1175" s="150"/>
    </row>
    <row r="1176" spans="1:8" ht="25.5">
      <c r="A1176" s="150"/>
      <c r="B1176" s="195" t="s">
        <v>32189</v>
      </c>
      <c r="C1176" s="196" t="s">
        <v>9652</v>
      </c>
      <c r="D1176" s="196" t="s">
        <v>9653</v>
      </c>
      <c r="E1176" s="196" t="s">
        <v>9654</v>
      </c>
      <c r="F1176" s="194" t="s">
        <v>32172</v>
      </c>
      <c r="G1176" s="150"/>
      <c r="H1176" s="150"/>
    </row>
    <row r="1177" spans="1:8" ht="38.25">
      <c r="A1177" s="150"/>
      <c r="B1177" s="162" t="s">
        <v>9655</v>
      </c>
      <c r="C1177" s="1149" t="s">
        <v>9656</v>
      </c>
      <c r="D1177" s="1149" t="s">
        <v>9657</v>
      </c>
      <c r="E1177" s="1149" t="s">
        <v>9658</v>
      </c>
      <c r="F1177" s="1163" t="s">
        <v>32172</v>
      </c>
      <c r="G1177" s="150"/>
      <c r="H1177" s="150"/>
    </row>
    <row r="1178" spans="1:8" ht="63.75">
      <c r="A1178" s="150"/>
      <c r="B1178" s="164" t="s">
        <v>32190</v>
      </c>
      <c r="C1178" s="1150"/>
      <c r="D1178" s="1150"/>
      <c r="E1178" s="1150"/>
      <c r="F1178" s="1164"/>
      <c r="G1178" s="150"/>
      <c r="H1178" s="150"/>
    </row>
    <row r="1179" spans="1:8" ht="25.5">
      <c r="A1179" s="150"/>
      <c r="B1179" s="162" t="s">
        <v>9659</v>
      </c>
      <c r="C1179" s="1149" t="s">
        <v>9660</v>
      </c>
      <c r="D1179" s="1149" t="s">
        <v>9661</v>
      </c>
      <c r="E1179" s="1149" t="s">
        <v>9662</v>
      </c>
      <c r="F1179" s="1163" t="s">
        <v>32172</v>
      </c>
      <c r="G1179" s="150"/>
      <c r="H1179" s="150"/>
    </row>
    <row r="1180" spans="1:8" ht="51">
      <c r="A1180" s="150"/>
      <c r="B1180" s="164" t="s">
        <v>32191</v>
      </c>
      <c r="C1180" s="1150"/>
      <c r="D1180" s="1150"/>
      <c r="E1180" s="1150"/>
      <c r="F1180" s="1164"/>
      <c r="G1180" s="150"/>
      <c r="H1180" s="150"/>
    </row>
    <row r="1181" spans="1:8" ht="38.25">
      <c r="A1181" s="150"/>
      <c r="B1181" s="162" t="s">
        <v>9663</v>
      </c>
      <c r="C1181" s="1149" t="s">
        <v>9664</v>
      </c>
      <c r="D1181" s="1149" t="s">
        <v>9665</v>
      </c>
      <c r="E1181" s="1149" t="s">
        <v>9666</v>
      </c>
      <c r="F1181" s="1163" t="s">
        <v>32172</v>
      </c>
      <c r="G1181" s="150"/>
      <c r="H1181" s="150"/>
    </row>
    <row r="1182" spans="1:8" ht="76.5">
      <c r="A1182" s="150"/>
      <c r="B1182" s="164" t="s">
        <v>32192</v>
      </c>
      <c r="C1182" s="1150"/>
      <c r="D1182" s="1150"/>
      <c r="E1182" s="1150"/>
      <c r="F1182" s="1164"/>
      <c r="G1182" s="150"/>
      <c r="H1182" s="150"/>
    </row>
    <row r="1183" spans="1:8" ht="25.5">
      <c r="A1183" s="150"/>
      <c r="B1183" s="162" t="s">
        <v>9667</v>
      </c>
      <c r="C1183" s="1149" t="s">
        <v>9668</v>
      </c>
      <c r="D1183" s="1149" t="s">
        <v>9669</v>
      </c>
      <c r="E1183" s="1149" t="s">
        <v>9670</v>
      </c>
      <c r="F1183" s="1163" t="s">
        <v>32172</v>
      </c>
      <c r="G1183" s="150"/>
      <c r="H1183" s="150"/>
    </row>
    <row r="1184" spans="1:8" ht="63.75">
      <c r="A1184" s="150"/>
      <c r="B1184" s="164" t="s">
        <v>32193</v>
      </c>
      <c r="C1184" s="1150"/>
      <c r="D1184" s="1150"/>
      <c r="E1184" s="1150"/>
      <c r="F1184" s="1164"/>
      <c r="G1184" s="150"/>
      <c r="H1184" s="150"/>
    </row>
    <row r="1185" spans="1:8" ht="25.5">
      <c r="A1185" s="150"/>
      <c r="B1185" s="162" t="s">
        <v>32194</v>
      </c>
      <c r="C1185" s="1149" t="s">
        <v>9671</v>
      </c>
      <c r="D1185" s="1149" t="s">
        <v>9672</v>
      </c>
      <c r="E1185" s="1149" t="s">
        <v>9673</v>
      </c>
      <c r="F1185" s="1163" t="s">
        <v>32172</v>
      </c>
      <c r="G1185" s="150"/>
      <c r="H1185" s="150"/>
    </row>
    <row r="1186" spans="1:8" ht="76.5">
      <c r="A1186" s="150"/>
      <c r="B1186" s="164" t="s">
        <v>32195</v>
      </c>
      <c r="C1186" s="1150"/>
      <c r="D1186" s="1150"/>
      <c r="E1186" s="1150"/>
      <c r="F1186" s="1164"/>
      <c r="G1186" s="150"/>
      <c r="H1186" s="150"/>
    </row>
    <row r="1187" spans="1:8" ht="25.5">
      <c r="A1187" s="150"/>
      <c r="B1187" s="162" t="s">
        <v>32196</v>
      </c>
      <c r="C1187" s="1149" t="s">
        <v>9674</v>
      </c>
      <c r="D1187" s="1149" t="s">
        <v>9675</v>
      </c>
      <c r="E1187" s="1149" t="s">
        <v>9676</v>
      </c>
      <c r="F1187" s="1163" t="s">
        <v>32172</v>
      </c>
      <c r="G1187" s="150"/>
      <c r="H1187" s="150"/>
    </row>
    <row r="1188" spans="1:8" ht="76.5">
      <c r="A1188" s="150"/>
      <c r="B1188" s="164" t="s">
        <v>32197</v>
      </c>
      <c r="C1188" s="1150"/>
      <c r="D1188" s="1150"/>
      <c r="E1188" s="1150"/>
      <c r="F1188" s="1164"/>
      <c r="G1188" s="150"/>
      <c r="H1188" s="150"/>
    </row>
    <row r="1189" spans="1:8" ht="25.5">
      <c r="A1189" s="150"/>
      <c r="B1189" s="162" t="s">
        <v>9677</v>
      </c>
      <c r="C1189" s="1149" t="s">
        <v>9678</v>
      </c>
      <c r="D1189" s="1149" t="s">
        <v>9679</v>
      </c>
      <c r="E1189" s="1149" t="s">
        <v>9680</v>
      </c>
      <c r="F1189" s="1163" t="s">
        <v>32172</v>
      </c>
      <c r="G1189" s="150"/>
      <c r="H1189" s="150"/>
    </row>
    <row r="1190" spans="1:8" ht="51">
      <c r="A1190" s="150"/>
      <c r="B1190" s="164" t="s">
        <v>32198</v>
      </c>
      <c r="C1190" s="1150"/>
      <c r="D1190" s="1150"/>
      <c r="E1190" s="1150"/>
      <c r="F1190" s="1164"/>
      <c r="G1190" s="150"/>
      <c r="H1190" s="150"/>
    </row>
    <row r="1191" spans="1:8" ht="25.5">
      <c r="A1191" s="150"/>
      <c r="B1191" s="162" t="s">
        <v>32199</v>
      </c>
      <c r="C1191" s="1149" t="s">
        <v>9681</v>
      </c>
      <c r="D1191" s="1149" t="s">
        <v>9682</v>
      </c>
      <c r="E1191" s="1149" t="s">
        <v>9683</v>
      </c>
      <c r="F1191" s="1163" t="s">
        <v>32172</v>
      </c>
      <c r="G1191" s="150"/>
      <c r="H1191" s="150"/>
    </row>
    <row r="1192" spans="1:8" ht="51">
      <c r="A1192" s="150"/>
      <c r="B1192" s="164" t="s">
        <v>32200</v>
      </c>
      <c r="C1192" s="1150"/>
      <c r="D1192" s="1150"/>
      <c r="E1192" s="1150"/>
      <c r="F1192" s="1164"/>
      <c r="G1192" s="150"/>
      <c r="H1192" s="150"/>
    </row>
    <row r="1193" spans="1:8" ht="25.5">
      <c r="A1193" s="150"/>
      <c r="B1193" s="162" t="s">
        <v>9684</v>
      </c>
      <c r="C1193" s="1149" t="s">
        <v>9685</v>
      </c>
      <c r="D1193" s="1149" t="s">
        <v>9686</v>
      </c>
      <c r="E1193" s="1149" t="s">
        <v>9687</v>
      </c>
      <c r="F1193" s="1163" t="s">
        <v>32172</v>
      </c>
      <c r="G1193" s="150"/>
      <c r="H1193" s="150"/>
    </row>
    <row r="1194" spans="1:8" ht="51">
      <c r="A1194" s="150"/>
      <c r="B1194" s="164" t="s">
        <v>32201</v>
      </c>
      <c r="C1194" s="1150"/>
      <c r="D1194" s="1150"/>
      <c r="E1194" s="1150"/>
      <c r="F1194" s="1164"/>
      <c r="G1194" s="150"/>
      <c r="H1194" s="150"/>
    </row>
    <row r="1195" spans="1:8" ht="25.5">
      <c r="A1195" s="150"/>
      <c r="B1195" s="162" t="s">
        <v>9688</v>
      </c>
      <c r="C1195" s="1149" t="s">
        <v>9689</v>
      </c>
      <c r="D1195" s="1149" t="s">
        <v>9690</v>
      </c>
      <c r="E1195" s="1149" t="s">
        <v>9691</v>
      </c>
      <c r="F1195" s="1163" t="s">
        <v>32172</v>
      </c>
      <c r="G1195" s="150"/>
      <c r="H1195" s="150"/>
    </row>
    <row r="1196" spans="1:8" ht="76.5">
      <c r="A1196" s="150"/>
      <c r="B1196" s="164" t="s">
        <v>32202</v>
      </c>
      <c r="C1196" s="1150"/>
      <c r="D1196" s="1150"/>
      <c r="E1196" s="1150"/>
      <c r="F1196" s="1164"/>
      <c r="G1196" s="150"/>
      <c r="H1196" s="150"/>
    </row>
    <row r="1197" spans="1:8" ht="25.5">
      <c r="A1197" s="150"/>
      <c r="B1197" s="162" t="s">
        <v>9692</v>
      </c>
      <c r="C1197" s="1149" t="s">
        <v>9693</v>
      </c>
      <c r="D1197" s="1149" t="s">
        <v>9694</v>
      </c>
      <c r="E1197" s="1149" t="s">
        <v>9695</v>
      </c>
      <c r="F1197" s="1163" t="s">
        <v>32172</v>
      </c>
      <c r="G1197" s="150"/>
      <c r="H1197" s="150"/>
    </row>
    <row r="1198" spans="1:8" ht="51">
      <c r="A1198" s="150"/>
      <c r="B1198" s="164" t="s">
        <v>32203</v>
      </c>
      <c r="C1198" s="1150"/>
      <c r="D1198" s="1150"/>
      <c r="E1198" s="1150"/>
      <c r="F1198" s="1164"/>
      <c r="G1198" s="150"/>
      <c r="H1198" s="150"/>
    </row>
    <row r="1199" spans="1:8" ht="25.5">
      <c r="A1199" s="150"/>
      <c r="B1199" s="162" t="s">
        <v>32204</v>
      </c>
      <c r="C1199" s="1149" t="s">
        <v>9696</v>
      </c>
      <c r="D1199" s="1149" t="s">
        <v>9697</v>
      </c>
      <c r="E1199" s="1149" t="s">
        <v>9698</v>
      </c>
      <c r="F1199" s="1163" t="s">
        <v>32172</v>
      </c>
      <c r="G1199" s="150"/>
      <c r="H1199" s="150"/>
    </row>
    <row r="1200" spans="1:8" ht="63.75">
      <c r="A1200" s="150"/>
      <c r="B1200" s="164" t="s">
        <v>32205</v>
      </c>
      <c r="C1200" s="1150"/>
      <c r="D1200" s="1150"/>
      <c r="E1200" s="1150"/>
      <c r="F1200" s="1164"/>
      <c r="G1200" s="150"/>
      <c r="H1200" s="150"/>
    </row>
    <row r="1201" spans="1:8">
      <c r="A1201" s="150"/>
      <c r="B1201" s="162" t="s">
        <v>32206</v>
      </c>
      <c r="C1201" s="1149" t="s">
        <v>9699</v>
      </c>
      <c r="D1201" s="1149" t="s">
        <v>9700</v>
      </c>
      <c r="E1201" s="1149" t="s">
        <v>9701</v>
      </c>
      <c r="F1201" s="1163" t="s">
        <v>32172</v>
      </c>
      <c r="G1201" s="150"/>
      <c r="H1201" s="150"/>
    </row>
    <row r="1202" spans="1:8" ht="76.5">
      <c r="A1202" s="150"/>
      <c r="B1202" s="164" t="s">
        <v>32207</v>
      </c>
      <c r="C1202" s="1150"/>
      <c r="D1202" s="1150"/>
      <c r="E1202" s="1150"/>
      <c r="F1202" s="1164"/>
      <c r="G1202" s="150"/>
      <c r="H1202" s="150"/>
    </row>
    <row r="1203" spans="1:8">
      <c r="A1203" s="150"/>
      <c r="B1203" s="162" t="s">
        <v>32208</v>
      </c>
      <c r="C1203" s="1149" t="s">
        <v>9702</v>
      </c>
      <c r="D1203" s="1149" t="s">
        <v>9703</v>
      </c>
      <c r="E1203" s="1149" t="s">
        <v>9704</v>
      </c>
      <c r="F1203" s="1163" t="s">
        <v>32172</v>
      </c>
      <c r="G1203" s="150"/>
      <c r="H1203" s="150"/>
    </row>
    <row r="1204" spans="1:8" ht="76.5">
      <c r="A1204" s="150"/>
      <c r="B1204" s="164" t="s">
        <v>32209</v>
      </c>
      <c r="C1204" s="1150"/>
      <c r="D1204" s="1150"/>
      <c r="E1204" s="1150"/>
      <c r="F1204" s="1164"/>
      <c r="G1204" s="150"/>
      <c r="H1204" s="150"/>
    </row>
    <row r="1205" spans="1:8">
      <c r="A1205" s="150"/>
      <c r="B1205" s="162" t="s">
        <v>32210</v>
      </c>
      <c r="C1205" s="1149" t="s">
        <v>9705</v>
      </c>
      <c r="D1205" s="1149" t="s">
        <v>9706</v>
      </c>
      <c r="E1205" s="1149" t="s">
        <v>9707</v>
      </c>
      <c r="F1205" s="1163" t="s">
        <v>32172</v>
      </c>
      <c r="G1205" s="150"/>
      <c r="H1205" s="150"/>
    </row>
    <row r="1206" spans="1:8" ht="51">
      <c r="A1206" s="150"/>
      <c r="B1206" s="164" t="s">
        <v>32211</v>
      </c>
      <c r="C1206" s="1150"/>
      <c r="D1206" s="1150"/>
      <c r="E1206" s="1150"/>
      <c r="F1206" s="1164"/>
      <c r="G1206" s="150"/>
      <c r="H1206" s="150"/>
    </row>
    <row r="1207" spans="1:8">
      <c r="A1207" s="150"/>
      <c r="B1207" s="195" t="s">
        <v>32212</v>
      </c>
      <c r="C1207" s="196" t="s">
        <v>9708</v>
      </c>
      <c r="D1207" s="196" t="s">
        <v>9709</v>
      </c>
      <c r="E1207" s="196" t="s">
        <v>9710</v>
      </c>
      <c r="F1207" s="194" t="s">
        <v>32172</v>
      </c>
      <c r="G1207" s="150"/>
      <c r="H1207" s="150"/>
    </row>
    <row r="1208" spans="1:8">
      <c r="A1208" s="150"/>
      <c r="B1208" s="162" t="s">
        <v>32213</v>
      </c>
      <c r="C1208" s="1149" t="s">
        <v>9711</v>
      </c>
      <c r="D1208" s="1149" t="s">
        <v>9712</v>
      </c>
      <c r="E1208" s="1149" t="s">
        <v>9713</v>
      </c>
      <c r="F1208" s="1163" t="s">
        <v>32172</v>
      </c>
      <c r="G1208" s="150"/>
      <c r="H1208" s="150"/>
    </row>
    <row r="1209" spans="1:8" ht="51">
      <c r="A1209" s="150"/>
      <c r="B1209" s="164" t="s">
        <v>32214</v>
      </c>
      <c r="C1209" s="1150"/>
      <c r="D1209" s="1150"/>
      <c r="E1209" s="1150"/>
      <c r="F1209" s="1164"/>
      <c r="G1209" s="150"/>
      <c r="H1209" s="150"/>
    </row>
    <row r="1210" spans="1:8">
      <c r="A1210" s="150"/>
      <c r="B1210" s="195" t="s">
        <v>32215</v>
      </c>
      <c r="C1210" s="196" t="s">
        <v>9714</v>
      </c>
      <c r="D1210" s="196" t="s">
        <v>9715</v>
      </c>
      <c r="E1210" s="196" t="s">
        <v>9716</v>
      </c>
      <c r="F1210" s="194" t="s">
        <v>32172</v>
      </c>
      <c r="G1210" s="150"/>
      <c r="H1210" s="150"/>
    </row>
    <row r="1211" spans="1:8">
      <c r="A1211" s="150"/>
      <c r="B1211" s="195" t="s">
        <v>32216</v>
      </c>
      <c r="C1211" s="196" t="s">
        <v>9717</v>
      </c>
      <c r="D1211" s="196" t="s">
        <v>9718</v>
      </c>
      <c r="E1211" s="196" t="s">
        <v>9719</v>
      </c>
      <c r="F1211" s="194" t="s">
        <v>32172</v>
      </c>
      <c r="G1211" s="150"/>
      <c r="H1211" s="150"/>
    </row>
    <row r="1212" spans="1:8">
      <c r="A1212" s="150"/>
      <c r="B1212" s="162" t="s">
        <v>9720</v>
      </c>
      <c r="C1212" s="1149" t="s">
        <v>9721</v>
      </c>
      <c r="D1212" s="1149" t="s">
        <v>9722</v>
      </c>
      <c r="E1212" s="1149" t="s">
        <v>9723</v>
      </c>
      <c r="F1212" s="1163" t="s">
        <v>32172</v>
      </c>
      <c r="G1212" s="150"/>
      <c r="H1212" s="150"/>
    </row>
    <row r="1213" spans="1:8" ht="51">
      <c r="A1213" s="150"/>
      <c r="B1213" s="164" t="s">
        <v>32217</v>
      </c>
      <c r="C1213" s="1150"/>
      <c r="D1213" s="1150"/>
      <c r="E1213" s="1150"/>
      <c r="F1213" s="1164"/>
      <c r="G1213" s="150"/>
      <c r="H1213" s="150"/>
    </row>
    <row r="1214" spans="1:8" ht="25.5">
      <c r="A1214" s="150"/>
      <c r="B1214" s="162" t="s">
        <v>9724</v>
      </c>
      <c r="C1214" s="1149" t="s">
        <v>9726</v>
      </c>
      <c r="D1214" s="1149" t="s">
        <v>9727</v>
      </c>
      <c r="E1214" s="1149" t="s">
        <v>9728</v>
      </c>
      <c r="F1214" s="1163" t="s">
        <v>32172</v>
      </c>
      <c r="G1214" s="150"/>
      <c r="H1214" s="150"/>
    </row>
    <row r="1215" spans="1:8" ht="38.25">
      <c r="A1215" s="150"/>
      <c r="B1215" s="164" t="s">
        <v>9725</v>
      </c>
      <c r="C1215" s="1150"/>
      <c r="D1215" s="1150"/>
      <c r="E1215" s="1150"/>
      <c r="F1215" s="1164"/>
      <c r="G1215" s="150"/>
      <c r="H1215" s="150"/>
    </row>
    <row r="1216" spans="1:8">
      <c r="A1216" s="150"/>
      <c r="B1216" s="162" t="s">
        <v>9729</v>
      </c>
      <c r="C1216" s="1149" t="s">
        <v>9730</v>
      </c>
      <c r="D1216" s="1149" t="s">
        <v>9731</v>
      </c>
      <c r="E1216" s="1149" t="s">
        <v>9732</v>
      </c>
      <c r="F1216" s="1163" t="s">
        <v>32172</v>
      </c>
      <c r="G1216" s="150"/>
      <c r="H1216" s="150"/>
    </row>
    <row r="1217" spans="1:8" ht="51">
      <c r="A1217" s="150"/>
      <c r="B1217" s="164" t="s">
        <v>32218</v>
      </c>
      <c r="C1217" s="1150"/>
      <c r="D1217" s="1150"/>
      <c r="E1217" s="1150"/>
      <c r="F1217" s="1164"/>
      <c r="G1217" s="150"/>
      <c r="H1217" s="150"/>
    </row>
    <row r="1218" spans="1:8">
      <c r="A1218" s="150"/>
      <c r="B1218" s="162" t="s">
        <v>9733</v>
      </c>
      <c r="C1218" s="1149" t="s">
        <v>9734</v>
      </c>
      <c r="D1218" s="1149" t="s">
        <v>9735</v>
      </c>
      <c r="E1218" s="1149" t="s">
        <v>9736</v>
      </c>
      <c r="F1218" s="1163" t="s">
        <v>32172</v>
      </c>
      <c r="G1218" s="150"/>
      <c r="H1218" s="150"/>
    </row>
    <row r="1219" spans="1:8" ht="63.75">
      <c r="A1219" s="150"/>
      <c r="B1219" s="164" t="s">
        <v>32219</v>
      </c>
      <c r="C1219" s="1150"/>
      <c r="D1219" s="1150"/>
      <c r="E1219" s="1150"/>
      <c r="F1219" s="1164"/>
      <c r="G1219" s="150"/>
      <c r="H1219" s="150"/>
    </row>
    <row r="1220" spans="1:8">
      <c r="A1220" s="150"/>
      <c r="B1220" s="162" t="s">
        <v>32220</v>
      </c>
      <c r="C1220" s="1149" t="s">
        <v>9737</v>
      </c>
      <c r="D1220" s="1149" t="s">
        <v>9738</v>
      </c>
      <c r="E1220" s="1149" t="s">
        <v>9739</v>
      </c>
      <c r="F1220" s="1163" t="s">
        <v>32172</v>
      </c>
      <c r="G1220" s="150"/>
      <c r="H1220" s="150"/>
    </row>
    <row r="1221" spans="1:8" ht="89.25">
      <c r="A1221" s="150"/>
      <c r="B1221" s="164" t="s">
        <v>32221</v>
      </c>
      <c r="C1221" s="1150"/>
      <c r="D1221" s="1150"/>
      <c r="E1221" s="1150"/>
      <c r="F1221" s="1164"/>
      <c r="G1221" s="150"/>
      <c r="H1221" s="150"/>
    </row>
    <row r="1222" spans="1:8" ht="25.5">
      <c r="A1222" s="150"/>
      <c r="B1222" s="162" t="s">
        <v>9740</v>
      </c>
      <c r="C1222" s="1149" t="s">
        <v>9741</v>
      </c>
      <c r="D1222" s="1149" t="s">
        <v>9742</v>
      </c>
      <c r="E1222" s="1149" t="s">
        <v>9743</v>
      </c>
      <c r="F1222" s="1163" t="s">
        <v>32172</v>
      </c>
      <c r="G1222" s="150"/>
      <c r="H1222" s="150"/>
    </row>
    <row r="1223" spans="1:8" ht="51">
      <c r="A1223" s="150"/>
      <c r="B1223" s="164" t="s">
        <v>32222</v>
      </c>
      <c r="C1223" s="1150"/>
      <c r="D1223" s="1150"/>
      <c r="E1223" s="1150"/>
      <c r="F1223" s="1164"/>
      <c r="G1223" s="150"/>
      <c r="H1223" s="150"/>
    </row>
    <row r="1224" spans="1:8">
      <c r="A1224" s="150"/>
      <c r="B1224" s="162" t="s">
        <v>9744</v>
      </c>
      <c r="C1224" s="1149" t="s">
        <v>9745</v>
      </c>
      <c r="D1224" s="1149" t="s">
        <v>9746</v>
      </c>
      <c r="E1224" s="1149" t="s">
        <v>9747</v>
      </c>
      <c r="F1224" s="1163" t="s">
        <v>32172</v>
      </c>
      <c r="G1224" s="150"/>
      <c r="H1224" s="150"/>
    </row>
    <row r="1225" spans="1:8" ht="63.75">
      <c r="A1225" s="150"/>
      <c r="B1225" s="164" t="s">
        <v>32223</v>
      </c>
      <c r="C1225" s="1150"/>
      <c r="D1225" s="1150"/>
      <c r="E1225" s="1150"/>
      <c r="F1225" s="1164"/>
      <c r="G1225" s="150"/>
      <c r="H1225" s="150"/>
    </row>
    <row r="1226" spans="1:8" ht="25.5">
      <c r="A1226" s="150"/>
      <c r="B1226" s="162" t="s">
        <v>9748</v>
      </c>
      <c r="C1226" s="1149" t="s">
        <v>9749</v>
      </c>
      <c r="D1226" s="1149" t="s">
        <v>9750</v>
      </c>
      <c r="E1226" s="1149" t="s">
        <v>9751</v>
      </c>
      <c r="F1226" s="1163" t="s">
        <v>32172</v>
      </c>
      <c r="G1226" s="150"/>
      <c r="H1226" s="150"/>
    </row>
    <row r="1227" spans="1:8" ht="63.75">
      <c r="A1227" s="150"/>
      <c r="B1227" s="164" t="s">
        <v>32224</v>
      </c>
      <c r="C1227" s="1150"/>
      <c r="D1227" s="1150"/>
      <c r="E1227" s="1150"/>
      <c r="F1227" s="1164"/>
      <c r="G1227" s="150"/>
      <c r="H1227" s="150"/>
    </row>
    <row r="1228" spans="1:8" ht="25.5">
      <c r="A1228" s="150"/>
      <c r="B1228" s="162" t="s">
        <v>9752</v>
      </c>
      <c r="C1228" s="1149" t="s">
        <v>9753</v>
      </c>
      <c r="D1228" s="1149" t="s">
        <v>9754</v>
      </c>
      <c r="E1228" s="1149" t="s">
        <v>9755</v>
      </c>
      <c r="F1228" s="1163" t="s">
        <v>32172</v>
      </c>
      <c r="G1228" s="150"/>
      <c r="H1228" s="150"/>
    </row>
    <row r="1229" spans="1:8" ht="63.75">
      <c r="A1229" s="150"/>
      <c r="B1229" s="164" t="s">
        <v>32225</v>
      </c>
      <c r="C1229" s="1150"/>
      <c r="D1229" s="1150"/>
      <c r="E1229" s="1150"/>
      <c r="F1229" s="1164"/>
      <c r="G1229" s="150"/>
      <c r="H1229" s="150"/>
    </row>
    <row r="1230" spans="1:8" ht="25.5">
      <c r="A1230" s="150"/>
      <c r="B1230" s="162" t="s">
        <v>9756</v>
      </c>
      <c r="C1230" s="1149" t="s">
        <v>9758</v>
      </c>
      <c r="D1230" s="1149" t="s">
        <v>9759</v>
      </c>
      <c r="E1230" s="1149" t="s">
        <v>9760</v>
      </c>
      <c r="F1230" s="1163" t="s">
        <v>32172</v>
      </c>
      <c r="G1230" s="150"/>
      <c r="H1230" s="150"/>
    </row>
    <row r="1231" spans="1:8" ht="51">
      <c r="A1231" s="150"/>
      <c r="B1231" s="164" t="s">
        <v>9757</v>
      </c>
      <c r="C1231" s="1150"/>
      <c r="D1231" s="1150"/>
      <c r="E1231" s="1150"/>
      <c r="F1231" s="1164"/>
      <c r="G1231" s="150"/>
      <c r="H1231" s="150"/>
    </row>
    <row r="1232" spans="1:8" ht="25.5">
      <c r="A1232" s="150"/>
      <c r="B1232" s="162" t="s">
        <v>9761</v>
      </c>
      <c r="C1232" s="1149" t="s">
        <v>9762</v>
      </c>
      <c r="D1232" s="1149" t="s">
        <v>9763</v>
      </c>
      <c r="E1232" s="1149" t="s">
        <v>9764</v>
      </c>
      <c r="F1232" s="1163" t="s">
        <v>32172</v>
      </c>
      <c r="G1232" s="150"/>
      <c r="H1232" s="150"/>
    </row>
    <row r="1233" spans="1:8" ht="38.25">
      <c r="A1233" s="150"/>
      <c r="B1233" s="164" t="s">
        <v>32226</v>
      </c>
      <c r="C1233" s="1150"/>
      <c r="D1233" s="1150"/>
      <c r="E1233" s="1150"/>
      <c r="F1233" s="1164"/>
      <c r="G1233" s="150"/>
      <c r="H1233" s="150"/>
    </row>
    <row r="1234" spans="1:8" ht="25.5">
      <c r="A1234" s="150"/>
      <c r="B1234" s="162" t="s">
        <v>9765</v>
      </c>
      <c r="C1234" s="1149" t="s">
        <v>9766</v>
      </c>
      <c r="D1234" s="1149" t="s">
        <v>9767</v>
      </c>
      <c r="E1234" s="1149" t="s">
        <v>9768</v>
      </c>
      <c r="F1234" s="1163" t="s">
        <v>32172</v>
      </c>
      <c r="G1234" s="150"/>
      <c r="H1234" s="150"/>
    </row>
    <row r="1235" spans="1:8" ht="63.75">
      <c r="A1235" s="150"/>
      <c r="B1235" s="164" t="s">
        <v>32227</v>
      </c>
      <c r="C1235" s="1150"/>
      <c r="D1235" s="1150"/>
      <c r="E1235" s="1150"/>
      <c r="F1235" s="1164"/>
      <c r="G1235" s="150"/>
      <c r="H1235" s="150"/>
    </row>
    <row r="1236" spans="1:8" ht="25.5">
      <c r="A1236" s="150"/>
      <c r="B1236" s="162" t="s">
        <v>9769</v>
      </c>
      <c r="C1236" s="1149" t="s">
        <v>9770</v>
      </c>
      <c r="D1236" s="1149" t="s">
        <v>9771</v>
      </c>
      <c r="E1236" s="1149" t="s">
        <v>9772</v>
      </c>
      <c r="F1236" s="1163" t="s">
        <v>32172</v>
      </c>
      <c r="G1236" s="150"/>
      <c r="H1236" s="150"/>
    </row>
    <row r="1237" spans="1:8" ht="51">
      <c r="A1237" s="150"/>
      <c r="B1237" s="164" t="s">
        <v>32228</v>
      </c>
      <c r="C1237" s="1150"/>
      <c r="D1237" s="1150"/>
      <c r="E1237" s="1150"/>
      <c r="F1237" s="1164"/>
      <c r="G1237" s="150"/>
      <c r="H1237" s="150"/>
    </row>
    <row r="1238" spans="1:8" ht="25.5">
      <c r="A1238" s="150"/>
      <c r="B1238" s="162" t="s">
        <v>9773</v>
      </c>
      <c r="C1238" s="1149" t="s">
        <v>9774</v>
      </c>
      <c r="D1238" s="1149" t="s">
        <v>9775</v>
      </c>
      <c r="E1238" s="1149" t="s">
        <v>9776</v>
      </c>
      <c r="F1238" s="1163" t="s">
        <v>32172</v>
      </c>
      <c r="G1238" s="150"/>
      <c r="H1238" s="150"/>
    </row>
    <row r="1239" spans="1:8" ht="63.75">
      <c r="A1239" s="150"/>
      <c r="B1239" s="164" t="s">
        <v>32229</v>
      </c>
      <c r="C1239" s="1150"/>
      <c r="D1239" s="1150"/>
      <c r="E1239" s="1150"/>
      <c r="F1239" s="1164"/>
      <c r="G1239" s="150"/>
      <c r="H1239" s="150"/>
    </row>
    <row r="1240" spans="1:8" ht="25.5">
      <c r="A1240" s="150"/>
      <c r="B1240" s="162" t="s">
        <v>9777</v>
      </c>
      <c r="C1240" s="1149" t="s">
        <v>9778</v>
      </c>
      <c r="D1240" s="1149" t="s">
        <v>9779</v>
      </c>
      <c r="E1240" s="1149" t="s">
        <v>9780</v>
      </c>
      <c r="F1240" s="1163" t="s">
        <v>32172</v>
      </c>
      <c r="G1240" s="150"/>
      <c r="H1240" s="150"/>
    </row>
    <row r="1241" spans="1:8" ht="63.75">
      <c r="A1241" s="150"/>
      <c r="B1241" s="164" t="s">
        <v>32230</v>
      </c>
      <c r="C1241" s="1150"/>
      <c r="D1241" s="1150"/>
      <c r="E1241" s="1150"/>
      <c r="F1241" s="1164"/>
      <c r="G1241" s="150"/>
      <c r="H1241" s="150"/>
    </row>
    <row r="1242" spans="1:8" ht="38.25">
      <c r="A1242" s="150"/>
      <c r="B1242" s="162" t="s">
        <v>9781</v>
      </c>
      <c r="C1242" s="1149" t="s">
        <v>9782</v>
      </c>
      <c r="D1242" s="1149" t="s">
        <v>9783</v>
      </c>
      <c r="E1242" s="1149" t="s">
        <v>9784</v>
      </c>
      <c r="F1242" s="1163" t="s">
        <v>32172</v>
      </c>
      <c r="G1242" s="150"/>
      <c r="H1242" s="150"/>
    </row>
    <row r="1243" spans="1:8" ht="63.75">
      <c r="A1243" s="150"/>
      <c r="B1243" s="164" t="s">
        <v>32231</v>
      </c>
      <c r="C1243" s="1150"/>
      <c r="D1243" s="1150"/>
      <c r="E1243" s="1150"/>
      <c r="F1243" s="1164"/>
      <c r="G1243" s="150"/>
      <c r="H1243" s="150"/>
    </row>
    <row r="1244" spans="1:8" ht="25.5">
      <c r="A1244" s="150"/>
      <c r="B1244" s="162" t="s">
        <v>9785</v>
      </c>
      <c r="C1244" s="1149" t="s">
        <v>9786</v>
      </c>
      <c r="D1244" s="1149" t="s">
        <v>9787</v>
      </c>
      <c r="E1244" s="1149" t="s">
        <v>9788</v>
      </c>
      <c r="F1244" s="1163" t="s">
        <v>32172</v>
      </c>
      <c r="G1244" s="150"/>
      <c r="H1244" s="150"/>
    </row>
    <row r="1245" spans="1:8" ht="51">
      <c r="A1245" s="150"/>
      <c r="B1245" s="164" t="s">
        <v>32232</v>
      </c>
      <c r="C1245" s="1150"/>
      <c r="D1245" s="1150"/>
      <c r="E1245" s="1150"/>
      <c r="F1245" s="1164"/>
      <c r="G1245" s="150"/>
      <c r="H1245" s="150"/>
    </row>
    <row r="1246" spans="1:8" ht="25.5">
      <c r="A1246" s="150"/>
      <c r="B1246" s="162" t="s">
        <v>9789</v>
      </c>
      <c r="C1246" s="1149" t="s">
        <v>9790</v>
      </c>
      <c r="D1246" s="1149" t="s">
        <v>9791</v>
      </c>
      <c r="E1246" s="1149" t="s">
        <v>9792</v>
      </c>
      <c r="F1246" s="1163" t="s">
        <v>32172</v>
      </c>
      <c r="G1246" s="150"/>
      <c r="H1246" s="150"/>
    </row>
    <row r="1247" spans="1:8" ht="63.75">
      <c r="A1247" s="150"/>
      <c r="B1247" s="164" t="s">
        <v>32233</v>
      </c>
      <c r="C1247" s="1150"/>
      <c r="D1247" s="1150"/>
      <c r="E1247" s="1150"/>
      <c r="F1247" s="1164"/>
      <c r="G1247" s="150"/>
      <c r="H1247" s="150"/>
    </row>
    <row r="1248" spans="1:8">
      <c r="A1248" s="150"/>
      <c r="B1248" s="195" t="s">
        <v>32234</v>
      </c>
      <c r="C1248" s="196" t="s">
        <v>9793</v>
      </c>
      <c r="D1248" s="196" t="s">
        <v>9794</v>
      </c>
      <c r="E1248" s="196" t="s">
        <v>9795</v>
      </c>
      <c r="F1248" s="194" t="s">
        <v>32172</v>
      </c>
      <c r="G1248" s="150"/>
      <c r="H1248" s="150"/>
    </row>
    <row r="1249" spans="1:8">
      <c r="A1249" s="150"/>
      <c r="B1249" s="195" t="s">
        <v>32235</v>
      </c>
      <c r="C1249" s="196" t="s">
        <v>9796</v>
      </c>
      <c r="D1249" s="196" t="s">
        <v>9797</v>
      </c>
      <c r="E1249" s="196" t="s">
        <v>9798</v>
      </c>
      <c r="F1249" s="194" t="s">
        <v>32172</v>
      </c>
      <c r="G1249" s="150"/>
      <c r="H1249" s="150"/>
    </row>
    <row r="1250" spans="1:8" ht="25.5">
      <c r="A1250" s="150"/>
      <c r="B1250" s="162" t="s">
        <v>32236</v>
      </c>
      <c r="C1250" s="1149" t="s">
        <v>9799</v>
      </c>
      <c r="D1250" s="1149" t="s">
        <v>9800</v>
      </c>
      <c r="E1250" s="1149" t="s">
        <v>9801</v>
      </c>
      <c r="F1250" s="1163" t="s">
        <v>32172</v>
      </c>
      <c r="G1250" s="150"/>
      <c r="H1250" s="150"/>
    </row>
    <row r="1251" spans="1:8" ht="63.75">
      <c r="A1251" s="150"/>
      <c r="B1251" s="164" t="s">
        <v>13467</v>
      </c>
      <c r="C1251" s="1150"/>
      <c r="D1251" s="1150"/>
      <c r="E1251" s="1150"/>
      <c r="F1251" s="1164"/>
      <c r="G1251" s="150"/>
      <c r="H1251" s="150"/>
    </row>
    <row r="1252" spans="1:8" ht="25.5">
      <c r="A1252" s="150"/>
      <c r="B1252" s="162" t="s">
        <v>32237</v>
      </c>
      <c r="C1252" s="1149" t="s">
        <v>9802</v>
      </c>
      <c r="D1252" s="1149" t="s">
        <v>9803</v>
      </c>
      <c r="E1252" s="1149" t="s">
        <v>9804</v>
      </c>
      <c r="F1252" s="1163" t="s">
        <v>32172</v>
      </c>
      <c r="G1252" s="150"/>
      <c r="H1252" s="150"/>
    </row>
    <row r="1253" spans="1:8" ht="89.25">
      <c r="A1253" s="150"/>
      <c r="B1253" s="164" t="s">
        <v>32238</v>
      </c>
      <c r="C1253" s="1150"/>
      <c r="D1253" s="1150"/>
      <c r="E1253" s="1150"/>
      <c r="F1253" s="1164"/>
      <c r="G1253" s="150"/>
      <c r="H1253" s="150"/>
    </row>
    <row r="1254" spans="1:8" ht="25.5">
      <c r="A1254" s="150"/>
      <c r="B1254" s="162" t="s">
        <v>32239</v>
      </c>
      <c r="C1254" s="1149" t="s">
        <v>9805</v>
      </c>
      <c r="D1254" s="1149" t="s">
        <v>9806</v>
      </c>
      <c r="E1254" s="1149" t="s">
        <v>9807</v>
      </c>
      <c r="F1254" s="1163" t="s">
        <v>32172</v>
      </c>
      <c r="G1254" s="150"/>
      <c r="H1254" s="150"/>
    </row>
    <row r="1255" spans="1:8" ht="63.75">
      <c r="A1255" s="150"/>
      <c r="B1255" s="164" t="s">
        <v>32240</v>
      </c>
      <c r="C1255" s="1150"/>
      <c r="D1255" s="1150"/>
      <c r="E1255" s="1150"/>
      <c r="F1255" s="1164"/>
      <c r="G1255" s="150"/>
      <c r="H1255" s="150"/>
    </row>
    <row r="1256" spans="1:8">
      <c r="A1256" s="150"/>
      <c r="B1256" s="1159" t="s">
        <v>31587</v>
      </c>
      <c r="C1256" s="1160"/>
      <c r="D1256" s="1160"/>
      <c r="E1256" s="1160"/>
      <c r="F1256" s="1161"/>
      <c r="G1256" s="150"/>
      <c r="H1256" s="150"/>
    </row>
    <row r="1257" spans="1:8">
      <c r="A1257" s="150"/>
      <c r="B1257" s="162" t="s">
        <v>32241</v>
      </c>
      <c r="C1257" s="1149" t="s">
        <v>9809</v>
      </c>
      <c r="D1257" s="1149" t="s">
        <v>9810</v>
      </c>
      <c r="E1257" s="1149" t="s">
        <v>9811</v>
      </c>
      <c r="F1257" s="1149" t="s">
        <v>9812</v>
      </c>
      <c r="G1257" s="150"/>
      <c r="H1257" s="150"/>
    </row>
    <row r="1258" spans="1:8">
      <c r="A1258" s="150"/>
      <c r="B1258" s="164" t="s">
        <v>9808</v>
      </c>
      <c r="C1258" s="1150"/>
      <c r="D1258" s="1150"/>
      <c r="E1258" s="1150"/>
      <c r="F1258" s="1150"/>
      <c r="G1258" s="150"/>
      <c r="H1258" s="150"/>
    </row>
    <row r="1259" spans="1:8">
      <c r="A1259" s="150"/>
      <c r="B1259" s="1159" t="s">
        <v>8508</v>
      </c>
      <c r="C1259" s="1160"/>
      <c r="D1259" s="1160"/>
      <c r="E1259" s="1160"/>
      <c r="F1259" s="1161"/>
      <c r="G1259" s="150"/>
      <c r="H1259" s="150"/>
    </row>
    <row r="1260" spans="1:8" ht="38.25">
      <c r="A1260" s="150"/>
      <c r="B1260" s="195" t="s">
        <v>32242</v>
      </c>
      <c r="C1260" s="196" t="s">
        <v>9813</v>
      </c>
      <c r="D1260" s="196" t="s">
        <v>9814</v>
      </c>
      <c r="E1260" s="196" t="s">
        <v>9815</v>
      </c>
      <c r="F1260" s="194" t="s">
        <v>32172</v>
      </c>
      <c r="G1260" s="150"/>
      <c r="H1260" s="150"/>
    </row>
    <row r="1261" spans="1:8">
      <c r="A1261" s="150"/>
      <c r="B1261" s="162" t="s">
        <v>9816</v>
      </c>
      <c r="C1261" s="1149" t="s">
        <v>9817</v>
      </c>
      <c r="D1261" s="1149" t="s">
        <v>9818</v>
      </c>
      <c r="E1261" s="1149" t="s">
        <v>9819</v>
      </c>
      <c r="F1261" s="1163" t="s">
        <v>32172</v>
      </c>
      <c r="G1261" s="150"/>
      <c r="H1261" s="150"/>
    </row>
    <row r="1262" spans="1:8" ht="76.5">
      <c r="A1262" s="150"/>
      <c r="B1262" s="164" t="s">
        <v>32243</v>
      </c>
      <c r="C1262" s="1150"/>
      <c r="D1262" s="1150"/>
      <c r="E1262" s="1150"/>
      <c r="F1262" s="1164"/>
      <c r="G1262" s="150"/>
      <c r="H1262" s="150"/>
    </row>
    <row r="1263" spans="1:8" ht="25.5">
      <c r="A1263" s="150"/>
      <c r="B1263" s="162" t="s">
        <v>9820</v>
      </c>
      <c r="C1263" s="1149" t="s">
        <v>9821</v>
      </c>
      <c r="D1263" s="1149" t="s">
        <v>9822</v>
      </c>
      <c r="E1263" s="1149" t="s">
        <v>9823</v>
      </c>
      <c r="F1263" s="1163" t="s">
        <v>32172</v>
      </c>
      <c r="G1263" s="150"/>
      <c r="H1263" s="150"/>
    </row>
    <row r="1264" spans="1:8" ht="63.75">
      <c r="A1264" s="150"/>
      <c r="B1264" s="164" t="s">
        <v>32244</v>
      </c>
      <c r="C1264" s="1150"/>
      <c r="D1264" s="1150"/>
      <c r="E1264" s="1150"/>
      <c r="F1264" s="1164"/>
      <c r="G1264" s="150"/>
      <c r="H1264" s="150"/>
    </row>
    <row r="1265" spans="1:8" ht="25.5">
      <c r="A1265" s="150"/>
      <c r="B1265" s="162" t="s">
        <v>9824</v>
      </c>
      <c r="C1265" s="1149" t="s">
        <v>9825</v>
      </c>
      <c r="D1265" s="1149" t="s">
        <v>9826</v>
      </c>
      <c r="E1265" s="1149" t="s">
        <v>9827</v>
      </c>
      <c r="F1265" s="1163" t="s">
        <v>32172</v>
      </c>
      <c r="G1265" s="150"/>
      <c r="H1265" s="150"/>
    </row>
    <row r="1266" spans="1:8" ht="63.75">
      <c r="A1266" s="150"/>
      <c r="B1266" s="164" t="s">
        <v>32245</v>
      </c>
      <c r="C1266" s="1150"/>
      <c r="D1266" s="1150"/>
      <c r="E1266" s="1150"/>
      <c r="F1266" s="1164"/>
      <c r="G1266" s="150"/>
      <c r="H1266" s="150"/>
    </row>
    <row r="1267" spans="1:8" ht="25.5">
      <c r="A1267" s="150"/>
      <c r="B1267" s="162" t="s">
        <v>9828</v>
      </c>
      <c r="C1267" s="1149" t="s">
        <v>9829</v>
      </c>
      <c r="D1267" s="1149" t="s">
        <v>9830</v>
      </c>
      <c r="E1267" s="1149" t="s">
        <v>9831</v>
      </c>
      <c r="F1267" s="1163" t="s">
        <v>32172</v>
      </c>
      <c r="G1267" s="150"/>
      <c r="H1267" s="150"/>
    </row>
    <row r="1268" spans="1:8" ht="76.5">
      <c r="A1268" s="150"/>
      <c r="B1268" s="164" t="s">
        <v>32246</v>
      </c>
      <c r="C1268" s="1150"/>
      <c r="D1268" s="1150"/>
      <c r="E1268" s="1150"/>
      <c r="F1268" s="1164"/>
      <c r="G1268" s="150"/>
      <c r="H1268" s="150"/>
    </row>
    <row r="1269" spans="1:8" ht="25.5">
      <c r="A1269" s="150"/>
      <c r="B1269" s="162" t="s">
        <v>9832</v>
      </c>
      <c r="C1269" s="1149" t="s">
        <v>9833</v>
      </c>
      <c r="D1269" s="1149" t="s">
        <v>9834</v>
      </c>
      <c r="E1269" s="1149" t="s">
        <v>9835</v>
      </c>
      <c r="F1269" s="1163" t="s">
        <v>32172</v>
      </c>
      <c r="G1269" s="150"/>
      <c r="H1269" s="150"/>
    </row>
    <row r="1270" spans="1:8" ht="51">
      <c r="A1270" s="150"/>
      <c r="B1270" s="164" t="s">
        <v>32247</v>
      </c>
      <c r="C1270" s="1150"/>
      <c r="D1270" s="1150"/>
      <c r="E1270" s="1150"/>
      <c r="F1270" s="1164"/>
      <c r="G1270" s="150"/>
      <c r="H1270" s="150"/>
    </row>
    <row r="1271" spans="1:8" ht="25.5">
      <c r="A1271" s="150"/>
      <c r="B1271" s="162" t="s">
        <v>32248</v>
      </c>
      <c r="C1271" s="1149" t="s">
        <v>9836</v>
      </c>
      <c r="D1271" s="1149" t="s">
        <v>9837</v>
      </c>
      <c r="E1271" s="1149" t="s">
        <v>9838</v>
      </c>
      <c r="F1271" s="1163" t="s">
        <v>32172</v>
      </c>
      <c r="G1271" s="150"/>
      <c r="H1271" s="150"/>
    </row>
    <row r="1272" spans="1:8" ht="89.25">
      <c r="A1272" s="150"/>
      <c r="B1272" s="164" t="s">
        <v>32249</v>
      </c>
      <c r="C1272" s="1150"/>
      <c r="D1272" s="1150"/>
      <c r="E1272" s="1150"/>
      <c r="F1272" s="1164"/>
      <c r="G1272" s="150"/>
      <c r="H1272" s="150"/>
    </row>
    <row r="1273" spans="1:8">
      <c r="A1273" s="150"/>
      <c r="B1273" s="162" t="s">
        <v>32250</v>
      </c>
      <c r="C1273" s="1149" t="s">
        <v>9839</v>
      </c>
      <c r="D1273" s="1149" t="s">
        <v>9840</v>
      </c>
      <c r="E1273" s="1149" t="s">
        <v>9841</v>
      </c>
      <c r="F1273" s="1163" t="s">
        <v>32172</v>
      </c>
      <c r="G1273" s="150"/>
      <c r="H1273" s="150"/>
    </row>
    <row r="1274" spans="1:8" ht="51">
      <c r="A1274" s="150"/>
      <c r="B1274" s="164" t="s">
        <v>32251</v>
      </c>
      <c r="C1274" s="1150"/>
      <c r="D1274" s="1150"/>
      <c r="E1274" s="1150"/>
      <c r="F1274" s="1164"/>
      <c r="G1274" s="150"/>
      <c r="H1274" s="150"/>
    </row>
    <row r="1275" spans="1:8" ht="25.5">
      <c r="A1275" s="150"/>
      <c r="B1275" s="195" t="s">
        <v>32252</v>
      </c>
      <c r="C1275" s="196" t="s">
        <v>9842</v>
      </c>
      <c r="D1275" s="196" t="s">
        <v>9843</v>
      </c>
      <c r="E1275" s="196" t="s">
        <v>9844</v>
      </c>
      <c r="F1275" s="194" t="s">
        <v>32172</v>
      </c>
      <c r="G1275" s="150"/>
      <c r="H1275" s="150"/>
    </row>
    <row r="1276" spans="1:8">
      <c r="A1276" s="150"/>
      <c r="B1276" s="162" t="s">
        <v>32253</v>
      </c>
      <c r="C1276" s="1149" t="s">
        <v>9846</v>
      </c>
      <c r="D1276" s="1149" t="s">
        <v>9847</v>
      </c>
      <c r="E1276" s="1149" t="s">
        <v>9848</v>
      </c>
      <c r="F1276" s="1163" t="s">
        <v>32172</v>
      </c>
      <c r="G1276" s="150"/>
      <c r="H1276" s="150"/>
    </row>
    <row r="1277" spans="1:8" ht="89.25">
      <c r="A1277" s="150"/>
      <c r="B1277" s="164" t="s">
        <v>9845</v>
      </c>
      <c r="C1277" s="1150"/>
      <c r="D1277" s="1150"/>
      <c r="E1277" s="1150"/>
      <c r="F1277" s="1164"/>
      <c r="G1277" s="150"/>
      <c r="H1277" s="150"/>
    </row>
    <row r="1278" spans="1:8" ht="25.5">
      <c r="A1278" s="150"/>
      <c r="B1278" s="162" t="s">
        <v>9849</v>
      </c>
      <c r="C1278" s="1149" t="s">
        <v>9850</v>
      </c>
      <c r="D1278" s="1149" t="s">
        <v>9851</v>
      </c>
      <c r="E1278" s="1149" t="s">
        <v>9852</v>
      </c>
      <c r="F1278" s="1163" t="s">
        <v>32172</v>
      </c>
      <c r="G1278" s="150"/>
      <c r="H1278" s="150"/>
    </row>
    <row r="1279" spans="1:8" ht="51">
      <c r="A1279" s="150"/>
      <c r="B1279" s="164" t="s">
        <v>32254</v>
      </c>
      <c r="C1279" s="1150"/>
      <c r="D1279" s="1150"/>
      <c r="E1279" s="1150"/>
      <c r="F1279" s="1164"/>
      <c r="G1279" s="150"/>
      <c r="H1279" s="150"/>
    </row>
    <row r="1280" spans="1:8" ht="25.5">
      <c r="A1280" s="150"/>
      <c r="B1280" s="162" t="s">
        <v>9853</v>
      </c>
      <c r="C1280" s="1149" t="s">
        <v>9854</v>
      </c>
      <c r="D1280" s="1149" t="s">
        <v>9855</v>
      </c>
      <c r="E1280" s="1149" t="s">
        <v>9856</v>
      </c>
      <c r="F1280" s="1163" t="s">
        <v>32172</v>
      </c>
      <c r="G1280" s="150"/>
      <c r="H1280" s="150"/>
    </row>
    <row r="1281" spans="1:8" ht="76.5">
      <c r="A1281" s="150"/>
      <c r="B1281" s="164" t="s">
        <v>32255</v>
      </c>
      <c r="C1281" s="1150"/>
      <c r="D1281" s="1150"/>
      <c r="E1281" s="1150"/>
      <c r="F1281" s="1164"/>
      <c r="G1281" s="150"/>
      <c r="H1281" s="150"/>
    </row>
    <row r="1282" spans="1:8">
      <c r="A1282" s="150"/>
      <c r="B1282" s="162" t="s">
        <v>9857</v>
      </c>
      <c r="C1282" s="1149" t="s">
        <v>9858</v>
      </c>
      <c r="D1282" s="1149" t="s">
        <v>9859</v>
      </c>
      <c r="E1282" s="1149" t="s">
        <v>9860</v>
      </c>
      <c r="F1282" s="1163" t="s">
        <v>32172</v>
      </c>
      <c r="G1282" s="150"/>
      <c r="H1282" s="150"/>
    </row>
    <row r="1283" spans="1:8" ht="51">
      <c r="A1283" s="150"/>
      <c r="B1283" s="164" t="s">
        <v>32256</v>
      </c>
      <c r="C1283" s="1150"/>
      <c r="D1283" s="1150"/>
      <c r="E1283" s="1150"/>
      <c r="F1283" s="1164"/>
      <c r="G1283" s="150"/>
      <c r="H1283" s="150"/>
    </row>
    <row r="1284" spans="1:8">
      <c r="A1284" s="150"/>
      <c r="B1284" s="162" t="s">
        <v>9861</v>
      </c>
      <c r="C1284" s="1149" t="s">
        <v>9862</v>
      </c>
      <c r="D1284" s="1149" t="s">
        <v>9863</v>
      </c>
      <c r="E1284" s="1149" t="s">
        <v>9864</v>
      </c>
      <c r="F1284" s="1163" t="s">
        <v>32172</v>
      </c>
      <c r="G1284" s="150"/>
      <c r="H1284" s="150"/>
    </row>
    <row r="1285" spans="1:8" ht="51">
      <c r="A1285" s="150"/>
      <c r="B1285" s="164" t="s">
        <v>32257</v>
      </c>
      <c r="C1285" s="1150"/>
      <c r="D1285" s="1150"/>
      <c r="E1285" s="1150"/>
      <c r="F1285" s="1164"/>
      <c r="G1285" s="150"/>
      <c r="H1285" s="150"/>
    </row>
    <row r="1286" spans="1:8" ht="25.5">
      <c r="A1286" s="150"/>
      <c r="B1286" s="162" t="s">
        <v>9865</v>
      </c>
      <c r="C1286" s="1149" t="s">
        <v>9866</v>
      </c>
      <c r="D1286" s="1149" t="s">
        <v>9867</v>
      </c>
      <c r="E1286" s="1149" t="s">
        <v>9868</v>
      </c>
      <c r="F1286" s="1163" t="s">
        <v>32172</v>
      </c>
      <c r="G1286" s="150"/>
      <c r="H1286" s="150"/>
    </row>
    <row r="1287" spans="1:8" ht="76.5">
      <c r="A1287" s="150"/>
      <c r="B1287" s="164" t="s">
        <v>32258</v>
      </c>
      <c r="C1287" s="1150"/>
      <c r="D1287" s="1150"/>
      <c r="E1287" s="1150"/>
      <c r="F1287" s="1164"/>
      <c r="G1287" s="150"/>
      <c r="H1287" s="150"/>
    </row>
    <row r="1288" spans="1:8" ht="25.5">
      <c r="A1288" s="150"/>
      <c r="B1288" s="162" t="s">
        <v>9869</v>
      </c>
      <c r="C1288" s="1149" t="s">
        <v>9870</v>
      </c>
      <c r="D1288" s="1149" t="s">
        <v>9871</v>
      </c>
      <c r="E1288" s="1149" t="s">
        <v>9872</v>
      </c>
      <c r="F1288" s="1163" t="s">
        <v>32172</v>
      </c>
      <c r="G1288" s="150"/>
      <c r="H1288" s="150"/>
    </row>
    <row r="1289" spans="1:8" ht="76.5">
      <c r="A1289" s="150"/>
      <c r="B1289" s="164" t="s">
        <v>32259</v>
      </c>
      <c r="C1289" s="1150"/>
      <c r="D1289" s="1150"/>
      <c r="E1289" s="1150"/>
      <c r="F1289" s="1164"/>
      <c r="G1289" s="150"/>
      <c r="H1289" s="150"/>
    </row>
    <row r="1290" spans="1:8" ht="25.5">
      <c r="A1290" s="150"/>
      <c r="B1290" s="162" t="s">
        <v>9873</v>
      </c>
      <c r="C1290" s="1149" t="s">
        <v>9874</v>
      </c>
      <c r="D1290" s="1149" t="s">
        <v>9875</v>
      </c>
      <c r="E1290" s="1149" t="s">
        <v>9876</v>
      </c>
      <c r="F1290" s="1163" t="s">
        <v>32172</v>
      </c>
      <c r="G1290" s="150"/>
      <c r="H1290" s="150"/>
    </row>
    <row r="1291" spans="1:8" ht="63.75">
      <c r="A1291" s="150"/>
      <c r="B1291" s="164" t="s">
        <v>32260</v>
      </c>
      <c r="C1291" s="1150"/>
      <c r="D1291" s="1150"/>
      <c r="E1291" s="1150"/>
      <c r="F1291" s="1164"/>
      <c r="G1291" s="150"/>
      <c r="H1291" s="150"/>
    </row>
    <row r="1292" spans="1:8" ht="25.5">
      <c r="A1292" s="150"/>
      <c r="B1292" s="162" t="s">
        <v>9877</v>
      </c>
      <c r="C1292" s="1149" t="s">
        <v>9878</v>
      </c>
      <c r="D1292" s="1149" t="s">
        <v>9879</v>
      </c>
      <c r="E1292" s="1149" t="s">
        <v>9880</v>
      </c>
      <c r="F1292" s="1163" t="s">
        <v>32172</v>
      </c>
      <c r="G1292" s="150"/>
      <c r="H1292" s="150"/>
    </row>
    <row r="1293" spans="1:8" ht="76.5">
      <c r="A1293" s="150"/>
      <c r="B1293" s="164" t="s">
        <v>32261</v>
      </c>
      <c r="C1293" s="1150"/>
      <c r="D1293" s="1150"/>
      <c r="E1293" s="1150"/>
      <c r="F1293" s="1164"/>
      <c r="G1293" s="150"/>
      <c r="H1293" s="150"/>
    </row>
    <row r="1294" spans="1:8" ht="25.5">
      <c r="A1294" s="150"/>
      <c r="B1294" s="162" t="s">
        <v>9881</v>
      </c>
      <c r="C1294" s="1149" t="s">
        <v>9882</v>
      </c>
      <c r="D1294" s="1149" t="s">
        <v>9883</v>
      </c>
      <c r="E1294" s="1149" t="s">
        <v>9884</v>
      </c>
      <c r="F1294" s="1163" t="s">
        <v>32172</v>
      </c>
      <c r="G1294" s="150"/>
      <c r="H1294" s="150"/>
    </row>
    <row r="1295" spans="1:8" ht="76.5">
      <c r="A1295" s="150"/>
      <c r="B1295" s="164" t="s">
        <v>32262</v>
      </c>
      <c r="C1295" s="1150"/>
      <c r="D1295" s="1150"/>
      <c r="E1295" s="1150"/>
      <c r="F1295" s="1164"/>
      <c r="G1295" s="150"/>
      <c r="H1295" s="150"/>
    </row>
    <row r="1296" spans="1:8" ht="25.5">
      <c r="A1296" s="150"/>
      <c r="B1296" s="162" t="s">
        <v>9885</v>
      </c>
      <c r="C1296" s="1149" t="s">
        <v>9886</v>
      </c>
      <c r="D1296" s="1149" t="s">
        <v>9887</v>
      </c>
      <c r="E1296" s="1149" t="s">
        <v>9888</v>
      </c>
      <c r="F1296" s="1163" t="s">
        <v>32172</v>
      </c>
      <c r="G1296" s="150"/>
      <c r="H1296" s="150"/>
    </row>
    <row r="1297" spans="1:8" ht="63.75">
      <c r="A1297" s="150"/>
      <c r="B1297" s="164" t="s">
        <v>32263</v>
      </c>
      <c r="C1297" s="1150"/>
      <c r="D1297" s="1150"/>
      <c r="E1297" s="1150"/>
      <c r="F1297" s="1164"/>
      <c r="G1297" s="150"/>
      <c r="H1297" s="150"/>
    </row>
    <row r="1298" spans="1:8" ht="25.5">
      <c r="A1298" s="150"/>
      <c r="B1298" s="162" t="s">
        <v>9889</v>
      </c>
      <c r="C1298" s="1149" t="s">
        <v>9890</v>
      </c>
      <c r="D1298" s="1149" t="s">
        <v>9891</v>
      </c>
      <c r="E1298" s="1149" t="s">
        <v>9892</v>
      </c>
      <c r="F1298" s="1163" t="s">
        <v>32172</v>
      </c>
      <c r="G1298" s="150"/>
      <c r="H1298" s="150"/>
    </row>
    <row r="1299" spans="1:8" ht="63.75">
      <c r="A1299" s="150"/>
      <c r="B1299" s="164" t="s">
        <v>32264</v>
      </c>
      <c r="C1299" s="1150"/>
      <c r="D1299" s="1150"/>
      <c r="E1299" s="1150"/>
      <c r="F1299" s="1164"/>
      <c r="G1299" s="150"/>
      <c r="H1299" s="150"/>
    </row>
    <row r="1300" spans="1:8" ht="25.5">
      <c r="A1300" s="150"/>
      <c r="B1300" s="162" t="s">
        <v>9893</v>
      </c>
      <c r="C1300" s="1149" t="s">
        <v>9894</v>
      </c>
      <c r="D1300" s="1149" t="s">
        <v>9895</v>
      </c>
      <c r="E1300" s="1149" t="s">
        <v>9896</v>
      </c>
      <c r="F1300" s="1163" t="s">
        <v>32172</v>
      </c>
      <c r="G1300" s="150"/>
      <c r="H1300" s="150"/>
    </row>
    <row r="1301" spans="1:8" ht="63.75">
      <c r="A1301" s="150"/>
      <c r="B1301" s="164" t="s">
        <v>32265</v>
      </c>
      <c r="C1301" s="1150"/>
      <c r="D1301" s="1150"/>
      <c r="E1301" s="1150"/>
      <c r="F1301" s="1164"/>
      <c r="G1301" s="150"/>
      <c r="H1301" s="150"/>
    </row>
    <row r="1302" spans="1:8" ht="25.5">
      <c r="A1302" s="150"/>
      <c r="B1302" s="162" t="s">
        <v>9897</v>
      </c>
      <c r="C1302" s="1149" t="s">
        <v>9898</v>
      </c>
      <c r="D1302" s="1149" t="s">
        <v>9899</v>
      </c>
      <c r="E1302" s="1149" t="s">
        <v>9900</v>
      </c>
      <c r="F1302" s="1163" t="s">
        <v>32172</v>
      </c>
      <c r="G1302" s="150"/>
      <c r="H1302" s="150"/>
    </row>
    <row r="1303" spans="1:8" ht="51">
      <c r="A1303" s="150"/>
      <c r="B1303" s="164" t="s">
        <v>32266</v>
      </c>
      <c r="C1303" s="1150"/>
      <c r="D1303" s="1150"/>
      <c r="E1303" s="1150"/>
      <c r="F1303" s="1164"/>
      <c r="G1303" s="150"/>
      <c r="H1303" s="150"/>
    </row>
    <row r="1304" spans="1:8" ht="25.5">
      <c r="A1304" s="150"/>
      <c r="B1304" s="162" t="s">
        <v>9901</v>
      </c>
      <c r="C1304" s="1149" t="s">
        <v>9902</v>
      </c>
      <c r="D1304" s="1149" t="s">
        <v>9903</v>
      </c>
      <c r="E1304" s="1149" t="s">
        <v>9904</v>
      </c>
      <c r="F1304" s="1163" t="s">
        <v>32172</v>
      </c>
      <c r="G1304" s="150"/>
      <c r="H1304" s="150"/>
    </row>
    <row r="1305" spans="1:8" ht="51">
      <c r="A1305" s="150"/>
      <c r="B1305" s="164" t="s">
        <v>32267</v>
      </c>
      <c r="C1305" s="1150"/>
      <c r="D1305" s="1150"/>
      <c r="E1305" s="1150"/>
      <c r="F1305" s="1164"/>
      <c r="G1305" s="150"/>
      <c r="H1305" s="150"/>
    </row>
    <row r="1306" spans="1:8" ht="25.5">
      <c r="A1306" s="150"/>
      <c r="B1306" s="162" t="s">
        <v>9905</v>
      </c>
      <c r="C1306" s="1149" t="s">
        <v>9906</v>
      </c>
      <c r="D1306" s="1149" t="s">
        <v>9907</v>
      </c>
      <c r="E1306" s="1149" t="s">
        <v>9908</v>
      </c>
      <c r="F1306" s="1163" t="s">
        <v>32172</v>
      </c>
      <c r="G1306" s="150"/>
      <c r="H1306" s="150"/>
    </row>
    <row r="1307" spans="1:8" ht="63.75">
      <c r="A1307" s="150"/>
      <c r="B1307" s="164" t="s">
        <v>32268</v>
      </c>
      <c r="C1307" s="1150"/>
      <c r="D1307" s="1150"/>
      <c r="E1307" s="1150"/>
      <c r="F1307" s="1164"/>
      <c r="G1307" s="150"/>
      <c r="H1307" s="150"/>
    </row>
    <row r="1308" spans="1:8" ht="25.5">
      <c r="A1308" s="150"/>
      <c r="B1308" s="162" t="s">
        <v>9909</v>
      </c>
      <c r="C1308" s="1149" t="s">
        <v>9910</v>
      </c>
      <c r="D1308" s="1149" t="s">
        <v>9911</v>
      </c>
      <c r="E1308" s="1149" t="s">
        <v>9912</v>
      </c>
      <c r="F1308" s="1163" t="s">
        <v>32172</v>
      </c>
      <c r="G1308" s="150"/>
      <c r="H1308" s="150"/>
    </row>
    <row r="1309" spans="1:8" ht="63.75">
      <c r="A1309" s="150"/>
      <c r="B1309" s="164" t="s">
        <v>32269</v>
      </c>
      <c r="C1309" s="1150"/>
      <c r="D1309" s="1150"/>
      <c r="E1309" s="1150"/>
      <c r="F1309" s="1164"/>
      <c r="G1309" s="150"/>
      <c r="H1309" s="150"/>
    </row>
    <row r="1310" spans="1:8" ht="25.5">
      <c r="A1310" s="150"/>
      <c r="B1310" s="162" t="s">
        <v>9913</v>
      </c>
      <c r="C1310" s="1149" t="s">
        <v>9915</v>
      </c>
      <c r="D1310" s="1149" t="s">
        <v>9916</v>
      </c>
      <c r="E1310" s="1149" t="s">
        <v>9917</v>
      </c>
      <c r="F1310" s="1163" t="s">
        <v>32172</v>
      </c>
      <c r="G1310" s="150"/>
      <c r="H1310" s="150"/>
    </row>
    <row r="1311" spans="1:8" ht="51">
      <c r="A1311" s="150"/>
      <c r="B1311" s="164" t="s">
        <v>9914</v>
      </c>
      <c r="C1311" s="1150"/>
      <c r="D1311" s="1150"/>
      <c r="E1311" s="1150"/>
      <c r="F1311" s="1164"/>
      <c r="G1311" s="150"/>
      <c r="H1311" s="150"/>
    </row>
    <row r="1312" spans="1:8" ht="25.5">
      <c r="A1312" s="150"/>
      <c r="B1312" s="162" t="s">
        <v>9918</v>
      </c>
      <c r="C1312" s="1149" t="s">
        <v>9920</v>
      </c>
      <c r="D1312" s="1149" t="s">
        <v>9921</v>
      </c>
      <c r="E1312" s="1149" t="s">
        <v>9922</v>
      </c>
      <c r="F1312" s="1163" t="s">
        <v>32172</v>
      </c>
      <c r="G1312" s="150"/>
      <c r="H1312" s="150"/>
    </row>
    <row r="1313" spans="1:8" ht="51">
      <c r="A1313" s="150"/>
      <c r="B1313" s="164" t="s">
        <v>9919</v>
      </c>
      <c r="C1313" s="1150"/>
      <c r="D1313" s="1150"/>
      <c r="E1313" s="1150"/>
      <c r="F1313" s="1164"/>
      <c r="G1313" s="150"/>
      <c r="H1313" s="150"/>
    </row>
    <row r="1314" spans="1:8" ht="25.5">
      <c r="A1314" s="150"/>
      <c r="B1314" s="162" t="s">
        <v>9923</v>
      </c>
      <c r="C1314" s="1149" t="s">
        <v>9925</v>
      </c>
      <c r="D1314" s="1149" t="s">
        <v>9926</v>
      </c>
      <c r="E1314" s="1149" t="s">
        <v>9927</v>
      </c>
      <c r="F1314" s="1163" t="s">
        <v>32172</v>
      </c>
      <c r="G1314" s="150"/>
      <c r="H1314" s="150"/>
    </row>
    <row r="1315" spans="1:8" ht="51">
      <c r="A1315" s="150"/>
      <c r="B1315" s="164" t="s">
        <v>9924</v>
      </c>
      <c r="C1315" s="1150"/>
      <c r="D1315" s="1150"/>
      <c r="E1315" s="1150"/>
      <c r="F1315" s="1164"/>
      <c r="G1315" s="150"/>
      <c r="H1315" s="150"/>
    </row>
    <row r="1316" spans="1:8" ht="25.5">
      <c r="A1316" s="150"/>
      <c r="B1316" s="162" t="s">
        <v>9928</v>
      </c>
      <c r="C1316" s="1149" t="s">
        <v>9929</v>
      </c>
      <c r="D1316" s="1149" t="s">
        <v>9930</v>
      </c>
      <c r="E1316" s="1149" t="s">
        <v>9931</v>
      </c>
      <c r="F1316" s="1163" t="s">
        <v>32172</v>
      </c>
      <c r="G1316" s="150"/>
      <c r="H1316" s="150"/>
    </row>
    <row r="1317" spans="1:8" ht="102">
      <c r="A1317" s="150"/>
      <c r="B1317" s="164" t="s">
        <v>32270</v>
      </c>
      <c r="C1317" s="1150"/>
      <c r="D1317" s="1150"/>
      <c r="E1317" s="1150"/>
      <c r="F1317" s="1164"/>
      <c r="G1317" s="150"/>
      <c r="H1317" s="150"/>
    </row>
    <row r="1318" spans="1:8" ht="25.5">
      <c r="A1318" s="150"/>
      <c r="B1318" s="162" t="s">
        <v>9932</v>
      </c>
      <c r="C1318" s="1149" t="s">
        <v>9933</v>
      </c>
      <c r="D1318" s="1149" t="s">
        <v>9934</v>
      </c>
      <c r="E1318" s="1149" t="s">
        <v>9935</v>
      </c>
      <c r="F1318" s="1163" t="s">
        <v>32172</v>
      </c>
      <c r="G1318" s="150"/>
      <c r="H1318" s="150"/>
    </row>
    <row r="1319" spans="1:8" ht="102">
      <c r="A1319" s="150"/>
      <c r="B1319" s="164" t="s">
        <v>32271</v>
      </c>
      <c r="C1319" s="1150"/>
      <c r="D1319" s="1150"/>
      <c r="E1319" s="1150"/>
      <c r="F1319" s="1164"/>
      <c r="G1319" s="150"/>
      <c r="H1319" s="150"/>
    </row>
    <row r="1320" spans="1:8" ht="25.5">
      <c r="A1320" s="150"/>
      <c r="B1320" s="162" t="s">
        <v>9936</v>
      </c>
      <c r="C1320" s="1149" t="s">
        <v>9937</v>
      </c>
      <c r="D1320" s="1149" t="s">
        <v>9938</v>
      </c>
      <c r="E1320" s="1149" t="s">
        <v>9939</v>
      </c>
      <c r="F1320" s="1163" t="s">
        <v>32172</v>
      </c>
      <c r="G1320" s="150"/>
      <c r="H1320" s="150"/>
    </row>
    <row r="1321" spans="1:8" ht="63.75">
      <c r="A1321" s="150"/>
      <c r="B1321" s="164" t="s">
        <v>32272</v>
      </c>
      <c r="C1321" s="1150"/>
      <c r="D1321" s="1150"/>
      <c r="E1321" s="1150"/>
      <c r="F1321" s="1164"/>
      <c r="G1321" s="150"/>
      <c r="H1321" s="150"/>
    </row>
    <row r="1322" spans="1:8">
      <c r="A1322" s="150"/>
      <c r="B1322" s="162" t="s">
        <v>9940</v>
      </c>
      <c r="C1322" s="1149" t="s">
        <v>9942</v>
      </c>
      <c r="D1322" s="1149" t="s">
        <v>9943</v>
      </c>
      <c r="E1322" s="1149" t="s">
        <v>9944</v>
      </c>
      <c r="F1322" s="1163" t="s">
        <v>32172</v>
      </c>
      <c r="G1322" s="150"/>
      <c r="H1322" s="150"/>
    </row>
    <row r="1323" spans="1:8" ht="38.25">
      <c r="A1323" s="150"/>
      <c r="B1323" s="164" t="s">
        <v>9941</v>
      </c>
      <c r="C1323" s="1150"/>
      <c r="D1323" s="1150"/>
      <c r="E1323" s="1150"/>
      <c r="F1323" s="1164"/>
      <c r="G1323" s="150"/>
      <c r="H1323" s="150"/>
    </row>
    <row r="1324" spans="1:8" ht="25.5">
      <c r="A1324" s="150"/>
      <c r="B1324" s="162" t="s">
        <v>9945</v>
      </c>
      <c r="C1324" s="1149" t="s">
        <v>9946</v>
      </c>
      <c r="D1324" s="1149" t="s">
        <v>9947</v>
      </c>
      <c r="E1324" s="1149" t="s">
        <v>9948</v>
      </c>
      <c r="F1324" s="1163" t="s">
        <v>32172</v>
      </c>
      <c r="G1324" s="150"/>
      <c r="H1324" s="150"/>
    </row>
    <row r="1325" spans="1:8" ht="63.75">
      <c r="A1325" s="150"/>
      <c r="B1325" s="164" t="s">
        <v>32273</v>
      </c>
      <c r="C1325" s="1150"/>
      <c r="D1325" s="1150"/>
      <c r="E1325" s="1150"/>
      <c r="F1325" s="1164"/>
      <c r="G1325" s="150"/>
      <c r="H1325" s="150"/>
    </row>
    <row r="1326" spans="1:8">
      <c r="A1326" s="150"/>
      <c r="B1326" s="162" t="s">
        <v>9949</v>
      </c>
      <c r="C1326" s="1149" t="s">
        <v>9950</v>
      </c>
      <c r="D1326" s="1149" t="s">
        <v>9951</v>
      </c>
      <c r="E1326" s="1149" t="s">
        <v>9952</v>
      </c>
      <c r="F1326" s="1163" t="s">
        <v>32172</v>
      </c>
      <c r="G1326" s="150"/>
      <c r="H1326" s="150"/>
    </row>
    <row r="1327" spans="1:8" ht="51">
      <c r="A1327" s="150"/>
      <c r="B1327" s="164" t="s">
        <v>32274</v>
      </c>
      <c r="C1327" s="1150"/>
      <c r="D1327" s="1150"/>
      <c r="E1327" s="1150"/>
      <c r="F1327" s="1164"/>
      <c r="G1327" s="150"/>
      <c r="H1327" s="150"/>
    </row>
    <row r="1328" spans="1:8" ht="25.5">
      <c r="A1328" s="150"/>
      <c r="B1328" s="162" t="s">
        <v>9953</v>
      </c>
      <c r="C1328" s="1149" t="s">
        <v>9954</v>
      </c>
      <c r="D1328" s="1149" t="s">
        <v>9955</v>
      </c>
      <c r="E1328" s="1149" t="s">
        <v>9956</v>
      </c>
      <c r="F1328" s="1163" t="s">
        <v>32172</v>
      </c>
      <c r="G1328" s="150"/>
      <c r="H1328" s="150"/>
    </row>
    <row r="1329" spans="1:8" ht="63.75">
      <c r="A1329" s="150"/>
      <c r="B1329" s="164" t="s">
        <v>32275</v>
      </c>
      <c r="C1329" s="1150"/>
      <c r="D1329" s="1150"/>
      <c r="E1329" s="1150"/>
      <c r="F1329" s="1164"/>
      <c r="G1329" s="150"/>
      <c r="H1329" s="150"/>
    </row>
    <row r="1330" spans="1:8" ht="25.5">
      <c r="A1330" s="150"/>
      <c r="B1330" s="162" t="s">
        <v>9957</v>
      </c>
      <c r="C1330" s="1149" t="s">
        <v>9958</v>
      </c>
      <c r="D1330" s="1149" t="s">
        <v>9959</v>
      </c>
      <c r="E1330" s="1149" t="s">
        <v>9960</v>
      </c>
      <c r="F1330" s="1163" t="s">
        <v>32172</v>
      </c>
      <c r="G1330" s="150"/>
      <c r="H1330" s="150"/>
    </row>
    <row r="1331" spans="1:8" ht="89.25">
      <c r="A1331" s="150"/>
      <c r="B1331" s="164" t="s">
        <v>32276</v>
      </c>
      <c r="C1331" s="1150"/>
      <c r="D1331" s="1150"/>
      <c r="E1331" s="1150"/>
      <c r="F1331" s="1164"/>
      <c r="G1331" s="150"/>
      <c r="H1331" s="150"/>
    </row>
    <row r="1332" spans="1:8" ht="25.5">
      <c r="A1332" s="150"/>
      <c r="B1332" s="162" t="s">
        <v>9961</v>
      </c>
      <c r="C1332" s="1149" t="s">
        <v>9962</v>
      </c>
      <c r="D1332" s="1149" t="s">
        <v>9963</v>
      </c>
      <c r="E1332" s="1149" t="s">
        <v>9964</v>
      </c>
      <c r="F1332" s="1163" t="s">
        <v>32172</v>
      </c>
      <c r="G1332" s="150"/>
      <c r="H1332" s="150"/>
    </row>
    <row r="1333" spans="1:8" ht="76.5">
      <c r="A1333" s="150"/>
      <c r="B1333" s="164" t="s">
        <v>32277</v>
      </c>
      <c r="C1333" s="1150"/>
      <c r="D1333" s="1150"/>
      <c r="E1333" s="1150"/>
      <c r="F1333" s="1164"/>
      <c r="G1333" s="150"/>
      <c r="H1333" s="150"/>
    </row>
    <row r="1334" spans="1:8" ht="25.5">
      <c r="A1334" s="150"/>
      <c r="B1334" s="162" t="s">
        <v>9965</v>
      </c>
      <c r="C1334" s="1149" t="s">
        <v>9967</v>
      </c>
      <c r="D1334" s="1149" t="s">
        <v>9968</v>
      </c>
      <c r="E1334" s="1149" t="s">
        <v>9969</v>
      </c>
      <c r="F1334" s="1163" t="s">
        <v>32172</v>
      </c>
      <c r="G1334" s="150"/>
      <c r="H1334" s="150"/>
    </row>
    <row r="1335" spans="1:8" ht="51">
      <c r="A1335" s="150"/>
      <c r="B1335" s="164" t="s">
        <v>9966</v>
      </c>
      <c r="C1335" s="1150"/>
      <c r="D1335" s="1150"/>
      <c r="E1335" s="1150"/>
      <c r="F1335" s="1164"/>
      <c r="G1335" s="150"/>
      <c r="H1335" s="150"/>
    </row>
    <row r="1336" spans="1:8" ht="25.5">
      <c r="A1336" s="150"/>
      <c r="B1336" s="162" t="s">
        <v>9970</v>
      </c>
      <c r="C1336" s="1149" t="s">
        <v>9971</v>
      </c>
      <c r="D1336" s="1149" t="s">
        <v>9972</v>
      </c>
      <c r="E1336" s="1149" t="s">
        <v>9973</v>
      </c>
      <c r="F1336" s="1163" t="s">
        <v>32172</v>
      </c>
      <c r="G1336" s="150"/>
      <c r="H1336" s="150"/>
    </row>
    <row r="1337" spans="1:8" ht="63.75">
      <c r="A1337" s="150"/>
      <c r="B1337" s="164" t="s">
        <v>32278</v>
      </c>
      <c r="C1337" s="1150"/>
      <c r="D1337" s="1150"/>
      <c r="E1337" s="1150"/>
      <c r="F1337" s="1164"/>
      <c r="G1337" s="150"/>
      <c r="H1337" s="150"/>
    </row>
    <row r="1338" spans="1:8" ht="25.5">
      <c r="A1338" s="150"/>
      <c r="B1338" s="162" t="s">
        <v>9974</v>
      </c>
      <c r="C1338" s="1149" t="s">
        <v>9976</v>
      </c>
      <c r="D1338" s="1149" t="s">
        <v>9977</v>
      </c>
      <c r="E1338" s="1149" t="s">
        <v>9978</v>
      </c>
      <c r="F1338" s="1163" t="s">
        <v>32172</v>
      </c>
      <c r="G1338" s="150"/>
      <c r="H1338" s="150"/>
    </row>
    <row r="1339" spans="1:8" ht="51">
      <c r="A1339" s="150"/>
      <c r="B1339" s="164" t="s">
        <v>9975</v>
      </c>
      <c r="C1339" s="1150"/>
      <c r="D1339" s="1150"/>
      <c r="E1339" s="1150"/>
      <c r="F1339" s="1164"/>
      <c r="G1339" s="150"/>
      <c r="H1339" s="150"/>
    </row>
    <row r="1340" spans="1:8" ht="25.5">
      <c r="A1340" s="150"/>
      <c r="B1340" s="162" t="s">
        <v>9979</v>
      </c>
      <c r="C1340" s="1149" t="s">
        <v>9980</v>
      </c>
      <c r="D1340" s="1149" t="s">
        <v>9981</v>
      </c>
      <c r="E1340" s="1149" t="s">
        <v>9982</v>
      </c>
      <c r="F1340" s="1163" t="s">
        <v>32172</v>
      </c>
      <c r="G1340" s="150"/>
      <c r="H1340" s="150"/>
    </row>
    <row r="1341" spans="1:8" ht="76.5">
      <c r="A1341" s="150"/>
      <c r="B1341" s="164" t="s">
        <v>32279</v>
      </c>
      <c r="C1341" s="1150"/>
      <c r="D1341" s="1150"/>
      <c r="E1341" s="1150"/>
      <c r="F1341" s="1164"/>
      <c r="G1341" s="150"/>
      <c r="H1341" s="150"/>
    </row>
    <row r="1342" spans="1:8" ht="25.5">
      <c r="A1342" s="150"/>
      <c r="B1342" s="162" t="s">
        <v>9983</v>
      </c>
      <c r="C1342" s="1149" t="s">
        <v>9985</v>
      </c>
      <c r="D1342" s="1149" t="s">
        <v>9986</v>
      </c>
      <c r="E1342" s="1149" t="s">
        <v>9987</v>
      </c>
      <c r="F1342" s="1163" t="s">
        <v>32172</v>
      </c>
      <c r="G1342" s="150"/>
      <c r="H1342" s="150"/>
    </row>
    <row r="1343" spans="1:8" ht="51">
      <c r="A1343" s="150"/>
      <c r="B1343" s="164" t="s">
        <v>9984</v>
      </c>
      <c r="C1343" s="1150"/>
      <c r="D1343" s="1150"/>
      <c r="E1343" s="1150"/>
      <c r="F1343" s="1164"/>
      <c r="G1343" s="150"/>
      <c r="H1343" s="150"/>
    </row>
    <row r="1344" spans="1:8" ht="25.5">
      <c r="A1344" s="150"/>
      <c r="B1344" s="162" t="s">
        <v>9988</v>
      </c>
      <c r="C1344" s="1149" t="s">
        <v>9989</v>
      </c>
      <c r="D1344" s="1149" t="s">
        <v>9990</v>
      </c>
      <c r="E1344" s="1149" t="s">
        <v>9991</v>
      </c>
      <c r="F1344" s="1163" t="s">
        <v>32172</v>
      </c>
      <c r="G1344" s="150"/>
      <c r="H1344" s="150"/>
    </row>
    <row r="1345" spans="1:8" ht="63.75">
      <c r="A1345" s="150"/>
      <c r="B1345" s="164" t="s">
        <v>32280</v>
      </c>
      <c r="C1345" s="1150"/>
      <c r="D1345" s="1150"/>
      <c r="E1345" s="1150"/>
      <c r="F1345" s="1164"/>
      <c r="G1345" s="150"/>
      <c r="H1345" s="150"/>
    </row>
    <row r="1346" spans="1:8">
      <c r="A1346" s="150"/>
      <c r="B1346" s="162" t="s">
        <v>9992</v>
      </c>
      <c r="C1346" s="1149" t="s">
        <v>9993</v>
      </c>
      <c r="D1346" s="1149" t="s">
        <v>9994</v>
      </c>
      <c r="E1346" s="1149" t="s">
        <v>9995</v>
      </c>
      <c r="F1346" s="1163" t="s">
        <v>32172</v>
      </c>
      <c r="G1346" s="150"/>
      <c r="H1346" s="150"/>
    </row>
    <row r="1347" spans="1:8" ht="51">
      <c r="A1347" s="150"/>
      <c r="B1347" s="164" t="s">
        <v>32281</v>
      </c>
      <c r="C1347" s="1150"/>
      <c r="D1347" s="1150"/>
      <c r="E1347" s="1150"/>
      <c r="F1347" s="1164"/>
      <c r="G1347" s="150"/>
      <c r="H1347" s="150"/>
    </row>
    <row r="1348" spans="1:8">
      <c r="A1348" s="150"/>
      <c r="B1348" s="162" t="s">
        <v>9996</v>
      </c>
      <c r="C1348" s="1149" t="s">
        <v>9998</v>
      </c>
      <c r="D1348" s="1149" t="s">
        <v>9999</v>
      </c>
      <c r="E1348" s="1149" t="s">
        <v>10000</v>
      </c>
      <c r="F1348" s="1163" t="s">
        <v>32172</v>
      </c>
      <c r="G1348" s="150"/>
      <c r="H1348" s="150"/>
    </row>
    <row r="1349" spans="1:8" ht="25.5">
      <c r="A1349" s="150"/>
      <c r="B1349" s="164" t="s">
        <v>9997</v>
      </c>
      <c r="C1349" s="1150"/>
      <c r="D1349" s="1150"/>
      <c r="E1349" s="1150"/>
      <c r="F1349" s="1164"/>
      <c r="G1349" s="150"/>
      <c r="H1349" s="150"/>
    </row>
    <row r="1350" spans="1:8" ht="25.5">
      <c r="A1350" s="150"/>
      <c r="B1350" s="162" t="s">
        <v>10001</v>
      </c>
      <c r="C1350" s="1149" t="s">
        <v>10003</v>
      </c>
      <c r="D1350" s="1149" t="s">
        <v>10004</v>
      </c>
      <c r="E1350" s="1149" t="s">
        <v>10005</v>
      </c>
      <c r="F1350" s="1163" t="s">
        <v>32172</v>
      </c>
      <c r="G1350" s="150"/>
      <c r="H1350" s="150"/>
    </row>
    <row r="1351" spans="1:8" ht="38.25">
      <c r="A1351" s="150"/>
      <c r="B1351" s="164" t="s">
        <v>10002</v>
      </c>
      <c r="C1351" s="1150"/>
      <c r="D1351" s="1150"/>
      <c r="E1351" s="1150"/>
      <c r="F1351" s="1164"/>
      <c r="G1351" s="150"/>
      <c r="H1351" s="150"/>
    </row>
    <row r="1352" spans="1:8" ht="25.5">
      <c r="A1352" s="150"/>
      <c r="B1352" s="162" t="s">
        <v>10006</v>
      </c>
      <c r="C1352" s="1149" t="s">
        <v>10007</v>
      </c>
      <c r="D1352" s="1149" t="s">
        <v>10008</v>
      </c>
      <c r="E1352" s="1149" t="s">
        <v>10009</v>
      </c>
      <c r="F1352" s="1163" t="s">
        <v>32172</v>
      </c>
      <c r="G1352" s="150"/>
      <c r="H1352" s="150"/>
    </row>
    <row r="1353" spans="1:8" ht="51">
      <c r="A1353" s="150"/>
      <c r="B1353" s="164" t="s">
        <v>32282</v>
      </c>
      <c r="C1353" s="1150"/>
      <c r="D1353" s="1150"/>
      <c r="E1353" s="1150"/>
      <c r="F1353" s="1164"/>
      <c r="G1353" s="150"/>
      <c r="H1353" s="150"/>
    </row>
    <row r="1354" spans="1:8" ht="38.25">
      <c r="A1354" s="150"/>
      <c r="B1354" s="162" t="s">
        <v>10010</v>
      </c>
      <c r="C1354" s="1149" t="s">
        <v>10011</v>
      </c>
      <c r="D1354" s="1149" t="s">
        <v>10012</v>
      </c>
      <c r="E1354" s="1149" t="s">
        <v>10013</v>
      </c>
      <c r="F1354" s="1163" t="s">
        <v>32172</v>
      </c>
      <c r="G1354" s="150"/>
      <c r="H1354" s="150"/>
    </row>
    <row r="1355" spans="1:8" ht="63.75">
      <c r="A1355" s="150"/>
      <c r="B1355" s="164" t="s">
        <v>32283</v>
      </c>
      <c r="C1355" s="1150"/>
      <c r="D1355" s="1150"/>
      <c r="E1355" s="1150"/>
      <c r="F1355" s="1164"/>
      <c r="G1355" s="150"/>
      <c r="H1355" s="150"/>
    </row>
    <row r="1356" spans="1:8" ht="25.5">
      <c r="A1356" s="150"/>
      <c r="B1356" s="162" t="s">
        <v>10014</v>
      </c>
      <c r="C1356" s="1149" t="s">
        <v>10015</v>
      </c>
      <c r="D1356" s="1149" t="s">
        <v>10016</v>
      </c>
      <c r="E1356" s="1149" t="s">
        <v>10017</v>
      </c>
      <c r="F1356" s="1163" t="s">
        <v>32172</v>
      </c>
      <c r="G1356" s="150"/>
      <c r="H1356" s="150"/>
    </row>
    <row r="1357" spans="1:8" ht="76.5">
      <c r="A1357" s="150"/>
      <c r="B1357" s="164" t="s">
        <v>32284</v>
      </c>
      <c r="C1357" s="1150"/>
      <c r="D1357" s="1150"/>
      <c r="E1357" s="1150"/>
      <c r="F1357" s="1164"/>
      <c r="G1357" s="150"/>
      <c r="H1357" s="150"/>
    </row>
    <row r="1358" spans="1:8" ht="25.5">
      <c r="A1358" s="150"/>
      <c r="B1358" s="162" t="s">
        <v>10018</v>
      </c>
      <c r="C1358" s="1149" t="s">
        <v>10019</v>
      </c>
      <c r="D1358" s="1149" t="s">
        <v>10020</v>
      </c>
      <c r="E1358" s="1149" t="s">
        <v>10021</v>
      </c>
      <c r="F1358" s="1163" t="s">
        <v>32172</v>
      </c>
      <c r="G1358" s="150"/>
      <c r="H1358" s="150"/>
    </row>
    <row r="1359" spans="1:8" ht="63.75">
      <c r="A1359" s="150"/>
      <c r="B1359" s="164" t="s">
        <v>32285</v>
      </c>
      <c r="C1359" s="1150"/>
      <c r="D1359" s="1150"/>
      <c r="E1359" s="1150"/>
      <c r="F1359" s="1164"/>
      <c r="G1359" s="150"/>
      <c r="H1359" s="150"/>
    </row>
    <row r="1360" spans="1:8" ht="25.5">
      <c r="A1360" s="150"/>
      <c r="B1360" s="162" t="s">
        <v>10022</v>
      </c>
      <c r="C1360" s="1149" t="s">
        <v>10023</v>
      </c>
      <c r="D1360" s="1149" t="s">
        <v>10024</v>
      </c>
      <c r="E1360" s="1149" t="s">
        <v>10025</v>
      </c>
      <c r="F1360" s="1163" t="s">
        <v>32172</v>
      </c>
      <c r="G1360" s="150"/>
      <c r="H1360" s="150"/>
    </row>
    <row r="1361" spans="1:8" ht="76.5">
      <c r="A1361" s="150"/>
      <c r="B1361" s="164" t="s">
        <v>32286</v>
      </c>
      <c r="C1361" s="1150"/>
      <c r="D1361" s="1150"/>
      <c r="E1361" s="1150"/>
      <c r="F1361" s="1164"/>
      <c r="G1361" s="150"/>
      <c r="H1361" s="150"/>
    </row>
    <row r="1362" spans="1:8" ht="25.5">
      <c r="A1362" s="150"/>
      <c r="B1362" s="162" t="s">
        <v>10026</v>
      </c>
      <c r="C1362" s="1149" t="s">
        <v>10027</v>
      </c>
      <c r="D1362" s="1149" t="s">
        <v>10028</v>
      </c>
      <c r="E1362" s="1149" t="s">
        <v>10029</v>
      </c>
      <c r="F1362" s="1163" t="s">
        <v>32172</v>
      </c>
      <c r="G1362" s="150"/>
      <c r="H1362" s="150"/>
    </row>
    <row r="1363" spans="1:8" ht="63.75">
      <c r="A1363" s="150"/>
      <c r="B1363" s="164" t="s">
        <v>32287</v>
      </c>
      <c r="C1363" s="1150"/>
      <c r="D1363" s="1150"/>
      <c r="E1363" s="1150"/>
      <c r="F1363" s="1164"/>
      <c r="G1363" s="150"/>
      <c r="H1363" s="150"/>
    </row>
    <row r="1364" spans="1:8" ht="25.5">
      <c r="A1364" s="150"/>
      <c r="B1364" s="162" t="s">
        <v>10030</v>
      </c>
      <c r="C1364" s="1149" t="s">
        <v>10031</v>
      </c>
      <c r="D1364" s="1149" t="s">
        <v>10032</v>
      </c>
      <c r="E1364" s="1149" t="s">
        <v>10033</v>
      </c>
      <c r="F1364" s="1163" t="s">
        <v>32172</v>
      </c>
      <c r="G1364" s="150"/>
      <c r="H1364" s="150"/>
    </row>
    <row r="1365" spans="1:8" ht="63.75">
      <c r="A1365" s="150"/>
      <c r="B1365" s="164" t="s">
        <v>32288</v>
      </c>
      <c r="C1365" s="1150"/>
      <c r="D1365" s="1150"/>
      <c r="E1365" s="1150"/>
      <c r="F1365" s="1164"/>
      <c r="G1365" s="150"/>
      <c r="H1365" s="150"/>
    </row>
    <row r="1366" spans="1:8" ht="25.5">
      <c r="A1366" s="150"/>
      <c r="B1366" s="162" t="s">
        <v>10034</v>
      </c>
      <c r="C1366" s="1149" t="s">
        <v>10035</v>
      </c>
      <c r="D1366" s="1149" t="s">
        <v>10036</v>
      </c>
      <c r="E1366" s="1149" t="s">
        <v>10037</v>
      </c>
      <c r="F1366" s="1163" t="s">
        <v>32172</v>
      </c>
      <c r="G1366" s="150"/>
      <c r="H1366" s="150"/>
    </row>
    <row r="1367" spans="1:8" ht="102">
      <c r="A1367" s="150"/>
      <c r="B1367" s="164" t="s">
        <v>32289</v>
      </c>
      <c r="C1367" s="1150"/>
      <c r="D1367" s="1150"/>
      <c r="E1367" s="1150"/>
      <c r="F1367" s="1164"/>
      <c r="G1367" s="150"/>
      <c r="H1367" s="150"/>
    </row>
    <row r="1368" spans="1:8">
      <c r="A1368" s="150"/>
      <c r="B1368" s="162" t="s">
        <v>10038</v>
      </c>
      <c r="C1368" s="1149" t="s">
        <v>10039</v>
      </c>
      <c r="D1368" s="1149" t="s">
        <v>10040</v>
      </c>
      <c r="E1368" s="1149" t="s">
        <v>10041</v>
      </c>
      <c r="F1368" s="1163" t="s">
        <v>32172</v>
      </c>
      <c r="G1368" s="150"/>
      <c r="H1368" s="150"/>
    </row>
    <row r="1369" spans="1:8" ht="63.75">
      <c r="A1369" s="150"/>
      <c r="B1369" s="164" t="s">
        <v>32290</v>
      </c>
      <c r="C1369" s="1150"/>
      <c r="D1369" s="1150"/>
      <c r="E1369" s="1150"/>
      <c r="F1369" s="1164"/>
      <c r="G1369" s="150"/>
      <c r="H1369" s="150"/>
    </row>
    <row r="1370" spans="1:8">
      <c r="A1370" s="150"/>
      <c r="B1370" s="162" t="s">
        <v>32291</v>
      </c>
      <c r="C1370" s="1149" t="s">
        <v>10042</v>
      </c>
      <c r="D1370" s="1149" t="s">
        <v>10043</v>
      </c>
      <c r="E1370" s="1149" t="s">
        <v>10044</v>
      </c>
      <c r="F1370" s="1163" t="s">
        <v>32172</v>
      </c>
      <c r="G1370" s="150"/>
      <c r="H1370" s="150"/>
    </row>
    <row r="1371" spans="1:8" ht="76.5">
      <c r="A1371" s="150"/>
      <c r="B1371" s="164" t="s">
        <v>32292</v>
      </c>
      <c r="C1371" s="1150"/>
      <c r="D1371" s="1150"/>
      <c r="E1371" s="1150"/>
      <c r="F1371" s="1164"/>
      <c r="G1371" s="150"/>
      <c r="H1371" s="150"/>
    </row>
    <row r="1372" spans="1:8" ht="38.25">
      <c r="A1372" s="150"/>
      <c r="B1372" s="162" t="s">
        <v>10045</v>
      </c>
      <c r="C1372" s="1149" t="s">
        <v>10046</v>
      </c>
      <c r="D1372" s="1149" t="s">
        <v>10047</v>
      </c>
      <c r="E1372" s="1149" t="s">
        <v>10048</v>
      </c>
      <c r="F1372" s="1163" t="s">
        <v>32172</v>
      </c>
      <c r="G1372" s="150"/>
      <c r="H1372" s="150"/>
    </row>
    <row r="1373" spans="1:8" ht="63.75">
      <c r="A1373" s="150"/>
      <c r="B1373" s="164" t="s">
        <v>32293</v>
      </c>
      <c r="C1373" s="1150"/>
      <c r="D1373" s="1150"/>
      <c r="E1373" s="1150"/>
      <c r="F1373" s="1164"/>
      <c r="G1373" s="150"/>
      <c r="H1373" s="150"/>
    </row>
    <row r="1374" spans="1:8" ht="25.5">
      <c r="A1374" s="150"/>
      <c r="B1374" s="162" t="s">
        <v>10049</v>
      </c>
      <c r="C1374" s="1149" t="s">
        <v>10050</v>
      </c>
      <c r="D1374" s="1149" t="s">
        <v>10051</v>
      </c>
      <c r="E1374" s="1149" t="s">
        <v>10052</v>
      </c>
      <c r="F1374" s="1163" t="s">
        <v>32172</v>
      </c>
      <c r="G1374" s="150"/>
      <c r="H1374" s="150"/>
    </row>
    <row r="1375" spans="1:8" ht="51">
      <c r="A1375" s="150"/>
      <c r="B1375" s="164" t="s">
        <v>32294</v>
      </c>
      <c r="C1375" s="1150"/>
      <c r="D1375" s="1150"/>
      <c r="E1375" s="1150"/>
      <c r="F1375" s="1164"/>
      <c r="G1375" s="150"/>
      <c r="H1375" s="150"/>
    </row>
    <row r="1376" spans="1:8" ht="38.25">
      <c r="A1376" s="150"/>
      <c r="B1376" s="162" t="s">
        <v>10053</v>
      </c>
      <c r="C1376" s="1149" t="s">
        <v>10054</v>
      </c>
      <c r="D1376" s="1149" t="s">
        <v>10055</v>
      </c>
      <c r="E1376" s="1149" t="s">
        <v>10056</v>
      </c>
      <c r="F1376" s="1163" t="s">
        <v>32172</v>
      </c>
      <c r="G1376" s="150"/>
      <c r="H1376" s="150"/>
    </row>
    <row r="1377" spans="1:8" ht="76.5">
      <c r="A1377" s="150"/>
      <c r="B1377" s="164" t="s">
        <v>32295</v>
      </c>
      <c r="C1377" s="1150"/>
      <c r="D1377" s="1150"/>
      <c r="E1377" s="1150"/>
      <c r="F1377" s="1164"/>
      <c r="G1377" s="150"/>
      <c r="H1377" s="150"/>
    </row>
    <row r="1378" spans="1:8" ht="25.5">
      <c r="A1378" s="150"/>
      <c r="B1378" s="162" t="s">
        <v>10057</v>
      </c>
      <c r="C1378" s="1149" t="s">
        <v>10058</v>
      </c>
      <c r="D1378" s="1149" t="s">
        <v>10059</v>
      </c>
      <c r="E1378" s="1149" t="s">
        <v>10060</v>
      </c>
      <c r="F1378" s="1163" t="s">
        <v>32172</v>
      </c>
      <c r="G1378" s="150"/>
      <c r="H1378" s="150"/>
    </row>
    <row r="1379" spans="1:8" ht="63.75">
      <c r="A1379" s="150"/>
      <c r="B1379" s="164" t="s">
        <v>32296</v>
      </c>
      <c r="C1379" s="1150"/>
      <c r="D1379" s="1150"/>
      <c r="E1379" s="1150"/>
      <c r="F1379" s="1164"/>
      <c r="G1379" s="150"/>
      <c r="H1379" s="150"/>
    </row>
    <row r="1380" spans="1:8" ht="38.25">
      <c r="A1380" s="150"/>
      <c r="B1380" s="162" t="s">
        <v>10061</v>
      </c>
      <c r="C1380" s="1149" t="s">
        <v>10062</v>
      </c>
      <c r="D1380" s="1149" t="s">
        <v>10063</v>
      </c>
      <c r="E1380" s="1149" t="s">
        <v>10064</v>
      </c>
      <c r="F1380" s="1163" t="s">
        <v>32172</v>
      </c>
      <c r="G1380" s="150"/>
      <c r="H1380" s="150"/>
    </row>
    <row r="1381" spans="1:8" ht="76.5">
      <c r="A1381" s="150"/>
      <c r="B1381" s="164" t="s">
        <v>32297</v>
      </c>
      <c r="C1381" s="1150"/>
      <c r="D1381" s="1150"/>
      <c r="E1381" s="1150"/>
      <c r="F1381" s="1164"/>
      <c r="G1381" s="150"/>
      <c r="H1381" s="150"/>
    </row>
    <row r="1382" spans="1:8" ht="25.5">
      <c r="A1382" s="150"/>
      <c r="B1382" s="162" t="s">
        <v>10065</v>
      </c>
      <c r="C1382" s="1149" t="s">
        <v>10066</v>
      </c>
      <c r="D1382" s="1149" t="s">
        <v>10067</v>
      </c>
      <c r="E1382" s="1149" t="s">
        <v>10068</v>
      </c>
      <c r="F1382" s="1163" t="s">
        <v>32172</v>
      </c>
      <c r="G1382" s="150"/>
      <c r="H1382" s="150"/>
    </row>
    <row r="1383" spans="1:8" ht="63.75">
      <c r="A1383" s="150"/>
      <c r="B1383" s="164" t="s">
        <v>32298</v>
      </c>
      <c r="C1383" s="1150"/>
      <c r="D1383" s="1150"/>
      <c r="E1383" s="1150"/>
      <c r="F1383" s="1164"/>
      <c r="G1383" s="150"/>
      <c r="H1383" s="150"/>
    </row>
    <row r="1384" spans="1:8">
      <c r="A1384" s="150"/>
      <c r="B1384" s="162" t="s">
        <v>10069</v>
      </c>
      <c r="C1384" s="1149" t="s">
        <v>10070</v>
      </c>
      <c r="D1384" s="1149" t="s">
        <v>10071</v>
      </c>
      <c r="E1384" s="1149" t="s">
        <v>10072</v>
      </c>
      <c r="F1384" s="1163" t="s">
        <v>32172</v>
      </c>
      <c r="G1384" s="150"/>
      <c r="H1384" s="150"/>
    </row>
    <row r="1385" spans="1:8" ht="63.75">
      <c r="A1385" s="150"/>
      <c r="B1385" s="164" t="s">
        <v>32299</v>
      </c>
      <c r="C1385" s="1150"/>
      <c r="D1385" s="1150"/>
      <c r="E1385" s="1150"/>
      <c r="F1385" s="1164"/>
      <c r="G1385" s="150"/>
      <c r="H1385" s="150"/>
    </row>
    <row r="1386" spans="1:8" ht="25.5">
      <c r="A1386" s="150"/>
      <c r="B1386" s="162" t="s">
        <v>10073</v>
      </c>
      <c r="C1386" s="1149" t="s">
        <v>10074</v>
      </c>
      <c r="D1386" s="1149" t="s">
        <v>10075</v>
      </c>
      <c r="E1386" s="1149" t="s">
        <v>10076</v>
      </c>
      <c r="F1386" s="1163" t="s">
        <v>32172</v>
      </c>
      <c r="G1386" s="150"/>
      <c r="H1386" s="150"/>
    </row>
    <row r="1387" spans="1:8" ht="51">
      <c r="A1387" s="150"/>
      <c r="B1387" s="164" t="s">
        <v>32300</v>
      </c>
      <c r="C1387" s="1150"/>
      <c r="D1387" s="1150"/>
      <c r="E1387" s="1150"/>
      <c r="F1387" s="1164"/>
      <c r="G1387" s="150"/>
      <c r="H1387" s="150"/>
    </row>
    <row r="1388" spans="1:8" ht="38.25">
      <c r="A1388" s="150"/>
      <c r="B1388" s="162" t="s">
        <v>10077</v>
      </c>
      <c r="C1388" s="1149" t="s">
        <v>10078</v>
      </c>
      <c r="D1388" s="1149" t="s">
        <v>10079</v>
      </c>
      <c r="E1388" s="1149" t="s">
        <v>10080</v>
      </c>
      <c r="F1388" s="1163" t="s">
        <v>32172</v>
      </c>
      <c r="G1388" s="150"/>
      <c r="H1388" s="150"/>
    </row>
    <row r="1389" spans="1:8" ht="76.5">
      <c r="A1389" s="150"/>
      <c r="B1389" s="164" t="s">
        <v>32301</v>
      </c>
      <c r="C1389" s="1150"/>
      <c r="D1389" s="1150"/>
      <c r="E1389" s="1150"/>
      <c r="F1389" s="1164"/>
      <c r="G1389" s="150"/>
      <c r="H1389" s="150"/>
    </row>
    <row r="1390" spans="1:8" ht="25.5">
      <c r="A1390" s="150"/>
      <c r="B1390" s="162" t="s">
        <v>10081</v>
      </c>
      <c r="C1390" s="1149" t="s">
        <v>10082</v>
      </c>
      <c r="D1390" s="1149" t="s">
        <v>10083</v>
      </c>
      <c r="E1390" s="1149" t="s">
        <v>10084</v>
      </c>
      <c r="F1390" s="1163" t="s">
        <v>32172</v>
      </c>
      <c r="G1390" s="150"/>
      <c r="H1390" s="150"/>
    </row>
    <row r="1391" spans="1:8" ht="76.5">
      <c r="A1391" s="150"/>
      <c r="B1391" s="164" t="s">
        <v>32302</v>
      </c>
      <c r="C1391" s="1150"/>
      <c r="D1391" s="1150"/>
      <c r="E1391" s="1150"/>
      <c r="F1391" s="1164"/>
      <c r="G1391" s="150"/>
      <c r="H1391" s="150"/>
    </row>
    <row r="1392" spans="1:8" ht="25.5">
      <c r="A1392" s="150"/>
      <c r="B1392" s="162" t="s">
        <v>10085</v>
      </c>
      <c r="C1392" s="1149" t="s">
        <v>10086</v>
      </c>
      <c r="D1392" s="1149" t="s">
        <v>10087</v>
      </c>
      <c r="E1392" s="1149" t="s">
        <v>10088</v>
      </c>
      <c r="F1392" s="1163" t="s">
        <v>32172</v>
      </c>
      <c r="G1392" s="150"/>
      <c r="H1392" s="150"/>
    </row>
    <row r="1393" spans="1:8" ht="76.5">
      <c r="A1393" s="150"/>
      <c r="B1393" s="164" t="s">
        <v>32303</v>
      </c>
      <c r="C1393" s="1150"/>
      <c r="D1393" s="1150"/>
      <c r="E1393" s="1150"/>
      <c r="F1393" s="1164"/>
      <c r="G1393" s="150"/>
      <c r="H1393" s="150"/>
    </row>
    <row r="1394" spans="1:8" ht="25.5">
      <c r="A1394" s="150"/>
      <c r="B1394" s="162" t="s">
        <v>10089</v>
      </c>
      <c r="C1394" s="1149" t="s">
        <v>10090</v>
      </c>
      <c r="D1394" s="1149" t="s">
        <v>10091</v>
      </c>
      <c r="E1394" s="1149" t="s">
        <v>10092</v>
      </c>
      <c r="F1394" s="1163" t="s">
        <v>32172</v>
      </c>
      <c r="G1394" s="150"/>
      <c r="H1394" s="150"/>
    </row>
    <row r="1395" spans="1:8" ht="51">
      <c r="A1395" s="150"/>
      <c r="B1395" s="164" t="s">
        <v>32304</v>
      </c>
      <c r="C1395" s="1150"/>
      <c r="D1395" s="1150"/>
      <c r="E1395" s="1150"/>
      <c r="F1395" s="1164"/>
      <c r="G1395" s="150"/>
      <c r="H1395" s="150"/>
    </row>
    <row r="1396" spans="1:8" ht="38.25">
      <c r="A1396" s="150"/>
      <c r="B1396" s="162" t="s">
        <v>10093</v>
      </c>
      <c r="C1396" s="1149" t="s">
        <v>10094</v>
      </c>
      <c r="D1396" s="1149" t="s">
        <v>10095</v>
      </c>
      <c r="E1396" s="1149" t="s">
        <v>10096</v>
      </c>
      <c r="F1396" s="1163" t="s">
        <v>32172</v>
      </c>
      <c r="G1396" s="150"/>
      <c r="H1396" s="150"/>
    </row>
    <row r="1397" spans="1:8" ht="76.5">
      <c r="A1397" s="150"/>
      <c r="B1397" s="164" t="s">
        <v>32305</v>
      </c>
      <c r="C1397" s="1150"/>
      <c r="D1397" s="1150"/>
      <c r="E1397" s="1150"/>
      <c r="F1397" s="1164"/>
      <c r="G1397" s="150"/>
      <c r="H1397" s="150"/>
    </row>
    <row r="1398" spans="1:8" ht="25.5">
      <c r="A1398" s="150"/>
      <c r="B1398" s="162" t="s">
        <v>10097</v>
      </c>
      <c r="C1398" s="1149" t="s">
        <v>10098</v>
      </c>
      <c r="D1398" s="1149" t="s">
        <v>10099</v>
      </c>
      <c r="E1398" s="1149" t="s">
        <v>10100</v>
      </c>
      <c r="F1398" s="1163" t="s">
        <v>32172</v>
      </c>
      <c r="G1398" s="150"/>
      <c r="H1398" s="150"/>
    </row>
    <row r="1399" spans="1:8" ht="76.5">
      <c r="A1399" s="150"/>
      <c r="B1399" s="164" t="s">
        <v>32306</v>
      </c>
      <c r="C1399" s="1150"/>
      <c r="D1399" s="1150"/>
      <c r="E1399" s="1150"/>
      <c r="F1399" s="1164"/>
      <c r="G1399" s="150"/>
      <c r="H1399" s="150"/>
    </row>
    <row r="1400" spans="1:8">
      <c r="A1400" s="150"/>
      <c r="B1400" s="195" t="s">
        <v>32307</v>
      </c>
      <c r="C1400" s="196" t="s">
        <v>10101</v>
      </c>
      <c r="D1400" s="196" t="s">
        <v>10102</v>
      </c>
      <c r="E1400" s="196" t="s">
        <v>10103</v>
      </c>
      <c r="F1400" s="194" t="s">
        <v>32172</v>
      </c>
      <c r="G1400" s="150"/>
      <c r="H1400" s="150"/>
    </row>
    <row r="1401" spans="1:8">
      <c r="A1401" s="150"/>
      <c r="B1401" s="195" t="s">
        <v>32308</v>
      </c>
      <c r="C1401" s="196" t="s">
        <v>10104</v>
      </c>
      <c r="D1401" s="196" t="s">
        <v>10105</v>
      </c>
      <c r="E1401" s="196" t="s">
        <v>10106</v>
      </c>
      <c r="F1401" s="194" t="s">
        <v>32172</v>
      </c>
      <c r="G1401" s="150"/>
      <c r="H1401" s="150"/>
    </row>
    <row r="1402" spans="1:8">
      <c r="A1402" s="150"/>
      <c r="B1402" s="195" t="s">
        <v>32309</v>
      </c>
      <c r="C1402" s="196" t="s">
        <v>10107</v>
      </c>
      <c r="D1402" s="196" t="s">
        <v>10108</v>
      </c>
      <c r="E1402" s="196" t="s">
        <v>10109</v>
      </c>
      <c r="F1402" s="194" t="s">
        <v>32172</v>
      </c>
      <c r="G1402" s="150"/>
      <c r="H1402" s="150"/>
    </row>
    <row r="1403" spans="1:8">
      <c r="A1403" s="150"/>
      <c r="B1403" s="195" t="s">
        <v>32310</v>
      </c>
      <c r="C1403" s="196" t="s">
        <v>10110</v>
      </c>
      <c r="D1403" s="196" t="s">
        <v>10111</v>
      </c>
      <c r="E1403" s="196" t="s">
        <v>10112</v>
      </c>
      <c r="F1403" s="194" t="s">
        <v>32172</v>
      </c>
      <c r="G1403" s="150"/>
      <c r="H1403" s="150"/>
    </row>
    <row r="1404" spans="1:8">
      <c r="A1404" s="150"/>
      <c r="B1404" s="162" t="s">
        <v>10113</v>
      </c>
      <c r="C1404" s="1149" t="s">
        <v>10115</v>
      </c>
      <c r="D1404" s="1149" t="s">
        <v>10116</v>
      </c>
      <c r="E1404" s="1149" t="s">
        <v>10117</v>
      </c>
      <c r="F1404" s="1163" t="s">
        <v>32172</v>
      </c>
      <c r="G1404" s="150"/>
      <c r="H1404" s="150"/>
    </row>
    <row r="1405" spans="1:8" ht="38.25">
      <c r="A1405" s="150"/>
      <c r="B1405" s="164" t="s">
        <v>10114</v>
      </c>
      <c r="C1405" s="1150"/>
      <c r="D1405" s="1150"/>
      <c r="E1405" s="1150"/>
      <c r="F1405" s="1164"/>
      <c r="G1405" s="150"/>
      <c r="H1405" s="150"/>
    </row>
    <row r="1406" spans="1:8">
      <c r="A1406" s="150"/>
      <c r="B1406" s="162" t="s">
        <v>10118</v>
      </c>
      <c r="C1406" s="1149" t="s">
        <v>10119</v>
      </c>
      <c r="D1406" s="1149" t="s">
        <v>10120</v>
      </c>
      <c r="E1406" s="1149" t="s">
        <v>10121</v>
      </c>
      <c r="F1406" s="1163" t="s">
        <v>32172</v>
      </c>
      <c r="G1406" s="150"/>
      <c r="H1406" s="150"/>
    </row>
    <row r="1407" spans="1:8" ht="76.5">
      <c r="A1407" s="150"/>
      <c r="B1407" s="164" t="s">
        <v>32311</v>
      </c>
      <c r="C1407" s="1150"/>
      <c r="D1407" s="1150"/>
      <c r="E1407" s="1150"/>
      <c r="F1407" s="1164"/>
      <c r="G1407" s="150"/>
      <c r="H1407" s="150"/>
    </row>
    <row r="1408" spans="1:8">
      <c r="A1408" s="150"/>
      <c r="B1408" s="195" t="s">
        <v>32312</v>
      </c>
      <c r="C1408" s="196" t="s">
        <v>10122</v>
      </c>
      <c r="D1408" s="196" t="s">
        <v>10123</v>
      </c>
      <c r="E1408" s="196" t="s">
        <v>10124</v>
      </c>
      <c r="F1408" s="194" t="s">
        <v>32172</v>
      </c>
      <c r="G1408" s="150"/>
      <c r="H1408" s="150"/>
    </row>
    <row r="1409" spans="1:8">
      <c r="A1409" s="150"/>
      <c r="B1409" s="195" t="s">
        <v>32313</v>
      </c>
      <c r="C1409" s="196" t="s">
        <v>10125</v>
      </c>
      <c r="D1409" s="196" t="s">
        <v>10126</v>
      </c>
      <c r="E1409" s="196" t="s">
        <v>10127</v>
      </c>
      <c r="F1409" s="194" t="s">
        <v>32172</v>
      </c>
      <c r="G1409" s="150"/>
      <c r="H1409" s="150"/>
    </row>
    <row r="1410" spans="1:8">
      <c r="A1410" s="150"/>
      <c r="B1410" s="195" t="s">
        <v>32314</v>
      </c>
      <c r="C1410" s="196" t="s">
        <v>10128</v>
      </c>
      <c r="D1410" s="196" t="s">
        <v>10129</v>
      </c>
      <c r="E1410" s="196" t="s">
        <v>10130</v>
      </c>
      <c r="F1410" s="194" t="s">
        <v>32172</v>
      </c>
      <c r="G1410" s="150"/>
      <c r="H1410" s="150"/>
    </row>
    <row r="1411" spans="1:8">
      <c r="A1411" s="150"/>
      <c r="B1411" s="162" t="s">
        <v>10131</v>
      </c>
      <c r="C1411" s="1149" t="s">
        <v>10132</v>
      </c>
      <c r="D1411" s="1149" t="s">
        <v>10133</v>
      </c>
      <c r="E1411" s="1149" t="s">
        <v>10134</v>
      </c>
      <c r="F1411" s="1163" t="s">
        <v>32315</v>
      </c>
      <c r="G1411" s="150"/>
      <c r="H1411" s="150"/>
    </row>
    <row r="1412" spans="1:8" ht="63.75">
      <c r="A1412" s="150"/>
      <c r="B1412" s="164" t="s">
        <v>32316</v>
      </c>
      <c r="C1412" s="1150"/>
      <c r="D1412" s="1150"/>
      <c r="E1412" s="1150"/>
      <c r="F1412" s="1164"/>
      <c r="G1412" s="150"/>
      <c r="H1412" s="150"/>
    </row>
    <row r="1413" spans="1:8">
      <c r="A1413" s="150"/>
      <c r="B1413" s="162" t="s">
        <v>10135</v>
      </c>
      <c r="C1413" s="1149" t="s">
        <v>10136</v>
      </c>
      <c r="D1413" s="1149" t="s">
        <v>10137</v>
      </c>
      <c r="E1413" s="1149" t="s">
        <v>10138</v>
      </c>
      <c r="F1413" s="1163" t="s">
        <v>32315</v>
      </c>
      <c r="G1413" s="150"/>
      <c r="H1413" s="150"/>
    </row>
    <row r="1414" spans="1:8" ht="89.25">
      <c r="A1414" s="150"/>
      <c r="B1414" s="164" t="s">
        <v>32317</v>
      </c>
      <c r="C1414" s="1150"/>
      <c r="D1414" s="1150"/>
      <c r="E1414" s="1150"/>
      <c r="F1414" s="1164"/>
      <c r="G1414" s="150"/>
      <c r="H1414" s="150"/>
    </row>
    <row r="1415" spans="1:8">
      <c r="A1415" s="150"/>
      <c r="B1415" s="162" t="s">
        <v>32318</v>
      </c>
      <c r="C1415" s="1149" t="s">
        <v>10139</v>
      </c>
      <c r="D1415" s="1149" t="s">
        <v>10140</v>
      </c>
      <c r="E1415" s="1149" t="s">
        <v>10141</v>
      </c>
      <c r="F1415" s="1163" t="s">
        <v>32172</v>
      </c>
      <c r="G1415" s="150"/>
      <c r="H1415" s="150"/>
    </row>
    <row r="1416" spans="1:8" ht="89.25">
      <c r="A1416" s="150"/>
      <c r="B1416" s="164" t="s">
        <v>32319</v>
      </c>
      <c r="C1416" s="1150"/>
      <c r="D1416" s="1150"/>
      <c r="E1416" s="1150"/>
      <c r="F1416" s="1164"/>
      <c r="G1416" s="150"/>
      <c r="H1416" s="150"/>
    </row>
    <row r="1417" spans="1:8" ht="25.5">
      <c r="A1417" s="150"/>
      <c r="B1417" s="162" t="s">
        <v>32320</v>
      </c>
      <c r="C1417" s="1149" t="s">
        <v>10142</v>
      </c>
      <c r="D1417" s="1149" t="s">
        <v>10143</v>
      </c>
      <c r="E1417" s="1149" t="s">
        <v>10144</v>
      </c>
      <c r="F1417" s="1163" t="s">
        <v>32172</v>
      </c>
      <c r="G1417" s="150"/>
      <c r="H1417" s="150"/>
    </row>
    <row r="1418" spans="1:8" ht="76.5">
      <c r="A1418" s="150"/>
      <c r="B1418" s="164" t="s">
        <v>32321</v>
      </c>
      <c r="C1418" s="1150"/>
      <c r="D1418" s="1150"/>
      <c r="E1418" s="1150"/>
      <c r="F1418" s="1164"/>
      <c r="G1418" s="150"/>
      <c r="H1418" s="150"/>
    </row>
    <row r="1419" spans="1:8" ht="25.5">
      <c r="A1419" s="150"/>
      <c r="B1419" s="162" t="s">
        <v>10145</v>
      </c>
      <c r="C1419" s="1149" t="s">
        <v>10146</v>
      </c>
      <c r="D1419" s="1149" t="s">
        <v>10147</v>
      </c>
      <c r="E1419" s="1149" t="s">
        <v>10148</v>
      </c>
      <c r="F1419" s="1163" t="s">
        <v>32172</v>
      </c>
      <c r="G1419" s="150"/>
      <c r="H1419" s="150"/>
    </row>
    <row r="1420" spans="1:8" ht="51">
      <c r="A1420" s="150"/>
      <c r="B1420" s="164" t="s">
        <v>32322</v>
      </c>
      <c r="C1420" s="1150"/>
      <c r="D1420" s="1150"/>
      <c r="E1420" s="1150"/>
      <c r="F1420" s="1164"/>
      <c r="G1420" s="150"/>
      <c r="H1420" s="150"/>
    </row>
    <row r="1421" spans="1:8">
      <c r="A1421" s="150"/>
      <c r="B1421" s="162" t="s">
        <v>32323</v>
      </c>
      <c r="C1421" s="1149" t="s">
        <v>10150</v>
      </c>
      <c r="D1421" s="1149" t="s">
        <v>10151</v>
      </c>
      <c r="E1421" s="1149" t="s">
        <v>10152</v>
      </c>
      <c r="F1421" s="1163" t="s">
        <v>32172</v>
      </c>
      <c r="G1421" s="150"/>
      <c r="H1421" s="150"/>
    </row>
    <row r="1422" spans="1:8" ht="51">
      <c r="A1422" s="150"/>
      <c r="B1422" s="164" t="s">
        <v>10149</v>
      </c>
      <c r="C1422" s="1150"/>
      <c r="D1422" s="1150"/>
      <c r="E1422" s="1150"/>
      <c r="F1422" s="1164"/>
      <c r="G1422" s="150"/>
      <c r="H1422" s="150"/>
    </row>
    <row r="1423" spans="1:8" ht="25.5">
      <c r="A1423" s="150"/>
      <c r="B1423" s="162" t="s">
        <v>32324</v>
      </c>
      <c r="C1423" s="1149" t="s">
        <v>10153</v>
      </c>
      <c r="D1423" s="1149" t="s">
        <v>10154</v>
      </c>
      <c r="E1423" s="1149" t="s">
        <v>10155</v>
      </c>
      <c r="F1423" s="1163" t="s">
        <v>32172</v>
      </c>
      <c r="G1423" s="150"/>
      <c r="H1423" s="150"/>
    </row>
    <row r="1424" spans="1:8" ht="76.5">
      <c r="A1424" s="150"/>
      <c r="B1424" s="164" t="s">
        <v>32325</v>
      </c>
      <c r="C1424" s="1150"/>
      <c r="D1424" s="1150"/>
      <c r="E1424" s="1150"/>
      <c r="F1424" s="1164"/>
      <c r="G1424" s="150"/>
      <c r="H1424" s="150"/>
    </row>
    <row r="1425" spans="1:8" ht="25.5">
      <c r="A1425" s="150"/>
      <c r="B1425" s="162" t="s">
        <v>32326</v>
      </c>
      <c r="C1425" s="1149" t="s">
        <v>10156</v>
      </c>
      <c r="D1425" s="1149" t="s">
        <v>10157</v>
      </c>
      <c r="E1425" s="1149" t="s">
        <v>10158</v>
      </c>
      <c r="F1425" s="1163" t="s">
        <v>32172</v>
      </c>
      <c r="G1425" s="150"/>
      <c r="H1425" s="150"/>
    </row>
    <row r="1426" spans="1:8" ht="51">
      <c r="A1426" s="150"/>
      <c r="B1426" s="164" t="s">
        <v>32327</v>
      </c>
      <c r="C1426" s="1150"/>
      <c r="D1426" s="1150"/>
      <c r="E1426" s="1150"/>
      <c r="F1426" s="1164"/>
      <c r="G1426" s="150"/>
      <c r="H1426" s="150"/>
    </row>
    <row r="1427" spans="1:8" ht="25.5">
      <c r="A1427" s="150"/>
      <c r="B1427" s="162" t="s">
        <v>10159</v>
      </c>
      <c r="C1427" s="1149" t="s">
        <v>10160</v>
      </c>
      <c r="D1427" s="1149" t="s">
        <v>10161</v>
      </c>
      <c r="E1427" s="1149" t="s">
        <v>10162</v>
      </c>
      <c r="F1427" s="1163" t="s">
        <v>32172</v>
      </c>
      <c r="G1427" s="150"/>
      <c r="H1427" s="150"/>
    </row>
    <row r="1428" spans="1:8" ht="63.75">
      <c r="A1428" s="150"/>
      <c r="B1428" s="164" t="s">
        <v>32328</v>
      </c>
      <c r="C1428" s="1150"/>
      <c r="D1428" s="1150"/>
      <c r="E1428" s="1150"/>
      <c r="F1428" s="1164"/>
      <c r="G1428" s="150"/>
      <c r="H1428" s="150"/>
    </row>
    <row r="1429" spans="1:8">
      <c r="A1429" s="150"/>
      <c r="B1429" s="195" t="s">
        <v>10163</v>
      </c>
      <c r="C1429" s="196" t="s">
        <v>10164</v>
      </c>
      <c r="D1429" s="196"/>
      <c r="E1429" s="196" t="s">
        <v>10165</v>
      </c>
      <c r="F1429" s="196"/>
      <c r="G1429" s="150"/>
      <c r="H1429" s="150"/>
    </row>
    <row r="1430" spans="1:8">
      <c r="A1430" s="150"/>
      <c r="B1430" s="1147" t="s">
        <v>1045</v>
      </c>
      <c r="C1430" s="1149" t="s">
        <v>10166</v>
      </c>
      <c r="D1430" s="1149"/>
      <c r="E1430" s="159" t="s">
        <v>1038</v>
      </c>
      <c r="F1430" s="1149"/>
      <c r="G1430" s="150"/>
      <c r="H1430" s="150"/>
    </row>
    <row r="1431" spans="1:8">
      <c r="A1431" s="150"/>
      <c r="B1431" s="1157"/>
      <c r="C1431" s="1158"/>
      <c r="D1431" s="1158"/>
      <c r="E1431" s="160" t="s">
        <v>1040</v>
      </c>
      <c r="F1431" s="1158"/>
      <c r="G1431" s="150"/>
      <c r="H1431" s="150"/>
    </row>
    <row r="1432" spans="1:8">
      <c r="A1432" s="150"/>
      <c r="B1432" s="1157"/>
      <c r="C1432" s="1158"/>
      <c r="D1432" s="1158"/>
      <c r="E1432" s="160" t="s">
        <v>1055</v>
      </c>
      <c r="F1432" s="1158"/>
      <c r="G1432" s="150"/>
      <c r="H1432" s="150"/>
    </row>
    <row r="1433" spans="1:8">
      <c r="A1433" s="150"/>
      <c r="B1433" s="1157"/>
      <c r="C1433" s="1158"/>
      <c r="D1433" s="1158"/>
      <c r="E1433" s="160" t="s">
        <v>1034</v>
      </c>
      <c r="F1433" s="1158"/>
      <c r="G1433" s="150"/>
      <c r="H1433" s="150"/>
    </row>
    <row r="1434" spans="1:8">
      <c r="A1434" s="150"/>
      <c r="B1434" s="1157"/>
      <c r="C1434" s="1158"/>
      <c r="D1434" s="1158"/>
      <c r="E1434" s="160" t="s">
        <v>1032</v>
      </c>
      <c r="F1434" s="1158"/>
      <c r="G1434" s="150"/>
      <c r="H1434" s="150"/>
    </row>
    <row r="1435" spans="1:8">
      <c r="A1435" s="150"/>
      <c r="B1435" s="1157"/>
      <c r="C1435" s="1158"/>
      <c r="D1435" s="1158"/>
      <c r="E1435" s="160" t="s">
        <v>1042</v>
      </c>
      <c r="F1435" s="1158"/>
      <c r="G1435" s="150"/>
      <c r="H1435" s="150"/>
    </row>
    <row r="1436" spans="1:8">
      <c r="A1436" s="150"/>
      <c r="B1436" s="1148"/>
      <c r="C1436" s="1150"/>
      <c r="D1436" s="1150"/>
      <c r="E1436" s="161" t="s">
        <v>1036</v>
      </c>
      <c r="F1436" s="1150"/>
      <c r="G1436" s="150"/>
      <c r="H1436" s="150"/>
    </row>
    <row r="1437" spans="1:8">
      <c r="A1437" s="150"/>
      <c r="B1437" s="183"/>
      <c r="C1437" s="150"/>
      <c r="D1437" s="150"/>
      <c r="E1437" s="150"/>
      <c r="F1437" s="150"/>
      <c r="G1437" s="150"/>
      <c r="H1437" s="150"/>
    </row>
    <row r="1438" spans="1:8">
      <c r="A1438" s="150"/>
      <c r="B1438" s="183"/>
      <c r="C1438" s="150"/>
      <c r="D1438" s="150"/>
      <c r="E1438" s="150"/>
      <c r="F1438" s="150"/>
      <c r="G1438" s="150"/>
      <c r="H1438" s="150"/>
    </row>
    <row r="1439" spans="1:8">
      <c r="A1439" s="150"/>
      <c r="B1439" s="183"/>
      <c r="C1439" s="150"/>
      <c r="D1439" s="150"/>
      <c r="E1439" s="150"/>
      <c r="F1439" s="150"/>
      <c r="G1439" s="150"/>
      <c r="H1439" s="150"/>
    </row>
    <row r="1440" spans="1:8" ht="15.75">
      <c r="A1440" s="150"/>
      <c r="B1440" s="151" t="s">
        <v>27362</v>
      </c>
      <c r="C1440" s="150"/>
      <c r="D1440" s="150"/>
      <c r="E1440" s="150"/>
      <c r="F1440" s="150"/>
      <c r="G1440" s="150"/>
      <c r="H1440" s="150"/>
    </row>
    <row r="1441" spans="1:8" ht="15.75">
      <c r="A1441" s="150"/>
      <c r="B1441" s="152" t="s">
        <v>31942</v>
      </c>
      <c r="C1441" s="150"/>
      <c r="D1441" s="150"/>
      <c r="E1441" s="150"/>
      <c r="F1441" s="150"/>
      <c r="G1441" s="150"/>
      <c r="H1441" s="150"/>
    </row>
    <row r="1442" spans="1:8" ht="15.75">
      <c r="A1442" s="150"/>
      <c r="B1442" s="192" t="s">
        <v>31943</v>
      </c>
      <c r="C1442" s="150"/>
      <c r="D1442" s="150"/>
      <c r="E1442" s="150"/>
      <c r="F1442" s="150"/>
      <c r="G1442" s="150"/>
      <c r="H1442" s="150"/>
    </row>
    <row r="1443" spans="1:8" ht="15.75">
      <c r="A1443" s="150"/>
      <c r="B1443" s="152" t="s">
        <v>8508</v>
      </c>
      <c r="C1443" s="150"/>
      <c r="D1443" s="150"/>
      <c r="E1443" s="150"/>
      <c r="F1443" s="150"/>
      <c r="G1443" s="150"/>
      <c r="H1443" s="150"/>
    </row>
    <row r="1444" spans="1:8" ht="15">
      <c r="A1444" s="150"/>
      <c r="B1444" s="154"/>
      <c r="C1444" s="150"/>
      <c r="D1444" s="150"/>
      <c r="E1444" s="150"/>
      <c r="F1444" s="150"/>
      <c r="G1444" s="150"/>
      <c r="H1444" s="150"/>
    </row>
    <row r="1445" spans="1:8" ht="15">
      <c r="A1445" s="150"/>
      <c r="B1445" s="154"/>
      <c r="C1445" s="150"/>
      <c r="D1445" s="150"/>
      <c r="E1445" s="150"/>
      <c r="F1445" s="150"/>
      <c r="G1445" s="150"/>
      <c r="H1445" s="150"/>
    </row>
    <row r="1446" spans="1:8">
      <c r="A1446" s="150"/>
      <c r="B1446" s="193" t="s">
        <v>9044</v>
      </c>
      <c r="C1446" s="194" t="s">
        <v>9045</v>
      </c>
      <c r="D1446" s="194" t="s">
        <v>8</v>
      </c>
      <c r="E1446" s="194" t="s">
        <v>8349</v>
      </c>
      <c r="F1446" s="194" t="s">
        <v>9046</v>
      </c>
      <c r="G1446" s="150"/>
      <c r="H1446" s="150"/>
    </row>
    <row r="1447" spans="1:8">
      <c r="A1447" s="150"/>
      <c r="B1447" s="195" t="s">
        <v>1493</v>
      </c>
      <c r="C1447" s="196" t="s">
        <v>10167</v>
      </c>
      <c r="D1447" s="196" t="s">
        <v>10168</v>
      </c>
      <c r="E1447" s="196" t="s">
        <v>1494</v>
      </c>
      <c r="F1447" s="196"/>
      <c r="G1447" s="150"/>
      <c r="H1447" s="150"/>
    </row>
    <row r="1448" spans="1:8" ht="25.5">
      <c r="A1448" s="150"/>
      <c r="B1448" s="195" t="s">
        <v>10169</v>
      </c>
      <c r="C1448" s="196" t="s">
        <v>10170</v>
      </c>
      <c r="D1448" s="196"/>
      <c r="E1448" s="196"/>
      <c r="F1448" s="196"/>
      <c r="G1448" s="150"/>
      <c r="H1448" s="150"/>
    </row>
    <row r="1449" spans="1:8">
      <c r="A1449" s="150"/>
      <c r="B1449" s="195" t="s">
        <v>1525</v>
      </c>
      <c r="C1449" s="196" t="s">
        <v>10171</v>
      </c>
      <c r="D1449" s="196" t="s">
        <v>10172</v>
      </c>
      <c r="E1449" s="196" t="s">
        <v>1526</v>
      </c>
      <c r="F1449" s="194" t="s">
        <v>32154</v>
      </c>
      <c r="G1449" s="150"/>
      <c r="H1449" s="150"/>
    </row>
    <row r="1450" spans="1:8">
      <c r="A1450" s="150"/>
      <c r="B1450" s="195" t="s">
        <v>10173</v>
      </c>
      <c r="C1450" s="196" t="s">
        <v>10174</v>
      </c>
      <c r="D1450" s="196" t="s">
        <v>10175</v>
      </c>
      <c r="E1450" s="198">
        <v>34857</v>
      </c>
      <c r="F1450" s="196"/>
      <c r="G1450" s="150"/>
      <c r="H1450" s="150"/>
    </row>
    <row r="1451" spans="1:8">
      <c r="A1451" s="150"/>
      <c r="B1451" s="195" t="s">
        <v>10176</v>
      </c>
      <c r="C1451" s="196" t="s">
        <v>10177</v>
      </c>
      <c r="D1451" s="196" t="s">
        <v>10178</v>
      </c>
      <c r="E1451" s="196" t="s">
        <v>10179</v>
      </c>
      <c r="F1451" s="196"/>
      <c r="G1451" s="150"/>
      <c r="H1451" s="150"/>
    </row>
    <row r="1452" spans="1:8">
      <c r="A1452" s="150"/>
      <c r="B1452" s="195" t="s">
        <v>10180</v>
      </c>
      <c r="C1452" s="196" t="s">
        <v>10181</v>
      </c>
      <c r="D1452" s="196" t="s">
        <v>10182</v>
      </c>
      <c r="E1452" s="196" t="s">
        <v>10183</v>
      </c>
      <c r="F1452" s="196"/>
      <c r="G1452" s="150"/>
      <c r="H1452" s="150"/>
    </row>
    <row r="1453" spans="1:8">
      <c r="A1453" s="150"/>
      <c r="B1453" s="1159" t="s">
        <v>31587</v>
      </c>
      <c r="C1453" s="1160"/>
      <c r="D1453" s="1160"/>
      <c r="E1453" s="1160"/>
      <c r="F1453" s="1161"/>
      <c r="G1453" s="150"/>
      <c r="H1453" s="150"/>
    </row>
    <row r="1454" spans="1:8">
      <c r="A1454" s="150"/>
      <c r="B1454" s="195" t="s">
        <v>10184</v>
      </c>
      <c r="C1454" s="196" t="s">
        <v>10185</v>
      </c>
      <c r="D1454" s="196" t="s">
        <v>10186</v>
      </c>
      <c r="E1454" s="196" t="s">
        <v>10187</v>
      </c>
      <c r="F1454" s="196"/>
      <c r="G1454" s="150"/>
      <c r="H1454" s="150"/>
    </row>
    <row r="1455" spans="1:8">
      <c r="A1455" s="150"/>
      <c r="B1455" s="195" t="s">
        <v>3</v>
      </c>
      <c r="C1455" s="196" t="s">
        <v>10188</v>
      </c>
      <c r="D1455" s="196" t="s">
        <v>17</v>
      </c>
      <c r="E1455" s="196" t="s">
        <v>8356</v>
      </c>
      <c r="F1455" s="196"/>
      <c r="G1455" s="150"/>
      <c r="H1455" s="150"/>
    </row>
    <row r="1456" spans="1:8">
      <c r="A1456" s="150"/>
      <c r="B1456" s="1159" t="s">
        <v>8508</v>
      </c>
      <c r="C1456" s="1160"/>
      <c r="D1456" s="1160"/>
      <c r="E1456" s="1160"/>
      <c r="F1456" s="1161"/>
      <c r="G1456" s="150"/>
      <c r="H1456" s="150"/>
    </row>
    <row r="1457" spans="1:8">
      <c r="A1457" s="150"/>
      <c r="B1457" s="195" t="s">
        <v>438</v>
      </c>
      <c r="C1457" s="196" t="s">
        <v>10189</v>
      </c>
      <c r="D1457" s="196" t="s">
        <v>439</v>
      </c>
      <c r="E1457" s="196" t="s">
        <v>3565</v>
      </c>
      <c r="F1457" s="194" t="s">
        <v>32154</v>
      </c>
      <c r="G1457" s="150"/>
      <c r="H1457" s="150"/>
    </row>
    <row r="1458" spans="1:8">
      <c r="A1458" s="150"/>
      <c r="B1458" s="195" t="s">
        <v>10190</v>
      </c>
      <c r="C1458" s="196" t="s">
        <v>10191</v>
      </c>
      <c r="D1458" s="196" t="s">
        <v>10192</v>
      </c>
      <c r="E1458" s="196" t="s">
        <v>10193</v>
      </c>
      <c r="F1458" s="196"/>
      <c r="G1458" s="150"/>
      <c r="H1458" s="150"/>
    </row>
    <row r="1459" spans="1:8">
      <c r="A1459" s="150"/>
      <c r="B1459" s="195" t="s">
        <v>10194</v>
      </c>
      <c r="C1459" s="196" t="s">
        <v>10195</v>
      </c>
      <c r="D1459" s="196"/>
      <c r="E1459" s="196" t="s">
        <v>10196</v>
      </c>
      <c r="F1459" s="194" t="s">
        <v>32154</v>
      </c>
      <c r="G1459" s="150"/>
      <c r="H1459" s="150"/>
    </row>
    <row r="1460" spans="1:8">
      <c r="A1460" s="150"/>
      <c r="B1460" s="195" t="s">
        <v>10197</v>
      </c>
      <c r="C1460" s="196" t="s">
        <v>10198</v>
      </c>
      <c r="D1460" s="196"/>
      <c r="E1460" s="196"/>
      <c r="F1460" s="196"/>
      <c r="G1460" s="150"/>
      <c r="H1460" s="150"/>
    </row>
    <row r="1461" spans="1:8">
      <c r="A1461" s="150"/>
      <c r="B1461" s="195" t="s">
        <v>5782</v>
      </c>
      <c r="C1461" s="196" t="s">
        <v>10199</v>
      </c>
      <c r="D1461" s="196" t="s">
        <v>10200</v>
      </c>
      <c r="E1461" s="196" t="s">
        <v>5783</v>
      </c>
      <c r="F1461" s="194" t="s">
        <v>32154</v>
      </c>
      <c r="G1461" s="150"/>
      <c r="H1461" s="150"/>
    </row>
    <row r="1462" spans="1:8">
      <c r="A1462" s="150"/>
      <c r="B1462" s="195" t="s">
        <v>10201</v>
      </c>
      <c r="C1462" s="196" t="s">
        <v>10202</v>
      </c>
      <c r="D1462" s="196" t="s">
        <v>10203</v>
      </c>
      <c r="E1462" s="196" t="s">
        <v>10204</v>
      </c>
      <c r="F1462" s="196"/>
      <c r="G1462" s="150"/>
      <c r="H1462" s="150"/>
    </row>
    <row r="1463" spans="1:8">
      <c r="A1463" s="150"/>
      <c r="B1463" s="195" t="s">
        <v>10205</v>
      </c>
      <c r="C1463" s="196" t="s">
        <v>10206</v>
      </c>
      <c r="D1463" s="196" t="s">
        <v>14</v>
      </c>
      <c r="E1463" s="196"/>
      <c r="F1463" s="196"/>
      <c r="G1463" s="150"/>
      <c r="H1463" s="150"/>
    </row>
    <row r="1464" spans="1:8">
      <c r="A1464" s="150"/>
      <c r="B1464" s="1159" t="s">
        <v>31593</v>
      </c>
      <c r="C1464" s="1160"/>
      <c r="D1464" s="1160"/>
      <c r="E1464" s="1160"/>
      <c r="F1464" s="1161"/>
      <c r="G1464" s="150"/>
      <c r="H1464" s="150"/>
    </row>
    <row r="1465" spans="1:8" ht="127.5">
      <c r="A1465" s="150"/>
      <c r="B1465" s="195" t="s">
        <v>32329</v>
      </c>
      <c r="C1465" s="196" t="s">
        <v>13732</v>
      </c>
      <c r="D1465" s="196" t="s">
        <v>8356</v>
      </c>
      <c r="E1465" s="196" t="s">
        <v>8356</v>
      </c>
      <c r="F1465" s="196"/>
      <c r="G1465" s="150"/>
      <c r="H1465" s="150"/>
    </row>
    <row r="1466" spans="1:8">
      <c r="A1466" s="150"/>
      <c r="B1466" s="1159" t="s">
        <v>8508</v>
      </c>
      <c r="C1466" s="1160"/>
      <c r="D1466" s="1160"/>
      <c r="E1466" s="1160"/>
      <c r="F1466" s="1161"/>
      <c r="G1466" s="150"/>
      <c r="H1466" s="150"/>
    </row>
    <row r="1467" spans="1:8" ht="25.5">
      <c r="A1467" s="150"/>
      <c r="B1467" s="195" t="s">
        <v>10207</v>
      </c>
      <c r="C1467" s="196" t="s">
        <v>10208</v>
      </c>
      <c r="D1467" s="196" t="s">
        <v>10209</v>
      </c>
      <c r="E1467" s="196" t="s">
        <v>10210</v>
      </c>
      <c r="F1467" s="196"/>
      <c r="G1467" s="150"/>
      <c r="H1467" s="150"/>
    </row>
    <row r="1468" spans="1:8">
      <c r="A1468" s="150"/>
      <c r="B1468" s="1159" t="s">
        <v>31587</v>
      </c>
      <c r="C1468" s="1160"/>
      <c r="D1468" s="1160"/>
      <c r="E1468" s="1160"/>
      <c r="F1468" s="1161"/>
      <c r="G1468" s="150"/>
      <c r="H1468" s="150"/>
    </row>
    <row r="1469" spans="1:8" ht="25.5">
      <c r="A1469" s="150"/>
      <c r="B1469" s="162" t="s">
        <v>10211</v>
      </c>
      <c r="C1469" s="1149" t="s">
        <v>10214</v>
      </c>
      <c r="D1469" s="1149" t="s">
        <v>16</v>
      </c>
      <c r="E1469" s="1149" t="s">
        <v>8356</v>
      </c>
      <c r="F1469" s="1149"/>
      <c r="G1469" s="150"/>
      <c r="H1469" s="150"/>
    </row>
    <row r="1470" spans="1:8">
      <c r="A1470" s="150"/>
      <c r="B1470" s="163" t="s">
        <v>10212</v>
      </c>
      <c r="C1470" s="1158"/>
      <c r="D1470" s="1158"/>
      <c r="E1470" s="1158"/>
      <c r="F1470" s="1158"/>
      <c r="G1470" s="150"/>
      <c r="H1470" s="150"/>
    </row>
    <row r="1471" spans="1:8" ht="25.5">
      <c r="A1471" s="150"/>
      <c r="B1471" s="164" t="s">
        <v>10213</v>
      </c>
      <c r="C1471" s="1150"/>
      <c r="D1471" s="1150"/>
      <c r="E1471" s="1150"/>
      <c r="F1471" s="1150"/>
      <c r="G1471" s="150"/>
      <c r="H1471" s="150"/>
    </row>
    <row r="1472" spans="1:8">
      <c r="A1472" s="150"/>
      <c r="B1472" s="1159" t="s">
        <v>31592</v>
      </c>
      <c r="C1472" s="1160"/>
      <c r="D1472" s="1160"/>
      <c r="E1472" s="1160"/>
      <c r="F1472" s="1161"/>
      <c r="G1472" s="150"/>
      <c r="H1472" s="150"/>
    </row>
    <row r="1473" spans="1:8">
      <c r="A1473" s="150"/>
      <c r="B1473" s="195" t="s">
        <v>10215</v>
      </c>
      <c r="C1473" s="196" t="s">
        <v>10216</v>
      </c>
      <c r="D1473" s="196" t="s">
        <v>10217</v>
      </c>
      <c r="E1473" s="196" t="s">
        <v>10218</v>
      </c>
      <c r="F1473" s="196"/>
      <c r="G1473" s="150"/>
      <c r="H1473" s="150"/>
    </row>
    <row r="1474" spans="1:8">
      <c r="A1474" s="150"/>
      <c r="B1474" s="1159" t="s">
        <v>8508</v>
      </c>
      <c r="C1474" s="1160"/>
      <c r="D1474" s="1160"/>
      <c r="E1474" s="1160"/>
      <c r="F1474" s="1161"/>
      <c r="G1474" s="150"/>
      <c r="H1474" s="150"/>
    </row>
    <row r="1475" spans="1:8">
      <c r="A1475" s="150"/>
      <c r="B1475" s="195" t="s">
        <v>227</v>
      </c>
      <c r="C1475" s="196" t="s">
        <v>10219</v>
      </c>
      <c r="D1475" s="196" t="s">
        <v>228</v>
      </c>
      <c r="E1475" s="196" t="s">
        <v>229</v>
      </c>
      <c r="F1475" s="194" t="s">
        <v>32154</v>
      </c>
      <c r="G1475" s="150"/>
      <c r="H1475" s="150"/>
    </row>
    <row r="1476" spans="1:8">
      <c r="A1476" s="150"/>
      <c r="B1476" s="195" t="s">
        <v>221</v>
      </c>
      <c r="C1476" s="196" t="s">
        <v>10220</v>
      </c>
      <c r="D1476" s="196" t="s">
        <v>222</v>
      </c>
      <c r="E1476" s="196" t="s">
        <v>223</v>
      </c>
      <c r="F1476" s="196"/>
      <c r="G1476" s="150"/>
      <c r="H1476" s="150"/>
    </row>
    <row r="1477" spans="1:8">
      <c r="A1477" s="150"/>
      <c r="B1477" s="195" t="s">
        <v>6453</v>
      </c>
      <c r="C1477" s="196" t="s">
        <v>10221</v>
      </c>
      <c r="D1477" s="196" t="s">
        <v>89</v>
      </c>
      <c r="E1477" s="196" t="s">
        <v>90</v>
      </c>
      <c r="F1477" s="196"/>
      <c r="G1477" s="150"/>
      <c r="H1477" s="150"/>
    </row>
    <row r="1478" spans="1:8">
      <c r="A1478" s="150"/>
      <c r="B1478" s="195" t="s">
        <v>10222</v>
      </c>
      <c r="C1478" s="196" t="s">
        <v>10223</v>
      </c>
      <c r="D1478" s="196" t="s">
        <v>10224</v>
      </c>
      <c r="E1478" s="196" t="s">
        <v>10225</v>
      </c>
      <c r="F1478" s="196"/>
      <c r="G1478" s="150"/>
      <c r="H1478" s="150"/>
    </row>
    <row r="1479" spans="1:8">
      <c r="A1479" s="150"/>
      <c r="B1479" s="195" t="s">
        <v>477</v>
      </c>
      <c r="C1479" s="196" t="s">
        <v>10226</v>
      </c>
      <c r="D1479" s="196" t="s">
        <v>478</v>
      </c>
      <c r="E1479" s="196" t="s">
        <v>479</v>
      </c>
      <c r="F1479" s="194" t="s">
        <v>32154</v>
      </c>
      <c r="G1479" s="150"/>
      <c r="H1479" s="150"/>
    </row>
    <row r="1480" spans="1:8">
      <c r="A1480" s="150"/>
      <c r="B1480" s="195" t="s">
        <v>466</v>
      </c>
      <c r="C1480" s="196" t="s">
        <v>10227</v>
      </c>
      <c r="D1480" s="196" t="s">
        <v>467</v>
      </c>
      <c r="E1480" s="198">
        <v>2151163</v>
      </c>
      <c r="F1480" s="194" t="s">
        <v>32154</v>
      </c>
      <c r="G1480" s="150"/>
      <c r="H1480" s="150"/>
    </row>
    <row r="1481" spans="1:8">
      <c r="A1481" s="150"/>
      <c r="B1481" s="1159" t="s">
        <v>31587</v>
      </c>
      <c r="C1481" s="1160"/>
      <c r="D1481" s="1160"/>
      <c r="E1481" s="1160"/>
      <c r="F1481" s="1161"/>
      <c r="G1481" s="150"/>
      <c r="H1481" s="150"/>
    </row>
    <row r="1482" spans="1:8">
      <c r="A1482" s="150"/>
      <c r="B1482" s="195" t="s">
        <v>566</v>
      </c>
      <c r="C1482" s="196" t="s">
        <v>10228</v>
      </c>
      <c r="D1482" s="196" t="s">
        <v>567</v>
      </c>
      <c r="E1482" s="196" t="s">
        <v>1960</v>
      </c>
      <c r="F1482" s="196"/>
      <c r="G1482" s="150"/>
      <c r="H1482" s="150"/>
    </row>
    <row r="1483" spans="1:8">
      <c r="A1483" s="150"/>
      <c r="B1483" s="1159" t="s">
        <v>31594</v>
      </c>
      <c r="C1483" s="1160"/>
      <c r="D1483" s="1160"/>
      <c r="E1483" s="1160"/>
      <c r="F1483" s="1161"/>
      <c r="G1483" s="150"/>
      <c r="H1483" s="150"/>
    </row>
    <row r="1484" spans="1:8">
      <c r="A1484" s="150"/>
      <c r="B1484" s="1159" t="s">
        <v>8508</v>
      </c>
      <c r="C1484" s="1160"/>
      <c r="D1484" s="1160"/>
      <c r="E1484" s="1160"/>
      <c r="F1484" s="1161"/>
      <c r="G1484" s="150"/>
      <c r="H1484" s="150"/>
    </row>
    <row r="1485" spans="1:8">
      <c r="A1485" s="150"/>
      <c r="B1485" s="195" t="s">
        <v>10229</v>
      </c>
      <c r="C1485" s="196" t="s">
        <v>10230</v>
      </c>
      <c r="D1485" s="196" t="s">
        <v>10231</v>
      </c>
      <c r="E1485" s="196" t="s">
        <v>2345</v>
      </c>
      <c r="F1485" s="196"/>
      <c r="G1485" s="150"/>
      <c r="H1485" s="150"/>
    </row>
    <row r="1486" spans="1:8">
      <c r="A1486" s="150"/>
      <c r="B1486" s="195" t="s">
        <v>474</v>
      </c>
      <c r="C1486" s="196" t="s">
        <v>10232</v>
      </c>
      <c r="D1486" s="196" t="s">
        <v>475</v>
      </c>
      <c r="E1486" s="196" t="s">
        <v>476</v>
      </c>
      <c r="F1486" s="196"/>
      <c r="G1486" s="150"/>
      <c r="H1486" s="150"/>
    </row>
    <row r="1487" spans="1:8">
      <c r="A1487" s="150"/>
      <c r="B1487" s="195" t="s">
        <v>2311</v>
      </c>
      <c r="C1487" s="196" t="s">
        <v>10233</v>
      </c>
      <c r="D1487" s="196" t="s">
        <v>10234</v>
      </c>
      <c r="E1487" s="196" t="s">
        <v>2312</v>
      </c>
      <c r="F1487" s="196"/>
      <c r="G1487" s="150"/>
      <c r="H1487" s="150"/>
    </row>
    <row r="1488" spans="1:8">
      <c r="A1488" s="150"/>
      <c r="B1488" s="195" t="s">
        <v>441</v>
      </c>
      <c r="C1488" s="196" t="s">
        <v>10235</v>
      </c>
      <c r="D1488" s="196" t="s">
        <v>442</v>
      </c>
      <c r="E1488" s="198">
        <v>2151068</v>
      </c>
      <c r="F1488" s="196"/>
      <c r="G1488" s="150"/>
      <c r="H1488" s="150"/>
    </row>
    <row r="1489" spans="1:8">
      <c r="A1489" s="150"/>
      <c r="B1489" s="195" t="s">
        <v>10236</v>
      </c>
      <c r="C1489" s="196" t="s">
        <v>10237</v>
      </c>
      <c r="D1489" s="196" t="s">
        <v>392</v>
      </c>
      <c r="E1489" s="196" t="s">
        <v>393</v>
      </c>
      <c r="F1489" s="196"/>
      <c r="G1489" s="150"/>
      <c r="H1489" s="150"/>
    </row>
    <row r="1490" spans="1:8" ht="51">
      <c r="A1490" s="150"/>
      <c r="B1490" s="195" t="s">
        <v>32330</v>
      </c>
      <c r="C1490" s="196" t="s">
        <v>10238</v>
      </c>
      <c r="D1490" s="196" t="s">
        <v>8356</v>
      </c>
      <c r="E1490" s="196" t="s">
        <v>8356</v>
      </c>
      <c r="F1490" s="196"/>
      <c r="G1490" s="150"/>
      <c r="H1490" s="150"/>
    </row>
    <row r="1491" spans="1:8">
      <c r="A1491" s="150"/>
      <c r="B1491" s="195" t="s">
        <v>480</v>
      </c>
      <c r="C1491" s="196" t="s">
        <v>10239</v>
      </c>
      <c r="D1491" s="196" t="s">
        <v>481</v>
      </c>
      <c r="E1491" s="198">
        <v>2146108</v>
      </c>
      <c r="F1491" s="194" t="s">
        <v>32154</v>
      </c>
      <c r="G1491" s="150"/>
      <c r="H1491" s="150"/>
    </row>
    <row r="1492" spans="1:8">
      <c r="A1492" s="150"/>
      <c r="B1492" s="195" t="s">
        <v>549</v>
      </c>
      <c r="C1492" s="196" t="s">
        <v>10240</v>
      </c>
      <c r="D1492" s="196" t="s">
        <v>550</v>
      </c>
      <c r="E1492" s="196" t="s">
        <v>551</v>
      </c>
      <c r="F1492" s="194" t="s">
        <v>32154</v>
      </c>
      <c r="G1492" s="150"/>
      <c r="H1492" s="150"/>
    </row>
    <row r="1493" spans="1:8">
      <c r="A1493" s="150"/>
      <c r="B1493" s="195" t="s">
        <v>10241</v>
      </c>
      <c r="C1493" s="196" t="s">
        <v>10242</v>
      </c>
      <c r="D1493" s="196" t="s">
        <v>464</v>
      </c>
      <c r="E1493" s="196" t="s">
        <v>465</v>
      </c>
      <c r="F1493" s="194" t="s">
        <v>32154</v>
      </c>
      <c r="G1493" s="150"/>
      <c r="H1493" s="150"/>
    </row>
    <row r="1494" spans="1:8">
      <c r="A1494" s="150"/>
      <c r="B1494" s="1159" t="s">
        <v>31587</v>
      </c>
      <c r="C1494" s="1160"/>
      <c r="D1494" s="1160"/>
      <c r="E1494" s="1160"/>
      <c r="F1494" s="1161"/>
      <c r="G1494" s="150"/>
      <c r="H1494" s="150"/>
    </row>
    <row r="1495" spans="1:8">
      <c r="A1495" s="150"/>
      <c r="B1495" s="195" t="s">
        <v>10243</v>
      </c>
      <c r="C1495" s="196" t="s">
        <v>10244</v>
      </c>
      <c r="D1495" s="196" t="s">
        <v>458</v>
      </c>
      <c r="E1495" s="196" t="s">
        <v>459</v>
      </c>
      <c r="F1495" s="196"/>
      <c r="G1495" s="150"/>
      <c r="H1495" s="150"/>
    </row>
    <row r="1496" spans="1:8">
      <c r="A1496" s="150"/>
      <c r="B1496" s="195" t="s">
        <v>2567</v>
      </c>
      <c r="C1496" s="196" t="s">
        <v>10245</v>
      </c>
      <c r="D1496" s="196" t="s">
        <v>461</v>
      </c>
      <c r="E1496" s="196" t="s">
        <v>462</v>
      </c>
      <c r="F1496" s="196"/>
      <c r="G1496" s="150"/>
      <c r="H1496" s="150"/>
    </row>
    <row r="1497" spans="1:8">
      <c r="A1497" s="150"/>
      <c r="B1497" s="195" t="s">
        <v>2511</v>
      </c>
      <c r="C1497" s="196" t="s">
        <v>10246</v>
      </c>
      <c r="D1497" s="196" t="s">
        <v>455</v>
      </c>
      <c r="E1497" s="196" t="s">
        <v>456</v>
      </c>
      <c r="F1497" s="196"/>
      <c r="G1497" s="150"/>
      <c r="H1497" s="150"/>
    </row>
    <row r="1498" spans="1:8">
      <c r="A1498" s="150"/>
      <c r="B1498" s="1159" t="s">
        <v>31592</v>
      </c>
      <c r="C1498" s="1160"/>
      <c r="D1498" s="1160"/>
      <c r="E1498" s="1160"/>
      <c r="F1498" s="1161"/>
      <c r="G1498" s="150"/>
      <c r="H1498" s="150"/>
    </row>
    <row r="1499" spans="1:8">
      <c r="A1499" s="150"/>
      <c r="B1499" s="195" t="s">
        <v>888</v>
      </c>
      <c r="C1499" s="196" t="s">
        <v>10247</v>
      </c>
      <c r="D1499" s="196" t="s">
        <v>10248</v>
      </c>
      <c r="E1499" s="196" t="s">
        <v>889</v>
      </c>
      <c r="F1499" s="196"/>
      <c r="G1499" s="150"/>
      <c r="H1499" s="150"/>
    </row>
    <row r="1500" spans="1:8">
      <c r="A1500" s="150"/>
      <c r="B1500" s="1159" t="s">
        <v>8508</v>
      </c>
      <c r="C1500" s="1160"/>
      <c r="D1500" s="1160"/>
      <c r="E1500" s="1160"/>
      <c r="F1500" s="1161"/>
      <c r="G1500" s="150"/>
      <c r="H1500" s="150"/>
    </row>
    <row r="1501" spans="1:8">
      <c r="A1501" s="150"/>
      <c r="B1501" s="195" t="s">
        <v>10249</v>
      </c>
      <c r="C1501" s="196" t="s">
        <v>10250</v>
      </c>
      <c r="D1501" s="196" t="s">
        <v>10251</v>
      </c>
      <c r="E1501" s="198">
        <v>2139594</v>
      </c>
      <c r="F1501" s="196"/>
      <c r="G1501" s="150"/>
      <c r="H1501" s="150"/>
    </row>
    <row r="1502" spans="1:8">
      <c r="A1502" s="150"/>
      <c r="B1502" s="195" t="s">
        <v>163</v>
      </c>
      <c r="C1502" s="196" t="s">
        <v>10252</v>
      </c>
      <c r="D1502" s="196" t="s">
        <v>164</v>
      </c>
      <c r="E1502" s="196" t="s">
        <v>165</v>
      </c>
      <c r="F1502" s="194" t="s">
        <v>32154</v>
      </c>
      <c r="G1502" s="150"/>
      <c r="H1502" s="150"/>
    </row>
    <row r="1503" spans="1:8">
      <c r="A1503" s="150"/>
      <c r="B1503" s="195" t="s">
        <v>116</v>
      </c>
      <c r="C1503" s="196" t="s">
        <v>10253</v>
      </c>
      <c r="D1503" s="196" t="s">
        <v>117</v>
      </c>
      <c r="E1503" s="196" t="s">
        <v>118</v>
      </c>
      <c r="F1503" s="194" t="s">
        <v>32154</v>
      </c>
      <c r="G1503" s="150"/>
      <c r="H1503" s="150"/>
    </row>
    <row r="1504" spans="1:8">
      <c r="A1504" s="150"/>
      <c r="B1504" s="195" t="s">
        <v>126</v>
      </c>
      <c r="C1504" s="196" t="s">
        <v>10254</v>
      </c>
      <c r="D1504" s="196" t="s">
        <v>127</v>
      </c>
      <c r="E1504" s="196" t="s">
        <v>128</v>
      </c>
      <c r="F1504" s="194" t="s">
        <v>32154</v>
      </c>
      <c r="G1504" s="150"/>
      <c r="H1504" s="150"/>
    </row>
    <row r="1505" spans="1:8">
      <c r="A1505" s="150"/>
      <c r="B1505" s="195" t="s">
        <v>119</v>
      </c>
      <c r="C1505" s="196" t="s">
        <v>10255</v>
      </c>
      <c r="D1505" s="196" t="s">
        <v>120</v>
      </c>
      <c r="E1505" s="196" t="s">
        <v>2139</v>
      </c>
      <c r="F1505" s="194" t="s">
        <v>32154</v>
      </c>
      <c r="G1505" s="150"/>
      <c r="H1505" s="150"/>
    </row>
    <row r="1506" spans="1:8">
      <c r="A1506" s="150"/>
      <c r="B1506" s="195" t="s">
        <v>132</v>
      </c>
      <c r="C1506" s="196" t="s">
        <v>10256</v>
      </c>
      <c r="D1506" s="196" t="s">
        <v>133</v>
      </c>
      <c r="E1506" s="196" t="s">
        <v>134</v>
      </c>
      <c r="F1506" s="194" t="s">
        <v>32154</v>
      </c>
      <c r="G1506" s="150"/>
      <c r="H1506" s="150"/>
    </row>
    <row r="1507" spans="1:8">
      <c r="A1507" s="150"/>
      <c r="B1507" s="195" t="s">
        <v>10257</v>
      </c>
      <c r="C1507" s="196" t="s">
        <v>10258</v>
      </c>
      <c r="D1507" s="196" t="s">
        <v>161</v>
      </c>
      <c r="E1507" s="196" t="s">
        <v>162</v>
      </c>
      <c r="F1507" s="194" t="s">
        <v>32154</v>
      </c>
      <c r="G1507" s="150"/>
      <c r="H1507" s="150"/>
    </row>
    <row r="1508" spans="1:8">
      <c r="A1508" s="150"/>
      <c r="B1508" s="1159" t="s">
        <v>31595</v>
      </c>
      <c r="C1508" s="1160"/>
      <c r="D1508" s="1160"/>
      <c r="E1508" s="1160"/>
      <c r="F1508" s="1161"/>
      <c r="G1508" s="150"/>
      <c r="H1508" s="150"/>
    </row>
    <row r="1509" spans="1:8">
      <c r="A1509" s="150"/>
      <c r="B1509" s="195" t="s">
        <v>2056</v>
      </c>
      <c r="C1509" s="196" t="s">
        <v>13925</v>
      </c>
      <c r="D1509" s="196" t="s">
        <v>13815</v>
      </c>
      <c r="E1509" s="196" t="s">
        <v>2057</v>
      </c>
      <c r="F1509" s="196"/>
      <c r="G1509" s="150"/>
      <c r="H1509" s="150"/>
    </row>
    <row r="1510" spans="1:8">
      <c r="A1510" s="150"/>
      <c r="B1510" s="195" t="s">
        <v>14158</v>
      </c>
      <c r="C1510" s="196" t="s">
        <v>13926</v>
      </c>
      <c r="D1510" s="196" t="s">
        <v>13816</v>
      </c>
      <c r="E1510" s="196" t="s">
        <v>2083</v>
      </c>
      <c r="F1510" s="196"/>
      <c r="G1510" s="150"/>
      <c r="H1510" s="150"/>
    </row>
    <row r="1511" spans="1:8">
      <c r="A1511" s="150"/>
      <c r="B1511" s="195" t="s">
        <v>14159</v>
      </c>
      <c r="C1511" s="196" t="s">
        <v>13927</v>
      </c>
      <c r="D1511" s="196" t="s">
        <v>13818</v>
      </c>
      <c r="E1511" s="196" t="s">
        <v>2101</v>
      </c>
      <c r="F1511" s="196"/>
      <c r="G1511" s="150"/>
      <c r="H1511" s="150"/>
    </row>
    <row r="1512" spans="1:8">
      <c r="A1512" s="150"/>
      <c r="B1512" s="1159" t="s">
        <v>31587</v>
      </c>
      <c r="C1512" s="1160"/>
      <c r="D1512" s="1160"/>
      <c r="E1512" s="1160"/>
      <c r="F1512" s="1161"/>
      <c r="G1512" s="150"/>
      <c r="H1512" s="150"/>
    </row>
    <row r="1513" spans="1:8">
      <c r="A1513" s="150"/>
      <c r="B1513" s="195" t="s">
        <v>512</v>
      </c>
      <c r="C1513" s="196" t="s">
        <v>10259</v>
      </c>
      <c r="D1513" s="196" t="s">
        <v>513</v>
      </c>
      <c r="E1513" s="196" t="s">
        <v>514</v>
      </c>
      <c r="F1513" s="196"/>
      <c r="G1513" s="150"/>
      <c r="H1513" s="150"/>
    </row>
    <row r="1514" spans="1:8">
      <c r="A1514" s="150"/>
      <c r="B1514" s="162" t="s">
        <v>10260</v>
      </c>
      <c r="C1514" s="1149" t="s">
        <v>10263</v>
      </c>
      <c r="D1514" s="1149" t="s">
        <v>519</v>
      </c>
      <c r="E1514" s="1149" t="s">
        <v>520</v>
      </c>
      <c r="F1514" s="1149"/>
      <c r="G1514" s="150"/>
      <c r="H1514" s="150"/>
    </row>
    <row r="1515" spans="1:8">
      <c r="A1515" s="150"/>
      <c r="B1515" s="163" t="s">
        <v>10261</v>
      </c>
      <c r="C1515" s="1158"/>
      <c r="D1515" s="1158"/>
      <c r="E1515" s="1158"/>
      <c r="F1515" s="1158"/>
      <c r="G1515" s="150"/>
      <c r="H1515" s="150"/>
    </row>
    <row r="1516" spans="1:8" ht="25.5">
      <c r="A1516" s="150"/>
      <c r="B1516" s="164" t="s">
        <v>10262</v>
      </c>
      <c r="C1516" s="1150"/>
      <c r="D1516" s="1150"/>
      <c r="E1516" s="1150"/>
      <c r="F1516" s="1150"/>
      <c r="G1516" s="150"/>
      <c r="H1516" s="150"/>
    </row>
    <row r="1517" spans="1:8">
      <c r="A1517" s="150"/>
      <c r="B1517" s="162" t="s">
        <v>10264</v>
      </c>
      <c r="C1517" s="1149" t="s">
        <v>10267</v>
      </c>
      <c r="D1517" s="1149" t="s">
        <v>516</v>
      </c>
      <c r="E1517" s="1149" t="s">
        <v>517</v>
      </c>
      <c r="F1517" s="1149"/>
      <c r="G1517" s="150"/>
      <c r="H1517" s="150"/>
    </row>
    <row r="1518" spans="1:8">
      <c r="A1518" s="150"/>
      <c r="B1518" s="163" t="s">
        <v>10265</v>
      </c>
      <c r="C1518" s="1158"/>
      <c r="D1518" s="1158"/>
      <c r="E1518" s="1158"/>
      <c r="F1518" s="1158"/>
      <c r="G1518" s="150"/>
      <c r="H1518" s="150"/>
    </row>
    <row r="1519" spans="1:8" ht="25.5">
      <c r="A1519" s="150"/>
      <c r="B1519" s="164" t="s">
        <v>10266</v>
      </c>
      <c r="C1519" s="1150"/>
      <c r="D1519" s="1150"/>
      <c r="E1519" s="1150"/>
      <c r="F1519" s="1150"/>
      <c r="G1519" s="150"/>
      <c r="H1519" s="150"/>
    </row>
    <row r="1520" spans="1:8">
      <c r="A1520" s="150"/>
      <c r="B1520" s="1159" t="s">
        <v>8508</v>
      </c>
      <c r="C1520" s="1160"/>
      <c r="D1520" s="1160"/>
      <c r="E1520" s="1160"/>
      <c r="F1520" s="1161"/>
      <c r="G1520" s="150"/>
      <c r="H1520" s="150"/>
    </row>
    <row r="1521" spans="1:8">
      <c r="A1521" s="150"/>
      <c r="B1521" s="162" t="s">
        <v>10268</v>
      </c>
      <c r="C1521" s="1149" t="s">
        <v>10270</v>
      </c>
      <c r="D1521" s="1149" t="s">
        <v>10271</v>
      </c>
      <c r="E1521" s="1149" t="s">
        <v>10272</v>
      </c>
      <c r="F1521" s="1149" t="s">
        <v>595</v>
      </c>
      <c r="G1521" s="150"/>
      <c r="H1521" s="150"/>
    </row>
    <row r="1522" spans="1:8">
      <c r="A1522" s="150"/>
      <c r="B1522" s="164" t="s">
        <v>10269</v>
      </c>
      <c r="C1522" s="1150"/>
      <c r="D1522" s="1150"/>
      <c r="E1522" s="1150"/>
      <c r="F1522" s="1150"/>
      <c r="G1522" s="150"/>
      <c r="H1522" s="150"/>
    </row>
    <row r="1523" spans="1:8">
      <c r="A1523" s="150"/>
      <c r="B1523" s="195" t="s">
        <v>10273</v>
      </c>
      <c r="C1523" s="196" t="s">
        <v>10274</v>
      </c>
      <c r="D1523" s="196" t="s">
        <v>83</v>
      </c>
      <c r="E1523" s="196" t="s">
        <v>84</v>
      </c>
      <c r="F1523" s="196"/>
      <c r="G1523" s="150"/>
      <c r="H1523" s="150"/>
    </row>
    <row r="1524" spans="1:8">
      <c r="A1524" s="150"/>
      <c r="B1524" s="195" t="s">
        <v>7111</v>
      </c>
      <c r="C1524" s="196" t="s">
        <v>10275</v>
      </c>
      <c r="D1524" s="196" t="s">
        <v>10276</v>
      </c>
      <c r="E1524" s="196" t="s">
        <v>6437</v>
      </c>
      <c r="F1524" s="196"/>
      <c r="G1524" s="150"/>
      <c r="H1524" s="150"/>
    </row>
    <row r="1525" spans="1:8">
      <c r="A1525" s="150"/>
      <c r="B1525" s="195" t="s">
        <v>10277</v>
      </c>
      <c r="C1525" s="196" t="s">
        <v>10278</v>
      </c>
      <c r="D1525" s="196" t="s">
        <v>10279</v>
      </c>
      <c r="E1525" s="196" t="s">
        <v>6439</v>
      </c>
      <c r="F1525" s="196"/>
      <c r="G1525" s="150"/>
      <c r="H1525" s="150"/>
    </row>
    <row r="1526" spans="1:8">
      <c r="A1526" s="150"/>
      <c r="B1526" s="195" t="s">
        <v>7115</v>
      </c>
      <c r="C1526" s="196" t="s">
        <v>10280</v>
      </c>
      <c r="D1526" s="196" t="s">
        <v>10281</v>
      </c>
      <c r="E1526" s="196" t="s">
        <v>6444</v>
      </c>
      <c r="F1526" s="196"/>
      <c r="G1526" s="150"/>
      <c r="H1526" s="150"/>
    </row>
    <row r="1527" spans="1:8">
      <c r="A1527" s="150"/>
      <c r="B1527" s="195" t="s">
        <v>7117</v>
      </c>
      <c r="C1527" s="196" t="s">
        <v>10282</v>
      </c>
      <c r="D1527" s="196" t="s">
        <v>10283</v>
      </c>
      <c r="E1527" s="196" t="s">
        <v>6446</v>
      </c>
      <c r="F1527" s="196"/>
      <c r="G1527" s="150"/>
      <c r="H1527" s="150"/>
    </row>
    <row r="1528" spans="1:8">
      <c r="A1528" s="150"/>
      <c r="B1528" s="195" t="s">
        <v>10284</v>
      </c>
      <c r="C1528" s="196" t="s">
        <v>10285</v>
      </c>
      <c r="D1528" s="196" t="s">
        <v>10286</v>
      </c>
      <c r="E1528" s="196" t="s">
        <v>6450</v>
      </c>
      <c r="F1528" s="196"/>
      <c r="G1528" s="150"/>
      <c r="H1528" s="150"/>
    </row>
    <row r="1529" spans="1:8">
      <c r="A1529" s="150"/>
      <c r="B1529" s="195" t="s">
        <v>10287</v>
      </c>
      <c r="C1529" s="196" t="s">
        <v>10288</v>
      </c>
      <c r="D1529" s="196" t="s">
        <v>10289</v>
      </c>
      <c r="E1529" s="196" t="s">
        <v>6448</v>
      </c>
      <c r="F1529" s="196"/>
      <c r="G1529" s="150"/>
      <c r="H1529" s="150"/>
    </row>
    <row r="1530" spans="1:8">
      <c r="A1530" s="150"/>
      <c r="B1530" s="195" t="s">
        <v>6441</v>
      </c>
      <c r="C1530" s="196" t="s">
        <v>10290</v>
      </c>
      <c r="D1530" s="196" t="s">
        <v>10291</v>
      </c>
      <c r="E1530" s="196" t="s">
        <v>6442</v>
      </c>
      <c r="F1530" s="196"/>
      <c r="G1530" s="150"/>
      <c r="H1530" s="150"/>
    </row>
    <row r="1531" spans="1:8">
      <c r="A1531" s="150"/>
      <c r="B1531" s="195" t="s">
        <v>10292</v>
      </c>
      <c r="C1531" s="196" t="s">
        <v>10293</v>
      </c>
      <c r="D1531" s="196" t="s">
        <v>10294</v>
      </c>
      <c r="E1531" s="196" t="s">
        <v>10295</v>
      </c>
      <c r="F1531" s="194" t="s">
        <v>32154</v>
      </c>
      <c r="G1531" s="150"/>
      <c r="H1531" s="150"/>
    </row>
    <row r="1532" spans="1:8">
      <c r="A1532" s="150"/>
      <c r="B1532" s="195" t="s">
        <v>10296</v>
      </c>
      <c r="C1532" s="196" t="s">
        <v>10297</v>
      </c>
      <c r="D1532" s="196" t="s">
        <v>365</v>
      </c>
      <c r="E1532" s="196" t="s">
        <v>366</v>
      </c>
      <c r="F1532" s="196"/>
      <c r="G1532" s="150"/>
      <c r="H1532" s="150"/>
    </row>
    <row r="1533" spans="1:8">
      <c r="A1533" s="150"/>
      <c r="B1533" s="1159" t="s">
        <v>31593</v>
      </c>
      <c r="C1533" s="1160"/>
      <c r="D1533" s="1160"/>
      <c r="E1533" s="1160"/>
      <c r="F1533" s="1161"/>
      <c r="G1533" s="150"/>
      <c r="H1533" s="150"/>
    </row>
    <row r="1534" spans="1:8">
      <c r="A1534" s="150"/>
      <c r="B1534" s="195" t="s">
        <v>13897</v>
      </c>
      <c r="C1534" s="196" t="s">
        <v>13729</v>
      </c>
      <c r="D1534" s="196" t="s">
        <v>13730</v>
      </c>
      <c r="E1534" s="196" t="s">
        <v>13731</v>
      </c>
      <c r="F1534" s="196"/>
      <c r="G1534" s="150"/>
      <c r="H1534" s="150"/>
    </row>
    <row r="1535" spans="1:8">
      <c r="A1535" s="150"/>
      <c r="B1535" s="1159" t="s">
        <v>8508</v>
      </c>
      <c r="C1535" s="1160"/>
      <c r="D1535" s="1160"/>
      <c r="E1535" s="1160"/>
      <c r="F1535" s="1161"/>
      <c r="G1535" s="150"/>
      <c r="H1535" s="150"/>
    </row>
    <row r="1536" spans="1:8">
      <c r="A1536" s="150"/>
      <c r="B1536" s="195" t="s">
        <v>10298</v>
      </c>
      <c r="C1536" s="196" t="s">
        <v>10299</v>
      </c>
      <c r="D1536" s="196" t="s">
        <v>10300</v>
      </c>
      <c r="E1536" s="198">
        <v>35407</v>
      </c>
      <c r="F1536" s="196"/>
      <c r="G1536" s="150"/>
      <c r="H1536" s="150"/>
    </row>
    <row r="1537" spans="1:8">
      <c r="A1537" s="150"/>
      <c r="B1537" s="195" t="s">
        <v>10301</v>
      </c>
      <c r="C1537" s="196" t="s">
        <v>10302</v>
      </c>
      <c r="D1537" s="196" t="s">
        <v>10303</v>
      </c>
      <c r="E1537" s="196" t="s">
        <v>7350</v>
      </c>
      <c r="F1537" s="196"/>
      <c r="G1537" s="150"/>
      <c r="H1537" s="150"/>
    </row>
    <row r="1538" spans="1:8">
      <c r="A1538" s="150"/>
      <c r="B1538" s="195" t="s">
        <v>10304</v>
      </c>
      <c r="C1538" s="196" t="s">
        <v>10305</v>
      </c>
      <c r="D1538" s="196" t="s">
        <v>486</v>
      </c>
      <c r="E1538" s="198">
        <v>28861</v>
      </c>
      <c r="F1538" s="196"/>
      <c r="G1538" s="150"/>
      <c r="H1538" s="150"/>
    </row>
    <row r="1539" spans="1:8">
      <c r="A1539" s="150"/>
      <c r="B1539" s="162" t="s">
        <v>10306</v>
      </c>
      <c r="C1539" s="1149" t="s">
        <v>10308</v>
      </c>
      <c r="D1539" s="1149" t="s">
        <v>10309</v>
      </c>
      <c r="E1539" s="1149" t="s">
        <v>10310</v>
      </c>
      <c r="F1539" s="1149" t="s">
        <v>32331</v>
      </c>
      <c r="G1539" s="150"/>
      <c r="H1539" s="150"/>
    </row>
    <row r="1540" spans="1:8">
      <c r="A1540" s="150"/>
      <c r="B1540" s="164" t="s">
        <v>10307</v>
      </c>
      <c r="C1540" s="1150"/>
      <c r="D1540" s="1150"/>
      <c r="E1540" s="1150"/>
      <c r="F1540" s="1150"/>
      <c r="G1540" s="150"/>
      <c r="H1540" s="150"/>
    </row>
    <row r="1541" spans="1:8">
      <c r="A1541" s="150"/>
      <c r="B1541" s="195" t="s">
        <v>10311</v>
      </c>
      <c r="C1541" s="196" t="s">
        <v>10312</v>
      </c>
      <c r="D1541" s="196" t="s">
        <v>10313</v>
      </c>
      <c r="E1541" s="196" t="s">
        <v>10314</v>
      </c>
      <c r="F1541" s="194" t="s">
        <v>32154</v>
      </c>
      <c r="G1541" s="150"/>
      <c r="H1541" s="150"/>
    </row>
    <row r="1542" spans="1:8">
      <c r="A1542" s="150"/>
      <c r="B1542" s="195" t="s">
        <v>10315</v>
      </c>
      <c r="C1542" s="196" t="s">
        <v>10316</v>
      </c>
      <c r="D1542" s="196" t="s">
        <v>10317</v>
      </c>
      <c r="E1542" s="198">
        <v>35983</v>
      </c>
      <c r="F1542" s="196"/>
      <c r="G1542" s="150"/>
      <c r="H1542" s="150"/>
    </row>
    <row r="1543" spans="1:8">
      <c r="A1543" s="150"/>
      <c r="B1543" s="195" t="s">
        <v>10318</v>
      </c>
      <c r="C1543" s="196" t="s">
        <v>10319</v>
      </c>
      <c r="D1543" s="196" t="s">
        <v>423</v>
      </c>
      <c r="E1543" s="196" t="s">
        <v>424</v>
      </c>
      <c r="F1543" s="196" t="s">
        <v>595</v>
      </c>
      <c r="G1543" s="150"/>
      <c r="H1543" s="150"/>
    </row>
    <row r="1544" spans="1:8">
      <c r="A1544" s="150"/>
      <c r="B1544" s="195" t="s">
        <v>10320</v>
      </c>
      <c r="C1544" s="196" t="s">
        <v>10321</v>
      </c>
      <c r="D1544" s="196" t="s">
        <v>10322</v>
      </c>
      <c r="E1544" s="196" t="s">
        <v>10323</v>
      </c>
      <c r="F1544" s="196"/>
      <c r="G1544" s="150"/>
      <c r="H1544" s="150"/>
    </row>
    <row r="1545" spans="1:8">
      <c r="A1545" s="150"/>
      <c r="B1545" s="195" t="s">
        <v>3549</v>
      </c>
      <c r="C1545" s="196" t="s">
        <v>10324</v>
      </c>
      <c r="D1545" s="196" t="s">
        <v>10325</v>
      </c>
      <c r="E1545" s="196" t="s">
        <v>3550</v>
      </c>
      <c r="F1545" s="196"/>
      <c r="G1545" s="150"/>
      <c r="H1545" s="150"/>
    </row>
    <row r="1546" spans="1:8">
      <c r="A1546" s="150"/>
      <c r="B1546" s="195" t="s">
        <v>10326</v>
      </c>
      <c r="C1546" s="196" t="s">
        <v>10327</v>
      </c>
      <c r="D1546" s="196" t="s">
        <v>10328</v>
      </c>
      <c r="E1546" s="196" t="s">
        <v>10329</v>
      </c>
      <c r="F1546" s="194" t="s">
        <v>32154</v>
      </c>
      <c r="G1546" s="150"/>
      <c r="H1546" s="150"/>
    </row>
    <row r="1547" spans="1:8">
      <c r="A1547" s="150"/>
      <c r="B1547" s="195" t="s">
        <v>10330</v>
      </c>
      <c r="C1547" s="196" t="s">
        <v>10331</v>
      </c>
      <c r="D1547" s="196" t="s">
        <v>10332</v>
      </c>
      <c r="E1547" s="196" t="s">
        <v>7326</v>
      </c>
      <c r="F1547" s="194" t="s">
        <v>32154</v>
      </c>
      <c r="G1547" s="150"/>
      <c r="H1547" s="150"/>
    </row>
    <row r="1548" spans="1:8">
      <c r="A1548" s="150"/>
      <c r="B1548" s="162" t="s">
        <v>10333</v>
      </c>
      <c r="C1548" s="1149" t="s">
        <v>10335</v>
      </c>
      <c r="D1548" s="1149" t="s">
        <v>10336</v>
      </c>
      <c r="E1548" s="1149" t="s">
        <v>10337</v>
      </c>
      <c r="F1548" s="1163" t="s">
        <v>32154</v>
      </c>
      <c r="G1548" s="150"/>
      <c r="H1548" s="150"/>
    </row>
    <row r="1549" spans="1:8">
      <c r="A1549" s="150"/>
      <c r="B1549" s="164" t="s">
        <v>10334</v>
      </c>
      <c r="C1549" s="1150"/>
      <c r="D1549" s="1150"/>
      <c r="E1549" s="1150"/>
      <c r="F1549" s="1164"/>
      <c r="G1549" s="150"/>
      <c r="H1549" s="150"/>
    </row>
    <row r="1550" spans="1:8">
      <c r="A1550" s="150"/>
      <c r="B1550" s="195" t="s">
        <v>10338</v>
      </c>
      <c r="C1550" s="196" t="s">
        <v>10339</v>
      </c>
      <c r="D1550" s="196" t="s">
        <v>10340</v>
      </c>
      <c r="E1550" s="196" t="s">
        <v>10341</v>
      </c>
      <c r="F1550" s="196"/>
      <c r="G1550" s="150"/>
      <c r="H1550" s="150"/>
    </row>
    <row r="1551" spans="1:8">
      <c r="A1551" s="150"/>
      <c r="B1551" s="195" t="s">
        <v>10342</v>
      </c>
      <c r="C1551" s="196" t="s">
        <v>10343</v>
      </c>
      <c r="D1551" s="196" t="s">
        <v>10344</v>
      </c>
      <c r="E1551" s="196" t="s">
        <v>3510</v>
      </c>
      <c r="F1551" s="196"/>
      <c r="G1551" s="150"/>
      <c r="H1551" s="150"/>
    </row>
    <row r="1552" spans="1:8">
      <c r="A1552" s="150"/>
      <c r="B1552" s="195" t="s">
        <v>10345</v>
      </c>
      <c r="C1552" s="196" t="s">
        <v>10346</v>
      </c>
      <c r="D1552" s="196" t="s">
        <v>275</v>
      </c>
      <c r="E1552" s="196" t="s">
        <v>276</v>
      </c>
      <c r="F1552" s="194" t="s">
        <v>32154</v>
      </c>
      <c r="G1552" s="150"/>
      <c r="H1552" s="150"/>
    </row>
    <row r="1553" spans="1:8">
      <c r="A1553" s="150"/>
      <c r="B1553" s="195" t="s">
        <v>10347</v>
      </c>
      <c r="C1553" s="196" t="s">
        <v>10348</v>
      </c>
      <c r="D1553" s="196" t="s">
        <v>10349</v>
      </c>
      <c r="E1553" s="196" t="s">
        <v>10350</v>
      </c>
      <c r="F1553" s="196"/>
      <c r="G1553" s="150"/>
      <c r="H1553" s="150"/>
    </row>
    <row r="1554" spans="1:8">
      <c r="A1554" s="150"/>
      <c r="B1554" s="195" t="s">
        <v>10351</v>
      </c>
      <c r="C1554" s="196" t="s">
        <v>10352</v>
      </c>
      <c r="D1554" s="196" t="s">
        <v>10353</v>
      </c>
      <c r="E1554" s="196" t="s">
        <v>10354</v>
      </c>
      <c r="F1554" s="194" t="s">
        <v>32154</v>
      </c>
      <c r="G1554" s="150"/>
      <c r="H1554" s="150"/>
    </row>
    <row r="1555" spans="1:8" ht="25.5">
      <c r="A1555" s="150"/>
      <c r="B1555" s="195" t="s">
        <v>10355</v>
      </c>
      <c r="C1555" s="196" t="s">
        <v>10356</v>
      </c>
      <c r="D1555" s="196" t="s">
        <v>10357</v>
      </c>
      <c r="E1555" s="196" t="s">
        <v>10358</v>
      </c>
      <c r="F1555" s="194" t="s">
        <v>32154</v>
      </c>
      <c r="G1555" s="150"/>
      <c r="H1555" s="150"/>
    </row>
    <row r="1556" spans="1:8">
      <c r="A1556" s="150"/>
      <c r="B1556" s="195" t="s">
        <v>10359</v>
      </c>
      <c r="C1556" s="196" t="s">
        <v>10360</v>
      </c>
      <c r="D1556" s="196" t="s">
        <v>10361</v>
      </c>
      <c r="E1556" s="198">
        <v>35311</v>
      </c>
      <c r="F1556" s="196"/>
      <c r="G1556" s="150"/>
      <c r="H1556" s="150"/>
    </row>
    <row r="1557" spans="1:8">
      <c r="A1557" s="150"/>
      <c r="B1557" s="195" t="s">
        <v>239</v>
      </c>
      <c r="C1557" s="196" t="s">
        <v>10362</v>
      </c>
      <c r="D1557" s="196" t="s">
        <v>240</v>
      </c>
      <c r="E1557" s="196" t="s">
        <v>241</v>
      </c>
      <c r="F1557" s="194" t="s">
        <v>32154</v>
      </c>
      <c r="G1557" s="150"/>
      <c r="H1557" s="150"/>
    </row>
    <row r="1558" spans="1:8">
      <c r="A1558" s="150"/>
      <c r="B1558" s="195" t="s">
        <v>10363</v>
      </c>
      <c r="C1558" s="196" t="s">
        <v>10364</v>
      </c>
      <c r="D1558" s="196" t="s">
        <v>10365</v>
      </c>
      <c r="E1558" s="196" t="s">
        <v>10366</v>
      </c>
      <c r="F1558" s="194" t="s">
        <v>32154</v>
      </c>
      <c r="G1558" s="150"/>
      <c r="H1558" s="150"/>
    </row>
    <row r="1559" spans="1:8">
      <c r="A1559" s="150"/>
      <c r="B1559" s="195" t="s">
        <v>10367</v>
      </c>
      <c r="C1559" s="196" t="s">
        <v>10368</v>
      </c>
      <c r="D1559" s="196" t="s">
        <v>10369</v>
      </c>
      <c r="E1559" s="196" t="s">
        <v>10370</v>
      </c>
      <c r="F1559" s="196"/>
      <c r="G1559" s="150"/>
      <c r="H1559" s="150"/>
    </row>
    <row r="1560" spans="1:8">
      <c r="A1560" s="150"/>
      <c r="B1560" s="1159" t="s">
        <v>31587</v>
      </c>
      <c r="C1560" s="1160"/>
      <c r="D1560" s="1160"/>
      <c r="E1560" s="1160"/>
      <c r="F1560" s="1161"/>
      <c r="G1560" s="150"/>
      <c r="H1560" s="150"/>
    </row>
    <row r="1561" spans="1:8">
      <c r="A1561" s="150"/>
      <c r="B1561" s="162" t="s">
        <v>10371</v>
      </c>
      <c r="C1561" s="1149" t="s">
        <v>10373</v>
      </c>
      <c r="D1561" s="1149" t="s">
        <v>10374</v>
      </c>
      <c r="E1561" s="1149" t="s">
        <v>10375</v>
      </c>
      <c r="F1561" s="1149" t="s">
        <v>10376</v>
      </c>
      <c r="G1561" s="150"/>
      <c r="H1561" s="150"/>
    </row>
    <row r="1562" spans="1:8">
      <c r="A1562" s="150"/>
      <c r="B1562" s="164" t="s">
        <v>10372</v>
      </c>
      <c r="C1562" s="1150"/>
      <c r="D1562" s="1150"/>
      <c r="E1562" s="1150"/>
      <c r="F1562" s="1150"/>
      <c r="G1562" s="150"/>
      <c r="H1562" s="150"/>
    </row>
    <row r="1563" spans="1:8" ht="25.5">
      <c r="A1563" s="150"/>
      <c r="B1563" s="162" t="s">
        <v>10377</v>
      </c>
      <c r="C1563" s="1149" t="s">
        <v>10378</v>
      </c>
      <c r="D1563" s="1149" t="s">
        <v>10379</v>
      </c>
      <c r="E1563" s="1149" t="s">
        <v>10380</v>
      </c>
      <c r="F1563" s="1149"/>
      <c r="G1563" s="150"/>
      <c r="H1563" s="150"/>
    </row>
    <row r="1564" spans="1:8">
      <c r="A1564" s="150"/>
      <c r="B1564" s="164" t="s">
        <v>13468</v>
      </c>
      <c r="C1564" s="1150"/>
      <c r="D1564" s="1150"/>
      <c r="E1564" s="1150"/>
      <c r="F1564" s="1150"/>
      <c r="G1564" s="150"/>
      <c r="H1564" s="150"/>
    </row>
    <row r="1565" spans="1:8">
      <c r="A1565" s="150"/>
      <c r="B1565" s="1159" t="s">
        <v>8508</v>
      </c>
      <c r="C1565" s="1160"/>
      <c r="D1565" s="1160"/>
      <c r="E1565" s="1160"/>
      <c r="F1565" s="1161"/>
      <c r="G1565" s="150"/>
      <c r="H1565" s="150"/>
    </row>
    <row r="1566" spans="1:8">
      <c r="A1566" s="150"/>
      <c r="B1566" s="195" t="s">
        <v>10381</v>
      </c>
      <c r="C1566" s="196" t="s">
        <v>10382</v>
      </c>
      <c r="D1566" s="196" t="s">
        <v>10383</v>
      </c>
      <c r="E1566" s="196" t="s">
        <v>10384</v>
      </c>
      <c r="F1566" s="196"/>
      <c r="G1566" s="150"/>
      <c r="H1566" s="150"/>
    </row>
    <row r="1567" spans="1:8">
      <c r="A1567" s="150"/>
      <c r="B1567" s="1159" t="s">
        <v>31587</v>
      </c>
      <c r="C1567" s="1160"/>
      <c r="D1567" s="1160"/>
      <c r="E1567" s="1160"/>
      <c r="F1567" s="1161"/>
      <c r="G1567" s="150"/>
      <c r="H1567" s="150"/>
    </row>
    <row r="1568" spans="1:8">
      <c r="A1568" s="150"/>
      <c r="B1568" s="195" t="s">
        <v>412</v>
      </c>
      <c r="C1568" s="196" t="s">
        <v>10385</v>
      </c>
      <c r="D1568" s="196" t="s">
        <v>413</v>
      </c>
      <c r="E1568" s="198">
        <v>28376</v>
      </c>
      <c r="F1568" s="196"/>
      <c r="G1568" s="150"/>
      <c r="H1568" s="150"/>
    </row>
    <row r="1569" spans="1:8">
      <c r="A1569" s="150"/>
      <c r="B1569" s="1159" t="s">
        <v>31595</v>
      </c>
      <c r="C1569" s="1160"/>
      <c r="D1569" s="1160"/>
      <c r="E1569" s="1160"/>
      <c r="F1569" s="1161"/>
      <c r="G1569" s="150"/>
      <c r="H1569" s="150"/>
    </row>
    <row r="1570" spans="1:8">
      <c r="A1570" s="150"/>
      <c r="B1570" s="195" t="s">
        <v>14160</v>
      </c>
      <c r="C1570" s="196" t="s">
        <v>13928</v>
      </c>
      <c r="D1570" s="196" t="s">
        <v>13929</v>
      </c>
      <c r="E1570" s="196" t="s">
        <v>1804</v>
      </c>
      <c r="F1570" s="196"/>
      <c r="G1570" s="150"/>
      <c r="H1570" s="150"/>
    </row>
    <row r="1571" spans="1:8">
      <c r="A1571" s="150"/>
      <c r="B1571" s="1159" t="s">
        <v>8508</v>
      </c>
      <c r="C1571" s="1160"/>
      <c r="D1571" s="1160"/>
      <c r="E1571" s="1160"/>
      <c r="F1571" s="1161"/>
      <c r="G1571" s="150"/>
      <c r="H1571" s="150"/>
    </row>
    <row r="1572" spans="1:8">
      <c r="A1572" s="150"/>
      <c r="B1572" s="195" t="s">
        <v>10386</v>
      </c>
      <c r="C1572" s="196" t="s">
        <v>10387</v>
      </c>
      <c r="D1572" s="196" t="s">
        <v>10388</v>
      </c>
      <c r="E1572" s="196" t="s">
        <v>10389</v>
      </c>
      <c r="F1572" s="194" t="s">
        <v>32154</v>
      </c>
      <c r="G1572" s="150"/>
      <c r="H1572" s="150"/>
    </row>
    <row r="1573" spans="1:8">
      <c r="A1573" s="150"/>
      <c r="B1573" s="195" t="s">
        <v>10390</v>
      </c>
      <c r="C1573" s="196" t="s">
        <v>10391</v>
      </c>
      <c r="D1573" s="196" t="s">
        <v>10392</v>
      </c>
      <c r="E1573" s="196" t="s">
        <v>10393</v>
      </c>
      <c r="F1573" s="196"/>
      <c r="G1573" s="150"/>
      <c r="H1573" s="150"/>
    </row>
    <row r="1574" spans="1:8">
      <c r="A1574" s="150"/>
      <c r="B1574" s="162" t="s">
        <v>10394</v>
      </c>
      <c r="C1574" s="1149" t="s">
        <v>10396</v>
      </c>
      <c r="D1574" s="1149" t="s">
        <v>342</v>
      </c>
      <c r="E1574" s="1149" t="s">
        <v>343</v>
      </c>
      <c r="F1574" s="1149"/>
      <c r="G1574" s="150"/>
      <c r="H1574" s="150"/>
    </row>
    <row r="1575" spans="1:8">
      <c r="A1575" s="150"/>
      <c r="B1575" s="164" t="s">
        <v>10395</v>
      </c>
      <c r="C1575" s="1150"/>
      <c r="D1575" s="1150"/>
      <c r="E1575" s="1150"/>
      <c r="F1575" s="1150"/>
      <c r="G1575" s="150"/>
      <c r="H1575" s="150"/>
    </row>
    <row r="1576" spans="1:8">
      <c r="A1576" s="150"/>
      <c r="B1576" s="1159" t="s">
        <v>31595</v>
      </c>
      <c r="C1576" s="1160"/>
      <c r="D1576" s="1160"/>
      <c r="E1576" s="1160"/>
      <c r="F1576" s="1161"/>
      <c r="G1576" s="150"/>
      <c r="H1576" s="150"/>
    </row>
    <row r="1577" spans="1:8">
      <c r="A1577" s="150"/>
      <c r="B1577" s="195" t="s">
        <v>14161</v>
      </c>
      <c r="C1577" s="196" t="s">
        <v>13930</v>
      </c>
      <c r="D1577" s="196" t="s">
        <v>13931</v>
      </c>
      <c r="E1577" s="196" t="s">
        <v>13932</v>
      </c>
      <c r="F1577" s="196"/>
      <c r="G1577" s="150"/>
      <c r="H1577" s="150"/>
    </row>
    <row r="1578" spans="1:8">
      <c r="A1578" s="150"/>
      <c r="B1578" s="162" t="s">
        <v>13951</v>
      </c>
      <c r="C1578" s="1149" t="s">
        <v>13921</v>
      </c>
      <c r="D1578" s="1149" t="s">
        <v>13922</v>
      </c>
      <c r="E1578" s="1149" t="s">
        <v>13923</v>
      </c>
      <c r="F1578" s="1149"/>
      <c r="G1578" s="150"/>
      <c r="H1578" s="150"/>
    </row>
    <row r="1579" spans="1:8">
      <c r="A1579" s="150"/>
      <c r="B1579" s="164" t="s">
        <v>13924</v>
      </c>
      <c r="C1579" s="1150"/>
      <c r="D1579" s="1150"/>
      <c r="E1579" s="1150"/>
      <c r="F1579" s="1150"/>
      <c r="G1579" s="150"/>
      <c r="H1579" s="150"/>
    </row>
    <row r="1580" spans="1:8">
      <c r="A1580" s="150"/>
      <c r="B1580" s="1159" t="s">
        <v>8508</v>
      </c>
      <c r="C1580" s="1160"/>
      <c r="D1580" s="1160"/>
      <c r="E1580" s="1160"/>
      <c r="F1580" s="1161"/>
      <c r="G1580" s="150"/>
      <c r="H1580" s="150"/>
    </row>
    <row r="1581" spans="1:8">
      <c r="A1581" s="150"/>
      <c r="B1581" s="195" t="s">
        <v>10397</v>
      </c>
      <c r="C1581" s="196" t="s">
        <v>10398</v>
      </c>
      <c r="D1581" s="196" t="s">
        <v>10399</v>
      </c>
      <c r="E1581" s="196" t="s">
        <v>10400</v>
      </c>
      <c r="F1581" s="196"/>
      <c r="G1581" s="150"/>
      <c r="H1581" s="150"/>
    </row>
    <row r="1582" spans="1:8" ht="25.5">
      <c r="A1582" s="150"/>
      <c r="B1582" s="195" t="s">
        <v>31596</v>
      </c>
      <c r="C1582" s="196" t="s">
        <v>10401</v>
      </c>
      <c r="D1582" s="196" t="s">
        <v>10402</v>
      </c>
      <c r="E1582" s="196" t="s">
        <v>10403</v>
      </c>
      <c r="F1582" s="196"/>
      <c r="G1582" s="150"/>
      <c r="H1582" s="150"/>
    </row>
    <row r="1583" spans="1:8" ht="25.5">
      <c r="A1583" s="150"/>
      <c r="B1583" s="195" t="s">
        <v>31597</v>
      </c>
      <c r="C1583" s="196" t="s">
        <v>10404</v>
      </c>
      <c r="D1583" s="196" t="s">
        <v>10405</v>
      </c>
      <c r="E1583" s="196" t="s">
        <v>10406</v>
      </c>
      <c r="F1583" s="196"/>
      <c r="G1583" s="150"/>
      <c r="H1583" s="150"/>
    </row>
    <row r="1584" spans="1:8">
      <c r="A1584" s="150"/>
      <c r="B1584" s="195" t="s">
        <v>10407</v>
      </c>
      <c r="C1584" s="196" t="s">
        <v>10408</v>
      </c>
      <c r="D1584" s="196" t="s">
        <v>10409</v>
      </c>
      <c r="E1584" s="196" t="s">
        <v>10410</v>
      </c>
      <c r="F1584" s="196"/>
      <c r="G1584" s="150"/>
      <c r="H1584" s="150"/>
    </row>
    <row r="1585" spans="1:8">
      <c r="A1585" s="150"/>
      <c r="B1585" s="1159" t="s">
        <v>31587</v>
      </c>
      <c r="C1585" s="1160"/>
      <c r="D1585" s="1160"/>
      <c r="E1585" s="1160"/>
      <c r="F1585" s="1161"/>
      <c r="G1585" s="150"/>
      <c r="H1585" s="150"/>
    </row>
    <row r="1586" spans="1:8" ht="25.5">
      <c r="A1586" s="150"/>
      <c r="B1586" s="195" t="s">
        <v>10411</v>
      </c>
      <c r="C1586" s="196" t="s">
        <v>10412</v>
      </c>
      <c r="D1586" s="196" t="s">
        <v>10413</v>
      </c>
      <c r="E1586" s="196" t="s">
        <v>10414</v>
      </c>
      <c r="F1586" s="196"/>
      <c r="G1586" s="150"/>
      <c r="H1586" s="150"/>
    </row>
    <row r="1587" spans="1:8">
      <c r="A1587" s="150"/>
      <c r="B1587" s="1159" t="s">
        <v>31595</v>
      </c>
      <c r="C1587" s="1160"/>
      <c r="D1587" s="1160"/>
      <c r="E1587" s="1160"/>
      <c r="F1587" s="1161"/>
      <c r="G1587" s="150"/>
      <c r="H1587" s="150"/>
    </row>
    <row r="1588" spans="1:8">
      <c r="A1588" s="150"/>
      <c r="B1588" s="162" t="s">
        <v>13933</v>
      </c>
      <c r="C1588" s="1149" t="s">
        <v>13934</v>
      </c>
      <c r="D1588" s="1149" t="s">
        <v>13935</v>
      </c>
      <c r="E1588" s="1149" t="s">
        <v>1848</v>
      </c>
      <c r="F1588" s="1149"/>
      <c r="G1588" s="150"/>
      <c r="H1588" s="150"/>
    </row>
    <row r="1589" spans="1:8">
      <c r="A1589" s="150"/>
      <c r="B1589" s="163" t="s">
        <v>13936</v>
      </c>
      <c r="C1589" s="1158"/>
      <c r="D1589" s="1158"/>
      <c r="E1589" s="1158"/>
      <c r="F1589" s="1158"/>
      <c r="G1589" s="150"/>
      <c r="H1589" s="150"/>
    </row>
    <row r="1590" spans="1:8" ht="25.5">
      <c r="A1590" s="150"/>
      <c r="B1590" s="163" t="s">
        <v>13937</v>
      </c>
      <c r="C1590" s="1158"/>
      <c r="D1590" s="1158"/>
      <c r="E1590" s="1158"/>
      <c r="F1590" s="1158"/>
      <c r="G1590" s="150"/>
      <c r="H1590" s="150"/>
    </row>
    <row r="1591" spans="1:8">
      <c r="A1591" s="150"/>
      <c r="B1591" s="164" t="s">
        <v>13938</v>
      </c>
      <c r="C1591" s="1150"/>
      <c r="D1591" s="1150"/>
      <c r="E1591" s="1150"/>
      <c r="F1591" s="1150"/>
      <c r="G1591" s="150"/>
      <c r="H1591" s="150"/>
    </row>
    <row r="1592" spans="1:8">
      <c r="A1592" s="150"/>
      <c r="B1592" s="1159" t="s">
        <v>8508</v>
      </c>
      <c r="C1592" s="1160"/>
      <c r="D1592" s="1160"/>
      <c r="E1592" s="1160"/>
      <c r="F1592" s="1161"/>
      <c r="G1592" s="150"/>
      <c r="H1592" s="150"/>
    </row>
    <row r="1593" spans="1:8">
      <c r="A1593" s="150"/>
      <c r="B1593" s="195" t="s">
        <v>609</v>
      </c>
      <c r="C1593" s="196" t="s">
        <v>10415</v>
      </c>
      <c r="D1593" s="196" t="s">
        <v>10416</v>
      </c>
      <c r="E1593" s="196" t="s">
        <v>610</v>
      </c>
      <c r="F1593" s="196" t="s">
        <v>32331</v>
      </c>
      <c r="G1593" s="150"/>
      <c r="H1593" s="150"/>
    </row>
    <row r="1594" spans="1:8">
      <c r="A1594" s="150"/>
      <c r="B1594" s="195" t="s">
        <v>10417</v>
      </c>
      <c r="C1594" s="196" t="s">
        <v>10418</v>
      </c>
      <c r="D1594" s="196" t="s">
        <v>10419</v>
      </c>
      <c r="E1594" s="196" t="s">
        <v>10420</v>
      </c>
      <c r="F1594" s="196"/>
      <c r="G1594" s="150"/>
      <c r="H1594" s="150"/>
    </row>
    <row r="1595" spans="1:8">
      <c r="A1595" s="150"/>
      <c r="B1595" s="1159" t="s">
        <v>31587</v>
      </c>
      <c r="C1595" s="1160"/>
      <c r="D1595" s="1160"/>
      <c r="E1595" s="1160"/>
      <c r="F1595" s="1161"/>
      <c r="G1595" s="150"/>
      <c r="H1595" s="150"/>
    </row>
    <row r="1596" spans="1:8">
      <c r="A1596" s="150"/>
      <c r="B1596" s="195" t="s">
        <v>10421</v>
      </c>
      <c r="C1596" s="1149" t="s">
        <v>10422</v>
      </c>
      <c r="D1596" s="196" t="s">
        <v>10423</v>
      </c>
      <c r="E1596" s="196" t="s">
        <v>10424</v>
      </c>
      <c r="F1596" s="1149"/>
      <c r="G1596" s="150"/>
      <c r="H1596" s="150"/>
    </row>
    <row r="1597" spans="1:8">
      <c r="A1597" s="150"/>
      <c r="B1597" s="195" t="s">
        <v>10425</v>
      </c>
      <c r="C1597" s="1158"/>
      <c r="D1597" s="196" t="s">
        <v>10426</v>
      </c>
      <c r="E1597" s="196" t="s">
        <v>10427</v>
      </c>
      <c r="F1597" s="1158"/>
      <c r="G1597" s="150"/>
      <c r="H1597" s="150"/>
    </row>
    <row r="1598" spans="1:8">
      <c r="A1598" s="150"/>
      <c r="B1598" s="197" t="s">
        <v>8508</v>
      </c>
      <c r="C1598" s="1150"/>
      <c r="D1598" s="150"/>
      <c r="E1598" s="150"/>
      <c r="F1598" s="1150"/>
      <c r="G1598" s="150"/>
      <c r="H1598" s="150"/>
    </row>
    <row r="1599" spans="1:8">
      <c r="A1599" s="150"/>
      <c r="B1599" s="195" t="s">
        <v>10428</v>
      </c>
      <c r="C1599" s="196" t="s">
        <v>10429</v>
      </c>
      <c r="D1599" s="196" t="s">
        <v>10430</v>
      </c>
      <c r="E1599" s="196" t="s">
        <v>10431</v>
      </c>
      <c r="F1599" s="196"/>
      <c r="G1599" s="150"/>
      <c r="H1599" s="150"/>
    </row>
    <row r="1600" spans="1:8">
      <c r="A1600" s="150"/>
      <c r="B1600" s="195" t="s">
        <v>10432</v>
      </c>
      <c r="C1600" s="196" t="s">
        <v>10433</v>
      </c>
      <c r="D1600" s="196" t="s">
        <v>10434</v>
      </c>
      <c r="E1600" s="196" t="s">
        <v>10435</v>
      </c>
      <c r="F1600" s="196"/>
      <c r="G1600" s="150"/>
      <c r="H1600" s="150"/>
    </row>
    <row r="1601" spans="1:8">
      <c r="A1601" s="150"/>
      <c r="B1601" s="195" t="s">
        <v>10436</v>
      </c>
      <c r="C1601" s="196" t="s">
        <v>10437</v>
      </c>
      <c r="D1601" s="196" t="s">
        <v>10438</v>
      </c>
      <c r="E1601" s="196" t="s">
        <v>5809</v>
      </c>
      <c r="F1601" s="196"/>
      <c r="G1601" s="150"/>
      <c r="H1601" s="150"/>
    </row>
    <row r="1602" spans="1:8">
      <c r="A1602" s="150"/>
      <c r="B1602" s="195" t="s">
        <v>10439</v>
      </c>
      <c r="C1602" s="196" t="s">
        <v>10440</v>
      </c>
      <c r="D1602" s="196" t="s">
        <v>10441</v>
      </c>
      <c r="E1602" s="196" t="s">
        <v>10442</v>
      </c>
      <c r="F1602" s="196"/>
      <c r="G1602" s="150"/>
      <c r="H1602" s="150"/>
    </row>
    <row r="1603" spans="1:8">
      <c r="A1603" s="150"/>
      <c r="B1603" s="195" t="s">
        <v>10443</v>
      </c>
      <c r="C1603" s="196" t="s">
        <v>10444</v>
      </c>
      <c r="D1603" s="196" t="s">
        <v>10445</v>
      </c>
      <c r="E1603" s="196" t="s">
        <v>10446</v>
      </c>
      <c r="F1603" s="196"/>
      <c r="G1603" s="150"/>
      <c r="H1603" s="150"/>
    </row>
    <row r="1604" spans="1:8">
      <c r="A1604" s="150"/>
      <c r="B1604" s="195" t="s">
        <v>10447</v>
      </c>
      <c r="C1604" s="196" t="s">
        <v>10448</v>
      </c>
      <c r="D1604" s="196" t="s">
        <v>10449</v>
      </c>
      <c r="E1604" s="196" t="s">
        <v>10450</v>
      </c>
      <c r="F1604" s="194" t="s">
        <v>32154</v>
      </c>
      <c r="G1604" s="150"/>
      <c r="H1604" s="150"/>
    </row>
    <row r="1605" spans="1:8">
      <c r="A1605" s="150"/>
      <c r="B1605" s="195" t="s">
        <v>10451</v>
      </c>
      <c r="C1605" s="196" t="s">
        <v>10452</v>
      </c>
      <c r="D1605" s="196" t="s">
        <v>10453</v>
      </c>
      <c r="E1605" s="196" t="s">
        <v>10454</v>
      </c>
      <c r="F1605" s="194" t="s">
        <v>32154</v>
      </c>
      <c r="G1605" s="150"/>
      <c r="H1605" s="150"/>
    </row>
    <row r="1606" spans="1:8">
      <c r="A1606" s="150"/>
      <c r="B1606" s="195" t="s">
        <v>10455</v>
      </c>
      <c r="C1606" s="196" t="s">
        <v>10456</v>
      </c>
      <c r="D1606" s="196" t="s">
        <v>10457</v>
      </c>
      <c r="E1606" s="196" t="s">
        <v>10458</v>
      </c>
      <c r="F1606" s="194" t="s">
        <v>32154</v>
      </c>
      <c r="G1606" s="150"/>
      <c r="H1606" s="150"/>
    </row>
    <row r="1607" spans="1:8">
      <c r="A1607" s="150"/>
      <c r="B1607" s="195" t="s">
        <v>10459</v>
      </c>
      <c r="C1607" s="196" t="s">
        <v>10460</v>
      </c>
      <c r="D1607" s="196" t="s">
        <v>10461</v>
      </c>
      <c r="E1607" s="196" t="s">
        <v>10462</v>
      </c>
      <c r="F1607" s="194" t="s">
        <v>32154</v>
      </c>
      <c r="G1607" s="150"/>
      <c r="H1607" s="150"/>
    </row>
    <row r="1608" spans="1:8">
      <c r="A1608" s="150"/>
      <c r="B1608" s="195" t="s">
        <v>10463</v>
      </c>
      <c r="C1608" s="196" t="s">
        <v>10464</v>
      </c>
      <c r="D1608" s="196" t="s">
        <v>15</v>
      </c>
      <c r="E1608" s="196" t="s">
        <v>8356</v>
      </c>
      <c r="F1608" s="196"/>
      <c r="G1608" s="150"/>
      <c r="H1608" s="150"/>
    </row>
    <row r="1609" spans="1:8">
      <c r="A1609" s="150"/>
      <c r="B1609" s="195" t="s">
        <v>10465</v>
      </c>
      <c r="C1609" s="196" t="s">
        <v>10466</v>
      </c>
      <c r="D1609" s="196" t="s">
        <v>10467</v>
      </c>
      <c r="E1609" s="196" t="s">
        <v>10468</v>
      </c>
      <c r="F1609" s="194" t="s">
        <v>32154</v>
      </c>
      <c r="G1609" s="150"/>
      <c r="H1609" s="150"/>
    </row>
    <row r="1610" spans="1:8">
      <c r="A1610" s="150"/>
      <c r="B1610" s="195" t="s">
        <v>10469</v>
      </c>
      <c r="C1610" s="196" t="s">
        <v>10470</v>
      </c>
      <c r="D1610" s="196" t="s">
        <v>10471</v>
      </c>
      <c r="E1610" s="196" t="s">
        <v>10472</v>
      </c>
      <c r="F1610" s="194" t="s">
        <v>32154</v>
      </c>
      <c r="G1610" s="150"/>
      <c r="H1610" s="150"/>
    </row>
    <row r="1611" spans="1:8">
      <c r="A1611" s="150"/>
      <c r="B1611" s="195" t="s">
        <v>10473</v>
      </c>
      <c r="C1611" s="196" t="s">
        <v>10474</v>
      </c>
      <c r="D1611" s="196" t="s">
        <v>10475</v>
      </c>
      <c r="E1611" s="196" t="s">
        <v>10476</v>
      </c>
      <c r="F1611" s="194" t="s">
        <v>32154</v>
      </c>
      <c r="G1611" s="150"/>
      <c r="H1611" s="150"/>
    </row>
    <row r="1612" spans="1:8" ht="25.5">
      <c r="A1612" s="150"/>
      <c r="B1612" s="195" t="s">
        <v>10477</v>
      </c>
      <c r="C1612" s="196" t="s">
        <v>10478</v>
      </c>
      <c r="D1612" s="196" t="s">
        <v>10479</v>
      </c>
      <c r="E1612" s="196" t="s">
        <v>10480</v>
      </c>
      <c r="F1612" s="196"/>
      <c r="G1612" s="150"/>
      <c r="H1612" s="150"/>
    </row>
    <row r="1613" spans="1:8" ht="38.25">
      <c r="A1613" s="150"/>
      <c r="B1613" s="195" t="s">
        <v>31598</v>
      </c>
      <c r="C1613" s="196" t="s">
        <v>10481</v>
      </c>
      <c r="D1613" s="196" t="s">
        <v>10482</v>
      </c>
      <c r="E1613" s="196" t="s">
        <v>1193</v>
      </c>
      <c r="F1613" s="196"/>
      <c r="G1613" s="150"/>
      <c r="H1613" s="150"/>
    </row>
    <row r="1614" spans="1:8" ht="38.25">
      <c r="A1614" s="150"/>
      <c r="B1614" s="195" t="s">
        <v>31599</v>
      </c>
      <c r="C1614" s="196" t="s">
        <v>10483</v>
      </c>
      <c r="D1614" s="196" t="s">
        <v>285</v>
      </c>
      <c r="E1614" s="196" t="s">
        <v>286</v>
      </c>
      <c r="F1614" s="196"/>
      <c r="G1614" s="150"/>
      <c r="H1614" s="150"/>
    </row>
    <row r="1615" spans="1:8">
      <c r="A1615" s="150"/>
      <c r="B1615" s="195" t="s">
        <v>7030</v>
      </c>
      <c r="C1615" s="196" t="s">
        <v>10484</v>
      </c>
      <c r="D1615" s="196" t="s">
        <v>192</v>
      </c>
      <c r="E1615" s="198">
        <v>22162</v>
      </c>
      <c r="F1615" s="196"/>
      <c r="G1615" s="150"/>
      <c r="H1615" s="150"/>
    </row>
    <row r="1616" spans="1:8" ht="51">
      <c r="A1616" s="150"/>
      <c r="B1616" s="195" t="s">
        <v>32332</v>
      </c>
      <c r="C1616" s="196" t="s">
        <v>10485</v>
      </c>
      <c r="D1616" s="196" t="s">
        <v>8356</v>
      </c>
      <c r="E1616" s="196" t="s">
        <v>8356</v>
      </c>
      <c r="F1616" s="196"/>
      <c r="G1616" s="150"/>
      <c r="H1616" s="150"/>
    </row>
    <row r="1617" spans="1:8" ht="38.25">
      <c r="A1617" s="150"/>
      <c r="B1617" s="195" t="s">
        <v>31600</v>
      </c>
      <c r="C1617" s="196" t="s">
        <v>10486</v>
      </c>
      <c r="D1617" s="196" t="s">
        <v>143</v>
      </c>
      <c r="E1617" s="196" t="s">
        <v>144</v>
      </c>
      <c r="F1617" s="196"/>
      <c r="G1617" s="150"/>
      <c r="H1617" s="150"/>
    </row>
    <row r="1618" spans="1:8" ht="38.25">
      <c r="A1618" s="150"/>
      <c r="B1618" s="195" t="s">
        <v>31601</v>
      </c>
      <c r="C1618" s="196" t="s">
        <v>10487</v>
      </c>
      <c r="D1618" s="196" t="s">
        <v>10488</v>
      </c>
      <c r="E1618" s="196" t="s">
        <v>1137</v>
      </c>
      <c r="F1618" s="196"/>
      <c r="G1618" s="150"/>
      <c r="H1618" s="150"/>
    </row>
    <row r="1619" spans="1:8" ht="25.5">
      <c r="A1619" s="150"/>
      <c r="B1619" s="195" t="s">
        <v>31602</v>
      </c>
      <c r="C1619" s="196" t="s">
        <v>10489</v>
      </c>
      <c r="D1619" s="196" t="s">
        <v>140</v>
      </c>
      <c r="E1619" s="196" t="s">
        <v>141</v>
      </c>
      <c r="F1619" s="196"/>
      <c r="G1619" s="150"/>
      <c r="H1619" s="150"/>
    </row>
    <row r="1620" spans="1:8" ht="51">
      <c r="A1620" s="150"/>
      <c r="B1620" s="195" t="s">
        <v>32333</v>
      </c>
      <c r="C1620" s="196" t="s">
        <v>10490</v>
      </c>
      <c r="D1620" s="196" t="s">
        <v>8356</v>
      </c>
      <c r="E1620" s="196" t="s">
        <v>8356</v>
      </c>
      <c r="F1620" s="196"/>
      <c r="G1620" s="150"/>
      <c r="H1620" s="150"/>
    </row>
    <row r="1621" spans="1:8" ht="51">
      <c r="A1621" s="150"/>
      <c r="B1621" s="195" t="s">
        <v>32334</v>
      </c>
      <c r="C1621" s="196" t="s">
        <v>10491</v>
      </c>
      <c r="D1621" s="196" t="s">
        <v>8356</v>
      </c>
      <c r="E1621" s="196" t="s">
        <v>8356</v>
      </c>
      <c r="F1621" s="196"/>
      <c r="G1621" s="150"/>
      <c r="H1621" s="150"/>
    </row>
    <row r="1622" spans="1:8">
      <c r="A1622" s="150"/>
      <c r="B1622" s="195" t="s">
        <v>10492</v>
      </c>
      <c r="C1622" s="196" t="s">
        <v>10493</v>
      </c>
      <c r="D1622" s="196" t="s">
        <v>10494</v>
      </c>
      <c r="E1622" s="196" t="s">
        <v>10495</v>
      </c>
      <c r="F1622" s="196"/>
      <c r="G1622" s="150"/>
      <c r="H1622" s="150"/>
    </row>
    <row r="1623" spans="1:8" ht="38.25">
      <c r="A1623" s="150"/>
      <c r="B1623" s="195" t="s">
        <v>10496</v>
      </c>
      <c r="C1623" s="196" t="s">
        <v>10497</v>
      </c>
      <c r="D1623" s="196" t="s">
        <v>10498</v>
      </c>
      <c r="E1623" s="196" t="s">
        <v>10499</v>
      </c>
      <c r="F1623" s="196"/>
      <c r="G1623" s="150"/>
      <c r="H1623" s="150"/>
    </row>
    <row r="1624" spans="1:8" ht="38.25">
      <c r="A1624" s="150"/>
      <c r="B1624" s="195" t="s">
        <v>10500</v>
      </c>
      <c r="C1624" s="196" t="s">
        <v>10501</v>
      </c>
      <c r="D1624" s="196" t="s">
        <v>10502</v>
      </c>
      <c r="E1624" s="196" t="s">
        <v>10503</v>
      </c>
      <c r="F1624" s="196"/>
      <c r="G1624" s="150"/>
      <c r="H1624" s="150"/>
    </row>
    <row r="1625" spans="1:8" ht="51">
      <c r="A1625" s="150"/>
      <c r="B1625" s="195" t="s">
        <v>10504</v>
      </c>
      <c r="C1625" s="196" t="s">
        <v>10505</v>
      </c>
      <c r="D1625" s="196" t="s">
        <v>10506</v>
      </c>
      <c r="E1625" s="196" t="s">
        <v>10507</v>
      </c>
      <c r="F1625" s="196"/>
      <c r="G1625" s="150"/>
      <c r="H1625" s="150"/>
    </row>
    <row r="1626" spans="1:8" ht="51">
      <c r="A1626" s="150"/>
      <c r="B1626" s="195" t="s">
        <v>10508</v>
      </c>
      <c r="C1626" s="196" t="s">
        <v>10509</v>
      </c>
      <c r="D1626" s="196" t="s">
        <v>10510</v>
      </c>
      <c r="E1626" s="196" t="s">
        <v>8356</v>
      </c>
      <c r="F1626" s="196"/>
      <c r="G1626" s="150"/>
      <c r="H1626" s="150"/>
    </row>
    <row r="1627" spans="1:8">
      <c r="A1627" s="150"/>
      <c r="B1627" s="195" t="s">
        <v>10511</v>
      </c>
      <c r="C1627" s="1149" t="s">
        <v>10512</v>
      </c>
      <c r="D1627" s="196" t="s">
        <v>10513</v>
      </c>
      <c r="E1627" s="196" t="s">
        <v>10514</v>
      </c>
      <c r="F1627" s="1163" t="s">
        <v>32154</v>
      </c>
      <c r="G1627" s="150"/>
      <c r="H1627" s="150"/>
    </row>
    <row r="1628" spans="1:8">
      <c r="A1628" s="150"/>
      <c r="B1628" s="195" t="s">
        <v>10515</v>
      </c>
      <c r="C1628" s="1158"/>
      <c r="D1628" s="196" t="s">
        <v>10516</v>
      </c>
      <c r="E1628" s="196" t="s">
        <v>10517</v>
      </c>
      <c r="F1628" s="1167"/>
      <c r="G1628" s="150"/>
      <c r="H1628" s="150"/>
    </row>
    <row r="1629" spans="1:8">
      <c r="A1629" s="150"/>
      <c r="B1629" s="195" t="s">
        <v>10518</v>
      </c>
      <c r="C1629" s="1158"/>
      <c r="D1629" s="196" t="s">
        <v>10519</v>
      </c>
      <c r="E1629" s="196" t="s">
        <v>10520</v>
      </c>
      <c r="F1629" s="1167"/>
      <c r="G1629" s="150"/>
      <c r="H1629" s="150"/>
    </row>
    <row r="1630" spans="1:8">
      <c r="A1630" s="150"/>
      <c r="B1630" s="195" t="s">
        <v>10521</v>
      </c>
      <c r="C1630" s="1150"/>
      <c r="D1630" s="196" t="s">
        <v>10522</v>
      </c>
      <c r="E1630" s="196" t="s">
        <v>10523</v>
      </c>
      <c r="F1630" s="1164"/>
      <c r="G1630" s="150"/>
      <c r="H1630" s="150"/>
    </row>
    <row r="1631" spans="1:8">
      <c r="A1631" s="150"/>
      <c r="B1631" s="195" t="s">
        <v>10524</v>
      </c>
      <c r="C1631" s="196" t="s">
        <v>10525</v>
      </c>
      <c r="D1631" s="196" t="s">
        <v>372</v>
      </c>
      <c r="E1631" s="196" t="s">
        <v>373</v>
      </c>
      <c r="F1631" s="194" t="s">
        <v>32154</v>
      </c>
      <c r="G1631" s="150"/>
      <c r="H1631" s="150"/>
    </row>
    <row r="1632" spans="1:8">
      <c r="A1632" s="150"/>
      <c r="B1632" s="195" t="s">
        <v>31603</v>
      </c>
      <c r="C1632" s="196" t="s">
        <v>10526</v>
      </c>
      <c r="D1632" s="196" t="s">
        <v>10527</v>
      </c>
      <c r="E1632" s="196" t="s">
        <v>1464</v>
      </c>
      <c r="F1632" s="196"/>
      <c r="G1632" s="150"/>
      <c r="H1632" s="150"/>
    </row>
    <row r="1633" spans="1:8">
      <c r="A1633" s="150"/>
      <c r="B1633" s="195" t="s">
        <v>31604</v>
      </c>
      <c r="C1633" s="196" t="s">
        <v>10528</v>
      </c>
      <c r="D1633" s="196"/>
      <c r="E1633" s="196"/>
      <c r="F1633" s="196"/>
      <c r="G1633" s="150"/>
      <c r="H1633" s="150"/>
    </row>
    <row r="1634" spans="1:8">
      <c r="A1634" s="150"/>
      <c r="B1634" s="195" t="s">
        <v>31605</v>
      </c>
      <c r="C1634" s="196" t="s">
        <v>10529</v>
      </c>
      <c r="D1634" s="196" t="s">
        <v>10530</v>
      </c>
      <c r="E1634" s="196" t="s">
        <v>1466</v>
      </c>
      <c r="F1634" s="196"/>
      <c r="G1634" s="150"/>
      <c r="H1634" s="150"/>
    </row>
    <row r="1635" spans="1:8">
      <c r="A1635" s="150"/>
      <c r="B1635" s="1159" t="s">
        <v>31587</v>
      </c>
      <c r="C1635" s="1160"/>
      <c r="D1635" s="1160"/>
      <c r="E1635" s="1160"/>
      <c r="F1635" s="1161"/>
      <c r="G1635" s="150"/>
      <c r="H1635" s="150"/>
    </row>
    <row r="1636" spans="1:8">
      <c r="A1636" s="150"/>
      <c r="B1636" s="195" t="s">
        <v>31606</v>
      </c>
      <c r="C1636" s="196" t="s">
        <v>10531</v>
      </c>
      <c r="D1636" s="196" t="s">
        <v>10532</v>
      </c>
      <c r="E1636" s="196" t="s">
        <v>10533</v>
      </c>
      <c r="F1636" s="196"/>
      <c r="G1636" s="150"/>
      <c r="H1636" s="150"/>
    </row>
    <row r="1637" spans="1:8">
      <c r="A1637" s="150"/>
      <c r="B1637" s="1159" t="s">
        <v>8508</v>
      </c>
      <c r="C1637" s="1160"/>
      <c r="D1637" s="1160"/>
      <c r="E1637" s="1160"/>
      <c r="F1637" s="1161"/>
      <c r="G1637" s="150"/>
      <c r="H1637" s="150"/>
    </row>
    <row r="1638" spans="1:8">
      <c r="A1638" s="150"/>
      <c r="B1638" s="195" t="s">
        <v>31607</v>
      </c>
      <c r="C1638" s="196" t="s">
        <v>10534</v>
      </c>
      <c r="D1638" s="196" t="s">
        <v>528</v>
      </c>
      <c r="E1638" s="196" t="s">
        <v>529</v>
      </c>
      <c r="F1638" s="194" t="s">
        <v>32154</v>
      </c>
      <c r="G1638" s="150"/>
      <c r="H1638" s="150"/>
    </row>
    <row r="1639" spans="1:8" ht="25.5">
      <c r="A1639" s="150"/>
      <c r="B1639" s="195" t="s">
        <v>31608</v>
      </c>
      <c r="C1639" s="196" t="s">
        <v>10535</v>
      </c>
      <c r="D1639" s="196" t="s">
        <v>10536</v>
      </c>
      <c r="E1639" s="196" t="s">
        <v>1462</v>
      </c>
      <c r="F1639" s="196"/>
      <c r="G1639" s="150"/>
      <c r="H1639" s="150"/>
    </row>
    <row r="1640" spans="1:8">
      <c r="A1640" s="150"/>
      <c r="B1640" s="1147" t="s">
        <v>31609</v>
      </c>
      <c r="C1640" s="1149" t="s">
        <v>10537</v>
      </c>
      <c r="D1640" s="159" t="s">
        <v>10538</v>
      </c>
      <c r="E1640" s="159" t="s">
        <v>10541</v>
      </c>
      <c r="F1640" s="1149"/>
      <c r="G1640" s="150"/>
      <c r="H1640" s="150"/>
    </row>
    <row r="1641" spans="1:8">
      <c r="A1641" s="150"/>
      <c r="B1641" s="1157"/>
      <c r="C1641" s="1158"/>
      <c r="D1641" s="160" t="s">
        <v>10539</v>
      </c>
      <c r="E1641" s="160" t="s">
        <v>10542</v>
      </c>
      <c r="F1641" s="1158"/>
      <c r="G1641" s="150"/>
      <c r="H1641" s="150"/>
    </row>
    <row r="1642" spans="1:8">
      <c r="A1642" s="150"/>
      <c r="B1642" s="1148"/>
      <c r="C1642" s="1150"/>
      <c r="D1642" s="161" t="s">
        <v>10540</v>
      </c>
      <c r="E1642" s="161" t="s">
        <v>10543</v>
      </c>
      <c r="F1642" s="1150"/>
      <c r="G1642" s="150"/>
      <c r="H1642" s="150"/>
    </row>
    <row r="1643" spans="1:8">
      <c r="A1643" s="150"/>
      <c r="B1643" s="195" t="s">
        <v>10544</v>
      </c>
      <c r="C1643" s="196" t="s">
        <v>10545</v>
      </c>
      <c r="D1643" s="196" t="s">
        <v>10546</v>
      </c>
      <c r="E1643" s="196" t="s">
        <v>5822</v>
      </c>
      <c r="F1643" s="194" t="s">
        <v>32154</v>
      </c>
      <c r="G1643" s="150"/>
      <c r="H1643" s="150"/>
    </row>
    <row r="1644" spans="1:8">
      <c r="A1644" s="150"/>
      <c r="B1644" s="162" t="s">
        <v>31610</v>
      </c>
      <c r="C1644" s="1149" t="s">
        <v>10547</v>
      </c>
      <c r="D1644" s="1149" t="s">
        <v>369</v>
      </c>
      <c r="E1644" s="1149" t="s">
        <v>370</v>
      </c>
      <c r="F1644" s="1149"/>
      <c r="G1644" s="150"/>
      <c r="H1644" s="150"/>
    </row>
    <row r="1645" spans="1:8">
      <c r="A1645" s="150"/>
      <c r="B1645" s="164" t="s">
        <v>31611</v>
      </c>
      <c r="C1645" s="1150"/>
      <c r="D1645" s="1150"/>
      <c r="E1645" s="1150"/>
      <c r="F1645" s="1150"/>
      <c r="G1645" s="150"/>
      <c r="H1645" s="150"/>
    </row>
    <row r="1646" spans="1:8" ht="25.5">
      <c r="A1646" s="150"/>
      <c r="B1646" s="195" t="s">
        <v>31612</v>
      </c>
      <c r="C1646" s="196" t="s">
        <v>10548</v>
      </c>
      <c r="D1646" s="196"/>
      <c r="E1646" s="196"/>
      <c r="F1646" s="196"/>
      <c r="G1646" s="150"/>
      <c r="H1646" s="150"/>
    </row>
    <row r="1647" spans="1:8">
      <c r="A1647" s="150"/>
      <c r="B1647" s="1147" t="s">
        <v>31613</v>
      </c>
      <c r="C1647" s="1149" t="s">
        <v>10549</v>
      </c>
      <c r="D1647" s="159" t="s">
        <v>10550</v>
      </c>
      <c r="E1647" s="159" t="s">
        <v>10553</v>
      </c>
      <c r="F1647" s="1149"/>
      <c r="G1647" s="150"/>
      <c r="H1647" s="150"/>
    </row>
    <row r="1648" spans="1:8">
      <c r="A1648" s="150"/>
      <c r="B1648" s="1157"/>
      <c r="C1648" s="1158"/>
      <c r="D1648" s="160" t="s">
        <v>10551</v>
      </c>
      <c r="E1648" s="160" t="s">
        <v>10554</v>
      </c>
      <c r="F1648" s="1158"/>
      <c r="G1648" s="150"/>
      <c r="H1648" s="150"/>
    </row>
    <row r="1649" spans="1:8">
      <c r="A1649" s="150"/>
      <c r="B1649" s="1148"/>
      <c r="C1649" s="1150"/>
      <c r="D1649" s="161" t="s">
        <v>10552</v>
      </c>
      <c r="E1649" s="161" t="s">
        <v>10555</v>
      </c>
      <c r="F1649" s="1150"/>
      <c r="G1649" s="150"/>
      <c r="H1649" s="150"/>
    </row>
    <row r="1650" spans="1:8">
      <c r="A1650" s="150"/>
      <c r="B1650" s="195" t="s">
        <v>10556</v>
      </c>
      <c r="C1650" s="196" t="s">
        <v>10557</v>
      </c>
      <c r="D1650" s="196" t="s">
        <v>10558</v>
      </c>
      <c r="E1650" s="196" t="s">
        <v>10559</v>
      </c>
      <c r="F1650" s="196"/>
      <c r="G1650" s="150"/>
      <c r="H1650" s="150"/>
    </row>
    <row r="1651" spans="1:8">
      <c r="A1651" s="150"/>
      <c r="B1651" s="195" t="s">
        <v>31614</v>
      </c>
      <c r="C1651" s="196" t="s">
        <v>10560</v>
      </c>
      <c r="D1651" s="196" t="s">
        <v>186</v>
      </c>
      <c r="E1651" s="196" t="s">
        <v>187</v>
      </c>
      <c r="F1651" s="196"/>
      <c r="G1651" s="150"/>
      <c r="H1651" s="150"/>
    </row>
    <row r="1652" spans="1:8">
      <c r="A1652" s="150"/>
      <c r="B1652" s="195" t="s">
        <v>31615</v>
      </c>
      <c r="C1652" s="196" t="s">
        <v>10561</v>
      </c>
      <c r="D1652" s="196" t="s">
        <v>10562</v>
      </c>
      <c r="E1652" s="196" t="s">
        <v>5817</v>
      </c>
      <c r="F1652" s="196"/>
      <c r="G1652" s="150"/>
      <c r="H1652" s="150"/>
    </row>
    <row r="1653" spans="1:8">
      <c r="A1653" s="150"/>
      <c r="B1653" s="195" t="s">
        <v>10563</v>
      </c>
      <c r="C1653" s="196" t="s">
        <v>10564</v>
      </c>
      <c r="D1653" s="196" t="s">
        <v>288</v>
      </c>
      <c r="E1653" s="196" t="s">
        <v>289</v>
      </c>
      <c r="F1653" s="196"/>
      <c r="G1653" s="150"/>
      <c r="H1653" s="150"/>
    </row>
    <row r="1654" spans="1:8">
      <c r="A1654" s="150"/>
      <c r="B1654" s="195" t="s">
        <v>10565</v>
      </c>
      <c r="C1654" s="196" t="s">
        <v>10566</v>
      </c>
      <c r="D1654" s="196" t="s">
        <v>10567</v>
      </c>
      <c r="E1654" s="196" t="s">
        <v>5840</v>
      </c>
      <c r="F1654" s="196"/>
      <c r="G1654" s="150"/>
      <c r="H1654" s="150"/>
    </row>
    <row r="1655" spans="1:8">
      <c r="A1655" s="150"/>
      <c r="B1655" s="1159" t="s">
        <v>31587</v>
      </c>
      <c r="C1655" s="1160"/>
      <c r="D1655" s="1160"/>
      <c r="E1655" s="1160"/>
      <c r="F1655" s="1161"/>
      <c r="G1655" s="150"/>
      <c r="H1655" s="150"/>
    </row>
    <row r="1656" spans="1:8">
      <c r="A1656" s="150"/>
      <c r="B1656" s="162" t="s">
        <v>10568</v>
      </c>
      <c r="C1656" s="1149" t="s">
        <v>10570</v>
      </c>
      <c r="D1656" s="1149" t="s">
        <v>194</v>
      </c>
      <c r="E1656" s="1149" t="s">
        <v>195</v>
      </c>
      <c r="F1656" s="1149"/>
      <c r="G1656" s="150"/>
      <c r="H1656" s="150"/>
    </row>
    <row r="1657" spans="1:8">
      <c r="A1657" s="150"/>
      <c r="B1657" s="164" t="s">
        <v>10569</v>
      </c>
      <c r="C1657" s="1150"/>
      <c r="D1657" s="1150"/>
      <c r="E1657" s="1150"/>
      <c r="F1657" s="1150"/>
      <c r="G1657" s="150"/>
      <c r="H1657" s="150"/>
    </row>
    <row r="1658" spans="1:8">
      <c r="A1658" s="150"/>
      <c r="B1658" s="1159" t="s">
        <v>8508</v>
      </c>
      <c r="C1658" s="1160"/>
      <c r="D1658" s="1160"/>
      <c r="E1658" s="1160"/>
      <c r="F1658" s="1161"/>
      <c r="G1658" s="150"/>
      <c r="H1658" s="150"/>
    </row>
    <row r="1659" spans="1:8">
      <c r="A1659" s="150"/>
      <c r="B1659" s="195" t="s">
        <v>10571</v>
      </c>
      <c r="C1659" s="196" t="s">
        <v>10572</v>
      </c>
      <c r="D1659" s="196" t="s">
        <v>10573</v>
      </c>
      <c r="E1659" s="196" t="s">
        <v>10574</v>
      </c>
      <c r="F1659" s="196"/>
      <c r="G1659" s="150"/>
      <c r="H1659" s="150"/>
    </row>
    <row r="1660" spans="1:8">
      <c r="A1660" s="150"/>
      <c r="B1660" s="195" t="s">
        <v>10575</v>
      </c>
      <c r="C1660" s="196" t="s">
        <v>10576</v>
      </c>
      <c r="D1660" s="196" t="s">
        <v>10577</v>
      </c>
      <c r="E1660" s="196" t="s">
        <v>7184</v>
      </c>
      <c r="F1660" s="196"/>
      <c r="G1660" s="150"/>
      <c r="H1660" s="150"/>
    </row>
    <row r="1661" spans="1:8">
      <c r="A1661" s="150"/>
      <c r="B1661" s="1159" t="s">
        <v>31587</v>
      </c>
      <c r="C1661" s="1160"/>
      <c r="D1661" s="1160"/>
      <c r="E1661" s="1160"/>
      <c r="F1661" s="1161"/>
      <c r="G1661" s="150"/>
      <c r="H1661" s="150"/>
    </row>
    <row r="1662" spans="1:8">
      <c r="A1662" s="150"/>
      <c r="B1662" s="162" t="s">
        <v>10578</v>
      </c>
      <c r="C1662" s="1149" t="s">
        <v>10581</v>
      </c>
      <c r="D1662" s="1149" t="s">
        <v>8356</v>
      </c>
      <c r="E1662" s="1149" t="s">
        <v>8356</v>
      </c>
      <c r="F1662" s="1149"/>
      <c r="G1662" s="150"/>
      <c r="H1662" s="150"/>
    </row>
    <row r="1663" spans="1:8">
      <c r="A1663" s="150"/>
      <c r="B1663" s="163" t="s">
        <v>10579</v>
      </c>
      <c r="C1663" s="1158"/>
      <c r="D1663" s="1158"/>
      <c r="E1663" s="1158"/>
      <c r="F1663" s="1158"/>
      <c r="G1663" s="150"/>
      <c r="H1663" s="150"/>
    </row>
    <row r="1664" spans="1:8" ht="38.25">
      <c r="A1664" s="150"/>
      <c r="B1664" s="164" t="s">
        <v>10580</v>
      </c>
      <c r="C1664" s="1150"/>
      <c r="D1664" s="1150"/>
      <c r="E1664" s="1150"/>
      <c r="F1664" s="1150"/>
      <c r="G1664" s="150"/>
      <c r="H1664" s="150"/>
    </row>
    <row r="1665" spans="1:8">
      <c r="A1665" s="150"/>
      <c r="B1665" s="1159" t="s">
        <v>8508</v>
      </c>
      <c r="C1665" s="1160"/>
      <c r="D1665" s="1160"/>
      <c r="E1665" s="1160"/>
      <c r="F1665" s="1161"/>
      <c r="G1665" s="150"/>
      <c r="H1665" s="150"/>
    </row>
    <row r="1666" spans="1:8">
      <c r="A1666" s="150"/>
      <c r="B1666" s="162" t="s">
        <v>10582</v>
      </c>
      <c r="C1666" s="1149" t="s">
        <v>10584</v>
      </c>
      <c r="D1666" s="159" t="s">
        <v>10585</v>
      </c>
      <c r="E1666" s="159" t="s">
        <v>10587</v>
      </c>
      <c r="F1666" s="1163" t="s">
        <v>32154</v>
      </c>
      <c r="G1666" s="150"/>
      <c r="H1666" s="150"/>
    </row>
    <row r="1667" spans="1:8">
      <c r="A1667" s="150"/>
      <c r="B1667" s="164" t="s">
        <v>10583</v>
      </c>
      <c r="C1667" s="1150"/>
      <c r="D1667" s="161" t="s">
        <v>10586</v>
      </c>
      <c r="E1667" s="161" t="s">
        <v>10588</v>
      </c>
      <c r="F1667" s="1164"/>
      <c r="G1667" s="150"/>
      <c r="H1667" s="150"/>
    </row>
    <row r="1668" spans="1:8">
      <c r="A1668" s="150"/>
      <c r="B1668" s="162" t="s">
        <v>10589</v>
      </c>
      <c r="C1668" s="1149" t="s">
        <v>10591</v>
      </c>
      <c r="D1668" s="1149" t="s">
        <v>10592</v>
      </c>
      <c r="E1668" s="159" t="s">
        <v>10593</v>
      </c>
      <c r="F1668" s="1163" t="s">
        <v>32154</v>
      </c>
      <c r="G1668" s="150"/>
      <c r="H1668" s="150"/>
    </row>
    <row r="1669" spans="1:8">
      <c r="A1669" s="150"/>
      <c r="B1669" s="164" t="s">
        <v>10590</v>
      </c>
      <c r="C1669" s="1150"/>
      <c r="D1669" s="1150"/>
      <c r="E1669" s="161" t="s">
        <v>10594</v>
      </c>
      <c r="F1669" s="1164"/>
      <c r="G1669" s="150"/>
      <c r="H1669" s="150"/>
    </row>
    <row r="1670" spans="1:8">
      <c r="A1670" s="150"/>
      <c r="B1670" s="195" t="s">
        <v>10595</v>
      </c>
      <c r="C1670" s="196" t="s">
        <v>10596</v>
      </c>
      <c r="D1670" s="196" t="s">
        <v>10597</v>
      </c>
      <c r="E1670" s="196" t="s">
        <v>10598</v>
      </c>
      <c r="F1670" s="194" t="s">
        <v>32154</v>
      </c>
      <c r="G1670" s="150"/>
      <c r="H1670" s="150"/>
    </row>
    <row r="1671" spans="1:8">
      <c r="A1671" s="150"/>
      <c r="B1671" s="162" t="s">
        <v>10599</v>
      </c>
      <c r="C1671" s="1149" t="s">
        <v>10601</v>
      </c>
      <c r="D1671" s="1149" t="s">
        <v>10602</v>
      </c>
      <c r="E1671" s="1149" t="s">
        <v>10603</v>
      </c>
      <c r="F1671" s="1163" t="s">
        <v>32154</v>
      </c>
      <c r="G1671" s="150"/>
      <c r="H1671" s="150"/>
    </row>
    <row r="1672" spans="1:8">
      <c r="A1672" s="150"/>
      <c r="B1672" s="164" t="s">
        <v>10600</v>
      </c>
      <c r="C1672" s="1150"/>
      <c r="D1672" s="1150"/>
      <c r="E1672" s="1150"/>
      <c r="F1672" s="1164"/>
      <c r="G1672" s="150"/>
      <c r="H1672" s="150"/>
    </row>
    <row r="1673" spans="1:8">
      <c r="A1673" s="150"/>
      <c r="B1673" s="162" t="s">
        <v>10604</v>
      </c>
      <c r="C1673" s="1149" t="s">
        <v>10606</v>
      </c>
      <c r="D1673" s="159" t="s">
        <v>10607</v>
      </c>
      <c r="E1673" s="159" t="s">
        <v>10609</v>
      </c>
      <c r="F1673" s="1149"/>
      <c r="G1673" s="150"/>
      <c r="H1673" s="150"/>
    </row>
    <row r="1674" spans="1:8">
      <c r="A1674" s="150"/>
      <c r="B1674" s="163" t="s">
        <v>7186</v>
      </c>
      <c r="C1674" s="1158"/>
      <c r="D1674" s="160" t="s">
        <v>10608</v>
      </c>
      <c r="E1674" s="160" t="s">
        <v>10610</v>
      </c>
      <c r="F1674" s="1158"/>
      <c r="G1674" s="150"/>
      <c r="H1674" s="150"/>
    </row>
    <row r="1675" spans="1:8">
      <c r="A1675" s="150"/>
      <c r="B1675" s="164" t="s">
        <v>10605</v>
      </c>
      <c r="C1675" s="1150"/>
      <c r="D1675" s="165"/>
      <c r="E1675" s="165"/>
      <c r="F1675" s="1150"/>
      <c r="G1675" s="150"/>
      <c r="H1675" s="150"/>
    </row>
    <row r="1676" spans="1:8">
      <c r="A1676" s="150"/>
      <c r="B1676" s="195" t="s">
        <v>10611</v>
      </c>
      <c r="C1676" s="196" t="s">
        <v>10612</v>
      </c>
      <c r="D1676" s="196" t="s">
        <v>359</v>
      </c>
      <c r="E1676" s="196" t="s">
        <v>360</v>
      </c>
      <c r="F1676" s="196"/>
      <c r="G1676" s="150"/>
      <c r="H1676" s="150"/>
    </row>
    <row r="1677" spans="1:8" ht="25.5">
      <c r="A1677" s="150"/>
      <c r="B1677" s="195" t="s">
        <v>31616</v>
      </c>
      <c r="C1677" s="196" t="s">
        <v>10613</v>
      </c>
      <c r="D1677" s="196" t="s">
        <v>345</v>
      </c>
      <c r="E1677" s="196" t="s">
        <v>346</v>
      </c>
      <c r="F1677" s="194" t="s">
        <v>32154</v>
      </c>
      <c r="G1677" s="150"/>
      <c r="H1677" s="150"/>
    </row>
    <row r="1678" spans="1:8">
      <c r="A1678" s="150"/>
      <c r="B1678" s="162" t="s">
        <v>10614</v>
      </c>
      <c r="C1678" s="1149" t="s">
        <v>10616</v>
      </c>
      <c r="D1678" s="1149" t="s">
        <v>199</v>
      </c>
      <c r="E1678" s="1149" t="s">
        <v>200</v>
      </c>
      <c r="F1678" s="1163" t="s">
        <v>32154</v>
      </c>
      <c r="G1678" s="150"/>
      <c r="H1678" s="150"/>
    </row>
    <row r="1679" spans="1:8">
      <c r="A1679" s="150"/>
      <c r="B1679" s="164" t="s">
        <v>10615</v>
      </c>
      <c r="C1679" s="1150"/>
      <c r="D1679" s="1150"/>
      <c r="E1679" s="1150"/>
      <c r="F1679" s="1164"/>
      <c r="G1679" s="150"/>
      <c r="H1679" s="150"/>
    </row>
    <row r="1680" spans="1:8">
      <c r="A1680" s="150"/>
      <c r="B1680" s="1159" t="s">
        <v>31587</v>
      </c>
      <c r="C1680" s="1160"/>
      <c r="D1680" s="1160"/>
      <c r="E1680" s="1160"/>
      <c r="F1680" s="1161"/>
      <c r="G1680" s="150"/>
      <c r="H1680" s="150"/>
    </row>
    <row r="1681" spans="1:8">
      <c r="A1681" s="150"/>
      <c r="B1681" s="162" t="s">
        <v>31617</v>
      </c>
      <c r="C1681" s="1149" t="s">
        <v>10618</v>
      </c>
      <c r="D1681" s="1149" t="s">
        <v>10619</v>
      </c>
      <c r="E1681" s="1149" t="s">
        <v>10620</v>
      </c>
      <c r="F1681" s="1149"/>
      <c r="G1681" s="150"/>
      <c r="H1681" s="150"/>
    </row>
    <row r="1682" spans="1:8">
      <c r="A1682" s="150"/>
      <c r="B1682" s="164" t="s">
        <v>10617</v>
      </c>
      <c r="C1682" s="1150"/>
      <c r="D1682" s="1150"/>
      <c r="E1682" s="1150"/>
      <c r="F1682" s="1150"/>
      <c r="G1682" s="150"/>
      <c r="H1682" s="150"/>
    </row>
    <row r="1683" spans="1:8">
      <c r="A1683" s="150"/>
      <c r="B1683" s="195" t="s">
        <v>10621</v>
      </c>
      <c r="C1683" s="196" t="s">
        <v>10622</v>
      </c>
      <c r="D1683" s="196" t="s">
        <v>10623</v>
      </c>
      <c r="E1683" s="196" t="s">
        <v>10624</v>
      </c>
      <c r="F1683" s="196"/>
      <c r="G1683" s="150"/>
      <c r="H1683" s="150"/>
    </row>
    <row r="1684" spans="1:8">
      <c r="A1684" s="150"/>
      <c r="B1684" s="162" t="s">
        <v>10625</v>
      </c>
      <c r="C1684" s="1149" t="s">
        <v>10627</v>
      </c>
      <c r="D1684" s="1149" t="s">
        <v>10628</v>
      </c>
      <c r="E1684" s="1149" t="s">
        <v>10629</v>
      </c>
      <c r="F1684" s="1149"/>
      <c r="G1684" s="150"/>
      <c r="H1684" s="150"/>
    </row>
    <row r="1685" spans="1:8">
      <c r="A1685" s="150"/>
      <c r="B1685" s="164" t="s">
        <v>10626</v>
      </c>
      <c r="C1685" s="1150"/>
      <c r="D1685" s="1150"/>
      <c r="E1685" s="1150"/>
      <c r="F1685" s="1150"/>
      <c r="G1685" s="150"/>
      <c r="H1685" s="150"/>
    </row>
    <row r="1686" spans="1:8">
      <c r="A1686" s="150"/>
      <c r="B1686" s="1159" t="s">
        <v>31595</v>
      </c>
      <c r="C1686" s="1160"/>
      <c r="D1686" s="1160"/>
      <c r="E1686" s="1160"/>
      <c r="F1686" s="1161"/>
      <c r="G1686" s="150"/>
      <c r="H1686" s="150"/>
    </row>
    <row r="1687" spans="1:8" ht="25.5">
      <c r="A1687" s="150"/>
      <c r="B1687" s="162" t="s">
        <v>14162</v>
      </c>
      <c r="C1687" s="1149" t="s">
        <v>13939</v>
      </c>
      <c r="D1687" s="1149" t="s">
        <v>8356</v>
      </c>
      <c r="E1687" s="1149" t="s">
        <v>8356</v>
      </c>
      <c r="F1687" s="1149"/>
      <c r="G1687" s="150"/>
      <c r="H1687" s="150"/>
    </row>
    <row r="1688" spans="1:8" ht="25.5">
      <c r="A1688" s="150"/>
      <c r="B1688" s="163" t="s">
        <v>13940</v>
      </c>
      <c r="C1688" s="1158"/>
      <c r="D1688" s="1158"/>
      <c r="E1688" s="1158"/>
      <c r="F1688" s="1158"/>
      <c r="G1688" s="150"/>
      <c r="H1688" s="150"/>
    </row>
    <row r="1689" spans="1:8">
      <c r="A1689" s="150"/>
      <c r="B1689" s="163" t="s">
        <v>13941</v>
      </c>
      <c r="C1689" s="1158"/>
      <c r="D1689" s="1158"/>
      <c r="E1689" s="1158"/>
      <c r="F1689" s="1158"/>
      <c r="G1689" s="150"/>
      <c r="H1689" s="150"/>
    </row>
    <row r="1690" spans="1:8">
      <c r="A1690" s="150"/>
      <c r="B1690" s="164" t="s">
        <v>13942</v>
      </c>
      <c r="C1690" s="1150"/>
      <c r="D1690" s="1150"/>
      <c r="E1690" s="1150"/>
      <c r="F1690" s="1150"/>
      <c r="G1690" s="150"/>
      <c r="H1690" s="150"/>
    </row>
    <row r="1691" spans="1:8" ht="25.5">
      <c r="A1691" s="150"/>
      <c r="B1691" s="162" t="s">
        <v>14163</v>
      </c>
      <c r="C1691" s="1149" t="s">
        <v>13943</v>
      </c>
      <c r="D1691" s="1149" t="s">
        <v>8356</v>
      </c>
      <c r="E1691" s="1149" t="s">
        <v>8356</v>
      </c>
      <c r="F1691" s="1149"/>
      <c r="G1691" s="150"/>
      <c r="H1691" s="150"/>
    </row>
    <row r="1692" spans="1:8" ht="25.5">
      <c r="A1692" s="150"/>
      <c r="B1692" s="163" t="s">
        <v>13944</v>
      </c>
      <c r="C1692" s="1158"/>
      <c r="D1692" s="1158"/>
      <c r="E1692" s="1158"/>
      <c r="F1692" s="1158"/>
      <c r="G1692" s="150"/>
      <c r="H1692" s="150"/>
    </row>
    <row r="1693" spans="1:8">
      <c r="A1693" s="150"/>
      <c r="B1693" s="164" t="s">
        <v>13945</v>
      </c>
      <c r="C1693" s="1150"/>
      <c r="D1693" s="1150"/>
      <c r="E1693" s="1150"/>
      <c r="F1693" s="1150"/>
      <c r="G1693" s="150"/>
      <c r="H1693" s="150"/>
    </row>
    <row r="1694" spans="1:8">
      <c r="A1694" s="150"/>
      <c r="B1694" s="195" t="s">
        <v>14164</v>
      </c>
      <c r="C1694" s="196" t="s">
        <v>13946</v>
      </c>
      <c r="D1694" s="196" t="s">
        <v>13947</v>
      </c>
      <c r="E1694" s="196" t="s">
        <v>14165</v>
      </c>
      <c r="F1694" s="196"/>
      <c r="G1694" s="150"/>
      <c r="H1694" s="150"/>
    </row>
    <row r="1695" spans="1:8">
      <c r="A1695" s="150"/>
      <c r="B1695" s="1159" t="s">
        <v>8508</v>
      </c>
      <c r="C1695" s="1160"/>
      <c r="D1695" s="1160"/>
      <c r="E1695" s="1160"/>
      <c r="F1695" s="1161"/>
      <c r="G1695" s="150"/>
      <c r="H1695" s="150"/>
    </row>
    <row r="1696" spans="1:8">
      <c r="A1696" s="150"/>
      <c r="B1696" s="195" t="s">
        <v>10630</v>
      </c>
      <c r="C1696" s="196" t="s">
        <v>10631</v>
      </c>
      <c r="D1696" s="196" t="s">
        <v>10632</v>
      </c>
      <c r="E1696" s="196" t="s">
        <v>10633</v>
      </c>
      <c r="F1696" s="196"/>
      <c r="G1696" s="150"/>
      <c r="H1696" s="150"/>
    </row>
    <row r="1697" spans="1:8">
      <c r="A1697" s="150"/>
      <c r="B1697" s="195" t="s">
        <v>10634</v>
      </c>
      <c r="C1697" s="196" t="s">
        <v>10635</v>
      </c>
      <c r="D1697" s="196" t="s">
        <v>10636</v>
      </c>
      <c r="E1697" s="196" t="s">
        <v>10637</v>
      </c>
      <c r="F1697" s="194" t="s">
        <v>32154</v>
      </c>
      <c r="G1697" s="150"/>
      <c r="H1697" s="150"/>
    </row>
    <row r="1698" spans="1:8" ht="25.5">
      <c r="A1698" s="150"/>
      <c r="B1698" s="195" t="s">
        <v>10638</v>
      </c>
      <c r="C1698" s="196" t="s">
        <v>10639</v>
      </c>
      <c r="D1698" s="196" t="s">
        <v>10640</v>
      </c>
      <c r="E1698" s="198">
        <v>191906</v>
      </c>
      <c r="F1698" s="196"/>
      <c r="G1698" s="150"/>
      <c r="H1698" s="150"/>
    </row>
    <row r="1699" spans="1:8" ht="51">
      <c r="A1699" s="150"/>
      <c r="B1699" s="195" t="s">
        <v>10641</v>
      </c>
      <c r="C1699" s="196" t="s">
        <v>10642</v>
      </c>
      <c r="D1699" s="196" t="s">
        <v>10643</v>
      </c>
      <c r="E1699" s="198">
        <v>1791337</v>
      </c>
      <c r="F1699" s="196"/>
      <c r="G1699" s="150"/>
      <c r="H1699" s="150"/>
    </row>
    <row r="1700" spans="1:8" ht="25.5">
      <c r="A1700" s="150"/>
      <c r="B1700" s="162" t="s">
        <v>10644</v>
      </c>
      <c r="C1700" s="1149" t="s">
        <v>10646</v>
      </c>
      <c r="D1700" s="1149" t="s">
        <v>9</v>
      </c>
      <c r="E1700" s="1149" t="s">
        <v>8356</v>
      </c>
      <c r="F1700" s="1149"/>
      <c r="G1700" s="150"/>
      <c r="H1700" s="150"/>
    </row>
    <row r="1701" spans="1:8" ht="51">
      <c r="A1701" s="150"/>
      <c r="B1701" s="164" t="s">
        <v>10645</v>
      </c>
      <c r="C1701" s="1150"/>
      <c r="D1701" s="1150"/>
      <c r="E1701" s="1150"/>
      <c r="F1701" s="1150"/>
      <c r="G1701" s="150"/>
      <c r="H1701" s="150"/>
    </row>
    <row r="1702" spans="1:8">
      <c r="A1702" s="150"/>
      <c r="B1702" s="1159" t="s">
        <v>31587</v>
      </c>
      <c r="C1702" s="1160"/>
      <c r="D1702" s="1160"/>
      <c r="E1702" s="1160"/>
      <c r="F1702" s="1161"/>
      <c r="G1702" s="150"/>
      <c r="H1702" s="150"/>
    </row>
    <row r="1703" spans="1:8">
      <c r="A1703" s="150"/>
      <c r="B1703" s="195" t="s">
        <v>10647</v>
      </c>
      <c r="C1703" s="196" t="s">
        <v>10648</v>
      </c>
      <c r="D1703" s="196" t="s">
        <v>10649</v>
      </c>
      <c r="E1703" s="196" t="s">
        <v>10650</v>
      </c>
      <c r="F1703" s="196"/>
      <c r="G1703" s="150"/>
      <c r="H1703" s="150"/>
    </row>
    <row r="1704" spans="1:8">
      <c r="A1704" s="150"/>
      <c r="B1704" s="1159" t="s">
        <v>8508</v>
      </c>
      <c r="C1704" s="1160"/>
      <c r="D1704" s="1160"/>
      <c r="E1704" s="1160"/>
      <c r="F1704" s="1161"/>
      <c r="G1704" s="150"/>
      <c r="H1704" s="150"/>
    </row>
    <row r="1705" spans="1:8">
      <c r="A1705" s="150"/>
      <c r="B1705" s="195" t="s">
        <v>487</v>
      </c>
      <c r="C1705" s="196" t="s">
        <v>10651</v>
      </c>
      <c r="D1705" s="196" t="s">
        <v>488</v>
      </c>
      <c r="E1705" s="198">
        <v>29007</v>
      </c>
      <c r="F1705" s="196"/>
      <c r="G1705" s="150"/>
      <c r="H1705" s="150"/>
    </row>
    <row r="1706" spans="1:8">
      <c r="A1706" s="150"/>
      <c r="B1706" s="195" t="s">
        <v>10652</v>
      </c>
      <c r="C1706" s="196" t="s">
        <v>10653</v>
      </c>
      <c r="D1706" s="196" t="s">
        <v>10654</v>
      </c>
      <c r="E1706" s="196" t="s">
        <v>10655</v>
      </c>
      <c r="F1706" s="196"/>
      <c r="G1706" s="150"/>
      <c r="H1706" s="150"/>
    </row>
    <row r="1707" spans="1:8" ht="76.5">
      <c r="A1707" s="150"/>
      <c r="B1707" s="195" t="s">
        <v>10656</v>
      </c>
      <c r="C1707" s="196" t="s">
        <v>10657</v>
      </c>
      <c r="D1707" s="196" t="s">
        <v>12</v>
      </c>
      <c r="E1707" s="196" t="s">
        <v>8356</v>
      </c>
      <c r="F1707" s="196"/>
      <c r="G1707" s="150"/>
      <c r="H1707" s="150"/>
    </row>
    <row r="1708" spans="1:8">
      <c r="A1708" s="150"/>
      <c r="B1708" s="1159" t="s">
        <v>31587</v>
      </c>
      <c r="C1708" s="1160"/>
      <c r="D1708" s="1160"/>
      <c r="E1708" s="1160"/>
      <c r="F1708" s="1161"/>
      <c r="G1708" s="150"/>
      <c r="H1708" s="150"/>
    </row>
    <row r="1709" spans="1:8" ht="38.25">
      <c r="A1709" s="150"/>
      <c r="B1709" s="195" t="s">
        <v>10658</v>
      </c>
      <c r="C1709" s="196" t="s">
        <v>10659</v>
      </c>
      <c r="D1709" s="196" t="s">
        <v>10660</v>
      </c>
      <c r="E1709" s="196" t="s">
        <v>10661</v>
      </c>
      <c r="F1709" s="196"/>
      <c r="G1709" s="150"/>
      <c r="H1709" s="150"/>
    </row>
    <row r="1710" spans="1:8">
      <c r="A1710" s="150"/>
      <c r="B1710" s="1159" t="s">
        <v>8508</v>
      </c>
      <c r="C1710" s="1160"/>
      <c r="D1710" s="1160"/>
      <c r="E1710" s="1160"/>
      <c r="F1710" s="1161"/>
      <c r="G1710" s="150"/>
      <c r="H1710" s="150"/>
    </row>
    <row r="1711" spans="1:8">
      <c r="A1711" s="150"/>
      <c r="B1711" s="162" t="s">
        <v>10662</v>
      </c>
      <c r="C1711" s="1149" t="s">
        <v>10663</v>
      </c>
      <c r="D1711" s="1149" t="s">
        <v>10664</v>
      </c>
      <c r="E1711" s="1149" t="s">
        <v>10665</v>
      </c>
      <c r="F1711" s="1149"/>
      <c r="G1711" s="150"/>
      <c r="H1711" s="150"/>
    </row>
    <row r="1712" spans="1:8" ht="63.75">
      <c r="A1712" s="150"/>
      <c r="B1712" s="164" t="s">
        <v>32335</v>
      </c>
      <c r="C1712" s="1150"/>
      <c r="D1712" s="1150"/>
      <c r="E1712" s="1150"/>
      <c r="F1712" s="1150"/>
      <c r="G1712" s="150"/>
      <c r="H1712" s="150"/>
    </row>
    <row r="1713" spans="1:8">
      <c r="A1713" s="150"/>
      <c r="B1713" s="162" t="s">
        <v>10666</v>
      </c>
      <c r="C1713" s="1149" t="s">
        <v>10667</v>
      </c>
      <c r="D1713" s="1149" t="s">
        <v>10668</v>
      </c>
      <c r="E1713" s="1149" t="s">
        <v>10669</v>
      </c>
      <c r="F1713" s="1149" t="s">
        <v>10670</v>
      </c>
      <c r="G1713" s="150"/>
      <c r="H1713" s="150"/>
    </row>
    <row r="1714" spans="1:8" ht="51">
      <c r="A1714" s="150"/>
      <c r="B1714" s="164" t="s">
        <v>13469</v>
      </c>
      <c r="C1714" s="1150"/>
      <c r="D1714" s="1150"/>
      <c r="E1714" s="1150"/>
      <c r="F1714" s="1150"/>
      <c r="G1714" s="150"/>
      <c r="H1714" s="150"/>
    </row>
    <row r="1715" spans="1:8" ht="25.5">
      <c r="A1715" s="150"/>
      <c r="B1715" s="162" t="s">
        <v>10671</v>
      </c>
      <c r="C1715" s="1149" t="s">
        <v>10672</v>
      </c>
      <c r="D1715" s="1149" t="s">
        <v>10673</v>
      </c>
      <c r="E1715" s="1149" t="s">
        <v>10674</v>
      </c>
      <c r="F1715" s="1149" t="s">
        <v>10670</v>
      </c>
      <c r="G1715" s="150"/>
      <c r="H1715" s="150"/>
    </row>
    <row r="1716" spans="1:8" ht="38.25">
      <c r="A1716" s="150"/>
      <c r="B1716" s="164" t="s">
        <v>32336</v>
      </c>
      <c r="C1716" s="1150"/>
      <c r="D1716" s="1150"/>
      <c r="E1716" s="1150"/>
      <c r="F1716" s="1150"/>
      <c r="G1716" s="150"/>
      <c r="H1716" s="150"/>
    </row>
    <row r="1717" spans="1:8" ht="25.5">
      <c r="A1717" s="150"/>
      <c r="B1717" s="162" t="s">
        <v>10675</v>
      </c>
      <c r="C1717" s="1149" t="s">
        <v>10676</v>
      </c>
      <c r="D1717" s="1149" t="s">
        <v>10677</v>
      </c>
      <c r="E1717" s="1149" t="s">
        <v>10678</v>
      </c>
      <c r="F1717" s="1149" t="s">
        <v>10670</v>
      </c>
      <c r="G1717" s="150"/>
      <c r="H1717" s="150"/>
    </row>
    <row r="1718" spans="1:8" ht="51">
      <c r="A1718" s="150"/>
      <c r="B1718" s="164" t="s">
        <v>13470</v>
      </c>
      <c r="C1718" s="1150"/>
      <c r="D1718" s="1150"/>
      <c r="E1718" s="1150"/>
      <c r="F1718" s="1150"/>
      <c r="G1718" s="150"/>
      <c r="H1718" s="150"/>
    </row>
    <row r="1719" spans="1:8" ht="25.5">
      <c r="A1719" s="150"/>
      <c r="B1719" s="195" t="s">
        <v>32337</v>
      </c>
      <c r="C1719" s="196" t="s">
        <v>10679</v>
      </c>
      <c r="D1719" s="196" t="s">
        <v>10680</v>
      </c>
      <c r="E1719" s="196" t="s">
        <v>10681</v>
      </c>
      <c r="F1719" s="196" t="s">
        <v>10670</v>
      </c>
      <c r="G1719" s="150"/>
      <c r="H1719" s="150"/>
    </row>
    <row r="1720" spans="1:8" ht="25.5">
      <c r="A1720" s="150"/>
      <c r="B1720" s="195" t="s">
        <v>10682</v>
      </c>
      <c r="C1720" s="196" t="s">
        <v>10683</v>
      </c>
      <c r="D1720" s="196" t="s">
        <v>10684</v>
      </c>
      <c r="E1720" s="196" t="s">
        <v>10685</v>
      </c>
      <c r="F1720" s="196" t="s">
        <v>10670</v>
      </c>
      <c r="G1720" s="150"/>
      <c r="H1720" s="150"/>
    </row>
    <row r="1721" spans="1:8" ht="25.5">
      <c r="A1721" s="150"/>
      <c r="B1721" s="195" t="s">
        <v>10686</v>
      </c>
      <c r="C1721" s="196" t="s">
        <v>10687</v>
      </c>
      <c r="D1721" s="196" t="s">
        <v>10688</v>
      </c>
      <c r="E1721" s="196" t="s">
        <v>10689</v>
      </c>
      <c r="F1721" s="196" t="s">
        <v>10670</v>
      </c>
      <c r="G1721" s="150"/>
      <c r="H1721" s="150"/>
    </row>
    <row r="1722" spans="1:8" ht="25.5">
      <c r="A1722" s="150"/>
      <c r="B1722" s="195" t="s">
        <v>10690</v>
      </c>
      <c r="C1722" s="196" t="s">
        <v>10691</v>
      </c>
      <c r="D1722" s="196" t="s">
        <v>10692</v>
      </c>
      <c r="E1722" s="196" t="s">
        <v>10693</v>
      </c>
      <c r="F1722" s="196" t="s">
        <v>10670</v>
      </c>
      <c r="G1722" s="150"/>
      <c r="H1722" s="150"/>
    </row>
    <row r="1723" spans="1:8" ht="25.5">
      <c r="A1723" s="150"/>
      <c r="B1723" s="162" t="s">
        <v>10694</v>
      </c>
      <c r="C1723" s="1149" t="s">
        <v>10696</v>
      </c>
      <c r="D1723" s="1149" t="s">
        <v>10697</v>
      </c>
      <c r="E1723" s="1149" t="s">
        <v>10698</v>
      </c>
      <c r="F1723" s="1149" t="s">
        <v>10670</v>
      </c>
      <c r="G1723" s="150"/>
      <c r="H1723" s="150"/>
    </row>
    <row r="1724" spans="1:8" ht="38.25">
      <c r="A1724" s="150"/>
      <c r="B1724" s="164" t="s">
        <v>10695</v>
      </c>
      <c r="C1724" s="1150"/>
      <c r="D1724" s="1150"/>
      <c r="E1724" s="1150"/>
      <c r="F1724" s="1150"/>
      <c r="G1724" s="150"/>
      <c r="H1724" s="150"/>
    </row>
    <row r="1725" spans="1:8" ht="25.5">
      <c r="A1725" s="150"/>
      <c r="B1725" s="195" t="s">
        <v>32338</v>
      </c>
      <c r="C1725" s="196" t="s">
        <v>10699</v>
      </c>
      <c r="D1725" s="196" t="s">
        <v>10700</v>
      </c>
      <c r="E1725" s="196" t="s">
        <v>10701</v>
      </c>
      <c r="F1725" s="196" t="s">
        <v>10670</v>
      </c>
      <c r="G1725" s="150"/>
      <c r="H1725" s="150"/>
    </row>
    <row r="1726" spans="1:8" ht="38.25">
      <c r="A1726" s="150"/>
      <c r="B1726" s="162" t="s">
        <v>32339</v>
      </c>
      <c r="C1726" s="1149" t="s">
        <v>10702</v>
      </c>
      <c r="D1726" s="1149" t="s">
        <v>10703</v>
      </c>
      <c r="E1726" s="1149" t="s">
        <v>10704</v>
      </c>
      <c r="F1726" s="1149" t="s">
        <v>10670</v>
      </c>
      <c r="G1726" s="150"/>
      <c r="H1726" s="150"/>
    </row>
    <row r="1727" spans="1:8" ht="89.25">
      <c r="A1727" s="150"/>
      <c r="B1727" s="164" t="s">
        <v>32340</v>
      </c>
      <c r="C1727" s="1150"/>
      <c r="D1727" s="1150"/>
      <c r="E1727" s="1150"/>
      <c r="F1727" s="1150"/>
      <c r="G1727" s="150"/>
      <c r="H1727" s="150"/>
    </row>
    <row r="1728" spans="1:8" ht="25.5">
      <c r="A1728" s="150"/>
      <c r="B1728" s="195" t="s">
        <v>32341</v>
      </c>
      <c r="C1728" s="196" t="s">
        <v>10705</v>
      </c>
      <c r="D1728" s="196" t="s">
        <v>10706</v>
      </c>
      <c r="E1728" s="196" t="s">
        <v>10707</v>
      </c>
      <c r="F1728" s="196" t="s">
        <v>10670</v>
      </c>
      <c r="G1728" s="150"/>
      <c r="H1728" s="150"/>
    </row>
    <row r="1729" spans="1:8" ht="25.5">
      <c r="A1729" s="150"/>
      <c r="B1729" s="162" t="s">
        <v>10708</v>
      </c>
      <c r="C1729" s="1149" t="s">
        <v>10709</v>
      </c>
      <c r="D1729" s="1149" t="s">
        <v>10710</v>
      </c>
      <c r="E1729" s="1149" t="s">
        <v>10711</v>
      </c>
      <c r="F1729" s="1149" t="s">
        <v>10670</v>
      </c>
      <c r="G1729" s="150"/>
      <c r="H1729" s="150"/>
    </row>
    <row r="1730" spans="1:8" ht="63.75">
      <c r="A1730" s="150"/>
      <c r="B1730" s="164" t="s">
        <v>13471</v>
      </c>
      <c r="C1730" s="1150"/>
      <c r="D1730" s="1150"/>
      <c r="E1730" s="1150"/>
      <c r="F1730" s="1150"/>
      <c r="G1730" s="150"/>
      <c r="H1730" s="150"/>
    </row>
    <row r="1731" spans="1:8" ht="25.5">
      <c r="A1731" s="150"/>
      <c r="B1731" s="162" t="s">
        <v>10712</v>
      </c>
      <c r="C1731" s="1149" t="s">
        <v>10713</v>
      </c>
      <c r="D1731" s="1149" t="s">
        <v>10714</v>
      </c>
      <c r="E1731" s="1149" t="s">
        <v>10715</v>
      </c>
      <c r="F1731" s="1149" t="s">
        <v>10670</v>
      </c>
      <c r="G1731" s="150"/>
      <c r="H1731" s="150"/>
    </row>
    <row r="1732" spans="1:8" ht="76.5">
      <c r="A1732" s="150"/>
      <c r="B1732" s="164" t="s">
        <v>13472</v>
      </c>
      <c r="C1732" s="1150"/>
      <c r="D1732" s="1150"/>
      <c r="E1732" s="1150"/>
      <c r="F1732" s="1150"/>
      <c r="G1732" s="150"/>
      <c r="H1732" s="150"/>
    </row>
    <row r="1733" spans="1:8" ht="25.5">
      <c r="A1733" s="150"/>
      <c r="B1733" s="162" t="s">
        <v>10716</v>
      </c>
      <c r="C1733" s="1149" t="s">
        <v>10718</v>
      </c>
      <c r="D1733" s="1149" t="s">
        <v>10719</v>
      </c>
      <c r="E1733" s="1149" t="s">
        <v>10720</v>
      </c>
      <c r="F1733" s="1149" t="s">
        <v>10670</v>
      </c>
      <c r="G1733" s="150"/>
      <c r="H1733" s="150"/>
    </row>
    <row r="1734" spans="1:8" ht="38.25">
      <c r="A1734" s="150"/>
      <c r="B1734" s="164" t="s">
        <v>10717</v>
      </c>
      <c r="C1734" s="1150"/>
      <c r="D1734" s="1150"/>
      <c r="E1734" s="1150"/>
      <c r="F1734" s="1150"/>
      <c r="G1734" s="150"/>
      <c r="H1734" s="150"/>
    </row>
    <row r="1735" spans="1:8" ht="25.5">
      <c r="A1735" s="150"/>
      <c r="B1735" s="162" t="s">
        <v>10721</v>
      </c>
      <c r="C1735" s="1149" t="s">
        <v>10722</v>
      </c>
      <c r="D1735" s="1149" t="s">
        <v>10723</v>
      </c>
      <c r="E1735" s="1149" t="s">
        <v>10724</v>
      </c>
      <c r="F1735" s="1149" t="s">
        <v>10670</v>
      </c>
      <c r="G1735" s="150"/>
      <c r="H1735" s="150"/>
    </row>
    <row r="1736" spans="1:8" ht="63.75">
      <c r="A1736" s="150"/>
      <c r="B1736" s="164" t="s">
        <v>32342</v>
      </c>
      <c r="C1736" s="1150"/>
      <c r="D1736" s="1150"/>
      <c r="E1736" s="1150"/>
      <c r="F1736" s="1150"/>
      <c r="G1736" s="150"/>
      <c r="H1736" s="150"/>
    </row>
    <row r="1737" spans="1:8" ht="25.5">
      <c r="A1737" s="150"/>
      <c r="B1737" s="195" t="s">
        <v>10725</v>
      </c>
      <c r="C1737" s="196" t="s">
        <v>10726</v>
      </c>
      <c r="D1737" s="196" t="s">
        <v>10727</v>
      </c>
      <c r="E1737" s="196" t="s">
        <v>10728</v>
      </c>
      <c r="F1737" s="196" t="s">
        <v>10670</v>
      </c>
      <c r="G1737" s="150"/>
      <c r="H1737" s="150"/>
    </row>
    <row r="1738" spans="1:8" ht="25.5">
      <c r="A1738" s="150"/>
      <c r="B1738" s="162" t="s">
        <v>10729</v>
      </c>
      <c r="C1738" s="1149" t="s">
        <v>10730</v>
      </c>
      <c r="D1738" s="1149" t="s">
        <v>10731</v>
      </c>
      <c r="E1738" s="1149" t="s">
        <v>10732</v>
      </c>
      <c r="F1738" s="1149" t="s">
        <v>10670</v>
      </c>
      <c r="G1738" s="150"/>
      <c r="H1738" s="150"/>
    </row>
    <row r="1739" spans="1:8" ht="63.75">
      <c r="A1739" s="150"/>
      <c r="B1739" s="164" t="s">
        <v>13473</v>
      </c>
      <c r="C1739" s="1150"/>
      <c r="D1739" s="1150"/>
      <c r="E1739" s="1150"/>
      <c r="F1739" s="1150"/>
      <c r="G1739" s="150"/>
      <c r="H1739" s="150"/>
    </row>
    <row r="1740" spans="1:8" ht="25.5">
      <c r="A1740" s="150"/>
      <c r="B1740" s="162" t="s">
        <v>10733</v>
      </c>
      <c r="C1740" s="1149" t="s">
        <v>10734</v>
      </c>
      <c r="D1740" s="1149" t="s">
        <v>10735</v>
      </c>
      <c r="E1740" s="1149" t="s">
        <v>10736</v>
      </c>
      <c r="F1740" s="1149" t="s">
        <v>10670</v>
      </c>
      <c r="G1740" s="150"/>
      <c r="H1740" s="150"/>
    </row>
    <row r="1741" spans="1:8" ht="89.25">
      <c r="A1741" s="150"/>
      <c r="B1741" s="164" t="s">
        <v>13474</v>
      </c>
      <c r="C1741" s="1150"/>
      <c r="D1741" s="1150"/>
      <c r="E1741" s="1150"/>
      <c r="F1741" s="1150"/>
      <c r="G1741" s="150"/>
      <c r="H1741" s="150"/>
    </row>
    <row r="1742" spans="1:8" ht="25.5">
      <c r="A1742" s="150"/>
      <c r="B1742" s="162" t="s">
        <v>10737</v>
      </c>
      <c r="C1742" s="1149" t="s">
        <v>10738</v>
      </c>
      <c r="D1742" s="1149" t="s">
        <v>10739</v>
      </c>
      <c r="E1742" s="1149" t="s">
        <v>10740</v>
      </c>
      <c r="F1742" s="1149" t="s">
        <v>10670</v>
      </c>
      <c r="G1742" s="150"/>
      <c r="H1742" s="150"/>
    </row>
    <row r="1743" spans="1:8" ht="76.5">
      <c r="A1743" s="150"/>
      <c r="B1743" s="164" t="s">
        <v>13475</v>
      </c>
      <c r="C1743" s="1150"/>
      <c r="D1743" s="1150"/>
      <c r="E1743" s="1150"/>
      <c r="F1743" s="1150"/>
      <c r="G1743" s="150"/>
      <c r="H1743" s="150"/>
    </row>
    <row r="1744" spans="1:8" ht="25.5">
      <c r="A1744" s="150"/>
      <c r="B1744" s="162" t="s">
        <v>10741</v>
      </c>
      <c r="C1744" s="1149" t="s">
        <v>10742</v>
      </c>
      <c r="D1744" s="1149" t="s">
        <v>10743</v>
      </c>
      <c r="E1744" s="1149" t="s">
        <v>10744</v>
      </c>
      <c r="F1744" s="1149" t="s">
        <v>10670</v>
      </c>
      <c r="G1744" s="150"/>
      <c r="H1744" s="150"/>
    </row>
    <row r="1745" spans="1:8" ht="51">
      <c r="A1745" s="150"/>
      <c r="B1745" s="164" t="s">
        <v>13476</v>
      </c>
      <c r="C1745" s="1150"/>
      <c r="D1745" s="1150"/>
      <c r="E1745" s="1150"/>
      <c r="F1745" s="1150"/>
      <c r="G1745" s="150"/>
      <c r="H1745" s="150"/>
    </row>
    <row r="1746" spans="1:8">
      <c r="A1746" s="150"/>
      <c r="B1746" s="162" t="s">
        <v>10745</v>
      </c>
      <c r="C1746" s="1149" t="s">
        <v>10746</v>
      </c>
      <c r="D1746" s="1149" t="s">
        <v>10747</v>
      </c>
      <c r="E1746" s="1149" t="s">
        <v>10748</v>
      </c>
      <c r="F1746" s="1149" t="s">
        <v>10670</v>
      </c>
      <c r="G1746" s="150"/>
      <c r="H1746" s="150"/>
    </row>
    <row r="1747" spans="1:8" ht="63.75">
      <c r="A1747" s="150"/>
      <c r="B1747" s="164" t="s">
        <v>13477</v>
      </c>
      <c r="C1747" s="1150"/>
      <c r="D1747" s="1150"/>
      <c r="E1747" s="1150"/>
      <c r="F1747" s="1150"/>
      <c r="G1747" s="150"/>
      <c r="H1747" s="150"/>
    </row>
    <row r="1748" spans="1:8">
      <c r="A1748" s="150"/>
      <c r="B1748" s="162" t="s">
        <v>10749</v>
      </c>
      <c r="C1748" s="1149" t="s">
        <v>10750</v>
      </c>
      <c r="D1748" s="1149" t="s">
        <v>10751</v>
      </c>
      <c r="E1748" s="1149" t="s">
        <v>10752</v>
      </c>
      <c r="F1748" s="1149" t="s">
        <v>10670</v>
      </c>
      <c r="G1748" s="150"/>
      <c r="H1748" s="150"/>
    </row>
    <row r="1749" spans="1:8" ht="51">
      <c r="A1749" s="150"/>
      <c r="B1749" s="164" t="s">
        <v>13478</v>
      </c>
      <c r="C1749" s="1150"/>
      <c r="D1749" s="1150"/>
      <c r="E1749" s="1150"/>
      <c r="F1749" s="1150"/>
      <c r="G1749" s="150"/>
      <c r="H1749" s="150"/>
    </row>
    <row r="1750" spans="1:8" ht="25.5">
      <c r="A1750" s="150"/>
      <c r="B1750" s="162" t="s">
        <v>10753</v>
      </c>
      <c r="C1750" s="1149" t="s">
        <v>10755</v>
      </c>
      <c r="D1750" s="1149" t="s">
        <v>10756</v>
      </c>
      <c r="E1750" s="1149" t="s">
        <v>10757</v>
      </c>
      <c r="F1750" s="1149" t="s">
        <v>10670</v>
      </c>
      <c r="G1750" s="150"/>
      <c r="H1750" s="150"/>
    </row>
    <row r="1751" spans="1:8" ht="51">
      <c r="A1751" s="150"/>
      <c r="B1751" s="164" t="s">
        <v>10754</v>
      </c>
      <c r="C1751" s="1150"/>
      <c r="D1751" s="1150"/>
      <c r="E1751" s="1150"/>
      <c r="F1751" s="1150"/>
      <c r="G1751" s="150"/>
      <c r="H1751" s="150"/>
    </row>
    <row r="1752" spans="1:8" ht="25.5">
      <c r="A1752" s="150"/>
      <c r="B1752" s="162" t="s">
        <v>10758</v>
      </c>
      <c r="C1752" s="1149" t="s">
        <v>10760</v>
      </c>
      <c r="D1752" s="1149" t="s">
        <v>10761</v>
      </c>
      <c r="E1752" s="1149" t="s">
        <v>10762</v>
      </c>
      <c r="F1752" s="1149" t="s">
        <v>10670</v>
      </c>
      <c r="G1752" s="150"/>
      <c r="H1752" s="150"/>
    </row>
    <row r="1753" spans="1:8" ht="51">
      <c r="A1753" s="150"/>
      <c r="B1753" s="164" t="s">
        <v>10759</v>
      </c>
      <c r="C1753" s="1150"/>
      <c r="D1753" s="1150"/>
      <c r="E1753" s="1150"/>
      <c r="F1753" s="1150"/>
      <c r="G1753" s="150"/>
      <c r="H1753" s="150"/>
    </row>
    <row r="1754" spans="1:8">
      <c r="A1754" s="150"/>
      <c r="B1754" s="162" t="s">
        <v>10763</v>
      </c>
      <c r="C1754" s="1149" t="s">
        <v>10765</v>
      </c>
      <c r="D1754" s="1149" t="s">
        <v>10766</v>
      </c>
      <c r="E1754" s="1149" t="s">
        <v>10767</v>
      </c>
      <c r="F1754" s="1149" t="s">
        <v>10670</v>
      </c>
      <c r="G1754" s="150"/>
      <c r="H1754" s="150"/>
    </row>
    <row r="1755" spans="1:8" ht="51">
      <c r="A1755" s="150"/>
      <c r="B1755" s="164" t="s">
        <v>10764</v>
      </c>
      <c r="C1755" s="1150"/>
      <c r="D1755" s="1150"/>
      <c r="E1755" s="1150"/>
      <c r="F1755" s="1150"/>
      <c r="G1755" s="150"/>
      <c r="H1755" s="150"/>
    </row>
    <row r="1756" spans="1:8">
      <c r="A1756" s="150"/>
      <c r="B1756" s="162" t="s">
        <v>10768</v>
      </c>
      <c r="C1756" s="1149" t="s">
        <v>10769</v>
      </c>
      <c r="D1756" s="1149" t="s">
        <v>10770</v>
      </c>
      <c r="E1756" s="1149" t="s">
        <v>10771</v>
      </c>
      <c r="F1756" s="1149" t="s">
        <v>10670</v>
      </c>
      <c r="G1756" s="150"/>
      <c r="H1756" s="150"/>
    </row>
    <row r="1757" spans="1:8" ht="63.75">
      <c r="A1757" s="150"/>
      <c r="B1757" s="164" t="s">
        <v>13479</v>
      </c>
      <c r="C1757" s="1150"/>
      <c r="D1757" s="1150"/>
      <c r="E1757" s="1150"/>
      <c r="F1757" s="1150"/>
      <c r="G1757" s="150"/>
      <c r="H1757" s="150"/>
    </row>
    <row r="1758" spans="1:8">
      <c r="A1758" s="150"/>
      <c r="B1758" s="162" t="s">
        <v>10772</v>
      </c>
      <c r="C1758" s="1149" t="s">
        <v>10773</v>
      </c>
      <c r="D1758" s="1149" t="s">
        <v>10774</v>
      </c>
      <c r="E1758" s="1149" t="s">
        <v>10775</v>
      </c>
      <c r="F1758" s="1149" t="s">
        <v>10670</v>
      </c>
      <c r="G1758" s="150"/>
      <c r="H1758" s="150"/>
    </row>
    <row r="1759" spans="1:8" ht="63.75">
      <c r="A1759" s="150"/>
      <c r="B1759" s="164" t="s">
        <v>13480</v>
      </c>
      <c r="C1759" s="1150"/>
      <c r="D1759" s="1150"/>
      <c r="E1759" s="1150"/>
      <c r="F1759" s="1150"/>
      <c r="G1759" s="150"/>
      <c r="H1759" s="150"/>
    </row>
    <row r="1760" spans="1:8">
      <c r="A1760" s="150"/>
      <c r="B1760" s="195" t="s">
        <v>10776</v>
      </c>
      <c r="C1760" s="196" t="s">
        <v>10777</v>
      </c>
      <c r="D1760" s="196" t="s">
        <v>10778</v>
      </c>
      <c r="E1760" s="196" t="s">
        <v>10779</v>
      </c>
      <c r="F1760" s="196" t="s">
        <v>10670</v>
      </c>
      <c r="G1760" s="150"/>
      <c r="H1760" s="150"/>
    </row>
    <row r="1761" spans="1:8" ht="25.5">
      <c r="A1761" s="150"/>
      <c r="B1761" s="162" t="s">
        <v>10780</v>
      </c>
      <c r="C1761" s="1149" t="s">
        <v>10782</v>
      </c>
      <c r="D1761" s="1149" t="s">
        <v>10783</v>
      </c>
      <c r="E1761" s="1149" t="s">
        <v>10784</v>
      </c>
      <c r="F1761" s="1149" t="s">
        <v>10670</v>
      </c>
      <c r="G1761" s="150"/>
      <c r="H1761" s="150"/>
    </row>
    <row r="1762" spans="1:8" ht="51">
      <c r="A1762" s="150"/>
      <c r="B1762" s="164" t="s">
        <v>10781</v>
      </c>
      <c r="C1762" s="1150"/>
      <c r="D1762" s="1150"/>
      <c r="E1762" s="1150"/>
      <c r="F1762" s="1150"/>
      <c r="G1762" s="150"/>
      <c r="H1762" s="150"/>
    </row>
    <row r="1763" spans="1:8">
      <c r="A1763" s="150"/>
      <c r="B1763" s="162" t="s">
        <v>10785</v>
      </c>
      <c r="C1763" s="1149" t="s">
        <v>10786</v>
      </c>
      <c r="D1763" s="1149" t="s">
        <v>10787</v>
      </c>
      <c r="E1763" s="1149" t="s">
        <v>10788</v>
      </c>
      <c r="F1763" s="1149" t="s">
        <v>10670</v>
      </c>
      <c r="G1763" s="150"/>
      <c r="H1763" s="150"/>
    </row>
    <row r="1764" spans="1:8" ht="76.5">
      <c r="A1764" s="150"/>
      <c r="B1764" s="164" t="s">
        <v>13481</v>
      </c>
      <c r="C1764" s="1150"/>
      <c r="D1764" s="1150"/>
      <c r="E1764" s="1150"/>
      <c r="F1764" s="1150"/>
      <c r="G1764" s="150"/>
      <c r="H1764" s="150"/>
    </row>
    <row r="1765" spans="1:8">
      <c r="A1765" s="150"/>
      <c r="B1765" s="162" t="s">
        <v>10789</v>
      </c>
      <c r="C1765" s="1149" t="s">
        <v>10790</v>
      </c>
      <c r="D1765" s="1149" t="s">
        <v>10791</v>
      </c>
      <c r="E1765" s="1149" t="s">
        <v>10792</v>
      </c>
      <c r="F1765" s="1149" t="s">
        <v>10670</v>
      </c>
      <c r="G1765" s="150"/>
      <c r="H1765" s="150"/>
    </row>
    <row r="1766" spans="1:8" ht="63.75">
      <c r="A1766" s="150"/>
      <c r="B1766" s="164" t="s">
        <v>13482</v>
      </c>
      <c r="C1766" s="1150"/>
      <c r="D1766" s="1150"/>
      <c r="E1766" s="1150"/>
      <c r="F1766" s="1150"/>
      <c r="G1766" s="150"/>
      <c r="H1766" s="150"/>
    </row>
    <row r="1767" spans="1:8">
      <c r="A1767" s="150"/>
      <c r="B1767" s="195" t="s">
        <v>10793</v>
      </c>
      <c r="C1767" s="196" t="s">
        <v>10794</v>
      </c>
      <c r="D1767" s="196" t="s">
        <v>10795</v>
      </c>
      <c r="E1767" s="196" t="s">
        <v>10796</v>
      </c>
      <c r="F1767" s="196" t="s">
        <v>10670</v>
      </c>
      <c r="G1767" s="150"/>
      <c r="H1767" s="150"/>
    </row>
    <row r="1768" spans="1:8" ht="38.25">
      <c r="A1768" s="150"/>
      <c r="B1768" s="162" t="s">
        <v>10797</v>
      </c>
      <c r="C1768" s="1149" t="s">
        <v>10798</v>
      </c>
      <c r="D1768" s="1149" t="s">
        <v>10799</v>
      </c>
      <c r="E1768" s="1149" t="s">
        <v>10800</v>
      </c>
      <c r="F1768" s="1149" t="s">
        <v>10670</v>
      </c>
      <c r="G1768" s="150"/>
      <c r="H1768" s="150"/>
    </row>
    <row r="1769" spans="1:8" ht="89.25">
      <c r="A1769" s="150"/>
      <c r="B1769" s="164" t="s">
        <v>13483</v>
      </c>
      <c r="C1769" s="1150"/>
      <c r="D1769" s="1150"/>
      <c r="E1769" s="1150"/>
      <c r="F1769" s="1150"/>
      <c r="G1769" s="150"/>
      <c r="H1769" s="150"/>
    </row>
    <row r="1770" spans="1:8" ht="25.5">
      <c r="A1770" s="150"/>
      <c r="B1770" s="162" t="s">
        <v>10801</v>
      </c>
      <c r="C1770" s="1149" t="s">
        <v>10802</v>
      </c>
      <c r="D1770" s="1149" t="s">
        <v>10803</v>
      </c>
      <c r="E1770" s="1149" t="s">
        <v>10804</v>
      </c>
      <c r="F1770" s="1149" t="s">
        <v>10670</v>
      </c>
      <c r="G1770" s="150"/>
      <c r="H1770" s="150"/>
    </row>
    <row r="1771" spans="1:8" ht="63.75">
      <c r="A1771" s="150"/>
      <c r="B1771" s="164" t="s">
        <v>13484</v>
      </c>
      <c r="C1771" s="1150"/>
      <c r="D1771" s="1150"/>
      <c r="E1771" s="1150"/>
      <c r="F1771" s="1150"/>
      <c r="G1771" s="150"/>
      <c r="H1771" s="150"/>
    </row>
    <row r="1772" spans="1:8" ht="25.5">
      <c r="A1772" s="150"/>
      <c r="B1772" s="162" t="s">
        <v>10805</v>
      </c>
      <c r="C1772" s="1149" t="s">
        <v>10806</v>
      </c>
      <c r="D1772" s="1149" t="s">
        <v>10807</v>
      </c>
      <c r="E1772" s="1149" t="s">
        <v>10808</v>
      </c>
      <c r="F1772" s="1149" t="s">
        <v>10670</v>
      </c>
      <c r="G1772" s="150"/>
      <c r="H1772" s="150"/>
    </row>
    <row r="1773" spans="1:8" ht="89.25">
      <c r="A1773" s="150"/>
      <c r="B1773" s="164" t="s">
        <v>13485</v>
      </c>
      <c r="C1773" s="1150"/>
      <c r="D1773" s="1150"/>
      <c r="E1773" s="1150"/>
      <c r="F1773" s="1150"/>
      <c r="G1773" s="150"/>
      <c r="H1773" s="150"/>
    </row>
    <row r="1774" spans="1:8" ht="25.5">
      <c r="A1774" s="150"/>
      <c r="B1774" s="162" t="s">
        <v>10809</v>
      </c>
      <c r="C1774" s="1149" t="s">
        <v>10810</v>
      </c>
      <c r="D1774" s="1149" t="s">
        <v>10811</v>
      </c>
      <c r="E1774" s="1149" t="s">
        <v>10812</v>
      </c>
      <c r="F1774" s="1149" t="s">
        <v>10670</v>
      </c>
      <c r="G1774" s="150"/>
      <c r="H1774" s="150"/>
    </row>
    <row r="1775" spans="1:8" ht="63.75">
      <c r="A1775" s="150"/>
      <c r="B1775" s="164" t="s">
        <v>13486</v>
      </c>
      <c r="C1775" s="1150"/>
      <c r="D1775" s="1150"/>
      <c r="E1775" s="1150"/>
      <c r="F1775" s="1150"/>
      <c r="G1775" s="150"/>
      <c r="H1775" s="150"/>
    </row>
    <row r="1776" spans="1:8" ht="25.5">
      <c r="A1776" s="150"/>
      <c r="B1776" s="162" t="s">
        <v>10813</v>
      </c>
      <c r="C1776" s="1149" t="s">
        <v>10814</v>
      </c>
      <c r="D1776" s="1149" t="s">
        <v>10815</v>
      </c>
      <c r="E1776" s="1149" t="s">
        <v>10816</v>
      </c>
      <c r="F1776" s="1149" t="s">
        <v>10670</v>
      </c>
      <c r="G1776" s="150"/>
      <c r="H1776" s="150"/>
    </row>
    <row r="1777" spans="1:8" ht="63.75">
      <c r="A1777" s="150"/>
      <c r="B1777" s="164" t="s">
        <v>13487</v>
      </c>
      <c r="C1777" s="1150"/>
      <c r="D1777" s="1150"/>
      <c r="E1777" s="1150"/>
      <c r="F1777" s="1150"/>
      <c r="G1777" s="150"/>
      <c r="H1777" s="150"/>
    </row>
    <row r="1778" spans="1:8" ht="25.5">
      <c r="A1778" s="150"/>
      <c r="B1778" s="162" t="s">
        <v>10817</v>
      </c>
      <c r="C1778" s="1149" t="s">
        <v>10818</v>
      </c>
      <c r="D1778" s="1149" t="s">
        <v>10819</v>
      </c>
      <c r="E1778" s="1149" t="s">
        <v>10820</v>
      </c>
      <c r="F1778" s="1149" t="s">
        <v>10821</v>
      </c>
      <c r="G1778" s="150"/>
      <c r="H1778" s="150"/>
    </row>
    <row r="1779" spans="1:8" ht="63.75">
      <c r="A1779" s="150"/>
      <c r="B1779" s="164" t="s">
        <v>13488</v>
      </c>
      <c r="C1779" s="1150"/>
      <c r="D1779" s="1150"/>
      <c r="E1779" s="1150"/>
      <c r="F1779" s="1150"/>
      <c r="G1779" s="150"/>
      <c r="H1779" s="150"/>
    </row>
    <row r="1780" spans="1:8" ht="25.5">
      <c r="A1780" s="150"/>
      <c r="B1780" s="162" t="s">
        <v>10822</v>
      </c>
      <c r="C1780" s="1149" t="s">
        <v>10824</v>
      </c>
      <c r="D1780" s="1149" t="s">
        <v>10825</v>
      </c>
      <c r="E1780" s="1149" t="s">
        <v>10826</v>
      </c>
      <c r="F1780" s="1149" t="s">
        <v>10821</v>
      </c>
      <c r="G1780" s="150"/>
      <c r="H1780" s="150"/>
    </row>
    <row r="1781" spans="1:8" ht="51">
      <c r="A1781" s="150"/>
      <c r="B1781" s="164" t="s">
        <v>10823</v>
      </c>
      <c r="C1781" s="1150"/>
      <c r="D1781" s="1150"/>
      <c r="E1781" s="1150"/>
      <c r="F1781" s="1150"/>
      <c r="G1781" s="150"/>
      <c r="H1781" s="150"/>
    </row>
    <row r="1782" spans="1:8">
      <c r="A1782" s="150"/>
      <c r="B1782" s="1159" t="s">
        <v>31587</v>
      </c>
      <c r="C1782" s="1160"/>
      <c r="D1782" s="1160"/>
      <c r="E1782" s="1160"/>
      <c r="F1782" s="1161"/>
      <c r="G1782" s="150"/>
      <c r="H1782" s="150"/>
    </row>
    <row r="1783" spans="1:8" ht="25.5">
      <c r="A1783" s="150"/>
      <c r="B1783" s="162" t="s">
        <v>10827</v>
      </c>
      <c r="C1783" s="1149" t="s">
        <v>10830</v>
      </c>
      <c r="D1783" s="1149" t="s">
        <v>10831</v>
      </c>
      <c r="E1783" s="1149" t="s">
        <v>10832</v>
      </c>
      <c r="F1783" s="1149" t="s">
        <v>10821</v>
      </c>
      <c r="G1783" s="150"/>
      <c r="H1783" s="150"/>
    </row>
    <row r="1784" spans="1:8">
      <c r="A1784" s="150"/>
      <c r="B1784" s="163" t="s">
        <v>10828</v>
      </c>
      <c r="C1784" s="1158"/>
      <c r="D1784" s="1158"/>
      <c r="E1784" s="1158"/>
      <c r="F1784" s="1158"/>
      <c r="G1784" s="150"/>
      <c r="H1784" s="150"/>
    </row>
    <row r="1785" spans="1:8" ht="51">
      <c r="A1785" s="150"/>
      <c r="B1785" s="164" t="s">
        <v>10829</v>
      </c>
      <c r="C1785" s="1150"/>
      <c r="D1785" s="1150"/>
      <c r="E1785" s="1150"/>
      <c r="F1785" s="1150"/>
      <c r="G1785" s="150"/>
      <c r="H1785" s="150"/>
    </row>
    <row r="1786" spans="1:8">
      <c r="A1786" s="150"/>
      <c r="B1786" s="1159" t="s">
        <v>8508</v>
      </c>
      <c r="C1786" s="1160"/>
      <c r="D1786" s="1160"/>
      <c r="E1786" s="1160"/>
      <c r="F1786" s="1161"/>
      <c r="G1786" s="150"/>
      <c r="H1786" s="150"/>
    </row>
    <row r="1787" spans="1:8">
      <c r="A1787" s="150"/>
      <c r="B1787" s="162" t="s">
        <v>10833</v>
      </c>
      <c r="C1787" s="1149" t="s">
        <v>10834</v>
      </c>
      <c r="D1787" s="1149" t="s">
        <v>10835</v>
      </c>
      <c r="E1787" s="1149" t="s">
        <v>10836</v>
      </c>
      <c r="F1787" s="1149"/>
      <c r="G1787" s="150"/>
      <c r="H1787" s="150"/>
    </row>
    <row r="1788" spans="1:8" ht="51">
      <c r="A1788" s="150"/>
      <c r="B1788" s="164" t="s">
        <v>13489</v>
      </c>
      <c r="C1788" s="1150"/>
      <c r="D1788" s="1150"/>
      <c r="E1788" s="1150"/>
      <c r="F1788" s="1150"/>
      <c r="G1788" s="150"/>
      <c r="H1788" s="150"/>
    </row>
    <row r="1789" spans="1:8" ht="25.5">
      <c r="A1789" s="150"/>
      <c r="B1789" s="162" t="s">
        <v>10837</v>
      </c>
      <c r="C1789" s="1149" t="s">
        <v>10838</v>
      </c>
      <c r="D1789" s="1149" t="s">
        <v>10839</v>
      </c>
      <c r="E1789" s="1149" t="s">
        <v>10840</v>
      </c>
      <c r="F1789" s="1149" t="s">
        <v>10821</v>
      </c>
      <c r="G1789" s="150"/>
      <c r="H1789" s="150"/>
    </row>
    <row r="1790" spans="1:8" ht="63.75">
      <c r="A1790" s="150"/>
      <c r="B1790" s="164" t="s">
        <v>13490</v>
      </c>
      <c r="C1790" s="1150"/>
      <c r="D1790" s="1150"/>
      <c r="E1790" s="1150"/>
      <c r="F1790" s="1150"/>
      <c r="G1790" s="150"/>
      <c r="H1790" s="150"/>
    </row>
    <row r="1791" spans="1:8">
      <c r="A1791" s="150"/>
      <c r="B1791" s="162" t="s">
        <v>10841</v>
      </c>
      <c r="C1791" s="1149" t="s">
        <v>10842</v>
      </c>
      <c r="D1791" s="1149" t="s">
        <v>10843</v>
      </c>
      <c r="E1791" s="1149" t="s">
        <v>10844</v>
      </c>
      <c r="F1791" s="1149" t="s">
        <v>10821</v>
      </c>
      <c r="G1791" s="150"/>
      <c r="H1791" s="150"/>
    </row>
    <row r="1792" spans="1:8" ht="63.75">
      <c r="A1792" s="150"/>
      <c r="B1792" s="164" t="s">
        <v>13491</v>
      </c>
      <c r="C1792" s="1150"/>
      <c r="D1792" s="1150"/>
      <c r="E1792" s="1150"/>
      <c r="F1792" s="1150"/>
      <c r="G1792" s="150"/>
      <c r="H1792" s="150"/>
    </row>
    <row r="1793" spans="1:8" ht="25.5">
      <c r="A1793" s="150"/>
      <c r="B1793" s="162" t="s">
        <v>10845</v>
      </c>
      <c r="C1793" s="1149" t="s">
        <v>10846</v>
      </c>
      <c r="D1793" s="1149" t="s">
        <v>10847</v>
      </c>
      <c r="E1793" s="1149" t="s">
        <v>10848</v>
      </c>
      <c r="F1793" s="1149" t="s">
        <v>10821</v>
      </c>
      <c r="G1793" s="150"/>
      <c r="H1793" s="150"/>
    </row>
    <row r="1794" spans="1:8" ht="63.75">
      <c r="A1794" s="150"/>
      <c r="B1794" s="164" t="s">
        <v>13492</v>
      </c>
      <c r="C1794" s="1150"/>
      <c r="D1794" s="1150"/>
      <c r="E1794" s="1150"/>
      <c r="F1794" s="1150"/>
      <c r="G1794" s="150"/>
      <c r="H1794" s="150"/>
    </row>
    <row r="1795" spans="1:8">
      <c r="A1795" s="150"/>
      <c r="B1795" s="162" t="s">
        <v>10849</v>
      </c>
      <c r="C1795" s="1149" t="s">
        <v>10850</v>
      </c>
      <c r="D1795" s="1149" t="s">
        <v>10851</v>
      </c>
      <c r="E1795" s="1149" t="s">
        <v>10852</v>
      </c>
      <c r="F1795" s="1149" t="s">
        <v>10821</v>
      </c>
      <c r="G1795" s="150"/>
      <c r="H1795" s="150"/>
    </row>
    <row r="1796" spans="1:8" ht="51">
      <c r="A1796" s="150"/>
      <c r="B1796" s="164" t="s">
        <v>13493</v>
      </c>
      <c r="C1796" s="1150"/>
      <c r="D1796" s="1150"/>
      <c r="E1796" s="1150"/>
      <c r="F1796" s="1150"/>
      <c r="G1796" s="150"/>
      <c r="H1796" s="150"/>
    </row>
    <row r="1797" spans="1:8" ht="25.5">
      <c r="A1797" s="150"/>
      <c r="B1797" s="162" t="s">
        <v>10853</v>
      </c>
      <c r="C1797" s="1149" t="s">
        <v>10854</v>
      </c>
      <c r="D1797" s="1149" t="s">
        <v>10855</v>
      </c>
      <c r="E1797" s="1149" t="s">
        <v>10856</v>
      </c>
      <c r="F1797" s="1149" t="s">
        <v>10821</v>
      </c>
      <c r="G1797" s="150"/>
      <c r="H1797" s="150"/>
    </row>
    <row r="1798" spans="1:8" ht="51">
      <c r="A1798" s="150"/>
      <c r="B1798" s="164" t="s">
        <v>13494</v>
      </c>
      <c r="C1798" s="1150"/>
      <c r="D1798" s="1150"/>
      <c r="E1798" s="1150"/>
      <c r="F1798" s="1150"/>
      <c r="G1798" s="150"/>
      <c r="H1798" s="150"/>
    </row>
    <row r="1799" spans="1:8" ht="25.5">
      <c r="A1799" s="150"/>
      <c r="B1799" s="162" t="s">
        <v>10857</v>
      </c>
      <c r="C1799" s="1149" t="s">
        <v>10858</v>
      </c>
      <c r="D1799" s="1149" t="s">
        <v>10859</v>
      </c>
      <c r="E1799" s="1149" t="s">
        <v>10860</v>
      </c>
      <c r="F1799" s="1149" t="s">
        <v>10821</v>
      </c>
      <c r="G1799" s="150"/>
      <c r="H1799" s="150"/>
    </row>
    <row r="1800" spans="1:8" ht="63.75">
      <c r="A1800" s="150"/>
      <c r="B1800" s="164" t="s">
        <v>13495</v>
      </c>
      <c r="C1800" s="1150"/>
      <c r="D1800" s="1150"/>
      <c r="E1800" s="1150"/>
      <c r="F1800" s="1150"/>
      <c r="G1800" s="150"/>
      <c r="H1800" s="150"/>
    </row>
    <row r="1801" spans="1:8" ht="25.5">
      <c r="A1801" s="150"/>
      <c r="B1801" s="162" t="s">
        <v>10861</v>
      </c>
      <c r="C1801" s="1149" t="s">
        <v>10862</v>
      </c>
      <c r="D1801" s="1149" t="s">
        <v>10863</v>
      </c>
      <c r="E1801" s="1149" t="s">
        <v>10864</v>
      </c>
      <c r="F1801" s="1149" t="s">
        <v>10821</v>
      </c>
      <c r="G1801" s="150"/>
      <c r="H1801" s="150"/>
    </row>
    <row r="1802" spans="1:8" ht="76.5">
      <c r="A1802" s="150"/>
      <c r="B1802" s="164" t="s">
        <v>32343</v>
      </c>
      <c r="C1802" s="1150"/>
      <c r="D1802" s="1150"/>
      <c r="E1802" s="1150"/>
      <c r="F1802" s="1150"/>
      <c r="G1802" s="150"/>
      <c r="H1802" s="150"/>
    </row>
    <row r="1803" spans="1:8" ht="25.5">
      <c r="A1803" s="150"/>
      <c r="B1803" s="162" t="s">
        <v>10861</v>
      </c>
      <c r="C1803" s="1149" t="s">
        <v>10865</v>
      </c>
      <c r="D1803" s="1149" t="s">
        <v>10866</v>
      </c>
      <c r="E1803" s="1149" t="s">
        <v>10867</v>
      </c>
      <c r="F1803" s="1149" t="s">
        <v>10821</v>
      </c>
      <c r="G1803" s="150"/>
      <c r="H1803" s="150"/>
    </row>
    <row r="1804" spans="1:8" ht="76.5">
      <c r="A1804" s="150"/>
      <c r="B1804" s="164" t="s">
        <v>32344</v>
      </c>
      <c r="C1804" s="1150"/>
      <c r="D1804" s="1150"/>
      <c r="E1804" s="1150"/>
      <c r="F1804" s="1150"/>
      <c r="G1804" s="150"/>
      <c r="H1804" s="150"/>
    </row>
    <row r="1805" spans="1:8">
      <c r="A1805" s="150"/>
      <c r="B1805" s="195" t="s">
        <v>10868</v>
      </c>
      <c r="C1805" s="196" t="s">
        <v>10869</v>
      </c>
      <c r="D1805" s="196" t="s">
        <v>10870</v>
      </c>
      <c r="E1805" s="196" t="s">
        <v>10871</v>
      </c>
      <c r="F1805" s="196" t="s">
        <v>10821</v>
      </c>
      <c r="G1805" s="150"/>
      <c r="H1805" s="150"/>
    </row>
    <row r="1806" spans="1:8">
      <c r="A1806" s="150"/>
      <c r="B1806" s="1159" t="s">
        <v>31618</v>
      </c>
      <c r="C1806" s="1160"/>
      <c r="D1806" s="1160"/>
      <c r="E1806" s="1160"/>
      <c r="F1806" s="1161"/>
      <c r="G1806" s="150"/>
      <c r="H1806" s="150"/>
    </row>
    <row r="1807" spans="1:8">
      <c r="A1807" s="150"/>
      <c r="B1807" s="1159" t="s">
        <v>8508</v>
      </c>
      <c r="C1807" s="1160"/>
      <c r="D1807" s="1160"/>
      <c r="E1807" s="1160"/>
      <c r="F1807" s="1161"/>
      <c r="G1807" s="150"/>
      <c r="H1807" s="150"/>
    </row>
    <row r="1808" spans="1:8">
      <c r="A1808" s="150"/>
      <c r="B1808" s="162" t="s">
        <v>10872</v>
      </c>
      <c r="C1808" s="1149" t="s">
        <v>10873</v>
      </c>
      <c r="D1808" s="1149" t="s">
        <v>10874</v>
      </c>
      <c r="E1808" s="1149" t="s">
        <v>10875</v>
      </c>
      <c r="F1808" s="1149" t="s">
        <v>10821</v>
      </c>
      <c r="G1808" s="150"/>
      <c r="H1808" s="150"/>
    </row>
    <row r="1809" spans="1:8" ht="63.75">
      <c r="A1809" s="150"/>
      <c r="B1809" s="164" t="s">
        <v>13496</v>
      </c>
      <c r="C1809" s="1150"/>
      <c r="D1809" s="1150"/>
      <c r="E1809" s="1150"/>
      <c r="F1809" s="1150"/>
      <c r="G1809" s="150"/>
      <c r="H1809" s="150"/>
    </row>
    <row r="1810" spans="1:8" ht="25.5">
      <c r="A1810" s="150"/>
      <c r="B1810" s="162" t="s">
        <v>10876</v>
      </c>
      <c r="C1810" s="1149" t="s">
        <v>10877</v>
      </c>
      <c r="D1810" s="1149" t="s">
        <v>10878</v>
      </c>
      <c r="E1810" s="1149" t="s">
        <v>10879</v>
      </c>
      <c r="F1810" s="1149" t="s">
        <v>10821</v>
      </c>
      <c r="G1810" s="150"/>
      <c r="H1810" s="150"/>
    </row>
    <row r="1811" spans="1:8" ht="76.5">
      <c r="A1811" s="150"/>
      <c r="B1811" s="164" t="s">
        <v>13497</v>
      </c>
      <c r="C1811" s="1150"/>
      <c r="D1811" s="1150"/>
      <c r="E1811" s="1150"/>
      <c r="F1811" s="1150"/>
      <c r="G1811" s="150"/>
      <c r="H1811" s="150"/>
    </row>
    <row r="1812" spans="1:8">
      <c r="A1812" s="150"/>
      <c r="B1812" s="162" t="s">
        <v>10880</v>
      </c>
      <c r="C1812" s="1149" t="s">
        <v>10881</v>
      </c>
      <c r="D1812" s="1149" t="s">
        <v>10882</v>
      </c>
      <c r="E1812" s="1149" t="s">
        <v>10883</v>
      </c>
      <c r="F1812" s="1149" t="s">
        <v>10821</v>
      </c>
      <c r="G1812" s="150"/>
      <c r="H1812" s="150"/>
    </row>
    <row r="1813" spans="1:8" ht="51">
      <c r="A1813" s="150"/>
      <c r="B1813" s="164" t="s">
        <v>13498</v>
      </c>
      <c r="C1813" s="1150"/>
      <c r="D1813" s="1150"/>
      <c r="E1813" s="1150"/>
      <c r="F1813" s="1150"/>
      <c r="G1813" s="150"/>
      <c r="H1813" s="150"/>
    </row>
    <row r="1814" spans="1:8" ht="25.5">
      <c r="A1814" s="150"/>
      <c r="B1814" s="162" t="s">
        <v>10884</v>
      </c>
      <c r="C1814" s="1149" t="s">
        <v>10886</v>
      </c>
      <c r="D1814" s="1149" t="s">
        <v>10887</v>
      </c>
      <c r="E1814" s="1149" t="s">
        <v>10888</v>
      </c>
      <c r="F1814" s="1149" t="s">
        <v>10821</v>
      </c>
      <c r="G1814" s="150"/>
      <c r="H1814" s="150"/>
    </row>
    <row r="1815" spans="1:8" ht="76.5">
      <c r="A1815" s="150"/>
      <c r="B1815" s="164" t="s">
        <v>10885</v>
      </c>
      <c r="C1815" s="1150"/>
      <c r="D1815" s="1150"/>
      <c r="E1815" s="1150"/>
      <c r="F1815" s="1150"/>
      <c r="G1815" s="150"/>
      <c r="H1815" s="150"/>
    </row>
    <row r="1816" spans="1:8">
      <c r="A1816" s="150"/>
      <c r="B1816" s="162" t="s">
        <v>10889</v>
      </c>
      <c r="C1816" s="1149" t="s">
        <v>10891</v>
      </c>
      <c r="D1816" s="1149" t="s">
        <v>10892</v>
      </c>
      <c r="E1816" s="1149" t="s">
        <v>10893</v>
      </c>
      <c r="F1816" s="1149" t="s">
        <v>10821</v>
      </c>
      <c r="G1816" s="150"/>
      <c r="H1816" s="150"/>
    </row>
    <row r="1817" spans="1:8" ht="38.25">
      <c r="A1817" s="150"/>
      <c r="B1817" s="164" t="s">
        <v>10890</v>
      </c>
      <c r="C1817" s="1150"/>
      <c r="D1817" s="1150"/>
      <c r="E1817" s="1150"/>
      <c r="F1817" s="1150"/>
      <c r="G1817" s="150"/>
      <c r="H1817" s="150"/>
    </row>
    <row r="1818" spans="1:8" ht="25.5">
      <c r="A1818" s="150"/>
      <c r="B1818" s="162" t="s">
        <v>10894</v>
      </c>
      <c r="C1818" s="1149" t="s">
        <v>10896</v>
      </c>
      <c r="D1818" s="1149" t="s">
        <v>10897</v>
      </c>
      <c r="E1818" s="1149" t="s">
        <v>10898</v>
      </c>
      <c r="F1818" s="1149" t="s">
        <v>10821</v>
      </c>
      <c r="G1818" s="150"/>
      <c r="H1818" s="150"/>
    </row>
    <row r="1819" spans="1:8" ht="51">
      <c r="A1819" s="150"/>
      <c r="B1819" s="164" t="s">
        <v>10895</v>
      </c>
      <c r="C1819" s="1150"/>
      <c r="D1819" s="1150"/>
      <c r="E1819" s="1150"/>
      <c r="F1819" s="1150"/>
      <c r="G1819" s="150"/>
      <c r="H1819" s="150"/>
    </row>
    <row r="1820" spans="1:8" ht="25.5">
      <c r="A1820" s="150"/>
      <c r="B1820" s="162" t="s">
        <v>10899</v>
      </c>
      <c r="C1820" s="1149" t="s">
        <v>10900</v>
      </c>
      <c r="D1820" s="1149" t="s">
        <v>10901</v>
      </c>
      <c r="E1820" s="1149" t="s">
        <v>10902</v>
      </c>
      <c r="F1820" s="1149" t="s">
        <v>10821</v>
      </c>
      <c r="G1820" s="150"/>
      <c r="H1820" s="150"/>
    </row>
    <row r="1821" spans="1:8" ht="76.5">
      <c r="A1821" s="150"/>
      <c r="B1821" s="164" t="s">
        <v>13499</v>
      </c>
      <c r="C1821" s="1150"/>
      <c r="D1821" s="1150"/>
      <c r="E1821" s="1150"/>
      <c r="F1821" s="1150"/>
      <c r="G1821" s="150"/>
      <c r="H1821" s="150"/>
    </row>
    <row r="1822" spans="1:8" ht="25.5">
      <c r="A1822" s="150"/>
      <c r="B1822" s="162" t="s">
        <v>10903</v>
      </c>
      <c r="C1822" s="1149" t="s">
        <v>10905</v>
      </c>
      <c r="D1822" s="1149" t="s">
        <v>10906</v>
      </c>
      <c r="E1822" s="1149" t="s">
        <v>10907</v>
      </c>
      <c r="F1822" s="1149" t="s">
        <v>10821</v>
      </c>
      <c r="G1822" s="150"/>
      <c r="H1822" s="150"/>
    </row>
    <row r="1823" spans="1:8" ht="38.25">
      <c r="A1823" s="150"/>
      <c r="B1823" s="164" t="s">
        <v>10904</v>
      </c>
      <c r="C1823" s="1150"/>
      <c r="D1823" s="1150"/>
      <c r="E1823" s="1150"/>
      <c r="F1823" s="1150"/>
      <c r="G1823" s="150"/>
      <c r="H1823" s="150"/>
    </row>
    <row r="1824" spans="1:8">
      <c r="A1824" s="150"/>
      <c r="B1824" s="162" t="s">
        <v>10908</v>
      </c>
      <c r="C1824" s="1149" t="s">
        <v>10910</v>
      </c>
      <c r="D1824" s="1149" t="s">
        <v>10911</v>
      </c>
      <c r="E1824" s="1149" t="s">
        <v>10912</v>
      </c>
      <c r="F1824" s="1149" t="s">
        <v>10821</v>
      </c>
      <c r="G1824" s="150"/>
      <c r="H1824" s="150"/>
    </row>
    <row r="1825" spans="1:8">
      <c r="A1825" s="150"/>
      <c r="B1825" s="164" t="s">
        <v>10909</v>
      </c>
      <c r="C1825" s="1150"/>
      <c r="D1825" s="1150"/>
      <c r="E1825" s="1150"/>
      <c r="F1825" s="1150"/>
      <c r="G1825" s="150"/>
      <c r="H1825" s="150"/>
    </row>
    <row r="1826" spans="1:8" ht="25.5">
      <c r="A1826" s="150"/>
      <c r="B1826" s="162" t="s">
        <v>10913</v>
      </c>
      <c r="C1826" s="1149" t="s">
        <v>10914</v>
      </c>
      <c r="D1826" s="1149" t="s">
        <v>10915</v>
      </c>
      <c r="E1826" s="1149" t="s">
        <v>10916</v>
      </c>
      <c r="F1826" s="1149" t="s">
        <v>10821</v>
      </c>
      <c r="G1826" s="150"/>
      <c r="H1826" s="150"/>
    </row>
    <row r="1827" spans="1:8" ht="76.5">
      <c r="A1827" s="150"/>
      <c r="B1827" s="164" t="s">
        <v>32345</v>
      </c>
      <c r="C1827" s="1150"/>
      <c r="D1827" s="1150"/>
      <c r="E1827" s="1150"/>
      <c r="F1827" s="1150"/>
      <c r="G1827" s="150"/>
      <c r="H1827" s="150"/>
    </row>
    <row r="1828" spans="1:8" ht="25.5">
      <c r="A1828" s="150"/>
      <c r="B1828" s="162" t="s">
        <v>10917</v>
      </c>
      <c r="C1828" s="1149" t="s">
        <v>10918</v>
      </c>
      <c r="D1828" s="1149" t="s">
        <v>10919</v>
      </c>
      <c r="E1828" s="1149" t="s">
        <v>10920</v>
      </c>
      <c r="F1828" s="1149" t="s">
        <v>10821</v>
      </c>
      <c r="G1828" s="150"/>
      <c r="H1828" s="150"/>
    </row>
    <row r="1829" spans="1:8" ht="89.25">
      <c r="A1829" s="150"/>
      <c r="B1829" s="164" t="s">
        <v>32346</v>
      </c>
      <c r="C1829" s="1150"/>
      <c r="D1829" s="1150"/>
      <c r="E1829" s="1150"/>
      <c r="F1829" s="1150"/>
      <c r="G1829" s="150"/>
      <c r="H1829" s="150"/>
    </row>
    <row r="1830" spans="1:8" ht="25.5">
      <c r="A1830" s="150"/>
      <c r="B1830" s="162" t="s">
        <v>10921</v>
      </c>
      <c r="C1830" s="1149" t="s">
        <v>10922</v>
      </c>
      <c r="D1830" s="1149" t="s">
        <v>10923</v>
      </c>
      <c r="E1830" s="1149" t="s">
        <v>10924</v>
      </c>
      <c r="F1830" s="1149" t="s">
        <v>10821</v>
      </c>
      <c r="G1830" s="150"/>
      <c r="H1830" s="150"/>
    </row>
    <row r="1831" spans="1:8" ht="76.5">
      <c r="A1831" s="150"/>
      <c r="B1831" s="164" t="s">
        <v>32347</v>
      </c>
      <c r="C1831" s="1150"/>
      <c r="D1831" s="1150"/>
      <c r="E1831" s="1150"/>
      <c r="F1831" s="1150"/>
      <c r="G1831" s="150"/>
      <c r="H1831" s="150"/>
    </row>
    <row r="1832" spans="1:8" ht="25.5">
      <c r="A1832" s="150"/>
      <c r="B1832" s="162" t="s">
        <v>10925</v>
      </c>
      <c r="C1832" s="1149" t="s">
        <v>10926</v>
      </c>
      <c r="D1832" s="1149" t="s">
        <v>10927</v>
      </c>
      <c r="E1832" s="1149" t="s">
        <v>10928</v>
      </c>
      <c r="F1832" s="1149" t="s">
        <v>10821</v>
      </c>
      <c r="G1832" s="150"/>
      <c r="H1832" s="150"/>
    </row>
    <row r="1833" spans="1:8" ht="51">
      <c r="A1833" s="150"/>
      <c r="B1833" s="164" t="s">
        <v>13500</v>
      </c>
      <c r="C1833" s="1150"/>
      <c r="D1833" s="1150"/>
      <c r="E1833" s="1150"/>
      <c r="F1833" s="1150"/>
      <c r="G1833" s="150"/>
      <c r="H1833" s="150"/>
    </row>
    <row r="1834" spans="1:8">
      <c r="A1834" s="150"/>
      <c r="B1834" s="162" t="s">
        <v>10929</v>
      </c>
      <c r="C1834" s="1149" t="s">
        <v>10930</v>
      </c>
      <c r="D1834" s="1149" t="s">
        <v>10931</v>
      </c>
      <c r="E1834" s="1149" t="s">
        <v>10932</v>
      </c>
      <c r="F1834" s="1149" t="s">
        <v>10821</v>
      </c>
      <c r="G1834" s="150"/>
      <c r="H1834" s="150"/>
    </row>
    <row r="1835" spans="1:8" ht="63.75">
      <c r="A1835" s="150"/>
      <c r="B1835" s="164" t="s">
        <v>13501</v>
      </c>
      <c r="C1835" s="1150"/>
      <c r="D1835" s="1150"/>
      <c r="E1835" s="1150"/>
      <c r="F1835" s="1150"/>
      <c r="G1835" s="150"/>
      <c r="H1835" s="150"/>
    </row>
    <row r="1836" spans="1:8" ht="25.5">
      <c r="A1836" s="150"/>
      <c r="B1836" s="162" t="s">
        <v>10933</v>
      </c>
      <c r="C1836" s="1149" t="s">
        <v>10934</v>
      </c>
      <c r="D1836" s="1149" t="s">
        <v>10935</v>
      </c>
      <c r="E1836" s="1149" t="s">
        <v>10936</v>
      </c>
      <c r="F1836" s="1149" t="s">
        <v>10821</v>
      </c>
      <c r="G1836" s="150"/>
      <c r="H1836" s="150"/>
    </row>
    <row r="1837" spans="1:8" ht="63.75">
      <c r="A1837" s="150"/>
      <c r="B1837" s="164" t="s">
        <v>13502</v>
      </c>
      <c r="C1837" s="1150"/>
      <c r="D1837" s="1150"/>
      <c r="E1837" s="1150"/>
      <c r="F1837" s="1150"/>
      <c r="G1837" s="150"/>
      <c r="H1837" s="150"/>
    </row>
    <row r="1838" spans="1:8" ht="25.5">
      <c r="A1838" s="150"/>
      <c r="B1838" s="162" t="s">
        <v>10937</v>
      </c>
      <c r="C1838" s="1149" t="s">
        <v>10938</v>
      </c>
      <c r="D1838" s="1149" t="s">
        <v>10939</v>
      </c>
      <c r="E1838" s="1149" t="s">
        <v>10940</v>
      </c>
      <c r="F1838" s="1149" t="s">
        <v>10821</v>
      </c>
      <c r="G1838" s="150"/>
      <c r="H1838" s="150"/>
    </row>
    <row r="1839" spans="1:8" ht="63.75">
      <c r="A1839" s="150"/>
      <c r="B1839" s="164" t="s">
        <v>13503</v>
      </c>
      <c r="C1839" s="1150"/>
      <c r="D1839" s="1150"/>
      <c r="E1839" s="1150"/>
      <c r="F1839" s="1150"/>
      <c r="G1839" s="150"/>
      <c r="H1839" s="150"/>
    </row>
    <row r="1840" spans="1:8" ht="25.5">
      <c r="A1840" s="150"/>
      <c r="B1840" s="162" t="s">
        <v>10941</v>
      </c>
      <c r="C1840" s="1149" t="s">
        <v>10942</v>
      </c>
      <c r="D1840" s="1149" t="s">
        <v>10943</v>
      </c>
      <c r="E1840" s="1149" t="s">
        <v>10944</v>
      </c>
      <c r="F1840" s="1149" t="s">
        <v>10821</v>
      </c>
      <c r="G1840" s="150"/>
      <c r="H1840" s="150"/>
    </row>
    <row r="1841" spans="1:8" ht="63.75">
      <c r="A1841" s="150"/>
      <c r="B1841" s="164" t="s">
        <v>13504</v>
      </c>
      <c r="C1841" s="1150"/>
      <c r="D1841" s="1150"/>
      <c r="E1841" s="1150"/>
      <c r="F1841" s="1150"/>
      <c r="G1841" s="150"/>
      <c r="H1841" s="150"/>
    </row>
    <row r="1842" spans="1:8" ht="38.25">
      <c r="A1842" s="150"/>
      <c r="B1842" s="162" t="s">
        <v>32348</v>
      </c>
      <c r="C1842" s="1149" t="s">
        <v>10945</v>
      </c>
      <c r="D1842" s="1149" t="s">
        <v>10946</v>
      </c>
      <c r="E1842" s="1149" t="s">
        <v>10947</v>
      </c>
      <c r="F1842" s="1149" t="s">
        <v>10821</v>
      </c>
      <c r="G1842" s="150"/>
      <c r="H1842" s="150"/>
    </row>
    <row r="1843" spans="1:8" ht="76.5">
      <c r="A1843" s="150"/>
      <c r="B1843" s="164" t="s">
        <v>32349</v>
      </c>
      <c r="C1843" s="1150"/>
      <c r="D1843" s="1150"/>
      <c r="E1843" s="1150"/>
      <c r="F1843" s="1150"/>
      <c r="G1843" s="150"/>
      <c r="H1843" s="150"/>
    </row>
    <row r="1844" spans="1:8" ht="38.25">
      <c r="A1844" s="150"/>
      <c r="B1844" s="162" t="s">
        <v>32350</v>
      </c>
      <c r="C1844" s="1149" t="s">
        <v>10948</v>
      </c>
      <c r="D1844" s="1149" t="s">
        <v>10949</v>
      </c>
      <c r="E1844" s="1149" t="s">
        <v>10950</v>
      </c>
      <c r="F1844" s="1149" t="s">
        <v>10821</v>
      </c>
      <c r="G1844" s="150"/>
      <c r="H1844" s="150"/>
    </row>
    <row r="1845" spans="1:8" ht="76.5">
      <c r="A1845" s="150"/>
      <c r="B1845" s="164" t="s">
        <v>32351</v>
      </c>
      <c r="C1845" s="1150"/>
      <c r="D1845" s="1150"/>
      <c r="E1845" s="1150"/>
      <c r="F1845" s="1150"/>
      <c r="G1845" s="150"/>
      <c r="H1845" s="150"/>
    </row>
    <row r="1846" spans="1:8" ht="38.25">
      <c r="A1846" s="150"/>
      <c r="B1846" s="162" t="s">
        <v>32352</v>
      </c>
      <c r="C1846" s="1149" t="s">
        <v>10951</v>
      </c>
      <c r="D1846" s="1149" t="s">
        <v>10952</v>
      </c>
      <c r="E1846" s="1149" t="s">
        <v>10953</v>
      </c>
      <c r="F1846" s="1149" t="s">
        <v>10821</v>
      </c>
      <c r="G1846" s="150"/>
      <c r="H1846" s="150"/>
    </row>
    <row r="1847" spans="1:8" ht="76.5">
      <c r="A1847" s="150"/>
      <c r="B1847" s="164" t="s">
        <v>32353</v>
      </c>
      <c r="C1847" s="1150"/>
      <c r="D1847" s="1150"/>
      <c r="E1847" s="1150"/>
      <c r="F1847" s="1150"/>
      <c r="G1847" s="150"/>
      <c r="H1847" s="150"/>
    </row>
    <row r="1848" spans="1:8">
      <c r="A1848" s="150"/>
      <c r="B1848" s="162" t="s">
        <v>10954</v>
      </c>
      <c r="C1848" s="1149" t="s">
        <v>10955</v>
      </c>
      <c r="D1848" s="1149" t="s">
        <v>10956</v>
      </c>
      <c r="E1848" s="1149" t="s">
        <v>10957</v>
      </c>
      <c r="F1848" s="1149" t="s">
        <v>10821</v>
      </c>
      <c r="G1848" s="150"/>
      <c r="H1848" s="150"/>
    </row>
    <row r="1849" spans="1:8" ht="63.75">
      <c r="A1849" s="150"/>
      <c r="B1849" s="164" t="s">
        <v>13505</v>
      </c>
      <c r="C1849" s="1150"/>
      <c r="D1849" s="1150"/>
      <c r="E1849" s="1150"/>
      <c r="F1849" s="1150"/>
      <c r="G1849" s="150"/>
      <c r="H1849" s="150"/>
    </row>
    <row r="1850" spans="1:8" ht="25.5">
      <c r="A1850" s="150"/>
      <c r="B1850" s="162" t="s">
        <v>10958</v>
      </c>
      <c r="C1850" s="1149" t="s">
        <v>10959</v>
      </c>
      <c r="D1850" s="1149" t="s">
        <v>10960</v>
      </c>
      <c r="E1850" s="1149" t="s">
        <v>10961</v>
      </c>
      <c r="F1850" s="1149" t="s">
        <v>10821</v>
      </c>
      <c r="G1850" s="150"/>
      <c r="H1850" s="150"/>
    </row>
    <row r="1851" spans="1:8" ht="51">
      <c r="A1851" s="150"/>
      <c r="B1851" s="164" t="s">
        <v>13506</v>
      </c>
      <c r="C1851" s="1150"/>
      <c r="D1851" s="1150"/>
      <c r="E1851" s="1150"/>
      <c r="F1851" s="1150"/>
      <c r="G1851" s="150"/>
      <c r="H1851" s="150"/>
    </row>
    <row r="1852" spans="1:8" ht="25.5">
      <c r="A1852" s="150"/>
      <c r="B1852" s="162" t="s">
        <v>10962</v>
      </c>
      <c r="C1852" s="1149" t="s">
        <v>10964</v>
      </c>
      <c r="D1852" s="1149" t="s">
        <v>10965</v>
      </c>
      <c r="E1852" s="1149" t="s">
        <v>10966</v>
      </c>
      <c r="F1852" s="1149" t="s">
        <v>10821</v>
      </c>
      <c r="G1852" s="150"/>
      <c r="H1852" s="150"/>
    </row>
    <row r="1853" spans="1:8" ht="51">
      <c r="A1853" s="150"/>
      <c r="B1853" s="164" t="s">
        <v>10963</v>
      </c>
      <c r="C1853" s="1150"/>
      <c r="D1853" s="1150"/>
      <c r="E1853" s="1150"/>
      <c r="F1853" s="1150"/>
      <c r="G1853" s="150"/>
      <c r="H1853" s="150"/>
    </row>
    <row r="1854" spans="1:8">
      <c r="A1854" s="150"/>
      <c r="B1854" s="1159" t="s">
        <v>31587</v>
      </c>
      <c r="C1854" s="1160"/>
      <c r="D1854" s="1160"/>
      <c r="E1854" s="1160"/>
      <c r="F1854" s="1161"/>
      <c r="G1854" s="150"/>
      <c r="H1854" s="150"/>
    </row>
    <row r="1855" spans="1:8">
      <c r="A1855" s="150"/>
      <c r="B1855" s="162" t="s">
        <v>10967</v>
      </c>
      <c r="C1855" s="1149" t="s">
        <v>10968</v>
      </c>
      <c r="D1855" s="1149" t="s">
        <v>10969</v>
      </c>
      <c r="E1855" s="1149" t="s">
        <v>10970</v>
      </c>
      <c r="F1855" s="1149" t="s">
        <v>10821</v>
      </c>
      <c r="G1855" s="150"/>
      <c r="H1855" s="150"/>
    </row>
    <row r="1856" spans="1:8">
      <c r="A1856" s="150"/>
      <c r="B1856" s="163" t="s">
        <v>10828</v>
      </c>
      <c r="C1856" s="1158"/>
      <c r="D1856" s="1158"/>
      <c r="E1856" s="1158"/>
      <c r="F1856" s="1158"/>
      <c r="G1856" s="150"/>
      <c r="H1856" s="150"/>
    </row>
    <row r="1857" spans="1:8" ht="51">
      <c r="A1857" s="150"/>
      <c r="B1857" s="164" t="s">
        <v>13507</v>
      </c>
      <c r="C1857" s="1150"/>
      <c r="D1857" s="1150"/>
      <c r="E1857" s="1150"/>
      <c r="F1857" s="1150"/>
      <c r="G1857" s="150"/>
      <c r="H1857" s="150"/>
    </row>
    <row r="1858" spans="1:8">
      <c r="A1858" s="150"/>
      <c r="B1858" s="1159" t="s">
        <v>8508</v>
      </c>
      <c r="C1858" s="1160"/>
      <c r="D1858" s="1160"/>
      <c r="E1858" s="1160"/>
      <c r="F1858" s="1161"/>
      <c r="G1858" s="150"/>
      <c r="H1858" s="150"/>
    </row>
    <row r="1859" spans="1:8" ht="25.5">
      <c r="A1859" s="150"/>
      <c r="B1859" s="162" t="s">
        <v>10971</v>
      </c>
      <c r="C1859" s="1149" t="s">
        <v>10972</v>
      </c>
      <c r="D1859" s="1149" t="s">
        <v>10973</v>
      </c>
      <c r="E1859" s="1149" t="s">
        <v>10974</v>
      </c>
      <c r="F1859" s="1149" t="s">
        <v>10975</v>
      </c>
      <c r="G1859" s="150"/>
      <c r="H1859" s="150"/>
    </row>
    <row r="1860" spans="1:8" ht="51">
      <c r="A1860" s="150"/>
      <c r="B1860" s="164" t="s">
        <v>13508</v>
      </c>
      <c r="C1860" s="1150"/>
      <c r="D1860" s="1150"/>
      <c r="E1860" s="1150"/>
      <c r="F1860" s="1150"/>
      <c r="G1860" s="150"/>
      <c r="H1860" s="150"/>
    </row>
    <row r="1861" spans="1:8">
      <c r="A1861" s="150"/>
      <c r="B1861" s="1159" t="s">
        <v>31587</v>
      </c>
      <c r="C1861" s="1160"/>
      <c r="D1861" s="1160"/>
      <c r="E1861" s="1160"/>
      <c r="F1861" s="1161"/>
      <c r="G1861" s="150"/>
      <c r="H1861" s="150"/>
    </row>
    <row r="1862" spans="1:8">
      <c r="A1862" s="150"/>
      <c r="B1862" s="162" t="s">
        <v>10976</v>
      </c>
      <c r="C1862" s="1149" t="s">
        <v>10978</v>
      </c>
      <c r="D1862" s="1149" t="s">
        <v>10979</v>
      </c>
      <c r="E1862" s="1149" t="s">
        <v>10980</v>
      </c>
      <c r="F1862" s="1149" t="s">
        <v>10975</v>
      </c>
      <c r="G1862" s="150"/>
      <c r="H1862" s="150"/>
    </row>
    <row r="1863" spans="1:8">
      <c r="A1863" s="150"/>
      <c r="B1863" s="163" t="s">
        <v>10977</v>
      </c>
      <c r="C1863" s="1158"/>
      <c r="D1863" s="1158"/>
      <c r="E1863" s="1158"/>
      <c r="F1863" s="1158"/>
      <c r="G1863" s="150"/>
      <c r="H1863" s="150"/>
    </row>
    <row r="1864" spans="1:8" ht="76.5">
      <c r="A1864" s="150"/>
      <c r="B1864" s="164" t="s">
        <v>13509</v>
      </c>
      <c r="C1864" s="1150"/>
      <c r="D1864" s="1150"/>
      <c r="E1864" s="1150"/>
      <c r="F1864" s="1150"/>
      <c r="G1864" s="150"/>
      <c r="H1864" s="150"/>
    </row>
    <row r="1865" spans="1:8">
      <c r="A1865" s="150"/>
      <c r="B1865" s="1159" t="s">
        <v>8508</v>
      </c>
      <c r="C1865" s="1160"/>
      <c r="D1865" s="1160"/>
      <c r="E1865" s="1160"/>
      <c r="F1865" s="1161"/>
      <c r="G1865" s="150"/>
      <c r="H1865" s="150"/>
    </row>
    <row r="1866" spans="1:8" ht="25.5">
      <c r="A1866" s="150"/>
      <c r="B1866" s="162" t="s">
        <v>10981</v>
      </c>
      <c r="C1866" s="1149" t="s">
        <v>10983</v>
      </c>
      <c r="D1866" s="1149" t="s">
        <v>10984</v>
      </c>
      <c r="E1866" s="1149" t="s">
        <v>10985</v>
      </c>
      <c r="F1866" s="1149" t="s">
        <v>10975</v>
      </c>
      <c r="G1866" s="150"/>
      <c r="H1866" s="150"/>
    </row>
    <row r="1867" spans="1:8" ht="51">
      <c r="A1867" s="150"/>
      <c r="B1867" s="164" t="s">
        <v>10982</v>
      </c>
      <c r="C1867" s="1150"/>
      <c r="D1867" s="1150"/>
      <c r="E1867" s="1150"/>
      <c r="F1867" s="1150"/>
      <c r="G1867" s="150"/>
      <c r="H1867" s="150"/>
    </row>
    <row r="1868" spans="1:8" ht="25.5">
      <c r="A1868" s="150"/>
      <c r="B1868" s="162" t="s">
        <v>10986</v>
      </c>
      <c r="C1868" s="1149" t="s">
        <v>10987</v>
      </c>
      <c r="D1868" s="1149" t="s">
        <v>10988</v>
      </c>
      <c r="E1868" s="1149" t="s">
        <v>10989</v>
      </c>
      <c r="F1868" s="1149" t="s">
        <v>10975</v>
      </c>
      <c r="G1868" s="150"/>
      <c r="H1868" s="150"/>
    </row>
    <row r="1869" spans="1:8" ht="63.75">
      <c r="A1869" s="150"/>
      <c r="B1869" s="164" t="s">
        <v>13510</v>
      </c>
      <c r="C1869" s="1150"/>
      <c r="D1869" s="1150"/>
      <c r="E1869" s="1150"/>
      <c r="F1869" s="1150"/>
      <c r="G1869" s="150"/>
      <c r="H1869" s="150"/>
    </row>
    <row r="1870" spans="1:8" ht="25.5">
      <c r="A1870" s="150"/>
      <c r="B1870" s="162" t="s">
        <v>10990</v>
      </c>
      <c r="C1870" s="1149" t="s">
        <v>10992</v>
      </c>
      <c r="D1870" s="1149" t="s">
        <v>10993</v>
      </c>
      <c r="E1870" s="1149" t="s">
        <v>10994</v>
      </c>
      <c r="F1870" s="1149" t="s">
        <v>10975</v>
      </c>
      <c r="G1870" s="150"/>
      <c r="H1870" s="150"/>
    </row>
    <row r="1871" spans="1:8" ht="51">
      <c r="A1871" s="150"/>
      <c r="B1871" s="164" t="s">
        <v>10991</v>
      </c>
      <c r="C1871" s="1150"/>
      <c r="D1871" s="1150"/>
      <c r="E1871" s="1150"/>
      <c r="F1871" s="1150"/>
      <c r="G1871" s="150"/>
      <c r="H1871" s="150"/>
    </row>
    <row r="1872" spans="1:8" ht="25.5">
      <c r="A1872" s="150"/>
      <c r="B1872" s="162" t="s">
        <v>10995</v>
      </c>
      <c r="C1872" s="1149" t="s">
        <v>10997</v>
      </c>
      <c r="D1872" s="1149" t="s">
        <v>10998</v>
      </c>
      <c r="E1872" s="1149" t="s">
        <v>10999</v>
      </c>
      <c r="F1872" s="1149" t="s">
        <v>10975</v>
      </c>
      <c r="G1872" s="150"/>
      <c r="H1872" s="150"/>
    </row>
    <row r="1873" spans="1:8" ht="63.75">
      <c r="A1873" s="150"/>
      <c r="B1873" s="164" t="s">
        <v>10996</v>
      </c>
      <c r="C1873" s="1150"/>
      <c r="D1873" s="1150"/>
      <c r="E1873" s="1150"/>
      <c r="F1873" s="1150"/>
      <c r="G1873" s="150"/>
      <c r="H1873" s="150"/>
    </row>
    <row r="1874" spans="1:8" ht="25.5">
      <c r="A1874" s="150"/>
      <c r="B1874" s="162" t="s">
        <v>11000</v>
      </c>
      <c r="C1874" s="1149" t="s">
        <v>11002</v>
      </c>
      <c r="D1874" s="1149" t="s">
        <v>11003</v>
      </c>
      <c r="E1874" s="1149" t="s">
        <v>11004</v>
      </c>
      <c r="F1874" s="1149" t="s">
        <v>10975</v>
      </c>
      <c r="G1874" s="150"/>
      <c r="H1874" s="150"/>
    </row>
    <row r="1875" spans="1:8" ht="51">
      <c r="A1875" s="150"/>
      <c r="B1875" s="164" t="s">
        <v>11001</v>
      </c>
      <c r="C1875" s="1150"/>
      <c r="D1875" s="1150"/>
      <c r="E1875" s="1150"/>
      <c r="F1875" s="1150"/>
      <c r="G1875" s="150"/>
      <c r="H1875" s="150"/>
    </row>
    <row r="1876" spans="1:8" ht="25.5">
      <c r="A1876" s="150"/>
      <c r="B1876" s="162" t="s">
        <v>11005</v>
      </c>
      <c r="C1876" s="1149" t="s">
        <v>11006</v>
      </c>
      <c r="D1876" s="1149" t="s">
        <v>11007</v>
      </c>
      <c r="E1876" s="1149" t="s">
        <v>11008</v>
      </c>
      <c r="F1876" s="1149" t="s">
        <v>10975</v>
      </c>
      <c r="G1876" s="150"/>
      <c r="H1876" s="150"/>
    </row>
    <row r="1877" spans="1:8" ht="51">
      <c r="A1877" s="150"/>
      <c r="B1877" s="164" t="s">
        <v>13511</v>
      </c>
      <c r="C1877" s="1150"/>
      <c r="D1877" s="1150"/>
      <c r="E1877" s="1150"/>
      <c r="F1877" s="1150"/>
      <c r="G1877" s="150"/>
      <c r="H1877" s="150"/>
    </row>
    <row r="1878" spans="1:8" ht="25.5">
      <c r="A1878" s="150"/>
      <c r="B1878" s="162" t="s">
        <v>11009</v>
      </c>
      <c r="C1878" s="1149" t="s">
        <v>11010</v>
      </c>
      <c r="D1878" s="1149" t="s">
        <v>11011</v>
      </c>
      <c r="E1878" s="1149" t="s">
        <v>11012</v>
      </c>
      <c r="F1878" s="1149" t="s">
        <v>10975</v>
      </c>
      <c r="G1878" s="150"/>
      <c r="H1878" s="150"/>
    </row>
    <row r="1879" spans="1:8" ht="63.75">
      <c r="A1879" s="150"/>
      <c r="B1879" s="164" t="s">
        <v>13512</v>
      </c>
      <c r="C1879" s="1150"/>
      <c r="D1879" s="1150"/>
      <c r="E1879" s="1150"/>
      <c r="F1879" s="1150"/>
      <c r="G1879" s="150"/>
      <c r="H1879" s="150"/>
    </row>
    <row r="1880" spans="1:8" ht="25.5">
      <c r="A1880" s="150"/>
      <c r="B1880" s="162" t="s">
        <v>11013</v>
      </c>
      <c r="C1880" s="1149" t="s">
        <v>11014</v>
      </c>
      <c r="D1880" s="1149" t="s">
        <v>11015</v>
      </c>
      <c r="E1880" s="1149" t="s">
        <v>11016</v>
      </c>
      <c r="F1880" s="1149" t="s">
        <v>10975</v>
      </c>
      <c r="G1880" s="150"/>
      <c r="H1880" s="150"/>
    </row>
    <row r="1881" spans="1:8" ht="51">
      <c r="A1881" s="150"/>
      <c r="B1881" s="164" t="s">
        <v>13513</v>
      </c>
      <c r="C1881" s="1150"/>
      <c r="D1881" s="1150"/>
      <c r="E1881" s="1150"/>
      <c r="F1881" s="1150"/>
      <c r="G1881" s="150"/>
      <c r="H1881" s="150"/>
    </row>
    <row r="1882" spans="1:8" ht="25.5">
      <c r="A1882" s="150"/>
      <c r="B1882" s="162" t="s">
        <v>11017</v>
      </c>
      <c r="C1882" s="1149" t="s">
        <v>11018</v>
      </c>
      <c r="D1882" s="1149" t="s">
        <v>11019</v>
      </c>
      <c r="E1882" s="1149" t="s">
        <v>11020</v>
      </c>
      <c r="F1882" s="1149" t="s">
        <v>10975</v>
      </c>
      <c r="G1882" s="150"/>
      <c r="H1882" s="150"/>
    </row>
    <row r="1883" spans="1:8" ht="76.5">
      <c r="A1883" s="150"/>
      <c r="B1883" s="164" t="s">
        <v>13514</v>
      </c>
      <c r="C1883" s="1150"/>
      <c r="D1883" s="1150"/>
      <c r="E1883" s="1150"/>
      <c r="F1883" s="1150"/>
      <c r="G1883" s="150"/>
      <c r="H1883" s="150"/>
    </row>
    <row r="1884" spans="1:8" ht="25.5">
      <c r="A1884" s="150"/>
      <c r="B1884" s="162" t="s">
        <v>11021</v>
      </c>
      <c r="C1884" s="1149" t="s">
        <v>11022</v>
      </c>
      <c r="D1884" s="1149" t="s">
        <v>11023</v>
      </c>
      <c r="E1884" s="1149" t="s">
        <v>11024</v>
      </c>
      <c r="F1884" s="1149" t="s">
        <v>10975</v>
      </c>
      <c r="G1884" s="150"/>
      <c r="H1884" s="150"/>
    </row>
    <row r="1885" spans="1:8" ht="51">
      <c r="A1885" s="150"/>
      <c r="B1885" s="164" t="s">
        <v>13515</v>
      </c>
      <c r="C1885" s="1150"/>
      <c r="D1885" s="1150"/>
      <c r="E1885" s="1150"/>
      <c r="F1885" s="1150"/>
      <c r="G1885" s="150"/>
      <c r="H1885" s="150"/>
    </row>
    <row r="1886" spans="1:8" ht="25.5">
      <c r="A1886" s="150"/>
      <c r="B1886" s="162" t="s">
        <v>11025</v>
      </c>
      <c r="C1886" s="1149" t="s">
        <v>11026</v>
      </c>
      <c r="D1886" s="1149" t="s">
        <v>11027</v>
      </c>
      <c r="E1886" s="1149" t="s">
        <v>11028</v>
      </c>
      <c r="F1886" s="1149" t="s">
        <v>10975</v>
      </c>
      <c r="G1886" s="150"/>
      <c r="H1886" s="150"/>
    </row>
    <row r="1887" spans="1:8" ht="63.75">
      <c r="A1887" s="150"/>
      <c r="B1887" s="164" t="s">
        <v>13516</v>
      </c>
      <c r="C1887" s="1150"/>
      <c r="D1887" s="1150"/>
      <c r="E1887" s="1150"/>
      <c r="F1887" s="1150"/>
      <c r="G1887" s="150"/>
      <c r="H1887" s="150"/>
    </row>
    <row r="1888" spans="1:8" ht="25.5">
      <c r="A1888" s="150"/>
      <c r="B1888" s="162" t="s">
        <v>11029</v>
      </c>
      <c r="C1888" s="1149" t="s">
        <v>11030</v>
      </c>
      <c r="D1888" s="1149" t="s">
        <v>11031</v>
      </c>
      <c r="E1888" s="1149" t="s">
        <v>11032</v>
      </c>
      <c r="F1888" s="1149" t="s">
        <v>10975</v>
      </c>
      <c r="G1888" s="150"/>
      <c r="H1888" s="150"/>
    </row>
    <row r="1889" spans="1:8" ht="76.5">
      <c r="A1889" s="150"/>
      <c r="B1889" s="164" t="s">
        <v>13517</v>
      </c>
      <c r="C1889" s="1150"/>
      <c r="D1889" s="1150"/>
      <c r="E1889" s="1150"/>
      <c r="F1889" s="1150"/>
      <c r="G1889" s="150"/>
      <c r="H1889" s="150"/>
    </row>
    <row r="1890" spans="1:8">
      <c r="A1890" s="150"/>
      <c r="B1890" s="1159" t="s">
        <v>31587</v>
      </c>
      <c r="C1890" s="1160"/>
      <c r="D1890" s="1160"/>
      <c r="E1890" s="1160"/>
      <c r="F1890" s="1161"/>
      <c r="G1890" s="150"/>
      <c r="H1890" s="150"/>
    </row>
    <row r="1891" spans="1:8">
      <c r="A1891" s="150"/>
      <c r="B1891" s="162" t="s">
        <v>11033</v>
      </c>
      <c r="C1891" s="1149" t="s">
        <v>11035</v>
      </c>
      <c r="D1891" s="1149" t="s">
        <v>11036</v>
      </c>
      <c r="E1891" s="1149" t="s">
        <v>11037</v>
      </c>
      <c r="F1891" s="1149" t="s">
        <v>10821</v>
      </c>
      <c r="G1891" s="150"/>
      <c r="H1891" s="150"/>
    </row>
    <row r="1892" spans="1:8">
      <c r="A1892" s="150"/>
      <c r="B1892" s="163" t="s">
        <v>11034</v>
      </c>
      <c r="C1892" s="1158"/>
      <c r="D1892" s="1158"/>
      <c r="E1892" s="1158"/>
      <c r="F1892" s="1158"/>
      <c r="G1892" s="150"/>
      <c r="H1892" s="150"/>
    </row>
    <row r="1893" spans="1:8" ht="63.75">
      <c r="A1893" s="150"/>
      <c r="B1893" s="164" t="s">
        <v>13518</v>
      </c>
      <c r="C1893" s="1150"/>
      <c r="D1893" s="1150"/>
      <c r="E1893" s="1150"/>
      <c r="F1893" s="1150"/>
      <c r="G1893" s="150"/>
      <c r="H1893" s="150"/>
    </row>
    <row r="1894" spans="1:8">
      <c r="A1894" s="150"/>
      <c r="B1894" s="162" t="s">
        <v>11038</v>
      </c>
      <c r="C1894" s="1149" t="s">
        <v>11039</v>
      </c>
      <c r="D1894" s="1149" t="s">
        <v>11040</v>
      </c>
      <c r="E1894" s="1149" t="s">
        <v>11041</v>
      </c>
      <c r="F1894" s="1149" t="s">
        <v>10821</v>
      </c>
      <c r="G1894" s="150"/>
      <c r="H1894" s="150"/>
    </row>
    <row r="1895" spans="1:8" ht="76.5">
      <c r="A1895" s="150"/>
      <c r="B1895" s="164" t="s">
        <v>13519</v>
      </c>
      <c r="C1895" s="1150"/>
      <c r="D1895" s="1150"/>
      <c r="E1895" s="1150"/>
      <c r="F1895" s="1150"/>
      <c r="G1895" s="150"/>
      <c r="H1895" s="150"/>
    </row>
    <row r="1896" spans="1:8">
      <c r="A1896" s="150"/>
      <c r="B1896" s="162" t="s">
        <v>11042</v>
      </c>
      <c r="C1896" s="1149" t="s">
        <v>11043</v>
      </c>
      <c r="D1896" s="1149" t="s">
        <v>11044</v>
      </c>
      <c r="E1896" s="1149" t="s">
        <v>11045</v>
      </c>
      <c r="F1896" s="1149" t="s">
        <v>10821</v>
      </c>
      <c r="G1896" s="150"/>
      <c r="H1896" s="150"/>
    </row>
    <row r="1897" spans="1:8">
      <c r="A1897" s="150"/>
      <c r="B1897" s="163" t="s">
        <v>11034</v>
      </c>
      <c r="C1897" s="1158"/>
      <c r="D1897" s="1158"/>
      <c r="E1897" s="1158"/>
      <c r="F1897" s="1158"/>
      <c r="G1897" s="150"/>
      <c r="H1897" s="150"/>
    </row>
    <row r="1898" spans="1:8" ht="89.25">
      <c r="A1898" s="150"/>
      <c r="B1898" s="164" t="s">
        <v>13520</v>
      </c>
      <c r="C1898" s="1150"/>
      <c r="D1898" s="1150"/>
      <c r="E1898" s="1150"/>
      <c r="F1898" s="1150"/>
      <c r="G1898" s="150"/>
      <c r="H1898" s="150"/>
    </row>
    <row r="1899" spans="1:8">
      <c r="A1899" s="150"/>
      <c r="B1899" s="1159" t="s">
        <v>8508</v>
      </c>
      <c r="C1899" s="1160"/>
      <c r="D1899" s="1160"/>
      <c r="E1899" s="1160"/>
      <c r="F1899" s="1161"/>
      <c r="G1899" s="150"/>
      <c r="H1899" s="150"/>
    </row>
    <row r="1900" spans="1:8">
      <c r="A1900" s="150"/>
      <c r="B1900" s="195" t="s">
        <v>1716</v>
      </c>
      <c r="C1900" s="196" t="s">
        <v>11046</v>
      </c>
      <c r="D1900" s="196" t="s">
        <v>11047</v>
      </c>
      <c r="E1900" s="196" t="s">
        <v>1717</v>
      </c>
      <c r="F1900" s="194" t="s">
        <v>32154</v>
      </c>
      <c r="G1900" s="150"/>
      <c r="H1900" s="150"/>
    </row>
    <row r="1901" spans="1:8">
      <c r="A1901" s="150"/>
      <c r="B1901" s="1159" t="s">
        <v>31587</v>
      </c>
      <c r="C1901" s="1160"/>
      <c r="D1901" s="1160"/>
      <c r="E1901" s="1160"/>
      <c r="F1901" s="1161"/>
      <c r="G1901" s="150"/>
      <c r="H1901" s="150"/>
    </row>
    <row r="1902" spans="1:8">
      <c r="A1902" s="150"/>
      <c r="B1902" s="162" t="s">
        <v>11048</v>
      </c>
      <c r="C1902" s="1149" t="s">
        <v>11050</v>
      </c>
      <c r="D1902" s="1149" t="s">
        <v>11051</v>
      </c>
      <c r="E1902" s="1149" t="s">
        <v>11052</v>
      </c>
      <c r="F1902" s="1149" t="s">
        <v>10821</v>
      </c>
      <c r="G1902" s="150"/>
      <c r="H1902" s="150"/>
    </row>
    <row r="1903" spans="1:8">
      <c r="A1903" s="150"/>
      <c r="B1903" s="163" t="s">
        <v>11049</v>
      </c>
      <c r="C1903" s="1158"/>
      <c r="D1903" s="1158"/>
      <c r="E1903" s="1158"/>
      <c r="F1903" s="1158"/>
      <c r="G1903" s="150"/>
      <c r="H1903" s="150"/>
    </row>
    <row r="1904" spans="1:8" ht="63.75">
      <c r="A1904" s="150"/>
      <c r="B1904" s="164" t="s">
        <v>13521</v>
      </c>
      <c r="C1904" s="1150"/>
      <c r="D1904" s="1150"/>
      <c r="E1904" s="1150"/>
      <c r="F1904" s="1150"/>
      <c r="G1904" s="150"/>
      <c r="H1904" s="150"/>
    </row>
    <row r="1905" spans="1:8">
      <c r="A1905" s="150"/>
      <c r="B1905" s="1159" t="s">
        <v>8508</v>
      </c>
      <c r="C1905" s="1160"/>
      <c r="D1905" s="1160"/>
      <c r="E1905" s="1160"/>
      <c r="F1905" s="1161"/>
      <c r="G1905" s="150"/>
      <c r="H1905" s="150"/>
    </row>
    <row r="1906" spans="1:8" ht="25.5">
      <c r="A1906" s="150"/>
      <c r="B1906" s="162" t="s">
        <v>11053</v>
      </c>
      <c r="C1906" s="1149" t="s">
        <v>11055</v>
      </c>
      <c r="D1906" s="1149" t="s">
        <v>498</v>
      </c>
      <c r="E1906" s="1149" t="s">
        <v>499</v>
      </c>
      <c r="F1906" s="1149" t="s">
        <v>10975</v>
      </c>
      <c r="G1906" s="150"/>
      <c r="H1906" s="150"/>
    </row>
    <row r="1907" spans="1:8" ht="51">
      <c r="A1907" s="150"/>
      <c r="B1907" s="164" t="s">
        <v>11054</v>
      </c>
      <c r="C1907" s="1150"/>
      <c r="D1907" s="1150"/>
      <c r="E1907" s="1150"/>
      <c r="F1907" s="1150"/>
      <c r="G1907" s="150"/>
      <c r="H1907" s="150"/>
    </row>
    <row r="1908" spans="1:8">
      <c r="A1908" s="150"/>
      <c r="B1908" s="162" t="s">
        <v>11056</v>
      </c>
      <c r="C1908" s="1149" t="s">
        <v>11058</v>
      </c>
      <c r="D1908" s="1149" t="s">
        <v>507</v>
      </c>
      <c r="E1908" s="1149" t="s">
        <v>508</v>
      </c>
      <c r="F1908" s="1149" t="s">
        <v>10975</v>
      </c>
      <c r="G1908" s="150"/>
      <c r="H1908" s="150"/>
    </row>
    <row r="1909" spans="1:8" ht="51">
      <c r="A1909" s="150"/>
      <c r="B1909" s="164" t="s">
        <v>11057</v>
      </c>
      <c r="C1909" s="1150"/>
      <c r="D1909" s="1150"/>
      <c r="E1909" s="1150"/>
      <c r="F1909" s="1150"/>
      <c r="G1909" s="150"/>
      <c r="H1909" s="150"/>
    </row>
    <row r="1910" spans="1:8" ht="25.5">
      <c r="A1910" s="150"/>
      <c r="B1910" s="162" t="s">
        <v>11059</v>
      </c>
      <c r="C1910" s="1149" t="s">
        <v>11060</v>
      </c>
      <c r="D1910" s="1149" t="s">
        <v>11061</v>
      </c>
      <c r="E1910" s="1149" t="s">
        <v>11062</v>
      </c>
      <c r="F1910" s="1149" t="s">
        <v>10975</v>
      </c>
      <c r="G1910" s="150"/>
      <c r="H1910" s="150"/>
    </row>
    <row r="1911" spans="1:8" ht="51">
      <c r="A1911" s="150"/>
      <c r="B1911" s="164" t="s">
        <v>13522</v>
      </c>
      <c r="C1911" s="1150"/>
      <c r="D1911" s="1150"/>
      <c r="E1911" s="1150"/>
      <c r="F1911" s="1150"/>
      <c r="G1911" s="150"/>
      <c r="H1911" s="150"/>
    </row>
    <row r="1912" spans="1:8" ht="25.5">
      <c r="A1912" s="150"/>
      <c r="B1912" s="162" t="s">
        <v>11063</v>
      </c>
      <c r="C1912" s="1149" t="s">
        <v>11064</v>
      </c>
      <c r="D1912" s="1149" t="s">
        <v>501</v>
      </c>
      <c r="E1912" s="1149" t="s">
        <v>502</v>
      </c>
      <c r="F1912" s="1149" t="s">
        <v>10975</v>
      </c>
      <c r="G1912" s="150"/>
      <c r="H1912" s="150"/>
    </row>
    <row r="1913" spans="1:8" ht="63.75">
      <c r="A1913" s="150"/>
      <c r="B1913" s="164" t="s">
        <v>13523</v>
      </c>
      <c r="C1913" s="1150"/>
      <c r="D1913" s="1150"/>
      <c r="E1913" s="1150"/>
      <c r="F1913" s="1150"/>
      <c r="G1913" s="150"/>
      <c r="H1913" s="150"/>
    </row>
    <row r="1914" spans="1:8" ht="25.5">
      <c r="A1914" s="150"/>
      <c r="B1914" s="162" t="s">
        <v>11065</v>
      </c>
      <c r="C1914" s="1149" t="s">
        <v>11066</v>
      </c>
      <c r="D1914" s="1149" t="s">
        <v>11067</v>
      </c>
      <c r="E1914" s="1149" t="s">
        <v>11068</v>
      </c>
      <c r="F1914" s="1149" t="s">
        <v>10975</v>
      </c>
      <c r="G1914" s="150"/>
      <c r="H1914" s="150"/>
    </row>
    <row r="1915" spans="1:8" ht="76.5">
      <c r="A1915" s="150"/>
      <c r="B1915" s="164" t="s">
        <v>13524</v>
      </c>
      <c r="C1915" s="1150"/>
      <c r="D1915" s="1150"/>
      <c r="E1915" s="1150"/>
      <c r="F1915" s="1150"/>
      <c r="G1915" s="150"/>
      <c r="H1915" s="150"/>
    </row>
    <row r="1916" spans="1:8" ht="25.5">
      <c r="A1916" s="150"/>
      <c r="B1916" s="162" t="s">
        <v>11069</v>
      </c>
      <c r="C1916" s="1149" t="s">
        <v>11070</v>
      </c>
      <c r="D1916" s="1149" t="s">
        <v>504</v>
      </c>
      <c r="E1916" s="1149" t="s">
        <v>505</v>
      </c>
      <c r="F1916" s="1149" t="s">
        <v>10975</v>
      </c>
      <c r="G1916" s="150"/>
      <c r="H1916" s="150"/>
    </row>
    <row r="1917" spans="1:8" ht="76.5">
      <c r="A1917" s="150"/>
      <c r="B1917" s="164" t="s">
        <v>13525</v>
      </c>
      <c r="C1917" s="1150"/>
      <c r="D1917" s="1150"/>
      <c r="E1917" s="1150"/>
      <c r="F1917" s="1150"/>
      <c r="G1917" s="150"/>
      <c r="H1917" s="150"/>
    </row>
    <row r="1918" spans="1:8">
      <c r="A1918" s="150"/>
      <c r="B1918" s="162" t="s">
        <v>11071</v>
      </c>
      <c r="C1918" s="1149" t="s">
        <v>11072</v>
      </c>
      <c r="D1918" s="1149" t="s">
        <v>11073</v>
      </c>
      <c r="E1918" s="1149" t="s">
        <v>11074</v>
      </c>
      <c r="F1918" s="1149" t="s">
        <v>10975</v>
      </c>
      <c r="G1918" s="150"/>
      <c r="H1918" s="150"/>
    </row>
    <row r="1919" spans="1:8" ht="51">
      <c r="A1919" s="150"/>
      <c r="B1919" s="164" t="s">
        <v>13526</v>
      </c>
      <c r="C1919" s="1150"/>
      <c r="D1919" s="1150"/>
      <c r="E1919" s="1150"/>
      <c r="F1919" s="1150"/>
      <c r="G1919" s="150"/>
      <c r="H1919" s="150"/>
    </row>
    <row r="1920" spans="1:8">
      <c r="A1920" s="150"/>
      <c r="B1920" s="1159" t="s">
        <v>31587</v>
      </c>
      <c r="C1920" s="1160"/>
      <c r="D1920" s="1160"/>
      <c r="E1920" s="1160"/>
      <c r="F1920" s="1161"/>
      <c r="G1920" s="150"/>
      <c r="H1920" s="150"/>
    </row>
    <row r="1921" spans="1:8">
      <c r="A1921" s="150"/>
      <c r="B1921" s="162" t="s">
        <v>11075</v>
      </c>
      <c r="C1921" s="1149" t="s">
        <v>11077</v>
      </c>
      <c r="D1921" s="1149" t="s">
        <v>11078</v>
      </c>
      <c r="E1921" s="1149" t="s">
        <v>11079</v>
      </c>
      <c r="F1921" s="1149" t="s">
        <v>10975</v>
      </c>
      <c r="G1921" s="150"/>
      <c r="H1921" s="150"/>
    </row>
    <row r="1922" spans="1:8" ht="51">
      <c r="A1922" s="150"/>
      <c r="B1922" s="164" t="s">
        <v>11076</v>
      </c>
      <c r="C1922" s="1150"/>
      <c r="D1922" s="1150"/>
      <c r="E1922" s="1150"/>
      <c r="F1922" s="1150"/>
      <c r="G1922" s="150"/>
      <c r="H1922" s="150"/>
    </row>
    <row r="1923" spans="1:8">
      <c r="A1923" s="150"/>
      <c r="B1923" s="1159" t="s">
        <v>8508</v>
      </c>
      <c r="C1923" s="1160"/>
      <c r="D1923" s="1160"/>
      <c r="E1923" s="1160"/>
      <c r="F1923" s="1161"/>
      <c r="G1923" s="150"/>
      <c r="H1923" s="150"/>
    </row>
    <row r="1924" spans="1:8">
      <c r="A1924" s="150"/>
      <c r="B1924" s="162" t="s">
        <v>11080</v>
      </c>
      <c r="C1924" s="1149" t="s">
        <v>11081</v>
      </c>
      <c r="D1924" s="1149" t="s">
        <v>11082</v>
      </c>
      <c r="E1924" s="1149" t="s">
        <v>11083</v>
      </c>
      <c r="F1924" s="1149" t="s">
        <v>10975</v>
      </c>
      <c r="G1924" s="150"/>
      <c r="H1924" s="150"/>
    </row>
    <row r="1925" spans="1:8" ht="63.75">
      <c r="A1925" s="150"/>
      <c r="B1925" s="164" t="s">
        <v>13527</v>
      </c>
      <c r="C1925" s="1150"/>
      <c r="D1925" s="1150"/>
      <c r="E1925" s="1150"/>
      <c r="F1925" s="1150"/>
      <c r="G1925" s="150"/>
      <c r="H1925" s="150"/>
    </row>
    <row r="1926" spans="1:8" ht="25.5">
      <c r="A1926" s="150"/>
      <c r="B1926" s="162" t="s">
        <v>11084</v>
      </c>
      <c r="C1926" s="1149" t="s">
        <v>11086</v>
      </c>
      <c r="D1926" s="1149" t="s">
        <v>11087</v>
      </c>
      <c r="E1926" s="1149" t="s">
        <v>11088</v>
      </c>
      <c r="F1926" s="1149" t="s">
        <v>10975</v>
      </c>
      <c r="G1926" s="150"/>
      <c r="H1926" s="150"/>
    </row>
    <row r="1927" spans="1:8" ht="51">
      <c r="A1927" s="150"/>
      <c r="B1927" s="164" t="s">
        <v>11085</v>
      </c>
      <c r="C1927" s="1150"/>
      <c r="D1927" s="1150"/>
      <c r="E1927" s="1150"/>
      <c r="F1927" s="1150"/>
      <c r="G1927" s="150"/>
      <c r="H1927" s="150"/>
    </row>
    <row r="1928" spans="1:8">
      <c r="A1928" s="150"/>
      <c r="B1928" s="162" t="s">
        <v>11089</v>
      </c>
      <c r="C1928" s="1149" t="s">
        <v>11091</v>
      </c>
      <c r="D1928" s="1149" t="s">
        <v>11092</v>
      </c>
      <c r="E1928" s="1149" t="s">
        <v>11093</v>
      </c>
      <c r="F1928" s="1149" t="s">
        <v>10975</v>
      </c>
      <c r="G1928" s="150"/>
      <c r="H1928" s="150"/>
    </row>
    <row r="1929" spans="1:8" ht="51">
      <c r="A1929" s="150"/>
      <c r="B1929" s="164" t="s">
        <v>11090</v>
      </c>
      <c r="C1929" s="1150"/>
      <c r="D1929" s="1150"/>
      <c r="E1929" s="1150"/>
      <c r="F1929" s="1150"/>
      <c r="G1929" s="150"/>
      <c r="H1929" s="150"/>
    </row>
    <row r="1930" spans="1:8" ht="25.5">
      <c r="A1930" s="150"/>
      <c r="B1930" s="162" t="s">
        <v>11094</v>
      </c>
      <c r="C1930" s="1149" t="s">
        <v>11096</v>
      </c>
      <c r="D1930" s="1149" t="s">
        <v>11097</v>
      </c>
      <c r="E1930" s="1149" t="s">
        <v>11098</v>
      </c>
      <c r="F1930" s="1149" t="s">
        <v>10975</v>
      </c>
      <c r="G1930" s="150"/>
      <c r="H1930" s="150"/>
    </row>
    <row r="1931" spans="1:8" ht="51">
      <c r="A1931" s="150"/>
      <c r="B1931" s="164" t="s">
        <v>11095</v>
      </c>
      <c r="C1931" s="1150"/>
      <c r="D1931" s="1150"/>
      <c r="E1931" s="1150"/>
      <c r="F1931" s="1150"/>
      <c r="G1931" s="150"/>
      <c r="H1931" s="150"/>
    </row>
    <row r="1932" spans="1:8" ht="25.5">
      <c r="A1932" s="150"/>
      <c r="B1932" s="162" t="s">
        <v>11099</v>
      </c>
      <c r="C1932" s="1149" t="s">
        <v>11100</v>
      </c>
      <c r="D1932" s="1149" t="s">
        <v>11101</v>
      </c>
      <c r="E1932" s="1149" t="s">
        <v>11102</v>
      </c>
      <c r="F1932" s="1149" t="s">
        <v>10975</v>
      </c>
      <c r="G1932" s="150"/>
      <c r="H1932" s="150"/>
    </row>
    <row r="1933" spans="1:8" ht="51">
      <c r="A1933" s="150"/>
      <c r="B1933" s="164" t="s">
        <v>32354</v>
      </c>
      <c r="C1933" s="1150"/>
      <c r="D1933" s="1150"/>
      <c r="E1933" s="1150"/>
      <c r="F1933" s="1150"/>
      <c r="G1933" s="150"/>
      <c r="H1933" s="150"/>
    </row>
    <row r="1934" spans="1:8">
      <c r="A1934" s="150"/>
      <c r="B1934" s="1159" t="s">
        <v>31587</v>
      </c>
      <c r="C1934" s="1160"/>
      <c r="D1934" s="1160"/>
      <c r="E1934" s="1160"/>
      <c r="F1934" s="1161"/>
      <c r="G1934" s="150"/>
      <c r="H1934" s="150"/>
    </row>
    <row r="1935" spans="1:8">
      <c r="A1935" s="150"/>
      <c r="B1935" s="162" t="s">
        <v>11103</v>
      </c>
      <c r="C1935" s="1149" t="s">
        <v>11106</v>
      </c>
      <c r="D1935" s="1149" t="s">
        <v>11107</v>
      </c>
      <c r="E1935" s="1149" t="s">
        <v>11108</v>
      </c>
      <c r="F1935" s="1149" t="s">
        <v>10975</v>
      </c>
      <c r="G1935" s="150"/>
      <c r="H1935" s="150"/>
    </row>
    <row r="1936" spans="1:8">
      <c r="A1936" s="150"/>
      <c r="B1936" s="163" t="s">
        <v>11104</v>
      </c>
      <c r="C1936" s="1158"/>
      <c r="D1936" s="1158"/>
      <c r="E1936" s="1158"/>
      <c r="F1936" s="1158"/>
      <c r="G1936" s="150"/>
      <c r="H1936" s="150"/>
    </row>
    <row r="1937" spans="1:8" ht="63.75">
      <c r="A1937" s="150"/>
      <c r="B1937" s="164" t="s">
        <v>11105</v>
      </c>
      <c r="C1937" s="1150"/>
      <c r="D1937" s="1150"/>
      <c r="E1937" s="1150"/>
      <c r="F1937" s="1150"/>
      <c r="G1937" s="150"/>
      <c r="H1937" s="150"/>
    </row>
    <row r="1938" spans="1:8">
      <c r="A1938" s="150"/>
      <c r="B1938" s="1159" t="s">
        <v>8508</v>
      </c>
      <c r="C1938" s="1160"/>
      <c r="D1938" s="1160"/>
      <c r="E1938" s="1160"/>
      <c r="F1938" s="1161"/>
      <c r="G1938" s="150"/>
      <c r="H1938" s="150"/>
    </row>
    <row r="1939" spans="1:8">
      <c r="A1939" s="150"/>
      <c r="B1939" s="162" t="s">
        <v>11109</v>
      </c>
      <c r="C1939" s="1149" t="s">
        <v>11111</v>
      </c>
      <c r="D1939" s="1149" t="s">
        <v>11112</v>
      </c>
      <c r="E1939" s="1149" t="s">
        <v>11113</v>
      </c>
      <c r="F1939" s="1149" t="s">
        <v>10975</v>
      </c>
      <c r="G1939" s="150"/>
      <c r="H1939" s="150"/>
    </row>
    <row r="1940" spans="1:8" ht="25.5">
      <c r="A1940" s="150"/>
      <c r="B1940" s="164" t="s">
        <v>11110</v>
      </c>
      <c r="C1940" s="1150"/>
      <c r="D1940" s="1150"/>
      <c r="E1940" s="1150"/>
      <c r="F1940" s="1150"/>
      <c r="G1940" s="150"/>
      <c r="H1940" s="150"/>
    </row>
    <row r="1941" spans="1:8">
      <c r="A1941" s="150"/>
      <c r="B1941" s="162" t="s">
        <v>11114</v>
      </c>
      <c r="C1941" s="1149" t="s">
        <v>11115</v>
      </c>
      <c r="D1941" s="1149" t="s">
        <v>11116</v>
      </c>
      <c r="E1941" s="1149" t="s">
        <v>11117</v>
      </c>
      <c r="F1941" s="1149" t="s">
        <v>10975</v>
      </c>
      <c r="G1941" s="150"/>
      <c r="H1941" s="150"/>
    </row>
    <row r="1942" spans="1:8" ht="51">
      <c r="A1942" s="150"/>
      <c r="B1942" s="164" t="s">
        <v>32355</v>
      </c>
      <c r="C1942" s="1150"/>
      <c r="D1942" s="1150"/>
      <c r="E1942" s="1150"/>
      <c r="F1942" s="1150"/>
      <c r="G1942" s="150"/>
      <c r="H1942" s="150"/>
    </row>
    <row r="1943" spans="1:8">
      <c r="A1943" s="150"/>
      <c r="B1943" s="162" t="s">
        <v>11118</v>
      </c>
      <c r="C1943" s="1149" t="s">
        <v>11119</v>
      </c>
      <c r="D1943" s="1149" t="s">
        <v>11120</v>
      </c>
      <c r="E1943" s="1149" t="s">
        <v>11121</v>
      </c>
      <c r="F1943" s="1149" t="s">
        <v>10975</v>
      </c>
      <c r="G1943" s="150"/>
      <c r="H1943" s="150"/>
    </row>
    <row r="1944" spans="1:8" ht="51">
      <c r="A1944" s="150"/>
      <c r="B1944" s="164" t="s">
        <v>32356</v>
      </c>
      <c r="C1944" s="1150"/>
      <c r="D1944" s="1150"/>
      <c r="E1944" s="1150"/>
      <c r="F1944" s="1150"/>
      <c r="G1944" s="150"/>
      <c r="H1944" s="150"/>
    </row>
    <row r="1945" spans="1:8">
      <c r="A1945" s="150"/>
      <c r="B1945" s="162" t="s">
        <v>11122</v>
      </c>
      <c r="C1945" s="1149" t="s">
        <v>11124</v>
      </c>
      <c r="D1945" s="1149" t="s">
        <v>11125</v>
      </c>
      <c r="E1945" s="1149" t="s">
        <v>11126</v>
      </c>
      <c r="F1945" s="1149" t="s">
        <v>10975</v>
      </c>
      <c r="G1945" s="150"/>
      <c r="H1945" s="150"/>
    </row>
    <row r="1946" spans="1:8" ht="38.25">
      <c r="A1946" s="150"/>
      <c r="B1946" s="164" t="s">
        <v>11123</v>
      </c>
      <c r="C1946" s="1150"/>
      <c r="D1946" s="1150"/>
      <c r="E1946" s="1150"/>
      <c r="F1946" s="1150"/>
      <c r="G1946" s="150"/>
      <c r="H1946" s="150"/>
    </row>
    <row r="1947" spans="1:8">
      <c r="A1947" s="150"/>
      <c r="B1947" s="162" t="s">
        <v>11127</v>
      </c>
      <c r="C1947" s="1149" t="s">
        <v>11128</v>
      </c>
      <c r="D1947" s="1149" t="s">
        <v>11129</v>
      </c>
      <c r="E1947" s="1149" t="s">
        <v>11130</v>
      </c>
      <c r="F1947" s="1149" t="s">
        <v>10975</v>
      </c>
      <c r="G1947" s="150"/>
      <c r="H1947" s="150"/>
    </row>
    <row r="1948" spans="1:8" ht="51">
      <c r="A1948" s="150"/>
      <c r="B1948" s="164" t="s">
        <v>13528</v>
      </c>
      <c r="C1948" s="1150"/>
      <c r="D1948" s="1150"/>
      <c r="E1948" s="1150"/>
      <c r="F1948" s="1150"/>
      <c r="G1948" s="150"/>
      <c r="H1948" s="150"/>
    </row>
    <row r="1949" spans="1:8">
      <c r="A1949" s="150"/>
      <c r="B1949" s="162" t="s">
        <v>11131</v>
      </c>
      <c r="C1949" s="1149" t="s">
        <v>11133</v>
      </c>
      <c r="D1949" s="1149" t="s">
        <v>11134</v>
      </c>
      <c r="E1949" s="1149" t="s">
        <v>11135</v>
      </c>
      <c r="F1949" s="1149" t="s">
        <v>10975</v>
      </c>
      <c r="G1949" s="150"/>
      <c r="H1949" s="150"/>
    </row>
    <row r="1950" spans="1:8" ht="38.25">
      <c r="A1950" s="150"/>
      <c r="B1950" s="164" t="s">
        <v>11132</v>
      </c>
      <c r="C1950" s="1150"/>
      <c r="D1950" s="1150"/>
      <c r="E1950" s="1150"/>
      <c r="F1950" s="1150"/>
      <c r="G1950" s="150"/>
      <c r="H1950" s="150"/>
    </row>
    <row r="1951" spans="1:8">
      <c r="A1951" s="150"/>
      <c r="B1951" s="162" t="s">
        <v>11136</v>
      </c>
      <c r="C1951" s="1149" t="s">
        <v>11138</v>
      </c>
      <c r="D1951" s="1149" t="s">
        <v>11139</v>
      </c>
      <c r="E1951" s="1149" t="s">
        <v>11140</v>
      </c>
      <c r="F1951" s="1149" t="s">
        <v>10975</v>
      </c>
      <c r="G1951" s="150"/>
      <c r="H1951" s="150"/>
    </row>
    <row r="1952" spans="1:8" ht="38.25">
      <c r="A1952" s="150"/>
      <c r="B1952" s="164" t="s">
        <v>11137</v>
      </c>
      <c r="C1952" s="1150"/>
      <c r="D1952" s="1150"/>
      <c r="E1952" s="1150"/>
      <c r="F1952" s="1150"/>
      <c r="G1952" s="150"/>
      <c r="H1952" s="150"/>
    </row>
    <row r="1953" spans="1:8">
      <c r="A1953" s="150"/>
      <c r="B1953" s="162" t="s">
        <v>11141</v>
      </c>
      <c r="C1953" s="1149" t="s">
        <v>11143</v>
      </c>
      <c r="D1953" s="1149" t="s">
        <v>11144</v>
      </c>
      <c r="E1953" s="1149" t="s">
        <v>11145</v>
      </c>
      <c r="F1953" s="1149" t="s">
        <v>10975</v>
      </c>
      <c r="G1953" s="150"/>
      <c r="H1953" s="150"/>
    </row>
    <row r="1954" spans="1:8" ht="38.25">
      <c r="A1954" s="150"/>
      <c r="B1954" s="164" t="s">
        <v>11142</v>
      </c>
      <c r="C1954" s="1150"/>
      <c r="D1954" s="1150"/>
      <c r="E1954" s="1150"/>
      <c r="F1954" s="1150"/>
      <c r="G1954" s="150"/>
      <c r="H1954" s="150"/>
    </row>
    <row r="1955" spans="1:8" ht="25.5">
      <c r="A1955" s="150"/>
      <c r="B1955" s="162" t="s">
        <v>11146</v>
      </c>
      <c r="C1955" s="1149" t="s">
        <v>11147</v>
      </c>
      <c r="D1955" s="1149" t="s">
        <v>11148</v>
      </c>
      <c r="E1955" s="1149" t="s">
        <v>11149</v>
      </c>
      <c r="F1955" s="1149" t="s">
        <v>10975</v>
      </c>
      <c r="G1955" s="150"/>
      <c r="H1955" s="150"/>
    </row>
    <row r="1956" spans="1:8" ht="25.5">
      <c r="A1956" s="150"/>
      <c r="B1956" s="164" t="s">
        <v>13529</v>
      </c>
      <c r="C1956" s="1150"/>
      <c r="D1956" s="1150"/>
      <c r="E1956" s="1150"/>
      <c r="F1956" s="1150"/>
      <c r="G1956" s="150"/>
      <c r="H1956" s="150"/>
    </row>
    <row r="1957" spans="1:8">
      <c r="A1957" s="150"/>
      <c r="B1957" s="162" t="s">
        <v>11150</v>
      </c>
      <c r="C1957" s="1149" t="s">
        <v>11151</v>
      </c>
      <c r="D1957" s="1149" t="s">
        <v>11152</v>
      </c>
      <c r="E1957" s="1149" t="s">
        <v>11153</v>
      </c>
      <c r="F1957" s="1149" t="s">
        <v>10975</v>
      </c>
      <c r="G1957" s="150"/>
      <c r="H1957" s="150"/>
    </row>
    <row r="1958" spans="1:8" ht="63.75">
      <c r="A1958" s="150"/>
      <c r="B1958" s="164" t="s">
        <v>13530</v>
      </c>
      <c r="C1958" s="1150"/>
      <c r="D1958" s="1150"/>
      <c r="E1958" s="1150"/>
      <c r="F1958" s="1150"/>
      <c r="G1958" s="150"/>
      <c r="H1958" s="150"/>
    </row>
    <row r="1959" spans="1:8">
      <c r="A1959" s="150"/>
      <c r="B1959" s="195" t="s">
        <v>32357</v>
      </c>
      <c r="C1959" s="196" t="s">
        <v>11154</v>
      </c>
      <c r="D1959" s="196" t="s">
        <v>11155</v>
      </c>
      <c r="E1959" s="196" t="s">
        <v>11156</v>
      </c>
      <c r="F1959" s="196" t="s">
        <v>10975</v>
      </c>
      <c r="G1959" s="150"/>
      <c r="H1959" s="150"/>
    </row>
    <row r="1960" spans="1:8">
      <c r="A1960" s="150"/>
      <c r="B1960" s="162" t="s">
        <v>11157</v>
      </c>
      <c r="C1960" s="1149" t="s">
        <v>11158</v>
      </c>
      <c r="D1960" s="1149" t="s">
        <v>11159</v>
      </c>
      <c r="E1960" s="1149" t="s">
        <v>11160</v>
      </c>
      <c r="F1960" s="1149" t="s">
        <v>10975</v>
      </c>
      <c r="G1960" s="150"/>
      <c r="H1960" s="150"/>
    </row>
    <row r="1961" spans="1:8" ht="51">
      <c r="A1961" s="150"/>
      <c r="B1961" s="164" t="s">
        <v>13531</v>
      </c>
      <c r="C1961" s="1150"/>
      <c r="D1961" s="1150"/>
      <c r="E1961" s="1150"/>
      <c r="F1961" s="1150"/>
      <c r="G1961" s="150"/>
      <c r="H1961" s="150"/>
    </row>
    <row r="1962" spans="1:8" ht="25.5">
      <c r="A1962" s="150"/>
      <c r="B1962" s="162" t="s">
        <v>32358</v>
      </c>
      <c r="C1962" s="1149" t="s">
        <v>11161</v>
      </c>
      <c r="D1962" s="1149" t="s">
        <v>11162</v>
      </c>
      <c r="E1962" s="1149" t="s">
        <v>11163</v>
      </c>
      <c r="F1962" s="1149" t="s">
        <v>10975</v>
      </c>
      <c r="G1962" s="150"/>
      <c r="H1962" s="150"/>
    </row>
    <row r="1963" spans="1:8" ht="51">
      <c r="A1963" s="150"/>
      <c r="B1963" s="164" t="s">
        <v>13532</v>
      </c>
      <c r="C1963" s="1150"/>
      <c r="D1963" s="1150"/>
      <c r="E1963" s="1150"/>
      <c r="F1963" s="1150"/>
      <c r="G1963" s="150"/>
      <c r="H1963" s="150"/>
    </row>
    <row r="1964" spans="1:8">
      <c r="A1964" s="150"/>
      <c r="B1964" s="162" t="s">
        <v>11164</v>
      </c>
      <c r="C1964" s="1149" t="s">
        <v>11166</v>
      </c>
      <c r="D1964" s="1149" t="s">
        <v>11167</v>
      </c>
      <c r="E1964" s="1149" t="s">
        <v>11168</v>
      </c>
      <c r="F1964" s="1149" t="s">
        <v>10975</v>
      </c>
      <c r="G1964" s="150"/>
      <c r="H1964" s="150"/>
    </row>
    <row r="1965" spans="1:8" ht="51">
      <c r="A1965" s="150"/>
      <c r="B1965" s="164" t="s">
        <v>11165</v>
      </c>
      <c r="C1965" s="1150"/>
      <c r="D1965" s="1150"/>
      <c r="E1965" s="1150"/>
      <c r="F1965" s="1150"/>
      <c r="G1965" s="150"/>
      <c r="H1965" s="150"/>
    </row>
    <row r="1966" spans="1:8">
      <c r="A1966" s="150"/>
      <c r="B1966" s="195" t="s">
        <v>11169</v>
      </c>
      <c r="C1966" s="196" t="s">
        <v>11170</v>
      </c>
      <c r="D1966" s="196" t="s">
        <v>11171</v>
      </c>
      <c r="E1966" s="196" t="s">
        <v>11172</v>
      </c>
      <c r="F1966" s="196" t="s">
        <v>10975</v>
      </c>
      <c r="G1966" s="150"/>
      <c r="H1966" s="150"/>
    </row>
    <row r="1967" spans="1:8" ht="25.5">
      <c r="A1967" s="150"/>
      <c r="B1967" s="195" t="s">
        <v>11173</v>
      </c>
      <c r="C1967" s="196" t="s">
        <v>11174</v>
      </c>
      <c r="D1967" s="196" t="s">
        <v>11175</v>
      </c>
      <c r="E1967" s="196" t="s">
        <v>11176</v>
      </c>
      <c r="F1967" s="196" t="s">
        <v>10975</v>
      </c>
      <c r="G1967" s="150"/>
      <c r="H1967" s="150"/>
    </row>
    <row r="1968" spans="1:8">
      <c r="A1968" s="150"/>
      <c r="B1968" s="162" t="s">
        <v>11177</v>
      </c>
      <c r="C1968" s="1149" t="s">
        <v>11179</v>
      </c>
      <c r="D1968" s="1149" t="s">
        <v>11180</v>
      </c>
      <c r="E1968" s="1149" t="s">
        <v>11181</v>
      </c>
      <c r="F1968" s="1149" t="s">
        <v>10975</v>
      </c>
      <c r="G1968" s="150"/>
      <c r="H1968" s="150"/>
    </row>
    <row r="1969" spans="1:8" ht="63.75">
      <c r="A1969" s="150"/>
      <c r="B1969" s="164" t="s">
        <v>11178</v>
      </c>
      <c r="C1969" s="1150"/>
      <c r="D1969" s="1150"/>
      <c r="E1969" s="1150"/>
      <c r="F1969" s="1150"/>
      <c r="G1969" s="150"/>
      <c r="H1969" s="150"/>
    </row>
    <row r="1970" spans="1:8" ht="38.25">
      <c r="A1970" s="150"/>
      <c r="B1970" s="162" t="s">
        <v>11182</v>
      </c>
      <c r="C1970" s="1149" t="s">
        <v>11183</v>
      </c>
      <c r="D1970" s="1149" t="s">
        <v>11184</v>
      </c>
      <c r="E1970" s="1149" t="s">
        <v>11185</v>
      </c>
      <c r="F1970" s="1149" t="s">
        <v>10975</v>
      </c>
      <c r="G1970" s="150"/>
      <c r="H1970" s="150"/>
    </row>
    <row r="1971" spans="1:8" ht="63.75">
      <c r="A1971" s="150"/>
      <c r="B1971" s="164" t="s">
        <v>13533</v>
      </c>
      <c r="C1971" s="1150"/>
      <c r="D1971" s="1150"/>
      <c r="E1971" s="1150"/>
      <c r="F1971" s="1150"/>
      <c r="G1971" s="150"/>
      <c r="H1971" s="150"/>
    </row>
    <row r="1972" spans="1:8" ht="25.5">
      <c r="A1972" s="150"/>
      <c r="B1972" s="162" t="s">
        <v>11186</v>
      </c>
      <c r="C1972" s="1149" t="s">
        <v>11187</v>
      </c>
      <c r="D1972" s="1149" t="s">
        <v>11188</v>
      </c>
      <c r="E1972" s="1149" t="s">
        <v>11189</v>
      </c>
      <c r="F1972" s="1149" t="s">
        <v>10975</v>
      </c>
      <c r="G1972" s="150"/>
      <c r="H1972" s="150"/>
    </row>
    <row r="1973" spans="1:8" ht="51">
      <c r="A1973" s="150"/>
      <c r="B1973" s="164" t="s">
        <v>13534</v>
      </c>
      <c r="C1973" s="1150"/>
      <c r="D1973" s="1150"/>
      <c r="E1973" s="1150"/>
      <c r="F1973" s="1150"/>
      <c r="G1973" s="150"/>
      <c r="H1973" s="150"/>
    </row>
    <row r="1974" spans="1:8" ht="25.5">
      <c r="A1974" s="150"/>
      <c r="B1974" s="162" t="s">
        <v>11190</v>
      </c>
      <c r="C1974" s="1149" t="s">
        <v>11191</v>
      </c>
      <c r="D1974" s="1149" t="s">
        <v>11192</v>
      </c>
      <c r="E1974" s="1149" t="s">
        <v>11193</v>
      </c>
      <c r="F1974" s="1149" t="s">
        <v>10975</v>
      </c>
      <c r="G1974" s="150"/>
      <c r="H1974" s="150"/>
    </row>
    <row r="1975" spans="1:8" ht="51">
      <c r="A1975" s="150"/>
      <c r="B1975" s="164" t="s">
        <v>13535</v>
      </c>
      <c r="C1975" s="1150"/>
      <c r="D1975" s="1150"/>
      <c r="E1975" s="1150"/>
      <c r="F1975" s="1150"/>
      <c r="G1975" s="150"/>
      <c r="H1975" s="150"/>
    </row>
    <row r="1976" spans="1:8" ht="25.5">
      <c r="A1976" s="150"/>
      <c r="B1976" s="162" t="s">
        <v>11194</v>
      </c>
      <c r="C1976" s="1149" t="s">
        <v>11196</v>
      </c>
      <c r="D1976" s="1149" t="s">
        <v>11197</v>
      </c>
      <c r="E1976" s="1149" t="s">
        <v>11198</v>
      </c>
      <c r="F1976" s="1149" t="s">
        <v>10975</v>
      </c>
      <c r="G1976" s="150"/>
      <c r="H1976" s="150"/>
    </row>
    <row r="1977" spans="1:8" ht="51">
      <c r="A1977" s="150"/>
      <c r="B1977" s="164" t="s">
        <v>11195</v>
      </c>
      <c r="C1977" s="1150"/>
      <c r="D1977" s="1150"/>
      <c r="E1977" s="1150"/>
      <c r="F1977" s="1150"/>
      <c r="G1977" s="150"/>
      <c r="H1977" s="150"/>
    </row>
    <row r="1978" spans="1:8">
      <c r="A1978" s="150"/>
      <c r="B1978" s="1159" t="s">
        <v>31587</v>
      </c>
      <c r="C1978" s="1160"/>
      <c r="D1978" s="1160"/>
      <c r="E1978" s="1160"/>
      <c r="F1978" s="1161"/>
      <c r="G1978" s="150"/>
      <c r="H1978" s="150"/>
    </row>
    <row r="1979" spans="1:8">
      <c r="A1979" s="150"/>
      <c r="B1979" s="162" t="s">
        <v>11199</v>
      </c>
      <c r="C1979" s="1149" t="s">
        <v>11200</v>
      </c>
      <c r="D1979" s="1149" t="s">
        <v>11201</v>
      </c>
      <c r="E1979" s="1149" t="s">
        <v>11202</v>
      </c>
      <c r="F1979" s="1149" t="s">
        <v>10821</v>
      </c>
      <c r="G1979" s="150"/>
      <c r="H1979" s="150"/>
    </row>
    <row r="1980" spans="1:8">
      <c r="A1980" s="150"/>
      <c r="B1980" s="163" t="s">
        <v>11034</v>
      </c>
      <c r="C1980" s="1158"/>
      <c r="D1980" s="1158"/>
      <c r="E1980" s="1158"/>
      <c r="F1980" s="1158"/>
      <c r="G1980" s="150"/>
      <c r="H1980" s="150"/>
    </row>
    <row r="1981" spans="1:8" ht="89.25">
      <c r="A1981" s="150"/>
      <c r="B1981" s="164" t="s">
        <v>13536</v>
      </c>
      <c r="C1981" s="1150"/>
      <c r="D1981" s="1150"/>
      <c r="E1981" s="1150"/>
      <c r="F1981" s="1150"/>
      <c r="G1981" s="150"/>
      <c r="H1981" s="150"/>
    </row>
    <row r="1982" spans="1:8">
      <c r="A1982" s="150"/>
      <c r="B1982" s="1159" t="s">
        <v>8508</v>
      </c>
      <c r="C1982" s="1160"/>
      <c r="D1982" s="1160"/>
      <c r="E1982" s="1160"/>
      <c r="F1982" s="1161"/>
      <c r="G1982" s="150"/>
      <c r="H1982" s="150"/>
    </row>
    <row r="1983" spans="1:8" ht="25.5">
      <c r="A1983" s="150"/>
      <c r="B1983" s="195" t="s">
        <v>11203</v>
      </c>
      <c r="C1983" s="196" t="s">
        <v>11204</v>
      </c>
      <c r="D1983" s="196" t="s">
        <v>11205</v>
      </c>
      <c r="E1983" s="196" t="s">
        <v>11206</v>
      </c>
      <c r="F1983" s="196" t="s">
        <v>10975</v>
      </c>
      <c r="G1983" s="150"/>
      <c r="H1983" s="150"/>
    </row>
    <row r="1984" spans="1:8">
      <c r="A1984" s="150"/>
      <c r="B1984" s="162" t="s">
        <v>11207</v>
      </c>
      <c r="C1984" s="1149" t="s">
        <v>11209</v>
      </c>
      <c r="D1984" s="1149" t="s">
        <v>11210</v>
      </c>
      <c r="E1984" s="1149" t="s">
        <v>11211</v>
      </c>
      <c r="F1984" s="1149" t="s">
        <v>10975</v>
      </c>
      <c r="G1984" s="150"/>
      <c r="H1984" s="150"/>
    </row>
    <row r="1985" spans="1:8" ht="76.5">
      <c r="A1985" s="150"/>
      <c r="B1985" s="164" t="s">
        <v>11208</v>
      </c>
      <c r="C1985" s="1150"/>
      <c r="D1985" s="1150"/>
      <c r="E1985" s="1150"/>
      <c r="F1985" s="1150"/>
      <c r="G1985" s="150"/>
      <c r="H1985" s="150"/>
    </row>
    <row r="1986" spans="1:8">
      <c r="A1986" s="150"/>
      <c r="B1986" s="162" t="s">
        <v>11212</v>
      </c>
      <c r="C1986" s="1149" t="s">
        <v>11214</v>
      </c>
      <c r="D1986" s="1149" t="s">
        <v>11215</v>
      </c>
      <c r="E1986" s="1149" t="s">
        <v>11216</v>
      </c>
      <c r="F1986" s="1149" t="s">
        <v>10975</v>
      </c>
      <c r="G1986" s="150"/>
      <c r="H1986" s="150"/>
    </row>
    <row r="1987" spans="1:8" ht="76.5">
      <c r="A1987" s="150"/>
      <c r="B1987" s="164" t="s">
        <v>11213</v>
      </c>
      <c r="C1987" s="1150"/>
      <c r="D1987" s="1150"/>
      <c r="E1987" s="1150"/>
      <c r="F1987" s="1150"/>
      <c r="G1987" s="150"/>
      <c r="H1987" s="150"/>
    </row>
    <row r="1988" spans="1:8">
      <c r="A1988" s="150"/>
      <c r="B1988" s="162" t="s">
        <v>11217</v>
      </c>
      <c r="C1988" s="1149" t="s">
        <v>11219</v>
      </c>
      <c r="D1988" s="1149" t="s">
        <v>11220</v>
      </c>
      <c r="E1988" s="1149" t="s">
        <v>11221</v>
      </c>
      <c r="F1988" s="1149" t="s">
        <v>10821</v>
      </c>
      <c r="G1988" s="150"/>
      <c r="H1988" s="150"/>
    </row>
    <row r="1989" spans="1:8" ht="38.25">
      <c r="A1989" s="150"/>
      <c r="B1989" s="164" t="s">
        <v>11218</v>
      </c>
      <c r="C1989" s="1150"/>
      <c r="D1989" s="1150"/>
      <c r="E1989" s="1150"/>
      <c r="F1989" s="1150"/>
      <c r="G1989" s="150"/>
      <c r="H1989" s="150"/>
    </row>
    <row r="1990" spans="1:8">
      <c r="A1990" s="150"/>
      <c r="B1990" s="162" t="s">
        <v>11222</v>
      </c>
      <c r="C1990" s="1149" t="s">
        <v>11224</v>
      </c>
      <c r="D1990" s="1149" t="s">
        <v>11225</v>
      </c>
      <c r="E1990" s="1149" t="s">
        <v>11226</v>
      </c>
      <c r="F1990" s="1149" t="s">
        <v>10821</v>
      </c>
      <c r="G1990" s="150"/>
      <c r="H1990" s="150"/>
    </row>
    <row r="1991" spans="1:8" ht="102">
      <c r="A1991" s="150"/>
      <c r="B1991" s="164" t="s">
        <v>11223</v>
      </c>
      <c r="C1991" s="1150"/>
      <c r="D1991" s="1150"/>
      <c r="E1991" s="1150"/>
      <c r="F1991" s="1150"/>
      <c r="G1991" s="150"/>
      <c r="H1991" s="150"/>
    </row>
    <row r="1992" spans="1:8">
      <c r="A1992" s="150"/>
      <c r="B1992" s="162" t="s">
        <v>11227</v>
      </c>
      <c r="C1992" s="1149" t="s">
        <v>11229</v>
      </c>
      <c r="D1992" s="1149" t="s">
        <v>11230</v>
      </c>
      <c r="E1992" s="1149" t="s">
        <v>11231</v>
      </c>
      <c r="F1992" s="1149" t="s">
        <v>10821</v>
      </c>
      <c r="G1992" s="150"/>
      <c r="H1992" s="150"/>
    </row>
    <row r="1993" spans="1:8" ht="102">
      <c r="A1993" s="150"/>
      <c r="B1993" s="164" t="s">
        <v>11228</v>
      </c>
      <c r="C1993" s="1150"/>
      <c r="D1993" s="1150"/>
      <c r="E1993" s="1150"/>
      <c r="F1993" s="1150"/>
      <c r="G1993" s="150"/>
      <c r="H1993" s="150"/>
    </row>
    <row r="1994" spans="1:8">
      <c r="A1994" s="150"/>
      <c r="B1994" s="162" t="s">
        <v>11232</v>
      </c>
      <c r="C1994" s="1149" t="s">
        <v>11233</v>
      </c>
      <c r="D1994" s="1149" t="s">
        <v>11234</v>
      </c>
      <c r="E1994" s="1149" t="s">
        <v>11235</v>
      </c>
      <c r="F1994" s="1149" t="s">
        <v>10670</v>
      </c>
      <c r="G1994" s="150"/>
      <c r="H1994" s="150"/>
    </row>
    <row r="1995" spans="1:8" ht="63.75">
      <c r="A1995" s="150"/>
      <c r="B1995" s="164" t="s">
        <v>13537</v>
      </c>
      <c r="C1995" s="1150"/>
      <c r="D1995" s="1150"/>
      <c r="E1995" s="1150"/>
      <c r="F1995" s="1150"/>
      <c r="G1995" s="150"/>
      <c r="H1995" s="150"/>
    </row>
    <row r="1996" spans="1:8">
      <c r="A1996" s="150"/>
      <c r="B1996" s="162" t="s">
        <v>11236</v>
      </c>
      <c r="C1996" s="1149" t="s">
        <v>11237</v>
      </c>
      <c r="D1996" s="1149" t="s">
        <v>11238</v>
      </c>
      <c r="E1996" s="1149" t="s">
        <v>11239</v>
      </c>
      <c r="F1996" s="1149" t="s">
        <v>10670</v>
      </c>
      <c r="G1996" s="150"/>
      <c r="H1996" s="150"/>
    </row>
    <row r="1997" spans="1:8" ht="102">
      <c r="A1997" s="150"/>
      <c r="B1997" s="164" t="s">
        <v>32359</v>
      </c>
      <c r="C1997" s="1150"/>
      <c r="D1997" s="1150"/>
      <c r="E1997" s="1150"/>
      <c r="F1997" s="1150"/>
      <c r="G1997" s="150"/>
      <c r="H1997" s="150"/>
    </row>
    <row r="1998" spans="1:8">
      <c r="A1998" s="150"/>
      <c r="B1998" s="162" t="s">
        <v>11240</v>
      </c>
      <c r="C1998" s="1149" t="s">
        <v>11241</v>
      </c>
      <c r="D1998" s="1149" t="s">
        <v>11242</v>
      </c>
      <c r="E1998" s="1149" t="s">
        <v>11243</v>
      </c>
      <c r="F1998" s="1149" t="s">
        <v>10670</v>
      </c>
      <c r="G1998" s="150"/>
      <c r="H1998" s="150"/>
    </row>
    <row r="1999" spans="1:8" ht="127.5">
      <c r="A1999" s="150"/>
      <c r="B1999" s="164" t="s">
        <v>32360</v>
      </c>
      <c r="C1999" s="1150"/>
      <c r="D1999" s="1150"/>
      <c r="E1999" s="1150"/>
      <c r="F1999" s="1150"/>
      <c r="G1999" s="150"/>
      <c r="H1999" s="150"/>
    </row>
    <row r="2000" spans="1:8">
      <c r="A2000" s="150"/>
      <c r="B2000" s="162" t="s">
        <v>11244</v>
      </c>
      <c r="C2000" s="1149" t="s">
        <v>11245</v>
      </c>
      <c r="D2000" s="1149" t="s">
        <v>11246</v>
      </c>
      <c r="E2000" s="1149" t="s">
        <v>11247</v>
      </c>
      <c r="F2000" s="1149" t="s">
        <v>10670</v>
      </c>
      <c r="G2000" s="150"/>
      <c r="H2000" s="150"/>
    </row>
    <row r="2001" spans="1:8" ht="127.5">
      <c r="A2001" s="150"/>
      <c r="B2001" s="164" t="s">
        <v>32361</v>
      </c>
      <c r="C2001" s="1150"/>
      <c r="D2001" s="1150"/>
      <c r="E2001" s="1150"/>
      <c r="F2001" s="1150"/>
      <c r="G2001" s="150"/>
      <c r="H2001" s="150"/>
    </row>
    <row r="2002" spans="1:8" ht="25.5">
      <c r="A2002" s="150"/>
      <c r="B2002" s="162" t="s">
        <v>11248</v>
      </c>
      <c r="C2002" s="1149" t="s">
        <v>11249</v>
      </c>
      <c r="D2002" s="1149" t="s">
        <v>11250</v>
      </c>
      <c r="E2002" s="1149" t="s">
        <v>11251</v>
      </c>
      <c r="F2002" s="1149" t="s">
        <v>10670</v>
      </c>
      <c r="G2002" s="150"/>
      <c r="H2002" s="150"/>
    </row>
    <row r="2003" spans="1:8" ht="114.75">
      <c r="A2003" s="150"/>
      <c r="B2003" s="164" t="s">
        <v>32362</v>
      </c>
      <c r="C2003" s="1150"/>
      <c r="D2003" s="1150"/>
      <c r="E2003" s="1150"/>
      <c r="F2003" s="1150"/>
      <c r="G2003" s="150"/>
      <c r="H2003" s="150"/>
    </row>
    <row r="2004" spans="1:8" ht="25.5">
      <c r="A2004" s="150"/>
      <c r="B2004" s="162" t="s">
        <v>11252</v>
      </c>
      <c r="C2004" s="1149" t="s">
        <v>11253</v>
      </c>
      <c r="D2004" s="1149" t="s">
        <v>11254</v>
      </c>
      <c r="E2004" s="1149" t="s">
        <v>11255</v>
      </c>
      <c r="F2004" s="1149" t="s">
        <v>10670</v>
      </c>
      <c r="G2004" s="150"/>
      <c r="H2004" s="150"/>
    </row>
    <row r="2005" spans="1:8" ht="127.5">
      <c r="A2005" s="150"/>
      <c r="B2005" s="164" t="s">
        <v>32363</v>
      </c>
      <c r="C2005" s="1150"/>
      <c r="D2005" s="1150"/>
      <c r="E2005" s="1150"/>
      <c r="F2005" s="1150"/>
      <c r="G2005" s="150"/>
      <c r="H2005" s="150"/>
    </row>
    <row r="2006" spans="1:8" ht="25.5">
      <c r="A2006" s="150"/>
      <c r="B2006" s="162" t="s">
        <v>11256</v>
      </c>
      <c r="C2006" s="1149" t="s">
        <v>11257</v>
      </c>
      <c r="D2006" s="1149" t="s">
        <v>11258</v>
      </c>
      <c r="E2006" s="1149" t="s">
        <v>11259</v>
      </c>
      <c r="F2006" s="1149" t="s">
        <v>10670</v>
      </c>
      <c r="G2006" s="150"/>
      <c r="H2006" s="150"/>
    </row>
    <row r="2007" spans="1:8" ht="102">
      <c r="A2007" s="150"/>
      <c r="B2007" s="164" t="s">
        <v>32364</v>
      </c>
      <c r="C2007" s="1150"/>
      <c r="D2007" s="1150"/>
      <c r="E2007" s="1150"/>
      <c r="F2007" s="1150"/>
      <c r="G2007" s="150"/>
      <c r="H2007" s="150"/>
    </row>
    <row r="2008" spans="1:8">
      <c r="A2008" s="150"/>
      <c r="B2008" s="162" t="s">
        <v>11260</v>
      </c>
      <c r="C2008" s="1149" t="s">
        <v>11261</v>
      </c>
      <c r="D2008" s="1149" t="s">
        <v>11262</v>
      </c>
      <c r="E2008" s="1149" t="s">
        <v>11263</v>
      </c>
      <c r="F2008" s="1149" t="s">
        <v>10670</v>
      </c>
      <c r="G2008" s="150"/>
      <c r="H2008" s="150"/>
    </row>
    <row r="2009" spans="1:8" ht="51">
      <c r="A2009" s="150"/>
      <c r="B2009" s="164" t="s">
        <v>32365</v>
      </c>
      <c r="C2009" s="1150"/>
      <c r="D2009" s="1150"/>
      <c r="E2009" s="1150"/>
      <c r="F2009" s="1150"/>
      <c r="G2009" s="150"/>
      <c r="H2009" s="150"/>
    </row>
    <row r="2010" spans="1:8">
      <c r="A2010" s="150"/>
      <c r="B2010" s="195" t="s">
        <v>11264</v>
      </c>
      <c r="C2010" s="196" t="s">
        <v>11265</v>
      </c>
      <c r="D2010" s="196" t="s">
        <v>11266</v>
      </c>
      <c r="E2010" s="196" t="s">
        <v>11267</v>
      </c>
      <c r="F2010" s="194" t="s">
        <v>32154</v>
      </c>
      <c r="G2010" s="150"/>
      <c r="H2010" s="150"/>
    </row>
    <row r="2011" spans="1:8">
      <c r="A2011" s="150"/>
      <c r="B2011" s="195" t="s">
        <v>11268</v>
      </c>
      <c r="C2011" s="196" t="s">
        <v>11269</v>
      </c>
      <c r="D2011" s="196" t="s">
        <v>11270</v>
      </c>
      <c r="E2011" s="196" t="s">
        <v>11271</v>
      </c>
      <c r="F2011" s="194" t="s">
        <v>32154</v>
      </c>
      <c r="G2011" s="150"/>
      <c r="H2011" s="150"/>
    </row>
    <row r="2012" spans="1:8">
      <c r="A2012" s="150"/>
      <c r="B2012" s="195" t="s">
        <v>11272</v>
      </c>
      <c r="C2012" s="196" t="s">
        <v>11273</v>
      </c>
      <c r="D2012" s="196" t="s">
        <v>11274</v>
      </c>
      <c r="E2012" s="198">
        <v>1670019</v>
      </c>
      <c r="F2012" s="194" t="s">
        <v>32154</v>
      </c>
      <c r="G2012" s="150"/>
      <c r="H2012" s="150"/>
    </row>
    <row r="2013" spans="1:8" ht="25.5">
      <c r="A2013" s="150"/>
      <c r="B2013" s="195" t="s">
        <v>11275</v>
      </c>
      <c r="C2013" s="196" t="s">
        <v>11276</v>
      </c>
      <c r="D2013" s="196" t="s">
        <v>11277</v>
      </c>
      <c r="E2013" s="196" t="s">
        <v>11278</v>
      </c>
      <c r="F2013" s="194" t="s">
        <v>32154</v>
      </c>
      <c r="G2013" s="150"/>
      <c r="H2013" s="150"/>
    </row>
    <row r="2014" spans="1:8">
      <c r="A2014" s="150"/>
      <c r="B2014" s="195" t="s">
        <v>11279</v>
      </c>
      <c r="C2014" s="196" t="s">
        <v>11280</v>
      </c>
      <c r="D2014" s="196" t="s">
        <v>11281</v>
      </c>
      <c r="E2014" s="196" t="s">
        <v>11282</v>
      </c>
      <c r="F2014" s="194" t="s">
        <v>32154</v>
      </c>
      <c r="G2014" s="150"/>
      <c r="H2014" s="150"/>
    </row>
    <row r="2015" spans="1:8">
      <c r="A2015" s="150"/>
      <c r="B2015" s="195" t="s">
        <v>32366</v>
      </c>
      <c r="C2015" s="196" t="s">
        <v>11283</v>
      </c>
      <c r="D2015" s="196" t="s">
        <v>11284</v>
      </c>
      <c r="E2015" s="196" t="s">
        <v>11285</v>
      </c>
      <c r="F2015" s="194" t="s">
        <v>32154</v>
      </c>
      <c r="G2015" s="150"/>
      <c r="H2015" s="150"/>
    </row>
    <row r="2016" spans="1:8">
      <c r="A2016" s="150"/>
      <c r="B2016" s="162" t="s">
        <v>11286</v>
      </c>
      <c r="C2016" s="1149" t="s">
        <v>11287</v>
      </c>
      <c r="D2016" s="1149" t="s">
        <v>11288</v>
      </c>
      <c r="E2016" s="1149" t="s">
        <v>11289</v>
      </c>
      <c r="F2016" s="1149"/>
      <c r="G2016" s="150"/>
      <c r="H2016" s="150"/>
    </row>
    <row r="2017" spans="1:8" ht="76.5">
      <c r="A2017" s="150"/>
      <c r="B2017" s="164" t="s">
        <v>32367</v>
      </c>
      <c r="C2017" s="1150"/>
      <c r="D2017" s="1150"/>
      <c r="E2017" s="1150"/>
      <c r="F2017" s="1150"/>
      <c r="G2017" s="150"/>
      <c r="H2017" s="150"/>
    </row>
    <row r="2018" spans="1:8">
      <c r="A2018" s="150"/>
      <c r="B2018" s="162" t="s">
        <v>11290</v>
      </c>
      <c r="C2018" s="1149" t="s">
        <v>11291</v>
      </c>
      <c r="D2018" s="1149" t="s">
        <v>11292</v>
      </c>
      <c r="E2018" s="1149" t="s">
        <v>11293</v>
      </c>
      <c r="F2018" s="1149"/>
      <c r="G2018" s="150"/>
      <c r="H2018" s="150"/>
    </row>
    <row r="2019" spans="1:8" ht="102">
      <c r="A2019" s="150"/>
      <c r="B2019" s="164" t="s">
        <v>32368</v>
      </c>
      <c r="C2019" s="1150"/>
      <c r="D2019" s="1150"/>
      <c r="E2019" s="1150"/>
      <c r="F2019" s="1150"/>
      <c r="G2019" s="150"/>
      <c r="H2019" s="150"/>
    </row>
    <row r="2020" spans="1:8" ht="25.5">
      <c r="A2020" s="150"/>
      <c r="B2020" s="162" t="s">
        <v>11294</v>
      </c>
      <c r="C2020" s="1149" t="s">
        <v>11295</v>
      </c>
      <c r="D2020" s="1149" t="s">
        <v>11296</v>
      </c>
      <c r="E2020" s="1149" t="s">
        <v>11297</v>
      </c>
      <c r="F2020" s="1149"/>
      <c r="G2020" s="150"/>
      <c r="H2020" s="150"/>
    </row>
    <row r="2021" spans="1:8" ht="102">
      <c r="A2021" s="150"/>
      <c r="B2021" s="164" t="s">
        <v>32369</v>
      </c>
      <c r="C2021" s="1150"/>
      <c r="D2021" s="1150"/>
      <c r="E2021" s="1150"/>
      <c r="F2021" s="1150"/>
      <c r="G2021" s="150"/>
      <c r="H2021" s="150"/>
    </row>
    <row r="2022" spans="1:8" ht="25.5">
      <c r="A2022" s="150"/>
      <c r="B2022" s="162" t="s">
        <v>11298</v>
      </c>
      <c r="C2022" s="1149" t="s">
        <v>11299</v>
      </c>
      <c r="D2022" s="1149" t="s">
        <v>11300</v>
      </c>
      <c r="E2022" s="1149" t="s">
        <v>11301</v>
      </c>
      <c r="F2022" s="1149"/>
      <c r="G2022" s="150"/>
      <c r="H2022" s="150"/>
    </row>
    <row r="2023" spans="1:8" ht="102">
      <c r="A2023" s="150"/>
      <c r="B2023" s="164" t="s">
        <v>32370</v>
      </c>
      <c r="C2023" s="1150"/>
      <c r="D2023" s="1150"/>
      <c r="E2023" s="1150"/>
      <c r="F2023" s="1150"/>
      <c r="G2023" s="150"/>
      <c r="H2023" s="150"/>
    </row>
    <row r="2024" spans="1:8">
      <c r="A2024" s="150"/>
      <c r="B2024" s="162" t="s">
        <v>11302</v>
      </c>
      <c r="C2024" s="1149" t="s">
        <v>11303</v>
      </c>
      <c r="D2024" s="1149" t="s">
        <v>11304</v>
      </c>
      <c r="E2024" s="1149" t="s">
        <v>11305</v>
      </c>
      <c r="F2024" s="1149"/>
      <c r="G2024" s="150"/>
      <c r="H2024" s="150"/>
    </row>
    <row r="2025" spans="1:8" ht="63.75">
      <c r="A2025" s="150"/>
      <c r="B2025" s="164" t="s">
        <v>32371</v>
      </c>
      <c r="C2025" s="1150"/>
      <c r="D2025" s="1150"/>
      <c r="E2025" s="1150"/>
      <c r="F2025" s="1150"/>
      <c r="G2025" s="150"/>
      <c r="H2025" s="150"/>
    </row>
    <row r="2026" spans="1:8">
      <c r="A2026" s="150"/>
      <c r="B2026" s="162" t="s">
        <v>11306</v>
      </c>
      <c r="C2026" s="1149" t="s">
        <v>11307</v>
      </c>
      <c r="D2026" s="1149" t="s">
        <v>11308</v>
      </c>
      <c r="E2026" s="1149" t="s">
        <v>11309</v>
      </c>
      <c r="F2026" s="1149"/>
      <c r="G2026" s="150"/>
      <c r="H2026" s="150"/>
    </row>
    <row r="2027" spans="1:8" ht="102">
      <c r="A2027" s="150"/>
      <c r="B2027" s="164" t="s">
        <v>32372</v>
      </c>
      <c r="C2027" s="1150"/>
      <c r="D2027" s="1150"/>
      <c r="E2027" s="1150"/>
      <c r="F2027" s="1150"/>
      <c r="G2027" s="150"/>
      <c r="H2027" s="150"/>
    </row>
    <row r="2028" spans="1:8" ht="25.5">
      <c r="A2028" s="150"/>
      <c r="B2028" s="162" t="s">
        <v>11310</v>
      </c>
      <c r="C2028" s="1149" t="s">
        <v>11311</v>
      </c>
      <c r="D2028" s="1149" t="s">
        <v>11312</v>
      </c>
      <c r="E2028" s="1149" t="s">
        <v>11313</v>
      </c>
      <c r="F2028" s="1149"/>
      <c r="G2028" s="150"/>
      <c r="H2028" s="150"/>
    </row>
    <row r="2029" spans="1:8" ht="102">
      <c r="A2029" s="150"/>
      <c r="B2029" s="164" t="s">
        <v>32373</v>
      </c>
      <c r="C2029" s="1150"/>
      <c r="D2029" s="1150"/>
      <c r="E2029" s="1150"/>
      <c r="F2029" s="1150"/>
      <c r="G2029" s="150"/>
      <c r="H2029" s="150"/>
    </row>
    <row r="2030" spans="1:8" ht="25.5">
      <c r="A2030" s="150"/>
      <c r="B2030" s="162" t="s">
        <v>11314</v>
      </c>
      <c r="C2030" s="1149" t="s">
        <v>11315</v>
      </c>
      <c r="D2030" s="1149" t="s">
        <v>11316</v>
      </c>
      <c r="E2030" s="1149" t="s">
        <v>11317</v>
      </c>
      <c r="F2030" s="1149"/>
      <c r="G2030" s="150"/>
      <c r="H2030" s="150"/>
    </row>
    <row r="2031" spans="1:8" ht="102">
      <c r="A2031" s="150"/>
      <c r="B2031" s="164" t="s">
        <v>32374</v>
      </c>
      <c r="C2031" s="1150"/>
      <c r="D2031" s="1150"/>
      <c r="E2031" s="1150"/>
      <c r="F2031" s="1150"/>
      <c r="G2031" s="150"/>
      <c r="H2031" s="150"/>
    </row>
    <row r="2032" spans="1:8" ht="25.5">
      <c r="A2032" s="150"/>
      <c r="B2032" s="162" t="s">
        <v>11318</v>
      </c>
      <c r="C2032" s="1149" t="s">
        <v>11319</v>
      </c>
      <c r="D2032" s="1149" t="s">
        <v>11320</v>
      </c>
      <c r="E2032" s="1149" t="s">
        <v>11321</v>
      </c>
      <c r="F2032" s="1149"/>
      <c r="G2032" s="150"/>
      <c r="H2032" s="150"/>
    </row>
    <row r="2033" spans="1:8" ht="114.75">
      <c r="A2033" s="150"/>
      <c r="B2033" s="164" t="s">
        <v>32375</v>
      </c>
      <c r="C2033" s="1150"/>
      <c r="D2033" s="1150"/>
      <c r="E2033" s="1150"/>
      <c r="F2033" s="1150"/>
      <c r="G2033" s="150"/>
      <c r="H2033" s="150"/>
    </row>
    <row r="2034" spans="1:8" ht="25.5">
      <c r="A2034" s="150"/>
      <c r="B2034" s="162" t="s">
        <v>11322</v>
      </c>
      <c r="C2034" s="1149" t="s">
        <v>11323</v>
      </c>
      <c r="D2034" s="1149" t="s">
        <v>11324</v>
      </c>
      <c r="E2034" s="1149" t="s">
        <v>11325</v>
      </c>
      <c r="F2034" s="1149"/>
      <c r="G2034" s="150"/>
      <c r="H2034" s="150"/>
    </row>
    <row r="2035" spans="1:8" ht="89.25">
      <c r="A2035" s="150"/>
      <c r="B2035" s="164" t="s">
        <v>32376</v>
      </c>
      <c r="C2035" s="1150"/>
      <c r="D2035" s="1150"/>
      <c r="E2035" s="1150"/>
      <c r="F2035" s="1150"/>
      <c r="G2035" s="150"/>
      <c r="H2035" s="150"/>
    </row>
    <row r="2036" spans="1:8">
      <c r="A2036" s="150"/>
      <c r="B2036" s="162" t="s">
        <v>11326</v>
      </c>
      <c r="C2036" s="1149" t="s">
        <v>11327</v>
      </c>
      <c r="D2036" s="1149" t="s">
        <v>11328</v>
      </c>
      <c r="E2036" s="1149" t="s">
        <v>11329</v>
      </c>
      <c r="F2036" s="1149"/>
      <c r="G2036" s="150"/>
      <c r="H2036" s="150"/>
    </row>
    <row r="2037" spans="1:8" ht="114.75">
      <c r="A2037" s="150"/>
      <c r="B2037" s="164" t="s">
        <v>32377</v>
      </c>
      <c r="C2037" s="1150"/>
      <c r="D2037" s="1150"/>
      <c r="E2037" s="1150"/>
      <c r="F2037" s="1150"/>
      <c r="G2037" s="150"/>
      <c r="H2037" s="150"/>
    </row>
    <row r="2038" spans="1:8">
      <c r="A2038" s="150"/>
      <c r="B2038" s="162" t="s">
        <v>11330</v>
      </c>
      <c r="C2038" s="1149" t="s">
        <v>11331</v>
      </c>
      <c r="D2038" s="1149" t="s">
        <v>11332</v>
      </c>
      <c r="E2038" s="1149" t="s">
        <v>11333</v>
      </c>
      <c r="F2038" s="1149"/>
      <c r="G2038" s="150"/>
      <c r="H2038" s="150"/>
    </row>
    <row r="2039" spans="1:8" ht="76.5">
      <c r="A2039" s="150"/>
      <c r="B2039" s="164" t="s">
        <v>32378</v>
      </c>
      <c r="C2039" s="1150"/>
      <c r="D2039" s="1150"/>
      <c r="E2039" s="1150"/>
      <c r="F2039" s="1150"/>
      <c r="G2039" s="150"/>
      <c r="H2039" s="150"/>
    </row>
    <row r="2040" spans="1:8" ht="25.5">
      <c r="A2040" s="150"/>
      <c r="B2040" s="162" t="s">
        <v>11334</v>
      </c>
      <c r="C2040" s="1149" t="s">
        <v>11335</v>
      </c>
      <c r="D2040" s="1149" t="s">
        <v>11336</v>
      </c>
      <c r="E2040" s="1149" t="s">
        <v>11337</v>
      </c>
      <c r="F2040" s="1149"/>
      <c r="G2040" s="150"/>
      <c r="H2040" s="150"/>
    </row>
    <row r="2041" spans="1:8" ht="102">
      <c r="A2041" s="150"/>
      <c r="B2041" s="164" t="s">
        <v>32379</v>
      </c>
      <c r="C2041" s="1150"/>
      <c r="D2041" s="1150"/>
      <c r="E2041" s="1150"/>
      <c r="F2041" s="1150"/>
      <c r="G2041" s="150"/>
      <c r="H2041" s="150"/>
    </row>
    <row r="2042" spans="1:8" ht="25.5">
      <c r="A2042" s="150"/>
      <c r="B2042" s="162" t="s">
        <v>11338</v>
      </c>
      <c r="C2042" s="1149" t="s">
        <v>11339</v>
      </c>
      <c r="D2042" s="1149" t="s">
        <v>11340</v>
      </c>
      <c r="E2042" s="1149" t="s">
        <v>11341</v>
      </c>
      <c r="F2042" s="1149"/>
      <c r="G2042" s="150"/>
      <c r="H2042" s="150"/>
    </row>
    <row r="2043" spans="1:8" ht="102">
      <c r="A2043" s="150"/>
      <c r="B2043" s="164" t="s">
        <v>32380</v>
      </c>
      <c r="C2043" s="1150"/>
      <c r="D2043" s="1150"/>
      <c r="E2043" s="1150"/>
      <c r="F2043" s="1150"/>
      <c r="G2043" s="150"/>
      <c r="H2043" s="150"/>
    </row>
    <row r="2044" spans="1:8" ht="25.5">
      <c r="A2044" s="150"/>
      <c r="B2044" s="162" t="s">
        <v>11342</v>
      </c>
      <c r="C2044" s="1149" t="s">
        <v>11343</v>
      </c>
      <c r="D2044" s="1149" t="s">
        <v>11344</v>
      </c>
      <c r="E2044" s="1149" t="s">
        <v>11345</v>
      </c>
      <c r="F2044" s="1149"/>
      <c r="G2044" s="150"/>
      <c r="H2044" s="150"/>
    </row>
    <row r="2045" spans="1:8" ht="114.75">
      <c r="A2045" s="150"/>
      <c r="B2045" s="164" t="s">
        <v>32381</v>
      </c>
      <c r="C2045" s="1150"/>
      <c r="D2045" s="1150"/>
      <c r="E2045" s="1150"/>
      <c r="F2045" s="1150"/>
      <c r="G2045" s="150"/>
      <c r="H2045" s="150"/>
    </row>
    <row r="2046" spans="1:8" ht="25.5">
      <c r="A2046" s="150"/>
      <c r="B2046" s="195" t="s">
        <v>11346</v>
      </c>
      <c r="C2046" s="196" t="s">
        <v>11347</v>
      </c>
      <c r="D2046" s="196" t="s">
        <v>11348</v>
      </c>
      <c r="E2046" s="196" t="s">
        <v>11349</v>
      </c>
      <c r="F2046" s="196"/>
      <c r="G2046" s="150"/>
      <c r="H2046" s="150"/>
    </row>
    <row r="2047" spans="1:8">
      <c r="A2047" s="150"/>
      <c r="B2047" s="162" t="s">
        <v>11350</v>
      </c>
      <c r="C2047" s="1149" t="s">
        <v>11352</v>
      </c>
      <c r="D2047" s="1149" t="s">
        <v>11353</v>
      </c>
      <c r="E2047" s="1149" t="s">
        <v>11354</v>
      </c>
      <c r="F2047" s="1149"/>
      <c r="G2047" s="150"/>
      <c r="H2047" s="150"/>
    </row>
    <row r="2048" spans="1:8" ht="38.25">
      <c r="A2048" s="150"/>
      <c r="B2048" s="164" t="s">
        <v>11351</v>
      </c>
      <c r="C2048" s="1150"/>
      <c r="D2048" s="1150"/>
      <c r="E2048" s="1150"/>
      <c r="F2048" s="1150"/>
      <c r="G2048" s="150"/>
      <c r="H2048" s="150"/>
    </row>
    <row r="2049" spans="1:8" ht="25.5">
      <c r="A2049" s="150"/>
      <c r="B2049" s="162" t="s">
        <v>11355</v>
      </c>
      <c r="C2049" s="1149" t="s">
        <v>11356</v>
      </c>
      <c r="D2049" s="1149" t="s">
        <v>11357</v>
      </c>
      <c r="E2049" s="1149" t="s">
        <v>11358</v>
      </c>
      <c r="F2049" s="1149"/>
      <c r="G2049" s="150"/>
      <c r="H2049" s="150"/>
    </row>
    <row r="2050" spans="1:8" ht="38.25">
      <c r="A2050" s="150"/>
      <c r="B2050" s="164" t="s">
        <v>13538</v>
      </c>
      <c r="C2050" s="1150"/>
      <c r="D2050" s="1150"/>
      <c r="E2050" s="1150"/>
      <c r="F2050" s="1150"/>
      <c r="G2050" s="150"/>
      <c r="H2050" s="150"/>
    </row>
    <row r="2051" spans="1:8" ht="25.5">
      <c r="A2051" s="150"/>
      <c r="B2051" s="162" t="s">
        <v>11359</v>
      </c>
      <c r="C2051" s="1149" t="s">
        <v>11360</v>
      </c>
      <c r="D2051" s="1149" t="s">
        <v>11361</v>
      </c>
      <c r="E2051" s="1149" t="s">
        <v>11362</v>
      </c>
      <c r="F2051" s="1149"/>
      <c r="G2051" s="150"/>
      <c r="H2051" s="150"/>
    </row>
    <row r="2052" spans="1:8" ht="76.5">
      <c r="A2052" s="150"/>
      <c r="B2052" s="164" t="s">
        <v>32382</v>
      </c>
      <c r="C2052" s="1150"/>
      <c r="D2052" s="1150"/>
      <c r="E2052" s="1150"/>
      <c r="F2052" s="1150"/>
      <c r="G2052" s="150"/>
      <c r="H2052" s="150"/>
    </row>
    <row r="2053" spans="1:8" ht="25.5">
      <c r="A2053" s="150"/>
      <c r="B2053" s="162" t="s">
        <v>11363</v>
      </c>
      <c r="C2053" s="1149" t="s">
        <v>11364</v>
      </c>
      <c r="D2053" s="1149" t="s">
        <v>11365</v>
      </c>
      <c r="E2053" s="1149" t="s">
        <v>11366</v>
      </c>
      <c r="F2053" s="1149"/>
      <c r="G2053" s="150"/>
      <c r="H2053" s="150"/>
    </row>
    <row r="2054" spans="1:8" ht="76.5">
      <c r="A2054" s="150"/>
      <c r="B2054" s="164" t="s">
        <v>32383</v>
      </c>
      <c r="C2054" s="1150"/>
      <c r="D2054" s="1150"/>
      <c r="E2054" s="1150"/>
      <c r="F2054" s="1150"/>
      <c r="G2054" s="150"/>
      <c r="H2054" s="150"/>
    </row>
    <row r="2055" spans="1:8">
      <c r="A2055" s="150"/>
      <c r="B2055" s="162" t="s">
        <v>11367</v>
      </c>
      <c r="C2055" s="1149" t="s">
        <v>11368</v>
      </c>
      <c r="D2055" s="1149" t="s">
        <v>11369</v>
      </c>
      <c r="E2055" s="1149" t="s">
        <v>11370</v>
      </c>
      <c r="F2055" s="1149"/>
      <c r="G2055" s="150"/>
      <c r="H2055" s="150"/>
    </row>
    <row r="2056" spans="1:8" ht="63.75">
      <c r="A2056" s="150"/>
      <c r="B2056" s="164" t="s">
        <v>32384</v>
      </c>
      <c r="C2056" s="1150"/>
      <c r="D2056" s="1150"/>
      <c r="E2056" s="1150"/>
      <c r="F2056" s="1150"/>
      <c r="G2056" s="150"/>
      <c r="H2056" s="150"/>
    </row>
    <row r="2057" spans="1:8" ht="25.5">
      <c r="A2057" s="150"/>
      <c r="B2057" s="162" t="s">
        <v>11371</v>
      </c>
      <c r="C2057" s="1149" t="s">
        <v>11372</v>
      </c>
      <c r="D2057" s="1149" t="s">
        <v>11373</v>
      </c>
      <c r="E2057" s="1149" t="s">
        <v>11374</v>
      </c>
      <c r="F2057" s="1149"/>
      <c r="G2057" s="150"/>
      <c r="H2057" s="150"/>
    </row>
    <row r="2058" spans="1:8" ht="76.5">
      <c r="A2058" s="150"/>
      <c r="B2058" s="164" t="s">
        <v>32385</v>
      </c>
      <c r="C2058" s="1150"/>
      <c r="D2058" s="1150"/>
      <c r="E2058" s="1150"/>
      <c r="F2058" s="1150"/>
      <c r="G2058" s="150"/>
      <c r="H2058" s="150"/>
    </row>
    <row r="2059" spans="1:8">
      <c r="A2059" s="150"/>
      <c r="B2059" s="162" t="s">
        <v>11375</v>
      </c>
      <c r="C2059" s="1149" t="s">
        <v>11376</v>
      </c>
      <c r="D2059" s="1149" t="s">
        <v>11377</v>
      </c>
      <c r="E2059" s="1149" t="s">
        <v>11378</v>
      </c>
      <c r="F2059" s="1149"/>
      <c r="G2059" s="150"/>
      <c r="H2059" s="150"/>
    </row>
    <row r="2060" spans="1:8" ht="38.25">
      <c r="A2060" s="150"/>
      <c r="B2060" s="164" t="s">
        <v>32386</v>
      </c>
      <c r="C2060" s="1150"/>
      <c r="D2060" s="1150"/>
      <c r="E2060" s="1150"/>
      <c r="F2060" s="1150"/>
      <c r="G2060" s="150"/>
      <c r="H2060" s="150"/>
    </row>
    <row r="2061" spans="1:8" ht="25.5">
      <c r="A2061" s="150"/>
      <c r="B2061" s="162" t="s">
        <v>11379</v>
      </c>
      <c r="C2061" s="1149" t="s">
        <v>11381</v>
      </c>
      <c r="D2061" s="1149" t="s">
        <v>11382</v>
      </c>
      <c r="E2061" s="1149" t="s">
        <v>11383</v>
      </c>
      <c r="F2061" s="1149"/>
      <c r="G2061" s="150"/>
      <c r="H2061" s="150"/>
    </row>
    <row r="2062" spans="1:8" ht="63.75">
      <c r="A2062" s="150"/>
      <c r="B2062" s="164" t="s">
        <v>11380</v>
      </c>
      <c r="C2062" s="1150"/>
      <c r="D2062" s="1150"/>
      <c r="E2062" s="1150"/>
      <c r="F2062" s="1150"/>
      <c r="G2062" s="150"/>
      <c r="H2062" s="150"/>
    </row>
    <row r="2063" spans="1:8">
      <c r="A2063" s="150"/>
      <c r="B2063" s="162" t="s">
        <v>11384</v>
      </c>
      <c r="C2063" s="1149" t="s">
        <v>11385</v>
      </c>
      <c r="D2063" s="1149" t="s">
        <v>11386</v>
      </c>
      <c r="E2063" s="1149" t="s">
        <v>11387</v>
      </c>
      <c r="F2063" s="1149"/>
      <c r="G2063" s="150"/>
      <c r="H2063" s="150"/>
    </row>
    <row r="2064" spans="1:8" ht="63.75">
      <c r="A2064" s="150"/>
      <c r="B2064" s="164" t="s">
        <v>32387</v>
      </c>
      <c r="C2064" s="1150"/>
      <c r="D2064" s="1150"/>
      <c r="E2064" s="1150"/>
      <c r="F2064" s="1150"/>
      <c r="G2064" s="150"/>
      <c r="H2064" s="150"/>
    </row>
    <row r="2065" spans="1:8" ht="25.5">
      <c r="A2065" s="150"/>
      <c r="B2065" s="162" t="s">
        <v>11388</v>
      </c>
      <c r="C2065" s="1149" t="s">
        <v>11389</v>
      </c>
      <c r="D2065" s="1149" t="s">
        <v>11390</v>
      </c>
      <c r="E2065" s="1149" t="s">
        <v>11391</v>
      </c>
      <c r="F2065" s="1149"/>
      <c r="G2065" s="150"/>
      <c r="H2065" s="150"/>
    </row>
    <row r="2066" spans="1:8" ht="102">
      <c r="A2066" s="150"/>
      <c r="B2066" s="164" t="s">
        <v>32388</v>
      </c>
      <c r="C2066" s="1150"/>
      <c r="D2066" s="1150"/>
      <c r="E2066" s="1150"/>
      <c r="F2066" s="1150"/>
      <c r="G2066" s="150"/>
      <c r="H2066" s="150"/>
    </row>
    <row r="2067" spans="1:8" ht="25.5">
      <c r="A2067" s="150"/>
      <c r="B2067" s="162" t="s">
        <v>11392</v>
      </c>
      <c r="C2067" s="1149" t="s">
        <v>11394</v>
      </c>
      <c r="D2067" s="1149" t="s">
        <v>11395</v>
      </c>
      <c r="E2067" s="1149" t="s">
        <v>11396</v>
      </c>
      <c r="F2067" s="1149"/>
      <c r="G2067" s="150"/>
      <c r="H2067" s="150"/>
    </row>
    <row r="2068" spans="1:8" ht="38.25">
      <c r="A2068" s="150"/>
      <c r="B2068" s="164" t="s">
        <v>11393</v>
      </c>
      <c r="C2068" s="1150"/>
      <c r="D2068" s="1150"/>
      <c r="E2068" s="1150"/>
      <c r="F2068" s="1150"/>
      <c r="G2068" s="150"/>
      <c r="H2068" s="150"/>
    </row>
    <row r="2069" spans="1:8" ht="25.5">
      <c r="A2069" s="150"/>
      <c r="B2069" s="162" t="s">
        <v>11397</v>
      </c>
      <c r="C2069" s="1149" t="s">
        <v>11399</v>
      </c>
      <c r="D2069" s="1149" t="s">
        <v>11400</v>
      </c>
      <c r="E2069" s="1149" t="s">
        <v>11401</v>
      </c>
      <c r="F2069" s="1149"/>
      <c r="G2069" s="150"/>
      <c r="H2069" s="150"/>
    </row>
    <row r="2070" spans="1:8" ht="25.5">
      <c r="A2070" s="150"/>
      <c r="B2070" s="164" t="s">
        <v>11398</v>
      </c>
      <c r="C2070" s="1150"/>
      <c r="D2070" s="1150"/>
      <c r="E2070" s="1150"/>
      <c r="F2070" s="1150"/>
      <c r="G2070" s="150"/>
      <c r="H2070" s="150"/>
    </row>
    <row r="2071" spans="1:8" ht="25.5">
      <c r="A2071" s="150"/>
      <c r="B2071" s="162" t="s">
        <v>11402</v>
      </c>
      <c r="C2071" s="1149" t="s">
        <v>11403</v>
      </c>
      <c r="D2071" s="1149" t="s">
        <v>11404</v>
      </c>
      <c r="E2071" s="1149" t="s">
        <v>11405</v>
      </c>
      <c r="F2071" s="1149"/>
      <c r="G2071" s="150"/>
      <c r="H2071" s="150"/>
    </row>
    <row r="2072" spans="1:8" ht="102">
      <c r="A2072" s="150"/>
      <c r="B2072" s="164" t="s">
        <v>32389</v>
      </c>
      <c r="C2072" s="1150"/>
      <c r="D2072" s="1150"/>
      <c r="E2072" s="1150"/>
      <c r="F2072" s="1150"/>
      <c r="G2072" s="150"/>
      <c r="H2072" s="150"/>
    </row>
    <row r="2073" spans="1:8">
      <c r="A2073" s="150"/>
      <c r="B2073" s="162" t="s">
        <v>11406</v>
      </c>
      <c r="C2073" s="1149" t="s">
        <v>11407</v>
      </c>
      <c r="D2073" s="1149" t="s">
        <v>11408</v>
      </c>
      <c r="E2073" s="1149" t="s">
        <v>11409</v>
      </c>
      <c r="F2073" s="1149"/>
      <c r="G2073" s="150"/>
      <c r="H2073" s="150"/>
    </row>
    <row r="2074" spans="1:8" ht="76.5">
      <c r="A2074" s="150"/>
      <c r="B2074" s="164" t="s">
        <v>32390</v>
      </c>
      <c r="C2074" s="1150"/>
      <c r="D2074" s="1150"/>
      <c r="E2074" s="1150"/>
      <c r="F2074" s="1150"/>
      <c r="G2074" s="150"/>
      <c r="H2074" s="150"/>
    </row>
    <row r="2075" spans="1:8">
      <c r="A2075" s="150"/>
      <c r="B2075" s="162" t="s">
        <v>11410</v>
      </c>
      <c r="C2075" s="1149" t="s">
        <v>11411</v>
      </c>
      <c r="D2075" s="1149" t="s">
        <v>11412</v>
      </c>
      <c r="E2075" s="1149" t="s">
        <v>11413</v>
      </c>
      <c r="F2075" s="1149"/>
      <c r="G2075" s="150"/>
      <c r="H2075" s="150"/>
    </row>
    <row r="2076" spans="1:8" ht="102">
      <c r="A2076" s="150"/>
      <c r="B2076" s="164" t="s">
        <v>32391</v>
      </c>
      <c r="C2076" s="1150"/>
      <c r="D2076" s="1150"/>
      <c r="E2076" s="1150"/>
      <c r="F2076" s="1150"/>
      <c r="G2076" s="150"/>
      <c r="H2076" s="150"/>
    </row>
    <row r="2077" spans="1:8" ht="25.5">
      <c r="A2077" s="150"/>
      <c r="B2077" s="162" t="s">
        <v>11414</v>
      </c>
      <c r="C2077" s="1149" t="s">
        <v>11415</v>
      </c>
      <c r="D2077" s="1149" t="s">
        <v>11416</v>
      </c>
      <c r="E2077" s="1149" t="s">
        <v>11417</v>
      </c>
      <c r="F2077" s="1149"/>
      <c r="G2077" s="150"/>
      <c r="H2077" s="150"/>
    </row>
    <row r="2078" spans="1:8" ht="89.25">
      <c r="A2078" s="150"/>
      <c r="B2078" s="164" t="s">
        <v>32392</v>
      </c>
      <c r="C2078" s="1150"/>
      <c r="D2078" s="1150"/>
      <c r="E2078" s="1150"/>
      <c r="F2078" s="1150"/>
      <c r="G2078" s="150"/>
      <c r="H2078" s="150"/>
    </row>
    <row r="2079" spans="1:8" ht="25.5">
      <c r="A2079" s="150"/>
      <c r="B2079" s="162" t="s">
        <v>11418</v>
      </c>
      <c r="C2079" s="1149" t="s">
        <v>11420</v>
      </c>
      <c r="D2079" s="1149" t="s">
        <v>11421</v>
      </c>
      <c r="E2079" s="1149" t="s">
        <v>11422</v>
      </c>
      <c r="F2079" s="1149"/>
      <c r="G2079" s="150"/>
      <c r="H2079" s="150"/>
    </row>
    <row r="2080" spans="1:8" ht="63.75">
      <c r="A2080" s="150"/>
      <c r="B2080" s="164" t="s">
        <v>11419</v>
      </c>
      <c r="C2080" s="1150"/>
      <c r="D2080" s="1150"/>
      <c r="E2080" s="1150"/>
      <c r="F2080" s="1150"/>
      <c r="G2080" s="150"/>
      <c r="H2080" s="150"/>
    </row>
    <row r="2081" spans="1:8">
      <c r="A2081" s="150"/>
      <c r="B2081" s="162" t="s">
        <v>11423</v>
      </c>
      <c r="C2081" s="1149" t="s">
        <v>11424</v>
      </c>
      <c r="D2081" s="1149" t="s">
        <v>11425</v>
      </c>
      <c r="E2081" s="1149" t="s">
        <v>11426</v>
      </c>
      <c r="F2081" s="1149"/>
      <c r="G2081" s="150"/>
      <c r="H2081" s="150"/>
    </row>
    <row r="2082" spans="1:8" ht="63.75">
      <c r="A2082" s="150"/>
      <c r="B2082" s="164" t="s">
        <v>32393</v>
      </c>
      <c r="C2082" s="1150"/>
      <c r="D2082" s="1150"/>
      <c r="E2082" s="1150"/>
      <c r="F2082" s="1150"/>
      <c r="G2082" s="150"/>
      <c r="H2082" s="150"/>
    </row>
    <row r="2083" spans="1:8">
      <c r="A2083" s="150"/>
      <c r="B2083" s="162" t="s">
        <v>11427</v>
      </c>
      <c r="C2083" s="1149" t="s">
        <v>11428</v>
      </c>
      <c r="D2083" s="1149" t="s">
        <v>11429</v>
      </c>
      <c r="E2083" s="1149" t="s">
        <v>11430</v>
      </c>
      <c r="F2083" s="1149"/>
      <c r="G2083" s="150"/>
      <c r="H2083" s="150"/>
    </row>
    <row r="2084" spans="1:8" ht="76.5">
      <c r="A2084" s="150"/>
      <c r="B2084" s="164" t="s">
        <v>32394</v>
      </c>
      <c r="C2084" s="1150"/>
      <c r="D2084" s="1150"/>
      <c r="E2084" s="1150"/>
      <c r="F2084" s="1150"/>
      <c r="G2084" s="150"/>
      <c r="H2084" s="150"/>
    </row>
    <row r="2085" spans="1:8">
      <c r="A2085" s="150"/>
      <c r="B2085" s="162" t="s">
        <v>11431</v>
      </c>
      <c r="C2085" s="1149" t="s">
        <v>11432</v>
      </c>
      <c r="D2085" s="1149" t="s">
        <v>11433</v>
      </c>
      <c r="E2085" s="1149" t="s">
        <v>11434</v>
      </c>
      <c r="F2085" s="1149"/>
      <c r="G2085" s="150"/>
      <c r="H2085" s="150"/>
    </row>
    <row r="2086" spans="1:8" ht="76.5">
      <c r="A2086" s="150"/>
      <c r="B2086" s="164" t="s">
        <v>32395</v>
      </c>
      <c r="C2086" s="1150"/>
      <c r="D2086" s="1150"/>
      <c r="E2086" s="1150"/>
      <c r="F2086" s="1150"/>
      <c r="G2086" s="150"/>
      <c r="H2086" s="150"/>
    </row>
    <row r="2087" spans="1:8" ht="25.5">
      <c r="A2087" s="150"/>
      <c r="B2087" s="162" t="s">
        <v>11435</v>
      </c>
      <c r="C2087" s="1149" t="s">
        <v>11436</v>
      </c>
      <c r="D2087" s="1149" t="s">
        <v>11437</v>
      </c>
      <c r="E2087" s="1149" t="s">
        <v>11438</v>
      </c>
      <c r="F2087" s="1149"/>
      <c r="G2087" s="150"/>
      <c r="H2087" s="150"/>
    </row>
    <row r="2088" spans="1:8" ht="76.5">
      <c r="A2088" s="150"/>
      <c r="B2088" s="164" t="s">
        <v>13539</v>
      </c>
      <c r="C2088" s="1150"/>
      <c r="D2088" s="1150"/>
      <c r="E2088" s="1150"/>
      <c r="F2088" s="1150"/>
      <c r="G2088" s="150"/>
      <c r="H2088" s="150"/>
    </row>
    <row r="2089" spans="1:8">
      <c r="A2089" s="150"/>
      <c r="B2089" s="162" t="s">
        <v>11439</v>
      </c>
      <c r="C2089" s="1149" t="s">
        <v>11440</v>
      </c>
      <c r="D2089" s="1149" t="s">
        <v>11441</v>
      </c>
      <c r="E2089" s="1149" t="s">
        <v>11442</v>
      </c>
      <c r="F2089" s="1149"/>
      <c r="G2089" s="150"/>
      <c r="H2089" s="150"/>
    </row>
    <row r="2090" spans="1:8" ht="63.75">
      <c r="A2090" s="150"/>
      <c r="B2090" s="164" t="s">
        <v>32396</v>
      </c>
      <c r="C2090" s="1150"/>
      <c r="D2090" s="1150"/>
      <c r="E2090" s="1150"/>
      <c r="F2090" s="1150"/>
      <c r="G2090" s="150"/>
      <c r="H2090" s="150"/>
    </row>
    <row r="2091" spans="1:8" ht="25.5">
      <c r="A2091" s="150"/>
      <c r="B2091" s="162" t="s">
        <v>11443</v>
      </c>
      <c r="C2091" s="1149" t="s">
        <v>11444</v>
      </c>
      <c r="D2091" s="1149" t="s">
        <v>11445</v>
      </c>
      <c r="E2091" s="1149" t="s">
        <v>11446</v>
      </c>
      <c r="F2091" s="1149"/>
      <c r="G2091" s="150"/>
      <c r="H2091" s="150"/>
    </row>
    <row r="2092" spans="1:8" ht="63.75">
      <c r="A2092" s="150"/>
      <c r="B2092" s="164" t="s">
        <v>13540</v>
      </c>
      <c r="C2092" s="1150"/>
      <c r="D2092" s="1150"/>
      <c r="E2092" s="1150"/>
      <c r="F2092" s="1150"/>
      <c r="G2092" s="150"/>
      <c r="H2092" s="150"/>
    </row>
    <row r="2093" spans="1:8" ht="25.5">
      <c r="A2093" s="150"/>
      <c r="B2093" s="162" t="s">
        <v>11447</v>
      </c>
      <c r="C2093" s="1149" t="s">
        <v>11448</v>
      </c>
      <c r="D2093" s="1149" t="s">
        <v>11449</v>
      </c>
      <c r="E2093" s="1149" t="s">
        <v>11450</v>
      </c>
      <c r="F2093" s="1149"/>
      <c r="G2093" s="150"/>
      <c r="H2093" s="150"/>
    </row>
    <row r="2094" spans="1:8" ht="63.75">
      <c r="A2094" s="150"/>
      <c r="B2094" s="164" t="s">
        <v>32397</v>
      </c>
      <c r="C2094" s="1150"/>
      <c r="D2094" s="1150"/>
      <c r="E2094" s="1150"/>
      <c r="F2094" s="1150"/>
      <c r="G2094" s="150"/>
      <c r="H2094" s="150"/>
    </row>
    <row r="2095" spans="1:8" ht="25.5">
      <c r="A2095" s="150"/>
      <c r="B2095" s="162" t="s">
        <v>11451</v>
      </c>
      <c r="C2095" s="1149" t="s">
        <v>11452</v>
      </c>
      <c r="D2095" s="1149" t="s">
        <v>11453</v>
      </c>
      <c r="E2095" s="1149" t="s">
        <v>11454</v>
      </c>
      <c r="F2095" s="1149"/>
      <c r="G2095" s="150"/>
      <c r="H2095" s="150"/>
    </row>
    <row r="2096" spans="1:8" ht="114.75">
      <c r="A2096" s="150"/>
      <c r="B2096" s="164" t="s">
        <v>32398</v>
      </c>
      <c r="C2096" s="1150"/>
      <c r="D2096" s="1150"/>
      <c r="E2096" s="1150"/>
      <c r="F2096" s="1150"/>
      <c r="G2096" s="150"/>
      <c r="H2096" s="150"/>
    </row>
    <row r="2097" spans="1:8">
      <c r="A2097" s="150"/>
      <c r="B2097" s="162" t="s">
        <v>11455</v>
      </c>
      <c r="C2097" s="1149" t="s">
        <v>11457</v>
      </c>
      <c r="D2097" s="1149" t="s">
        <v>11458</v>
      </c>
      <c r="E2097" s="1165">
        <v>2228840</v>
      </c>
      <c r="F2097" s="1149"/>
      <c r="G2097" s="150"/>
      <c r="H2097" s="150"/>
    </row>
    <row r="2098" spans="1:8" ht="140.25">
      <c r="A2098" s="150"/>
      <c r="B2098" s="164" t="s">
        <v>11456</v>
      </c>
      <c r="C2098" s="1150"/>
      <c r="D2098" s="1150"/>
      <c r="E2098" s="1166"/>
      <c r="F2098" s="1150"/>
      <c r="G2098" s="150"/>
      <c r="H2098" s="150"/>
    </row>
    <row r="2099" spans="1:8">
      <c r="A2099" s="150"/>
      <c r="B2099" s="1159" t="s">
        <v>31619</v>
      </c>
      <c r="C2099" s="1160"/>
      <c r="D2099" s="1160"/>
      <c r="E2099" s="1160"/>
      <c r="F2099" s="1161"/>
      <c r="G2099" s="150"/>
      <c r="H2099" s="150"/>
    </row>
    <row r="2100" spans="1:8">
      <c r="A2100" s="150"/>
      <c r="B2100" s="1159" t="s">
        <v>31594</v>
      </c>
      <c r="C2100" s="1160"/>
      <c r="D2100" s="1160"/>
      <c r="E2100" s="1160"/>
      <c r="F2100" s="1161"/>
      <c r="G2100" s="150"/>
      <c r="H2100" s="150"/>
    </row>
    <row r="2101" spans="1:8">
      <c r="A2101" s="150"/>
      <c r="B2101" s="1159" t="s">
        <v>31619</v>
      </c>
      <c r="C2101" s="1160"/>
      <c r="D2101" s="1160"/>
      <c r="E2101" s="1160"/>
      <c r="F2101" s="1161"/>
      <c r="G2101" s="150"/>
      <c r="H2101" s="150"/>
    </row>
    <row r="2102" spans="1:8">
      <c r="A2102" s="150"/>
      <c r="B2102" s="1159" t="s">
        <v>8508</v>
      </c>
      <c r="C2102" s="1160"/>
      <c r="D2102" s="1160"/>
      <c r="E2102" s="1160"/>
      <c r="F2102" s="1161"/>
      <c r="G2102" s="150"/>
      <c r="H2102" s="150"/>
    </row>
    <row r="2103" spans="1:8">
      <c r="A2103" s="150"/>
      <c r="B2103" s="162" t="s">
        <v>11459</v>
      </c>
      <c r="C2103" s="1149" t="s">
        <v>11460</v>
      </c>
      <c r="D2103" s="1149" t="s">
        <v>11461</v>
      </c>
      <c r="E2103" s="1149" t="s">
        <v>11462</v>
      </c>
      <c r="F2103" s="1149" t="s">
        <v>11463</v>
      </c>
      <c r="G2103" s="150"/>
      <c r="H2103" s="150"/>
    </row>
    <row r="2104" spans="1:8" ht="63.75">
      <c r="A2104" s="150"/>
      <c r="B2104" s="164" t="s">
        <v>32399</v>
      </c>
      <c r="C2104" s="1150"/>
      <c r="D2104" s="1150"/>
      <c r="E2104" s="1150"/>
      <c r="F2104" s="1150"/>
      <c r="G2104" s="150"/>
      <c r="H2104" s="150"/>
    </row>
    <row r="2105" spans="1:8">
      <c r="A2105" s="150"/>
      <c r="B2105" s="162" t="s">
        <v>11464</v>
      </c>
      <c r="C2105" s="1149" t="s">
        <v>11465</v>
      </c>
      <c r="D2105" s="1149" t="s">
        <v>11466</v>
      </c>
      <c r="E2105" s="1149" t="s">
        <v>11467</v>
      </c>
      <c r="F2105" s="1149" t="s">
        <v>11463</v>
      </c>
      <c r="G2105" s="150"/>
      <c r="H2105" s="150"/>
    </row>
    <row r="2106" spans="1:8" ht="89.25">
      <c r="A2106" s="150"/>
      <c r="B2106" s="164" t="s">
        <v>32400</v>
      </c>
      <c r="C2106" s="1150"/>
      <c r="D2106" s="1150"/>
      <c r="E2106" s="1150"/>
      <c r="F2106" s="1150"/>
      <c r="G2106" s="150"/>
      <c r="H2106" s="150"/>
    </row>
    <row r="2107" spans="1:8">
      <c r="A2107" s="150"/>
      <c r="B2107" s="1159" t="s">
        <v>31619</v>
      </c>
      <c r="C2107" s="1160"/>
      <c r="D2107" s="1160"/>
      <c r="E2107" s="1160"/>
      <c r="F2107" s="1161"/>
      <c r="G2107" s="150"/>
      <c r="H2107" s="150"/>
    </row>
    <row r="2108" spans="1:8">
      <c r="A2108" s="150"/>
      <c r="B2108" s="1159" t="s">
        <v>8508</v>
      </c>
      <c r="C2108" s="1160"/>
      <c r="D2108" s="1160"/>
      <c r="E2108" s="1160"/>
      <c r="F2108" s="1161"/>
      <c r="G2108" s="150"/>
      <c r="H2108" s="150"/>
    </row>
    <row r="2109" spans="1:8">
      <c r="A2109" s="150"/>
      <c r="B2109" s="162" t="s">
        <v>11468</v>
      </c>
      <c r="C2109" s="1149" t="s">
        <v>11469</v>
      </c>
      <c r="D2109" s="1149" t="s">
        <v>11470</v>
      </c>
      <c r="E2109" s="1149" t="s">
        <v>11471</v>
      </c>
      <c r="F2109" s="1149" t="s">
        <v>11463</v>
      </c>
      <c r="G2109" s="150"/>
      <c r="H2109" s="150"/>
    </row>
    <row r="2110" spans="1:8" ht="63.75">
      <c r="A2110" s="150"/>
      <c r="B2110" s="164" t="s">
        <v>32401</v>
      </c>
      <c r="C2110" s="1150"/>
      <c r="D2110" s="1150"/>
      <c r="E2110" s="1150"/>
      <c r="F2110" s="1150"/>
      <c r="G2110" s="150"/>
      <c r="H2110" s="150"/>
    </row>
    <row r="2111" spans="1:8" ht="25.5">
      <c r="A2111" s="150"/>
      <c r="B2111" s="162" t="s">
        <v>11472</v>
      </c>
      <c r="C2111" s="1149" t="s">
        <v>11473</v>
      </c>
      <c r="D2111" s="1149" t="s">
        <v>11474</v>
      </c>
      <c r="E2111" s="1149" t="s">
        <v>11475</v>
      </c>
      <c r="F2111" s="1149" t="s">
        <v>11476</v>
      </c>
      <c r="G2111" s="150"/>
      <c r="H2111" s="150"/>
    </row>
    <row r="2112" spans="1:8" ht="89.25">
      <c r="A2112" s="150"/>
      <c r="B2112" s="164" t="s">
        <v>32402</v>
      </c>
      <c r="C2112" s="1150"/>
      <c r="D2112" s="1150"/>
      <c r="E2112" s="1150"/>
      <c r="F2112" s="1150"/>
      <c r="G2112" s="150"/>
      <c r="H2112" s="150"/>
    </row>
    <row r="2113" spans="1:8" ht="25.5">
      <c r="A2113" s="150"/>
      <c r="B2113" s="162" t="s">
        <v>11477</v>
      </c>
      <c r="C2113" s="1149" t="s">
        <v>11478</v>
      </c>
      <c r="D2113" s="1149" t="s">
        <v>11479</v>
      </c>
      <c r="E2113" s="1149" t="s">
        <v>11480</v>
      </c>
      <c r="F2113" s="1149" t="s">
        <v>11476</v>
      </c>
      <c r="G2113" s="150"/>
      <c r="H2113" s="150"/>
    </row>
    <row r="2114" spans="1:8" ht="76.5">
      <c r="A2114" s="150"/>
      <c r="B2114" s="164" t="s">
        <v>32403</v>
      </c>
      <c r="C2114" s="1150"/>
      <c r="D2114" s="1150"/>
      <c r="E2114" s="1150"/>
      <c r="F2114" s="1150"/>
      <c r="G2114" s="150"/>
      <c r="H2114" s="150"/>
    </row>
    <row r="2115" spans="1:8" ht="25.5">
      <c r="A2115" s="150"/>
      <c r="B2115" s="162" t="s">
        <v>11481</v>
      </c>
      <c r="C2115" s="1149" t="s">
        <v>11482</v>
      </c>
      <c r="D2115" s="1149" t="s">
        <v>11483</v>
      </c>
      <c r="E2115" s="1149" t="s">
        <v>11484</v>
      </c>
      <c r="F2115" s="1149" t="s">
        <v>11476</v>
      </c>
      <c r="G2115" s="150"/>
      <c r="H2115" s="150"/>
    </row>
    <row r="2116" spans="1:8" ht="76.5">
      <c r="A2116" s="150"/>
      <c r="B2116" s="164" t="s">
        <v>32404</v>
      </c>
      <c r="C2116" s="1150"/>
      <c r="D2116" s="1150"/>
      <c r="E2116" s="1150"/>
      <c r="F2116" s="1150"/>
      <c r="G2116" s="150"/>
      <c r="H2116" s="150"/>
    </row>
    <row r="2117" spans="1:8" ht="25.5">
      <c r="A2117" s="150"/>
      <c r="B2117" s="162" t="s">
        <v>11485</v>
      </c>
      <c r="C2117" s="1149" t="s">
        <v>11486</v>
      </c>
      <c r="D2117" s="1149" t="s">
        <v>11487</v>
      </c>
      <c r="E2117" s="1149" t="s">
        <v>11488</v>
      </c>
      <c r="F2117" s="1149" t="s">
        <v>11476</v>
      </c>
      <c r="G2117" s="150"/>
      <c r="H2117" s="150"/>
    </row>
    <row r="2118" spans="1:8" ht="63.75">
      <c r="A2118" s="150"/>
      <c r="B2118" s="164" t="s">
        <v>32405</v>
      </c>
      <c r="C2118" s="1150"/>
      <c r="D2118" s="1150"/>
      <c r="E2118" s="1150"/>
      <c r="F2118" s="1150"/>
      <c r="G2118" s="150"/>
      <c r="H2118" s="150"/>
    </row>
    <row r="2119" spans="1:8" ht="25.5">
      <c r="A2119" s="150"/>
      <c r="B2119" s="162" t="s">
        <v>11489</v>
      </c>
      <c r="C2119" s="1149" t="s">
        <v>11490</v>
      </c>
      <c r="D2119" s="1149" t="s">
        <v>11491</v>
      </c>
      <c r="E2119" s="1149" t="s">
        <v>11492</v>
      </c>
      <c r="F2119" s="1149" t="s">
        <v>11476</v>
      </c>
      <c r="G2119" s="150"/>
      <c r="H2119" s="150"/>
    </row>
    <row r="2120" spans="1:8" ht="63.75">
      <c r="A2120" s="150"/>
      <c r="B2120" s="164" t="s">
        <v>32406</v>
      </c>
      <c r="C2120" s="1150"/>
      <c r="D2120" s="1150"/>
      <c r="E2120" s="1150"/>
      <c r="F2120" s="1150"/>
      <c r="G2120" s="150"/>
      <c r="H2120" s="150"/>
    </row>
    <row r="2121" spans="1:8" ht="25.5">
      <c r="A2121" s="150"/>
      <c r="B2121" s="162" t="s">
        <v>11493</v>
      </c>
      <c r="C2121" s="1149" t="s">
        <v>11494</v>
      </c>
      <c r="D2121" s="1149" t="s">
        <v>11495</v>
      </c>
      <c r="E2121" s="1149" t="s">
        <v>11496</v>
      </c>
      <c r="F2121" s="1149" t="s">
        <v>11476</v>
      </c>
      <c r="G2121" s="150"/>
      <c r="H2121" s="150"/>
    </row>
    <row r="2122" spans="1:8" ht="63.75">
      <c r="A2122" s="150"/>
      <c r="B2122" s="164" t="s">
        <v>32407</v>
      </c>
      <c r="C2122" s="1150"/>
      <c r="D2122" s="1150"/>
      <c r="E2122" s="1150"/>
      <c r="F2122" s="1150"/>
      <c r="G2122" s="150"/>
      <c r="H2122" s="150"/>
    </row>
    <row r="2123" spans="1:8" ht="25.5">
      <c r="A2123" s="150"/>
      <c r="B2123" s="162" t="s">
        <v>11497</v>
      </c>
      <c r="C2123" s="1149" t="s">
        <v>11498</v>
      </c>
      <c r="D2123" s="1149" t="s">
        <v>11499</v>
      </c>
      <c r="E2123" s="1149" t="s">
        <v>11500</v>
      </c>
      <c r="F2123" s="1149" t="s">
        <v>11476</v>
      </c>
      <c r="G2123" s="150"/>
      <c r="H2123" s="150"/>
    </row>
    <row r="2124" spans="1:8" ht="63.75">
      <c r="A2124" s="150"/>
      <c r="B2124" s="164" t="s">
        <v>32408</v>
      </c>
      <c r="C2124" s="1150"/>
      <c r="D2124" s="1150"/>
      <c r="E2124" s="1150"/>
      <c r="F2124" s="1150"/>
      <c r="G2124" s="150"/>
      <c r="H2124" s="150"/>
    </row>
    <row r="2125" spans="1:8" ht="25.5">
      <c r="A2125" s="150"/>
      <c r="B2125" s="162" t="s">
        <v>11501</v>
      </c>
      <c r="C2125" s="1149" t="s">
        <v>11502</v>
      </c>
      <c r="D2125" s="1149" t="s">
        <v>11503</v>
      </c>
      <c r="E2125" s="1149" t="s">
        <v>11504</v>
      </c>
      <c r="F2125" s="1149" t="s">
        <v>11476</v>
      </c>
      <c r="G2125" s="150"/>
      <c r="H2125" s="150"/>
    </row>
    <row r="2126" spans="1:8" ht="63.75">
      <c r="A2126" s="150"/>
      <c r="B2126" s="164" t="s">
        <v>32409</v>
      </c>
      <c r="C2126" s="1150"/>
      <c r="D2126" s="1150"/>
      <c r="E2126" s="1150"/>
      <c r="F2126" s="1150"/>
      <c r="G2126" s="150"/>
      <c r="H2126" s="150"/>
    </row>
    <row r="2127" spans="1:8" ht="25.5">
      <c r="A2127" s="150"/>
      <c r="B2127" s="162" t="s">
        <v>11505</v>
      </c>
      <c r="C2127" s="1149" t="s">
        <v>11506</v>
      </c>
      <c r="D2127" s="1149" t="s">
        <v>11507</v>
      </c>
      <c r="E2127" s="1149" t="s">
        <v>11508</v>
      </c>
      <c r="F2127" s="1149" t="s">
        <v>11476</v>
      </c>
      <c r="G2127" s="150"/>
      <c r="H2127" s="150"/>
    </row>
    <row r="2128" spans="1:8" ht="102">
      <c r="A2128" s="150"/>
      <c r="B2128" s="164" t="s">
        <v>32410</v>
      </c>
      <c r="C2128" s="1150"/>
      <c r="D2128" s="1150"/>
      <c r="E2128" s="1150"/>
      <c r="F2128" s="1150"/>
      <c r="G2128" s="150"/>
      <c r="H2128" s="150"/>
    </row>
    <row r="2129" spans="1:8" ht="25.5">
      <c r="A2129" s="150"/>
      <c r="B2129" s="162" t="s">
        <v>11509</v>
      </c>
      <c r="C2129" s="1149" t="s">
        <v>11510</v>
      </c>
      <c r="D2129" s="1149" t="s">
        <v>11511</v>
      </c>
      <c r="E2129" s="1149" t="s">
        <v>11512</v>
      </c>
      <c r="F2129" s="1149" t="s">
        <v>11476</v>
      </c>
      <c r="G2129" s="150"/>
      <c r="H2129" s="150"/>
    </row>
    <row r="2130" spans="1:8" ht="76.5">
      <c r="A2130" s="150"/>
      <c r="B2130" s="164" t="s">
        <v>32411</v>
      </c>
      <c r="C2130" s="1150"/>
      <c r="D2130" s="1150"/>
      <c r="E2130" s="1150"/>
      <c r="F2130" s="1150"/>
      <c r="G2130" s="150"/>
      <c r="H2130" s="150"/>
    </row>
    <row r="2131" spans="1:8" ht="25.5">
      <c r="A2131" s="150"/>
      <c r="B2131" s="162" t="s">
        <v>11513</v>
      </c>
      <c r="C2131" s="1149" t="s">
        <v>11514</v>
      </c>
      <c r="D2131" s="1149" t="s">
        <v>11515</v>
      </c>
      <c r="E2131" s="1149" t="s">
        <v>11516</v>
      </c>
      <c r="F2131" s="1149" t="s">
        <v>11476</v>
      </c>
      <c r="G2131" s="150"/>
      <c r="H2131" s="150"/>
    </row>
    <row r="2132" spans="1:8" ht="89.25">
      <c r="A2132" s="150"/>
      <c r="B2132" s="164" t="s">
        <v>32412</v>
      </c>
      <c r="C2132" s="1150"/>
      <c r="D2132" s="1150"/>
      <c r="E2132" s="1150"/>
      <c r="F2132" s="1150"/>
      <c r="G2132" s="150"/>
      <c r="H2132" s="150"/>
    </row>
    <row r="2133" spans="1:8" ht="25.5">
      <c r="A2133" s="150"/>
      <c r="B2133" s="162" t="s">
        <v>11517</v>
      </c>
      <c r="C2133" s="1149" t="s">
        <v>11518</v>
      </c>
      <c r="D2133" s="1149" t="s">
        <v>11519</v>
      </c>
      <c r="E2133" s="1149" t="s">
        <v>11520</v>
      </c>
      <c r="F2133" s="1149" t="s">
        <v>11476</v>
      </c>
      <c r="G2133" s="150"/>
      <c r="H2133" s="150"/>
    </row>
    <row r="2134" spans="1:8" ht="76.5">
      <c r="A2134" s="150"/>
      <c r="B2134" s="164" t="s">
        <v>32413</v>
      </c>
      <c r="C2134" s="1150"/>
      <c r="D2134" s="1150"/>
      <c r="E2134" s="1150"/>
      <c r="F2134" s="1150"/>
      <c r="G2134" s="150"/>
      <c r="H2134" s="150"/>
    </row>
    <row r="2135" spans="1:8" ht="25.5">
      <c r="A2135" s="150"/>
      <c r="B2135" s="162" t="s">
        <v>11521</v>
      </c>
      <c r="C2135" s="1149" t="s">
        <v>11522</v>
      </c>
      <c r="D2135" s="1149" t="s">
        <v>11523</v>
      </c>
      <c r="E2135" s="1149" t="s">
        <v>11524</v>
      </c>
      <c r="F2135" s="1149" t="s">
        <v>11476</v>
      </c>
      <c r="G2135" s="150"/>
      <c r="H2135" s="150"/>
    </row>
    <row r="2136" spans="1:8" ht="38.25">
      <c r="A2136" s="150"/>
      <c r="B2136" s="164" t="s">
        <v>13541</v>
      </c>
      <c r="C2136" s="1150"/>
      <c r="D2136" s="1150"/>
      <c r="E2136" s="1150"/>
      <c r="F2136" s="1150"/>
      <c r="G2136" s="150"/>
      <c r="H2136" s="150"/>
    </row>
    <row r="2137" spans="1:8" ht="25.5">
      <c r="A2137" s="150"/>
      <c r="B2137" s="162" t="s">
        <v>11525</v>
      </c>
      <c r="C2137" s="1149" t="s">
        <v>11526</v>
      </c>
      <c r="D2137" s="1149" t="s">
        <v>11527</v>
      </c>
      <c r="E2137" s="1149" t="s">
        <v>11528</v>
      </c>
      <c r="F2137" s="1149" t="s">
        <v>11476</v>
      </c>
      <c r="G2137" s="150"/>
      <c r="H2137" s="150"/>
    </row>
    <row r="2138" spans="1:8" ht="38.25">
      <c r="A2138" s="150"/>
      <c r="B2138" s="164" t="s">
        <v>13542</v>
      </c>
      <c r="C2138" s="1150"/>
      <c r="D2138" s="1150"/>
      <c r="E2138" s="1150"/>
      <c r="F2138" s="1150"/>
      <c r="G2138" s="150"/>
      <c r="H2138" s="150"/>
    </row>
    <row r="2139" spans="1:8" ht="25.5">
      <c r="A2139" s="150"/>
      <c r="B2139" s="162" t="s">
        <v>11529</v>
      </c>
      <c r="C2139" s="1149" t="s">
        <v>11530</v>
      </c>
      <c r="D2139" s="1149" t="s">
        <v>11531</v>
      </c>
      <c r="E2139" s="1149" t="s">
        <v>11532</v>
      </c>
      <c r="F2139" s="1149" t="s">
        <v>11476</v>
      </c>
      <c r="G2139" s="150"/>
      <c r="H2139" s="150"/>
    </row>
    <row r="2140" spans="1:8" ht="38.25">
      <c r="A2140" s="150"/>
      <c r="B2140" s="164" t="s">
        <v>13543</v>
      </c>
      <c r="C2140" s="1150"/>
      <c r="D2140" s="1150"/>
      <c r="E2140" s="1150"/>
      <c r="F2140" s="1150"/>
      <c r="G2140" s="150"/>
      <c r="H2140" s="150"/>
    </row>
    <row r="2141" spans="1:8" ht="25.5">
      <c r="A2141" s="150"/>
      <c r="B2141" s="162" t="s">
        <v>11533</v>
      </c>
      <c r="C2141" s="1149" t="s">
        <v>11534</v>
      </c>
      <c r="D2141" s="1149" t="s">
        <v>11535</v>
      </c>
      <c r="E2141" s="1149" t="s">
        <v>11536</v>
      </c>
      <c r="F2141" s="1149" t="s">
        <v>11476</v>
      </c>
      <c r="G2141" s="150"/>
      <c r="H2141" s="150"/>
    </row>
    <row r="2142" spans="1:8" ht="89.25">
      <c r="A2142" s="150"/>
      <c r="B2142" s="164" t="s">
        <v>32414</v>
      </c>
      <c r="C2142" s="1150"/>
      <c r="D2142" s="1150"/>
      <c r="E2142" s="1150"/>
      <c r="F2142" s="1150"/>
      <c r="G2142" s="150"/>
      <c r="H2142" s="150"/>
    </row>
    <row r="2143" spans="1:8" ht="25.5">
      <c r="A2143" s="150"/>
      <c r="B2143" s="162" t="s">
        <v>11537</v>
      </c>
      <c r="C2143" s="1149" t="s">
        <v>11538</v>
      </c>
      <c r="D2143" s="1149" t="s">
        <v>11539</v>
      </c>
      <c r="E2143" s="1149" t="s">
        <v>11540</v>
      </c>
      <c r="F2143" s="1149" t="s">
        <v>11476</v>
      </c>
      <c r="G2143" s="150"/>
      <c r="H2143" s="150"/>
    </row>
    <row r="2144" spans="1:8" ht="76.5">
      <c r="A2144" s="150"/>
      <c r="B2144" s="164" t="s">
        <v>32415</v>
      </c>
      <c r="C2144" s="1150"/>
      <c r="D2144" s="1150"/>
      <c r="E2144" s="1150"/>
      <c r="F2144" s="1150"/>
      <c r="G2144" s="150"/>
      <c r="H2144" s="150"/>
    </row>
    <row r="2145" spans="1:8">
      <c r="A2145" s="150"/>
      <c r="B2145" s="162" t="s">
        <v>11541</v>
      </c>
      <c r="C2145" s="1149" t="s">
        <v>11542</v>
      </c>
      <c r="D2145" s="1149" t="s">
        <v>11543</v>
      </c>
      <c r="E2145" s="1149" t="s">
        <v>11544</v>
      </c>
      <c r="F2145" s="1149" t="s">
        <v>11476</v>
      </c>
      <c r="G2145" s="150"/>
      <c r="H2145" s="150"/>
    </row>
    <row r="2146" spans="1:8" ht="63.75">
      <c r="A2146" s="150"/>
      <c r="B2146" s="164" t="s">
        <v>13544</v>
      </c>
      <c r="C2146" s="1150"/>
      <c r="D2146" s="1150"/>
      <c r="E2146" s="1150"/>
      <c r="F2146" s="1150"/>
      <c r="G2146" s="150"/>
      <c r="H2146" s="150"/>
    </row>
    <row r="2147" spans="1:8" ht="25.5">
      <c r="A2147" s="150"/>
      <c r="B2147" s="195" t="s">
        <v>11545</v>
      </c>
      <c r="C2147" s="196" t="s">
        <v>11546</v>
      </c>
      <c r="D2147" s="196" t="s">
        <v>11547</v>
      </c>
      <c r="E2147" s="196" t="s">
        <v>11548</v>
      </c>
      <c r="F2147" s="196" t="s">
        <v>11476</v>
      </c>
      <c r="G2147" s="150"/>
      <c r="H2147" s="150"/>
    </row>
    <row r="2148" spans="1:8" ht="25.5">
      <c r="A2148" s="150"/>
      <c r="B2148" s="162" t="s">
        <v>32416</v>
      </c>
      <c r="C2148" s="1149" t="s">
        <v>11549</v>
      </c>
      <c r="D2148" s="1149" t="s">
        <v>11550</v>
      </c>
      <c r="E2148" s="1149" t="s">
        <v>11551</v>
      </c>
      <c r="F2148" s="1149" t="s">
        <v>11476</v>
      </c>
      <c r="G2148" s="150"/>
      <c r="H2148" s="150"/>
    </row>
    <row r="2149" spans="1:8" ht="102">
      <c r="A2149" s="150"/>
      <c r="B2149" s="164" t="s">
        <v>32417</v>
      </c>
      <c r="C2149" s="1150"/>
      <c r="D2149" s="1150"/>
      <c r="E2149" s="1150"/>
      <c r="F2149" s="1150"/>
      <c r="G2149" s="150"/>
      <c r="H2149" s="150"/>
    </row>
    <row r="2150" spans="1:8" ht="25.5">
      <c r="A2150" s="150"/>
      <c r="B2150" s="162" t="s">
        <v>32418</v>
      </c>
      <c r="C2150" s="1149" t="s">
        <v>11552</v>
      </c>
      <c r="D2150" s="1149" t="s">
        <v>11553</v>
      </c>
      <c r="E2150" s="1149" t="s">
        <v>11554</v>
      </c>
      <c r="F2150" s="1149" t="s">
        <v>11476</v>
      </c>
      <c r="G2150" s="150"/>
      <c r="H2150" s="150"/>
    </row>
    <row r="2151" spans="1:8" ht="102">
      <c r="A2151" s="150"/>
      <c r="B2151" s="164" t="s">
        <v>32419</v>
      </c>
      <c r="C2151" s="1150"/>
      <c r="D2151" s="1150"/>
      <c r="E2151" s="1150"/>
      <c r="F2151" s="1150"/>
      <c r="G2151" s="150"/>
      <c r="H2151" s="150"/>
    </row>
    <row r="2152" spans="1:8" ht="25.5">
      <c r="A2152" s="150"/>
      <c r="B2152" s="162" t="s">
        <v>32420</v>
      </c>
      <c r="C2152" s="1149" t="s">
        <v>11555</v>
      </c>
      <c r="D2152" s="1149" t="s">
        <v>11556</v>
      </c>
      <c r="E2152" s="1149" t="s">
        <v>11557</v>
      </c>
      <c r="F2152" s="1149" t="s">
        <v>11476</v>
      </c>
      <c r="G2152" s="150"/>
      <c r="H2152" s="150"/>
    </row>
    <row r="2153" spans="1:8" ht="89.25">
      <c r="A2153" s="150"/>
      <c r="B2153" s="164" t="s">
        <v>32421</v>
      </c>
      <c r="C2153" s="1150"/>
      <c r="D2153" s="1150"/>
      <c r="E2153" s="1150"/>
      <c r="F2153" s="1150"/>
      <c r="G2153" s="150"/>
      <c r="H2153" s="150"/>
    </row>
    <row r="2154" spans="1:8">
      <c r="A2154" s="150"/>
      <c r="B2154" s="162" t="s">
        <v>11558</v>
      </c>
      <c r="C2154" s="1149" t="s">
        <v>11559</v>
      </c>
      <c r="D2154" s="1149" t="s">
        <v>11560</v>
      </c>
      <c r="E2154" s="1149" t="s">
        <v>11561</v>
      </c>
      <c r="F2154" s="1149" t="s">
        <v>11476</v>
      </c>
      <c r="G2154" s="150"/>
      <c r="H2154" s="150"/>
    </row>
    <row r="2155" spans="1:8" ht="89.25">
      <c r="A2155" s="150"/>
      <c r="B2155" s="164" t="s">
        <v>32422</v>
      </c>
      <c r="C2155" s="1150"/>
      <c r="D2155" s="1150"/>
      <c r="E2155" s="1150"/>
      <c r="F2155" s="1150"/>
      <c r="G2155" s="150"/>
      <c r="H2155" s="150"/>
    </row>
    <row r="2156" spans="1:8" ht="25.5">
      <c r="A2156" s="150"/>
      <c r="B2156" s="162" t="s">
        <v>11562</v>
      </c>
      <c r="C2156" s="1149" t="s">
        <v>11563</v>
      </c>
      <c r="D2156" s="1149" t="s">
        <v>11564</v>
      </c>
      <c r="E2156" s="1149" t="s">
        <v>11565</v>
      </c>
      <c r="F2156" s="1149" t="s">
        <v>11476</v>
      </c>
      <c r="G2156" s="150"/>
      <c r="H2156" s="150"/>
    </row>
    <row r="2157" spans="1:8" ht="76.5">
      <c r="A2157" s="150"/>
      <c r="B2157" s="164" t="s">
        <v>32423</v>
      </c>
      <c r="C2157" s="1150"/>
      <c r="D2157" s="1150"/>
      <c r="E2157" s="1150"/>
      <c r="F2157" s="1150"/>
      <c r="G2157" s="150"/>
      <c r="H2157" s="150"/>
    </row>
    <row r="2158" spans="1:8" ht="25.5">
      <c r="A2158" s="150"/>
      <c r="B2158" s="162" t="s">
        <v>11566</v>
      </c>
      <c r="C2158" s="1149" t="s">
        <v>11567</v>
      </c>
      <c r="D2158" s="1149" t="s">
        <v>11568</v>
      </c>
      <c r="E2158" s="1149" t="s">
        <v>11569</v>
      </c>
      <c r="F2158" s="1149" t="s">
        <v>11476</v>
      </c>
      <c r="G2158" s="150"/>
      <c r="H2158" s="150"/>
    </row>
    <row r="2159" spans="1:8" ht="63.75">
      <c r="A2159" s="150"/>
      <c r="B2159" s="164" t="s">
        <v>32424</v>
      </c>
      <c r="C2159" s="1150"/>
      <c r="D2159" s="1150"/>
      <c r="E2159" s="1150"/>
      <c r="F2159" s="1150"/>
      <c r="G2159" s="150"/>
      <c r="H2159" s="150"/>
    </row>
    <row r="2160" spans="1:8" ht="25.5">
      <c r="A2160" s="150"/>
      <c r="B2160" s="162" t="s">
        <v>11570</v>
      </c>
      <c r="C2160" s="1149" t="s">
        <v>11571</v>
      </c>
      <c r="D2160" s="1149" t="s">
        <v>11572</v>
      </c>
      <c r="E2160" s="1149" t="s">
        <v>11573</v>
      </c>
      <c r="F2160" s="1149" t="s">
        <v>11476</v>
      </c>
      <c r="G2160" s="150"/>
      <c r="H2160" s="150"/>
    </row>
    <row r="2161" spans="1:8" ht="63.75">
      <c r="A2161" s="150"/>
      <c r="B2161" s="164" t="s">
        <v>32425</v>
      </c>
      <c r="C2161" s="1150"/>
      <c r="D2161" s="1150"/>
      <c r="E2161" s="1150"/>
      <c r="F2161" s="1150"/>
      <c r="G2161" s="150"/>
      <c r="H2161" s="150"/>
    </row>
    <row r="2162" spans="1:8">
      <c r="A2162" s="150"/>
      <c r="B2162" s="195" t="s">
        <v>32426</v>
      </c>
      <c r="C2162" s="196" t="s">
        <v>11574</v>
      </c>
      <c r="D2162" s="196" t="s">
        <v>11575</v>
      </c>
      <c r="E2162" s="196" t="s">
        <v>11576</v>
      </c>
      <c r="F2162" s="196" t="s">
        <v>11476</v>
      </c>
      <c r="G2162" s="150"/>
      <c r="H2162" s="150"/>
    </row>
    <row r="2163" spans="1:8">
      <c r="A2163" s="150"/>
      <c r="B2163" s="162" t="s">
        <v>11577</v>
      </c>
      <c r="C2163" s="1149" t="s">
        <v>11578</v>
      </c>
      <c r="D2163" s="1149" t="s">
        <v>11579</v>
      </c>
      <c r="E2163" s="1149" t="s">
        <v>11580</v>
      </c>
      <c r="F2163" s="1149" t="s">
        <v>11476</v>
      </c>
      <c r="G2163" s="150"/>
      <c r="H2163" s="150"/>
    </row>
    <row r="2164" spans="1:8" ht="51">
      <c r="A2164" s="150"/>
      <c r="B2164" s="164" t="s">
        <v>32427</v>
      </c>
      <c r="C2164" s="1150"/>
      <c r="D2164" s="1150"/>
      <c r="E2164" s="1150"/>
      <c r="F2164" s="1150"/>
      <c r="G2164" s="150"/>
      <c r="H2164" s="150"/>
    </row>
    <row r="2165" spans="1:8">
      <c r="A2165" s="150"/>
      <c r="B2165" s="162" t="s">
        <v>11581</v>
      </c>
      <c r="C2165" s="1149" t="s">
        <v>11582</v>
      </c>
      <c r="D2165" s="1149" t="s">
        <v>11583</v>
      </c>
      <c r="E2165" s="1149" t="s">
        <v>11584</v>
      </c>
      <c r="F2165" s="1149" t="s">
        <v>11476</v>
      </c>
      <c r="G2165" s="150"/>
      <c r="H2165" s="150"/>
    </row>
    <row r="2166" spans="1:8" ht="76.5">
      <c r="A2166" s="150"/>
      <c r="B2166" s="164" t="s">
        <v>32428</v>
      </c>
      <c r="C2166" s="1150"/>
      <c r="D2166" s="1150"/>
      <c r="E2166" s="1150"/>
      <c r="F2166" s="1150"/>
      <c r="G2166" s="150"/>
      <c r="H2166" s="150"/>
    </row>
    <row r="2167" spans="1:8">
      <c r="A2167" s="150"/>
      <c r="B2167" s="162" t="s">
        <v>11585</v>
      </c>
      <c r="C2167" s="1149" t="s">
        <v>11586</v>
      </c>
      <c r="D2167" s="1149" t="s">
        <v>11587</v>
      </c>
      <c r="E2167" s="1149" t="s">
        <v>11588</v>
      </c>
      <c r="F2167" s="1149" t="s">
        <v>11476</v>
      </c>
      <c r="G2167" s="150"/>
      <c r="H2167" s="150"/>
    </row>
    <row r="2168" spans="1:8" ht="76.5">
      <c r="A2168" s="150"/>
      <c r="B2168" s="164" t="s">
        <v>32429</v>
      </c>
      <c r="C2168" s="1150"/>
      <c r="D2168" s="1150"/>
      <c r="E2168" s="1150"/>
      <c r="F2168" s="1150"/>
      <c r="G2168" s="150"/>
      <c r="H2168" s="150"/>
    </row>
    <row r="2169" spans="1:8">
      <c r="A2169" s="150"/>
      <c r="B2169" s="162" t="s">
        <v>11589</v>
      </c>
      <c r="C2169" s="1149" t="s">
        <v>11590</v>
      </c>
      <c r="D2169" s="1149" t="s">
        <v>11591</v>
      </c>
      <c r="E2169" s="1149" t="s">
        <v>11592</v>
      </c>
      <c r="F2169" s="1149" t="s">
        <v>11476</v>
      </c>
      <c r="G2169" s="150"/>
      <c r="H2169" s="150"/>
    </row>
    <row r="2170" spans="1:8" ht="76.5">
      <c r="A2170" s="150"/>
      <c r="B2170" s="164" t="s">
        <v>32430</v>
      </c>
      <c r="C2170" s="1150"/>
      <c r="D2170" s="1150"/>
      <c r="E2170" s="1150"/>
      <c r="F2170" s="1150"/>
      <c r="G2170" s="150"/>
      <c r="H2170" s="150"/>
    </row>
    <row r="2171" spans="1:8">
      <c r="A2171" s="150"/>
      <c r="B2171" s="162" t="s">
        <v>11593</v>
      </c>
      <c r="C2171" s="1149" t="s">
        <v>11594</v>
      </c>
      <c r="D2171" s="1149" t="s">
        <v>11595</v>
      </c>
      <c r="E2171" s="1149" t="s">
        <v>11596</v>
      </c>
      <c r="F2171" s="1149" t="s">
        <v>11476</v>
      </c>
      <c r="G2171" s="150"/>
      <c r="H2171" s="150"/>
    </row>
    <row r="2172" spans="1:8" ht="63.75">
      <c r="A2172" s="150"/>
      <c r="B2172" s="164" t="s">
        <v>32431</v>
      </c>
      <c r="C2172" s="1150"/>
      <c r="D2172" s="1150"/>
      <c r="E2172" s="1150"/>
      <c r="F2172" s="1150"/>
      <c r="G2172" s="150"/>
      <c r="H2172" s="150"/>
    </row>
    <row r="2173" spans="1:8">
      <c r="A2173" s="150"/>
      <c r="B2173" s="162" t="s">
        <v>11597</v>
      </c>
      <c r="C2173" s="1149" t="s">
        <v>11598</v>
      </c>
      <c r="D2173" s="1149" t="s">
        <v>11599</v>
      </c>
      <c r="E2173" s="1149" t="s">
        <v>11600</v>
      </c>
      <c r="F2173" s="1149" t="s">
        <v>11476</v>
      </c>
      <c r="G2173" s="150"/>
      <c r="H2173" s="150"/>
    </row>
    <row r="2174" spans="1:8" ht="63.75">
      <c r="A2174" s="150"/>
      <c r="B2174" s="164" t="s">
        <v>32432</v>
      </c>
      <c r="C2174" s="1150"/>
      <c r="D2174" s="1150"/>
      <c r="E2174" s="1150"/>
      <c r="F2174" s="1150"/>
      <c r="G2174" s="150"/>
      <c r="H2174" s="150"/>
    </row>
    <row r="2175" spans="1:8" ht="25.5">
      <c r="A2175" s="150"/>
      <c r="B2175" s="162" t="s">
        <v>11601</v>
      </c>
      <c r="C2175" s="1149" t="s">
        <v>11602</v>
      </c>
      <c r="D2175" s="1149" t="s">
        <v>11603</v>
      </c>
      <c r="E2175" s="1149" t="s">
        <v>11604</v>
      </c>
      <c r="F2175" s="1149" t="s">
        <v>11476</v>
      </c>
      <c r="G2175" s="150"/>
      <c r="H2175" s="150"/>
    </row>
    <row r="2176" spans="1:8" ht="76.5">
      <c r="A2176" s="150"/>
      <c r="B2176" s="164" t="s">
        <v>32433</v>
      </c>
      <c r="C2176" s="1150"/>
      <c r="D2176" s="1150"/>
      <c r="E2176" s="1150"/>
      <c r="F2176" s="1150"/>
      <c r="G2176" s="150"/>
      <c r="H2176" s="150"/>
    </row>
    <row r="2177" spans="1:8" ht="25.5">
      <c r="A2177" s="150"/>
      <c r="B2177" s="162" t="s">
        <v>11605</v>
      </c>
      <c r="C2177" s="1149" t="s">
        <v>11606</v>
      </c>
      <c r="D2177" s="1149" t="s">
        <v>11607</v>
      </c>
      <c r="E2177" s="1149" t="s">
        <v>11608</v>
      </c>
      <c r="F2177" s="1149" t="s">
        <v>11476</v>
      </c>
      <c r="G2177" s="150"/>
      <c r="H2177" s="150"/>
    </row>
    <row r="2178" spans="1:8" ht="76.5">
      <c r="A2178" s="150"/>
      <c r="B2178" s="164" t="s">
        <v>32434</v>
      </c>
      <c r="C2178" s="1150"/>
      <c r="D2178" s="1150"/>
      <c r="E2178" s="1150"/>
      <c r="F2178" s="1150"/>
      <c r="G2178" s="150"/>
      <c r="H2178" s="150"/>
    </row>
    <row r="2179" spans="1:8" ht="25.5">
      <c r="A2179" s="150"/>
      <c r="B2179" s="162" t="s">
        <v>11609</v>
      </c>
      <c r="C2179" s="1149" t="s">
        <v>11610</v>
      </c>
      <c r="D2179" s="1149" t="s">
        <v>11611</v>
      </c>
      <c r="E2179" s="1149" t="s">
        <v>11612</v>
      </c>
      <c r="F2179" s="1149" t="s">
        <v>11476</v>
      </c>
      <c r="G2179" s="150"/>
      <c r="H2179" s="150"/>
    </row>
    <row r="2180" spans="1:8" ht="76.5">
      <c r="A2180" s="150"/>
      <c r="B2180" s="164" t="s">
        <v>32435</v>
      </c>
      <c r="C2180" s="1150"/>
      <c r="D2180" s="1150"/>
      <c r="E2180" s="1150"/>
      <c r="F2180" s="1150"/>
      <c r="G2180" s="150"/>
      <c r="H2180" s="150"/>
    </row>
    <row r="2181" spans="1:8" ht="25.5">
      <c r="A2181" s="150"/>
      <c r="B2181" s="162" t="s">
        <v>11613</v>
      </c>
      <c r="C2181" s="1149" t="s">
        <v>11614</v>
      </c>
      <c r="D2181" s="1149" t="s">
        <v>11615</v>
      </c>
      <c r="E2181" s="1149" t="s">
        <v>11616</v>
      </c>
      <c r="F2181" s="1149" t="s">
        <v>11476</v>
      </c>
      <c r="G2181" s="150"/>
      <c r="H2181" s="150"/>
    </row>
    <row r="2182" spans="1:8" ht="76.5">
      <c r="A2182" s="150"/>
      <c r="B2182" s="164" t="s">
        <v>32436</v>
      </c>
      <c r="C2182" s="1150"/>
      <c r="D2182" s="1150"/>
      <c r="E2182" s="1150"/>
      <c r="F2182" s="1150"/>
      <c r="G2182" s="150"/>
      <c r="H2182" s="150"/>
    </row>
    <row r="2183" spans="1:8">
      <c r="A2183" s="150"/>
      <c r="B2183" s="162" t="s">
        <v>11617</v>
      </c>
      <c r="C2183" s="1149" t="s">
        <v>11619</v>
      </c>
      <c r="D2183" s="1149" t="s">
        <v>11620</v>
      </c>
      <c r="E2183" s="1149" t="s">
        <v>11621</v>
      </c>
      <c r="F2183" s="1149" t="s">
        <v>11476</v>
      </c>
      <c r="G2183" s="150"/>
      <c r="H2183" s="150"/>
    </row>
    <row r="2184" spans="1:8" ht="51">
      <c r="A2184" s="150"/>
      <c r="B2184" s="164" t="s">
        <v>11618</v>
      </c>
      <c r="C2184" s="1150"/>
      <c r="D2184" s="1150"/>
      <c r="E2184" s="1150"/>
      <c r="F2184" s="1150"/>
      <c r="G2184" s="150"/>
      <c r="H2184" s="150"/>
    </row>
    <row r="2185" spans="1:8">
      <c r="A2185" s="150"/>
      <c r="B2185" s="162" t="s">
        <v>11622</v>
      </c>
      <c r="C2185" s="1149" t="s">
        <v>11623</v>
      </c>
      <c r="D2185" s="1149" t="s">
        <v>11624</v>
      </c>
      <c r="E2185" s="1165">
        <v>2231335</v>
      </c>
      <c r="F2185" s="1149" t="s">
        <v>11476</v>
      </c>
      <c r="G2185" s="150"/>
      <c r="H2185" s="150"/>
    </row>
    <row r="2186" spans="1:8" ht="63.75">
      <c r="A2186" s="150"/>
      <c r="B2186" s="164" t="s">
        <v>32437</v>
      </c>
      <c r="C2186" s="1150"/>
      <c r="D2186" s="1150"/>
      <c r="E2186" s="1166"/>
      <c r="F2186" s="1150"/>
      <c r="G2186" s="150"/>
      <c r="H2186" s="150"/>
    </row>
    <row r="2187" spans="1:8">
      <c r="A2187" s="150"/>
      <c r="B2187" s="162" t="s">
        <v>11625</v>
      </c>
      <c r="C2187" s="1149" t="s">
        <v>11627</v>
      </c>
      <c r="D2187" s="1149" t="s">
        <v>11628</v>
      </c>
      <c r="E2187" s="1149" t="s">
        <v>11629</v>
      </c>
      <c r="F2187" s="1149" t="s">
        <v>11476</v>
      </c>
      <c r="G2187" s="150"/>
      <c r="H2187" s="150"/>
    </row>
    <row r="2188" spans="1:8" ht="38.25">
      <c r="A2188" s="150"/>
      <c r="B2188" s="164" t="s">
        <v>11626</v>
      </c>
      <c r="C2188" s="1150"/>
      <c r="D2188" s="1150"/>
      <c r="E2188" s="1150"/>
      <c r="F2188" s="1150"/>
      <c r="G2188" s="150"/>
      <c r="H2188" s="150"/>
    </row>
    <row r="2189" spans="1:8">
      <c r="A2189" s="150"/>
      <c r="B2189" s="162" t="s">
        <v>11630</v>
      </c>
      <c r="C2189" s="1149" t="s">
        <v>11631</v>
      </c>
      <c r="D2189" s="1149" t="s">
        <v>11632</v>
      </c>
      <c r="E2189" s="1149" t="s">
        <v>11633</v>
      </c>
      <c r="F2189" s="1149" t="s">
        <v>11476</v>
      </c>
      <c r="G2189" s="150"/>
      <c r="H2189" s="150"/>
    </row>
    <row r="2190" spans="1:8" ht="63.75">
      <c r="A2190" s="150"/>
      <c r="B2190" s="164" t="s">
        <v>32438</v>
      </c>
      <c r="C2190" s="1150"/>
      <c r="D2190" s="1150"/>
      <c r="E2190" s="1150"/>
      <c r="F2190" s="1150"/>
      <c r="G2190" s="150"/>
      <c r="H2190" s="150"/>
    </row>
    <row r="2191" spans="1:8">
      <c r="A2191" s="150"/>
      <c r="B2191" s="162" t="s">
        <v>11634</v>
      </c>
      <c r="C2191" s="1149" t="s">
        <v>11635</v>
      </c>
      <c r="D2191" s="1149" t="s">
        <v>11636</v>
      </c>
      <c r="E2191" s="1149" t="s">
        <v>11637</v>
      </c>
      <c r="F2191" s="1149" t="s">
        <v>11476</v>
      </c>
      <c r="G2191" s="150"/>
      <c r="H2191" s="150"/>
    </row>
    <row r="2192" spans="1:8" ht="76.5">
      <c r="A2192" s="150"/>
      <c r="B2192" s="164" t="s">
        <v>32439</v>
      </c>
      <c r="C2192" s="1150"/>
      <c r="D2192" s="1150"/>
      <c r="E2192" s="1150"/>
      <c r="F2192" s="1150"/>
      <c r="G2192" s="150"/>
      <c r="H2192" s="150"/>
    </row>
    <row r="2193" spans="1:8">
      <c r="A2193" s="150"/>
      <c r="B2193" s="162" t="s">
        <v>11638</v>
      </c>
      <c r="C2193" s="1149" t="s">
        <v>11639</v>
      </c>
      <c r="D2193" s="1149" t="s">
        <v>11640</v>
      </c>
      <c r="E2193" s="1149" t="s">
        <v>11641</v>
      </c>
      <c r="F2193" s="1149" t="s">
        <v>11476</v>
      </c>
      <c r="G2193" s="150"/>
      <c r="H2193" s="150"/>
    </row>
    <row r="2194" spans="1:8" ht="76.5">
      <c r="A2194" s="150"/>
      <c r="B2194" s="164" t="s">
        <v>32440</v>
      </c>
      <c r="C2194" s="1150"/>
      <c r="D2194" s="1150"/>
      <c r="E2194" s="1150"/>
      <c r="F2194" s="1150"/>
      <c r="G2194" s="150"/>
      <c r="H2194" s="150"/>
    </row>
    <row r="2195" spans="1:8">
      <c r="A2195" s="150"/>
      <c r="B2195" s="162" t="s">
        <v>11642</v>
      </c>
      <c r="C2195" s="1149" t="s">
        <v>11643</v>
      </c>
      <c r="D2195" s="1149" t="s">
        <v>11644</v>
      </c>
      <c r="E2195" s="1149" t="s">
        <v>11645</v>
      </c>
      <c r="F2195" s="1149" t="s">
        <v>11476</v>
      </c>
      <c r="G2195" s="150"/>
      <c r="H2195" s="150"/>
    </row>
    <row r="2196" spans="1:8" ht="76.5">
      <c r="A2196" s="150"/>
      <c r="B2196" s="164" t="s">
        <v>32441</v>
      </c>
      <c r="C2196" s="1150"/>
      <c r="D2196" s="1150"/>
      <c r="E2196" s="1150"/>
      <c r="F2196" s="1150"/>
      <c r="G2196" s="150"/>
      <c r="H2196" s="150"/>
    </row>
    <row r="2197" spans="1:8">
      <c r="A2197" s="150"/>
      <c r="B2197" s="162" t="s">
        <v>11646</v>
      </c>
      <c r="C2197" s="1149" t="s">
        <v>11647</v>
      </c>
      <c r="D2197" s="1149" t="s">
        <v>11648</v>
      </c>
      <c r="E2197" s="1149" t="s">
        <v>11649</v>
      </c>
      <c r="F2197" s="1149" t="s">
        <v>11476</v>
      </c>
      <c r="G2197" s="150"/>
      <c r="H2197" s="150"/>
    </row>
    <row r="2198" spans="1:8" ht="76.5">
      <c r="A2198" s="150"/>
      <c r="B2198" s="164" t="s">
        <v>32442</v>
      </c>
      <c r="C2198" s="1150"/>
      <c r="D2198" s="1150"/>
      <c r="E2198" s="1150"/>
      <c r="F2198" s="1150"/>
      <c r="G2198" s="150"/>
      <c r="H2198" s="150"/>
    </row>
    <row r="2199" spans="1:8">
      <c r="A2199" s="150"/>
      <c r="B2199" s="162" t="s">
        <v>11650</v>
      </c>
      <c r="C2199" s="1149" t="s">
        <v>11651</v>
      </c>
      <c r="D2199" s="1149" t="s">
        <v>11652</v>
      </c>
      <c r="E2199" s="1149" t="s">
        <v>11653</v>
      </c>
      <c r="F2199" s="1149" t="s">
        <v>643</v>
      </c>
      <c r="G2199" s="150"/>
      <c r="H2199" s="150"/>
    </row>
    <row r="2200" spans="1:8" ht="76.5">
      <c r="A2200" s="150"/>
      <c r="B2200" s="164" t="s">
        <v>32443</v>
      </c>
      <c r="C2200" s="1150"/>
      <c r="D2200" s="1150"/>
      <c r="E2200" s="1150"/>
      <c r="F2200" s="1150"/>
      <c r="G2200" s="150"/>
      <c r="H2200" s="150"/>
    </row>
    <row r="2201" spans="1:8">
      <c r="A2201" s="150"/>
      <c r="B2201" s="162" t="s">
        <v>11654</v>
      </c>
      <c r="C2201" s="1149" t="s">
        <v>11655</v>
      </c>
      <c r="D2201" s="1149" t="s">
        <v>11656</v>
      </c>
      <c r="E2201" s="1149" t="s">
        <v>11657</v>
      </c>
      <c r="F2201" s="1149" t="s">
        <v>643</v>
      </c>
      <c r="G2201" s="150"/>
      <c r="H2201" s="150"/>
    </row>
    <row r="2202" spans="1:8" ht="63.75">
      <c r="A2202" s="150"/>
      <c r="B2202" s="164" t="s">
        <v>32444</v>
      </c>
      <c r="C2202" s="1150"/>
      <c r="D2202" s="1150"/>
      <c r="E2202" s="1150"/>
      <c r="F2202" s="1150"/>
      <c r="G2202" s="150"/>
      <c r="H2202" s="150"/>
    </row>
    <row r="2203" spans="1:8">
      <c r="A2203" s="150"/>
      <c r="B2203" s="162" t="s">
        <v>11658</v>
      </c>
      <c r="C2203" s="1149" t="s">
        <v>11659</v>
      </c>
      <c r="D2203" s="1149" t="s">
        <v>11660</v>
      </c>
      <c r="E2203" s="1149" t="s">
        <v>11661</v>
      </c>
      <c r="F2203" s="1149" t="s">
        <v>643</v>
      </c>
      <c r="G2203" s="150"/>
      <c r="H2203" s="150"/>
    </row>
    <row r="2204" spans="1:8" ht="38.25">
      <c r="A2204" s="150"/>
      <c r="B2204" s="164" t="s">
        <v>13545</v>
      </c>
      <c r="C2204" s="1150"/>
      <c r="D2204" s="1150"/>
      <c r="E2204" s="1150"/>
      <c r="F2204" s="1150"/>
      <c r="G2204" s="150"/>
      <c r="H2204" s="150"/>
    </row>
    <row r="2205" spans="1:8" ht="25.5">
      <c r="A2205" s="150"/>
      <c r="B2205" s="162" t="s">
        <v>11662</v>
      </c>
      <c r="C2205" s="1149" t="s">
        <v>11663</v>
      </c>
      <c r="D2205" s="1149" t="s">
        <v>11664</v>
      </c>
      <c r="E2205" s="1149" t="s">
        <v>11665</v>
      </c>
      <c r="F2205" s="1149" t="s">
        <v>643</v>
      </c>
      <c r="G2205" s="150"/>
      <c r="H2205" s="150"/>
    </row>
    <row r="2206" spans="1:8" ht="63.75">
      <c r="A2206" s="150"/>
      <c r="B2206" s="164" t="s">
        <v>32445</v>
      </c>
      <c r="C2206" s="1150"/>
      <c r="D2206" s="1150"/>
      <c r="E2206" s="1150"/>
      <c r="F2206" s="1150"/>
      <c r="G2206" s="150"/>
      <c r="H2206" s="150"/>
    </row>
    <row r="2207" spans="1:8" ht="25.5">
      <c r="A2207" s="150"/>
      <c r="B2207" s="162" t="s">
        <v>11666</v>
      </c>
      <c r="C2207" s="1149" t="s">
        <v>11667</v>
      </c>
      <c r="D2207" s="1149" t="s">
        <v>11668</v>
      </c>
      <c r="E2207" s="1149" t="s">
        <v>11669</v>
      </c>
      <c r="F2207" s="1149" t="s">
        <v>643</v>
      </c>
      <c r="G2207" s="150"/>
      <c r="H2207" s="150"/>
    </row>
    <row r="2208" spans="1:8" ht="63.75">
      <c r="A2208" s="150"/>
      <c r="B2208" s="164" t="s">
        <v>32446</v>
      </c>
      <c r="C2208" s="1150"/>
      <c r="D2208" s="1150"/>
      <c r="E2208" s="1150"/>
      <c r="F2208" s="1150"/>
      <c r="G2208" s="150"/>
      <c r="H2208" s="150"/>
    </row>
    <row r="2209" spans="1:8" ht="25.5">
      <c r="A2209" s="150"/>
      <c r="B2209" s="162" t="s">
        <v>11670</v>
      </c>
      <c r="C2209" s="1149" t="s">
        <v>11671</v>
      </c>
      <c r="D2209" s="1149" t="s">
        <v>11672</v>
      </c>
      <c r="E2209" s="1149" t="s">
        <v>11673</v>
      </c>
      <c r="F2209" s="1149" t="s">
        <v>643</v>
      </c>
      <c r="G2209" s="150"/>
      <c r="H2209" s="150"/>
    </row>
    <row r="2210" spans="1:8" ht="63.75">
      <c r="A2210" s="150"/>
      <c r="B2210" s="164" t="s">
        <v>32447</v>
      </c>
      <c r="C2210" s="1150"/>
      <c r="D2210" s="1150"/>
      <c r="E2210" s="1150"/>
      <c r="F2210" s="1150"/>
      <c r="G2210" s="150"/>
      <c r="H2210" s="150"/>
    </row>
    <row r="2211" spans="1:8" ht="25.5">
      <c r="A2211" s="150"/>
      <c r="B2211" s="162" t="s">
        <v>11674</v>
      </c>
      <c r="C2211" s="1149" t="s">
        <v>11675</v>
      </c>
      <c r="D2211" s="1149" t="s">
        <v>11676</v>
      </c>
      <c r="E2211" s="1149" t="s">
        <v>11677</v>
      </c>
      <c r="F2211" s="1149" t="s">
        <v>643</v>
      </c>
      <c r="G2211" s="150"/>
      <c r="H2211" s="150"/>
    </row>
    <row r="2212" spans="1:8" ht="76.5">
      <c r="A2212" s="150"/>
      <c r="B2212" s="164" t="s">
        <v>32448</v>
      </c>
      <c r="C2212" s="1150"/>
      <c r="D2212" s="1150"/>
      <c r="E2212" s="1150"/>
      <c r="F2212" s="1150"/>
      <c r="G2212" s="150"/>
      <c r="H2212" s="150"/>
    </row>
    <row r="2213" spans="1:8" ht="25.5">
      <c r="A2213" s="150"/>
      <c r="B2213" s="162" t="s">
        <v>11678</v>
      </c>
      <c r="C2213" s="1149" t="s">
        <v>11679</v>
      </c>
      <c r="D2213" s="1149" t="s">
        <v>11680</v>
      </c>
      <c r="E2213" s="1149" t="s">
        <v>11681</v>
      </c>
      <c r="F2213" s="1149" t="s">
        <v>643</v>
      </c>
      <c r="G2213" s="150"/>
      <c r="H2213" s="150"/>
    </row>
    <row r="2214" spans="1:8" ht="63.75">
      <c r="A2214" s="150"/>
      <c r="B2214" s="164" t="s">
        <v>32449</v>
      </c>
      <c r="C2214" s="1150"/>
      <c r="D2214" s="1150"/>
      <c r="E2214" s="1150"/>
      <c r="F2214" s="1150"/>
      <c r="G2214" s="150"/>
      <c r="H2214" s="150"/>
    </row>
    <row r="2215" spans="1:8">
      <c r="A2215" s="150"/>
      <c r="B2215" s="162" t="s">
        <v>11682</v>
      </c>
      <c r="C2215" s="1149" t="s">
        <v>11683</v>
      </c>
      <c r="D2215" s="1149" t="s">
        <v>11684</v>
      </c>
      <c r="E2215" s="1149" t="s">
        <v>11685</v>
      </c>
      <c r="F2215" s="1149" t="s">
        <v>643</v>
      </c>
      <c r="G2215" s="150"/>
      <c r="H2215" s="150"/>
    </row>
    <row r="2216" spans="1:8" ht="76.5">
      <c r="A2216" s="150"/>
      <c r="B2216" s="164" t="s">
        <v>32450</v>
      </c>
      <c r="C2216" s="1150"/>
      <c r="D2216" s="1150"/>
      <c r="E2216" s="1150"/>
      <c r="F2216" s="1150"/>
      <c r="G2216" s="150"/>
      <c r="H2216" s="150"/>
    </row>
    <row r="2217" spans="1:8" ht="25.5">
      <c r="A2217" s="150"/>
      <c r="B2217" s="162" t="s">
        <v>11686</v>
      </c>
      <c r="C2217" s="1149" t="s">
        <v>11687</v>
      </c>
      <c r="D2217" s="1149" t="s">
        <v>11688</v>
      </c>
      <c r="E2217" s="1149" t="s">
        <v>11689</v>
      </c>
      <c r="F2217" s="1149" t="s">
        <v>643</v>
      </c>
      <c r="G2217" s="150"/>
      <c r="H2217" s="150"/>
    </row>
    <row r="2218" spans="1:8" ht="51">
      <c r="A2218" s="150"/>
      <c r="B2218" s="164" t="s">
        <v>13546</v>
      </c>
      <c r="C2218" s="1150"/>
      <c r="D2218" s="1150"/>
      <c r="E2218" s="1150"/>
      <c r="F2218" s="1150"/>
      <c r="G2218" s="150"/>
      <c r="H2218" s="150"/>
    </row>
    <row r="2219" spans="1:8" ht="25.5">
      <c r="A2219" s="150"/>
      <c r="B2219" s="162" t="s">
        <v>11690</v>
      </c>
      <c r="C2219" s="1149" t="s">
        <v>11691</v>
      </c>
      <c r="D2219" s="1149" t="s">
        <v>11692</v>
      </c>
      <c r="E2219" s="1149" t="s">
        <v>11693</v>
      </c>
      <c r="F2219" s="1149" t="s">
        <v>643</v>
      </c>
      <c r="G2219" s="150"/>
      <c r="H2219" s="150"/>
    </row>
    <row r="2220" spans="1:8" ht="76.5">
      <c r="A2220" s="150"/>
      <c r="B2220" s="164" t="s">
        <v>32451</v>
      </c>
      <c r="C2220" s="1150"/>
      <c r="D2220" s="1150"/>
      <c r="E2220" s="1150"/>
      <c r="F2220" s="1150"/>
      <c r="G2220" s="150"/>
      <c r="H2220" s="150"/>
    </row>
    <row r="2221" spans="1:8" ht="38.25">
      <c r="A2221" s="150"/>
      <c r="B2221" s="162" t="s">
        <v>11694</v>
      </c>
      <c r="C2221" s="1149" t="s">
        <v>11695</v>
      </c>
      <c r="D2221" s="1149" t="s">
        <v>11696</v>
      </c>
      <c r="E2221" s="1149" t="s">
        <v>11697</v>
      </c>
      <c r="F2221" s="1149" t="s">
        <v>643</v>
      </c>
      <c r="G2221" s="150"/>
      <c r="H2221" s="150"/>
    </row>
    <row r="2222" spans="1:8" ht="25.5">
      <c r="A2222" s="150"/>
      <c r="B2222" s="164" t="s">
        <v>32452</v>
      </c>
      <c r="C2222" s="1150"/>
      <c r="D2222" s="1150"/>
      <c r="E2222" s="1150"/>
      <c r="F2222" s="1150"/>
      <c r="G2222" s="150"/>
      <c r="H2222" s="150"/>
    </row>
    <row r="2223" spans="1:8" ht="25.5">
      <c r="A2223" s="150"/>
      <c r="B2223" s="162" t="s">
        <v>11698</v>
      </c>
      <c r="C2223" s="1149" t="s">
        <v>11699</v>
      </c>
      <c r="D2223" s="1149" t="s">
        <v>11700</v>
      </c>
      <c r="E2223" s="1149" t="s">
        <v>11701</v>
      </c>
      <c r="F2223" s="1149" t="s">
        <v>643</v>
      </c>
      <c r="G2223" s="150"/>
      <c r="H2223" s="150"/>
    </row>
    <row r="2224" spans="1:8" ht="63.75">
      <c r="A2224" s="150"/>
      <c r="B2224" s="164" t="s">
        <v>32453</v>
      </c>
      <c r="C2224" s="1150"/>
      <c r="D2224" s="1150"/>
      <c r="E2224" s="1150"/>
      <c r="F2224" s="1150"/>
      <c r="G2224" s="150"/>
      <c r="H2224" s="150"/>
    </row>
    <row r="2225" spans="1:8" ht="25.5">
      <c r="A2225" s="150"/>
      <c r="B2225" s="162" t="s">
        <v>11702</v>
      </c>
      <c r="C2225" s="1149" t="s">
        <v>11703</v>
      </c>
      <c r="D2225" s="1149" t="s">
        <v>11704</v>
      </c>
      <c r="E2225" s="1149" t="s">
        <v>11705</v>
      </c>
      <c r="F2225" s="1149" t="s">
        <v>643</v>
      </c>
      <c r="G2225" s="150"/>
      <c r="H2225" s="150"/>
    </row>
    <row r="2226" spans="1:8" ht="102">
      <c r="A2226" s="150"/>
      <c r="B2226" s="164" t="s">
        <v>32454</v>
      </c>
      <c r="C2226" s="1150"/>
      <c r="D2226" s="1150"/>
      <c r="E2226" s="1150"/>
      <c r="F2226" s="1150"/>
      <c r="G2226" s="150"/>
      <c r="H2226" s="150"/>
    </row>
    <row r="2227" spans="1:8" ht="25.5">
      <c r="A2227" s="150"/>
      <c r="B2227" s="162" t="s">
        <v>11706</v>
      </c>
      <c r="C2227" s="1149" t="s">
        <v>11707</v>
      </c>
      <c r="D2227" s="1149" t="s">
        <v>11708</v>
      </c>
      <c r="E2227" s="1149" t="s">
        <v>11709</v>
      </c>
      <c r="F2227" s="1149" t="s">
        <v>643</v>
      </c>
      <c r="G2227" s="150"/>
      <c r="H2227" s="150"/>
    </row>
    <row r="2228" spans="1:8" ht="102">
      <c r="A2228" s="150"/>
      <c r="B2228" s="164" t="s">
        <v>32455</v>
      </c>
      <c r="C2228" s="1150"/>
      <c r="D2228" s="1150"/>
      <c r="E2228" s="1150"/>
      <c r="F2228" s="1150"/>
      <c r="G2228" s="150"/>
      <c r="H2228" s="150"/>
    </row>
    <row r="2229" spans="1:8" ht="25.5">
      <c r="A2229" s="150"/>
      <c r="B2229" s="162" t="s">
        <v>11710</v>
      </c>
      <c r="C2229" s="1149" t="s">
        <v>11711</v>
      </c>
      <c r="D2229" s="1149" t="s">
        <v>11712</v>
      </c>
      <c r="E2229" s="1149" t="s">
        <v>11713</v>
      </c>
      <c r="F2229" s="1149" t="s">
        <v>643</v>
      </c>
      <c r="G2229" s="150"/>
      <c r="H2229" s="150"/>
    </row>
    <row r="2230" spans="1:8" ht="102">
      <c r="A2230" s="150"/>
      <c r="B2230" s="164" t="s">
        <v>32456</v>
      </c>
      <c r="C2230" s="1150"/>
      <c r="D2230" s="1150"/>
      <c r="E2230" s="1150"/>
      <c r="F2230" s="1150"/>
      <c r="G2230" s="150"/>
      <c r="H2230" s="150"/>
    </row>
    <row r="2231" spans="1:8" ht="25.5">
      <c r="A2231" s="150"/>
      <c r="B2231" s="162" t="s">
        <v>11714</v>
      </c>
      <c r="C2231" s="1149" t="s">
        <v>11715</v>
      </c>
      <c r="D2231" s="1149" t="s">
        <v>11716</v>
      </c>
      <c r="E2231" s="1149" t="s">
        <v>11717</v>
      </c>
      <c r="F2231" s="1149" t="s">
        <v>643</v>
      </c>
      <c r="G2231" s="150"/>
      <c r="H2231" s="150"/>
    </row>
    <row r="2232" spans="1:8" ht="76.5">
      <c r="A2232" s="150"/>
      <c r="B2232" s="164" t="s">
        <v>32457</v>
      </c>
      <c r="C2232" s="1150"/>
      <c r="D2232" s="1150"/>
      <c r="E2232" s="1150"/>
      <c r="F2232" s="1150"/>
      <c r="G2232" s="150"/>
      <c r="H2232" s="150"/>
    </row>
    <row r="2233" spans="1:8" ht="25.5">
      <c r="A2233" s="150"/>
      <c r="B2233" s="162" t="s">
        <v>11718</v>
      </c>
      <c r="C2233" s="1149" t="s">
        <v>11719</v>
      </c>
      <c r="D2233" s="1149" t="s">
        <v>11720</v>
      </c>
      <c r="E2233" s="1149" t="s">
        <v>11721</v>
      </c>
      <c r="F2233" s="1149" t="s">
        <v>643</v>
      </c>
      <c r="G2233" s="150"/>
      <c r="H2233" s="150"/>
    </row>
    <row r="2234" spans="1:8" ht="76.5">
      <c r="A2234" s="150"/>
      <c r="B2234" s="164" t="s">
        <v>32458</v>
      </c>
      <c r="C2234" s="1150"/>
      <c r="D2234" s="1150"/>
      <c r="E2234" s="1150"/>
      <c r="F2234" s="1150"/>
      <c r="G2234" s="150"/>
      <c r="H2234" s="150"/>
    </row>
    <row r="2235" spans="1:8" ht="25.5">
      <c r="A2235" s="150"/>
      <c r="B2235" s="162" t="s">
        <v>11722</v>
      </c>
      <c r="C2235" s="1149" t="s">
        <v>11723</v>
      </c>
      <c r="D2235" s="1149" t="s">
        <v>11724</v>
      </c>
      <c r="E2235" s="1149" t="s">
        <v>11725</v>
      </c>
      <c r="F2235" s="1149" t="s">
        <v>643</v>
      </c>
      <c r="G2235" s="150"/>
      <c r="H2235" s="150"/>
    </row>
    <row r="2236" spans="1:8" ht="76.5">
      <c r="A2236" s="150"/>
      <c r="B2236" s="164" t="s">
        <v>32459</v>
      </c>
      <c r="C2236" s="1150"/>
      <c r="D2236" s="1150"/>
      <c r="E2236" s="1150"/>
      <c r="F2236" s="1150"/>
      <c r="G2236" s="150"/>
      <c r="H2236" s="150"/>
    </row>
    <row r="2237" spans="1:8" ht="38.25">
      <c r="A2237" s="150"/>
      <c r="B2237" s="162" t="s">
        <v>11726</v>
      </c>
      <c r="C2237" s="1149" t="s">
        <v>11727</v>
      </c>
      <c r="D2237" s="1149" t="s">
        <v>11728</v>
      </c>
      <c r="E2237" s="1149" t="s">
        <v>11729</v>
      </c>
      <c r="F2237" s="1149" t="s">
        <v>643</v>
      </c>
      <c r="G2237" s="150"/>
      <c r="H2237" s="150"/>
    </row>
    <row r="2238" spans="1:8" ht="63.75">
      <c r="A2238" s="150"/>
      <c r="B2238" s="164" t="s">
        <v>32460</v>
      </c>
      <c r="C2238" s="1150"/>
      <c r="D2238" s="1150"/>
      <c r="E2238" s="1150"/>
      <c r="F2238" s="1150"/>
      <c r="G2238" s="150"/>
      <c r="H2238" s="150"/>
    </row>
    <row r="2239" spans="1:8" ht="25.5">
      <c r="A2239" s="150"/>
      <c r="B2239" s="162" t="s">
        <v>11730</v>
      </c>
      <c r="C2239" s="1149" t="s">
        <v>11731</v>
      </c>
      <c r="D2239" s="1149" t="s">
        <v>11732</v>
      </c>
      <c r="E2239" s="1149" t="s">
        <v>11733</v>
      </c>
      <c r="F2239" s="1149" t="s">
        <v>643</v>
      </c>
      <c r="G2239" s="150"/>
      <c r="H2239" s="150"/>
    </row>
    <row r="2240" spans="1:8" ht="76.5">
      <c r="A2240" s="150"/>
      <c r="B2240" s="164" t="s">
        <v>32461</v>
      </c>
      <c r="C2240" s="1150"/>
      <c r="D2240" s="1150"/>
      <c r="E2240" s="1150"/>
      <c r="F2240" s="1150"/>
      <c r="G2240" s="150"/>
      <c r="H2240" s="150"/>
    </row>
    <row r="2241" spans="1:8" ht="25.5">
      <c r="A2241" s="150"/>
      <c r="B2241" s="162" t="s">
        <v>11734</v>
      </c>
      <c r="C2241" s="1149" t="s">
        <v>11735</v>
      </c>
      <c r="D2241" s="1149" t="s">
        <v>11736</v>
      </c>
      <c r="E2241" s="1149" t="s">
        <v>11737</v>
      </c>
      <c r="F2241" s="1149" t="s">
        <v>643</v>
      </c>
      <c r="G2241" s="150"/>
      <c r="H2241" s="150"/>
    </row>
    <row r="2242" spans="1:8" ht="102">
      <c r="A2242" s="150"/>
      <c r="B2242" s="164" t="s">
        <v>32462</v>
      </c>
      <c r="C2242" s="1150"/>
      <c r="D2242" s="1150"/>
      <c r="E2242" s="1150"/>
      <c r="F2242" s="1150"/>
      <c r="G2242" s="150"/>
      <c r="H2242" s="150"/>
    </row>
    <row r="2243" spans="1:8" ht="38.25">
      <c r="A2243" s="150"/>
      <c r="B2243" s="162" t="s">
        <v>11738</v>
      </c>
      <c r="C2243" s="1149" t="s">
        <v>11740</v>
      </c>
      <c r="D2243" s="1149" t="s">
        <v>11741</v>
      </c>
      <c r="E2243" s="1149" t="s">
        <v>11742</v>
      </c>
      <c r="F2243" s="1149" t="s">
        <v>643</v>
      </c>
      <c r="G2243" s="150"/>
      <c r="H2243" s="150"/>
    </row>
    <row r="2244" spans="1:8" ht="51">
      <c r="A2244" s="150"/>
      <c r="B2244" s="164" t="s">
        <v>11739</v>
      </c>
      <c r="C2244" s="1150"/>
      <c r="D2244" s="1150"/>
      <c r="E2244" s="1150"/>
      <c r="F2244" s="1150"/>
      <c r="G2244" s="150"/>
      <c r="H2244" s="150"/>
    </row>
    <row r="2245" spans="1:8" ht="25.5">
      <c r="A2245" s="150"/>
      <c r="B2245" s="162" t="s">
        <v>32463</v>
      </c>
      <c r="C2245" s="1149" t="s">
        <v>11743</v>
      </c>
      <c r="D2245" s="1149" t="s">
        <v>11744</v>
      </c>
      <c r="E2245" s="1149" t="s">
        <v>11745</v>
      </c>
      <c r="F2245" s="1149" t="s">
        <v>643</v>
      </c>
      <c r="G2245" s="150"/>
      <c r="H2245" s="150"/>
    </row>
    <row r="2246" spans="1:8" ht="63.75">
      <c r="A2246" s="150"/>
      <c r="B2246" s="164" t="s">
        <v>32464</v>
      </c>
      <c r="C2246" s="1150"/>
      <c r="D2246" s="1150"/>
      <c r="E2246" s="1150"/>
      <c r="F2246" s="1150"/>
      <c r="G2246" s="150"/>
      <c r="H2246" s="150"/>
    </row>
    <row r="2247" spans="1:8" ht="25.5">
      <c r="A2247" s="150"/>
      <c r="B2247" s="162" t="s">
        <v>11746</v>
      </c>
      <c r="C2247" s="1149" t="s">
        <v>11747</v>
      </c>
      <c r="D2247" s="1149" t="s">
        <v>11748</v>
      </c>
      <c r="E2247" s="1149" t="s">
        <v>11749</v>
      </c>
      <c r="F2247" s="1149" t="s">
        <v>643</v>
      </c>
      <c r="G2247" s="150"/>
      <c r="H2247" s="150"/>
    </row>
    <row r="2248" spans="1:8" ht="63.75">
      <c r="A2248" s="150"/>
      <c r="B2248" s="164" t="s">
        <v>13547</v>
      </c>
      <c r="C2248" s="1150"/>
      <c r="D2248" s="1150"/>
      <c r="E2248" s="1150"/>
      <c r="F2248" s="1150"/>
      <c r="G2248" s="150"/>
      <c r="H2248" s="150"/>
    </row>
    <row r="2249" spans="1:8" ht="25.5">
      <c r="A2249" s="150"/>
      <c r="B2249" s="162" t="s">
        <v>32465</v>
      </c>
      <c r="C2249" s="1149" t="s">
        <v>11750</v>
      </c>
      <c r="D2249" s="1149" t="s">
        <v>11751</v>
      </c>
      <c r="E2249" s="1149" t="s">
        <v>11752</v>
      </c>
      <c r="F2249" s="1149" t="s">
        <v>643</v>
      </c>
      <c r="G2249" s="150"/>
      <c r="H2249" s="150"/>
    </row>
    <row r="2250" spans="1:8" ht="63.75">
      <c r="A2250" s="150"/>
      <c r="B2250" s="164" t="s">
        <v>13548</v>
      </c>
      <c r="C2250" s="1150"/>
      <c r="D2250" s="1150"/>
      <c r="E2250" s="1150"/>
      <c r="F2250" s="1150"/>
      <c r="G2250" s="150"/>
      <c r="H2250" s="150"/>
    </row>
    <row r="2251" spans="1:8" ht="25.5">
      <c r="A2251" s="150"/>
      <c r="B2251" s="162" t="s">
        <v>32466</v>
      </c>
      <c r="C2251" s="1149" t="s">
        <v>11753</v>
      </c>
      <c r="D2251" s="1149" t="s">
        <v>11754</v>
      </c>
      <c r="E2251" s="1149" t="s">
        <v>11755</v>
      </c>
      <c r="F2251" s="1149" t="s">
        <v>643</v>
      </c>
      <c r="G2251" s="150"/>
      <c r="H2251" s="150"/>
    </row>
    <row r="2252" spans="1:8" ht="102">
      <c r="A2252" s="150"/>
      <c r="B2252" s="164" t="s">
        <v>32467</v>
      </c>
      <c r="C2252" s="1150"/>
      <c r="D2252" s="1150"/>
      <c r="E2252" s="1150"/>
      <c r="F2252" s="1150"/>
      <c r="G2252" s="150"/>
      <c r="H2252" s="150"/>
    </row>
    <row r="2253" spans="1:8" ht="38.25">
      <c r="A2253" s="150"/>
      <c r="B2253" s="162" t="s">
        <v>32468</v>
      </c>
      <c r="C2253" s="1149" t="s">
        <v>11756</v>
      </c>
      <c r="D2253" s="1149" t="s">
        <v>11757</v>
      </c>
      <c r="E2253" s="1149" t="s">
        <v>11758</v>
      </c>
      <c r="F2253" s="1149" t="s">
        <v>643</v>
      </c>
      <c r="G2253" s="150"/>
      <c r="H2253" s="150"/>
    </row>
    <row r="2254" spans="1:8" ht="63.75">
      <c r="A2254" s="150"/>
      <c r="B2254" s="164" t="s">
        <v>13549</v>
      </c>
      <c r="C2254" s="1150"/>
      <c r="D2254" s="1150"/>
      <c r="E2254" s="1150"/>
      <c r="F2254" s="1150"/>
      <c r="G2254" s="150"/>
      <c r="H2254" s="150"/>
    </row>
    <row r="2255" spans="1:8" ht="25.5">
      <c r="A2255" s="150"/>
      <c r="B2255" s="162" t="s">
        <v>11759</v>
      </c>
      <c r="C2255" s="1149" t="s">
        <v>11760</v>
      </c>
      <c r="D2255" s="1149" t="s">
        <v>11761</v>
      </c>
      <c r="E2255" s="1149" t="s">
        <v>11762</v>
      </c>
      <c r="F2255" s="1149" t="s">
        <v>643</v>
      </c>
      <c r="G2255" s="150"/>
      <c r="H2255" s="150"/>
    </row>
    <row r="2256" spans="1:8" ht="89.25">
      <c r="A2256" s="150"/>
      <c r="B2256" s="164" t="s">
        <v>32469</v>
      </c>
      <c r="C2256" s="1150"/>
      <c r="D2256" s="1150"/>
      <c r="E2256" s="1150"/>
      <c r="F2256" s="1150"/>
      <c r="G2256" s="150"/>
      <c r="H2256" s="150"/>
    </row>
    <row r="2257" spans="1:8" ht="25.5">
      <c r="A2257" s="150"/>
      <c r="B2257" s="162" t="s">
        <v>11763</v>
      </c>
      <c r="C2257" s="1149" t="s">
        <v>11764</v>
      </c>
      <c r="D2257" s="1149" t="s">
        <v>11765</v>
      </c>
      <c r="E2257" s="1149" t="s">
        <v>11766</v>
      </c>
      <c r="F2257" s="1149" t="s">
        <v>643</v>
      </c>
      <c r="G2257" s="150"/>
      <c r="H2257" s="150"/>
    </row>
    <row r="2258" spans="1:8" ht="89.25">
      <c r="A2258" s="150"/>
      <c r="B2258" s="164" t="s">
        <v>32470</v>
      </c>
      <c r="C2258" s="1150"/>
      <c r="D2258" s="1150"/>
      <c r="E2258" s="1150"/>
      <c r="F2258" s="1150"/>
      <c r="G2258" s="150"/>
      <c r="H2258" s="150"/>
    </row>
    <row r="2259" spans="1:8" ht="25.5">
      <c r="A2259" s="150"/>
      <c r="B2259" s="162" t="s">
        <v>32471</v>
      </c>
      <c r="C2259" s="1149" t="s">
        <v>11767</v>
      </c>
      <c r="D2259" s="1149" t="s">
        <v>11768</v>
      </c>
      <c r="E2259" s="1149" t="s">
        <v>11769</v>
      </c>
      <c r="F2259" s="1149" t="s">
        <v>643</v>
      </c>
      <c r="G2259" s="150"/>
      <c r="H2259" s="150"/>
    </row>
    <row r="2260" spans="1:8" ht="63.75">
      <c r="A2260" s="150"/>
      <c r="B2260" s="164" t="s">
        <v>32472</v>
      </c>
      <c r="C2260" s="1150"/>
      <c r="D2260" s="1150"/>
      <c r="E2260" s="1150"/>
      <c r="F2260" s="1150"/>
      <c r="G2260" s="150"/>
      <c r="H2260" s="150"/>
    </row>
    <row r="2261" spans="1:8" ht="25.5">
      <c r="A2261" s="150"/>
      <c r="B2261" s="162" t="s">
        <v>11770</v>
      </c>
      <c r="C2261" s="1149" t="s">
        <v>11771</v>
      </c>
      <c r="D2261" s="1149" t="s">
        <v>11772</v>
      </c>
      <c r="E2261" s="1149" t="s">
        <v>11773</v>
      </c>
      <c r="F2261" s="1149" t="s">
        <v>643</v>
      </c>
      <c r="G2261" s="150"/>
      <c r="H2261" s="150"/>
    </row>
    <row r="2262" spans="1:8" ht="51">
      <c r="A2262" s="150"/>
      <c r="B2262" s="164" t="s">
        <v>32473</v>
      </c>
      <c r="C2262" s="1150"/>
      <c r="D2262" s="1150"/>
      <c r="E2262" s="1150"/>
      <c r="F2262" s="1150"/>
      <c r="G2262" s="150"/>
      <c r="H2262" s="150"/>
    </row>
    <row r="2263" spans="1:8" ht="38.25">
      <c r="A2263" s="150"/>
      <c r="B2263" s="162" t="s">
        <v>11774</v>
      </c>
      <c r="C2263" s="1149" t="s">
        <v>11776</v>
      </c>
      <c r="D2263" s="1149" t="s">
        <v>11777</v>
      </c>
      <c r="E2263" s="1149" t="s">
        <v>11778</v>
      </c>
      <c r="F2263" s="1149" t="s">
        <v>643</v>
      </c>
      <c r="G2263" s="150"/>
      <c r="H2263" s="150"/>
    </row>
    <row r="2264" spans="1:8" ht="38.25">
      <c r="A2264" s="150"/>
      <c r="B2264" s="164" t="s">
        <v>11775</v>
      </c>
      <c r="C2264" s="1150"/>
      <c r="D2264" s="1150"/>
      <c r="E2264" s="1150"/>
      <c r="F2264" s="1150"/>
      <c r="G2264" s="150"/>
      <c r="H2264" s="150"/>
    </row>
    <row r="2265" spans="1:8" ht="25.5">
      <c r="A2265" s="150"/>
      <c r="B2265" s="162" t="s">
        <v>11779</v>
      </c>
      <c r="C2265" s="1149" t="s">
        <v>11780</v>
      </c>
      <c r="D2265" s="1149" t="s">
        <v>11781</v>
      </c>
      <c r="E2265" s="1149" t="s">
        <v>11782</v>
      </c>
      <c r="F2265" s="1149" t="s">
        <v>643</v>
      </c>
      <c r="G2265" s="150"/>
      <c r="H2265" s="150"/>
    </row>
    <row r="2266" spans="1:8" ht="89.25">
      <c r="A2266" s="150"/>
      <c r="B2266" s="164" t="s">
        <v>32474</v>
      </c>
      <c r="C2266" s="1150"/>
      <c r="D2266" s="1150"/>
      <c r="E2266" s="1150"/>
      <c r="F2266" s="1150"/>
      <c r="G2266" s="150"/>
      <c r="H2266" s="150"/>
    </row>
    <row r="2267" spans="1:8" ht="25.5">
      <c r="A2267" s="150"/>
      <c r="B2267" s="162" t="s">
        <v>11783</v>
      </c>
      <c r="C2267" s="1149" t="s">
        <v>11784</v>
      </c>
      <c r="D2267" s="1149" t="s">
        <v>11785</v>
      </c>
      <c r="E2267" s="1149" t="s">
        <v>11786</v>
      </c>
      <c r="F2267" s="1149" t="s">
        <v>643</v>
      </c>
      <c r="G2267" s="150"/>
      <c r="H2267" s="150"/>
    </row>
    <row r="2268" spans="1:8" ht="76.5">
      <c r="A2268" s="150"/>
      <c r="B2268" s="164" t="s">
        <v>13550</v>
      </c>
      <c r="C2268" s="1150"/>
      <c r="D2268" s="1150"/>
      <c r="E2268" s="1150"/>
      <c r="F2268" s="1150"/>
      <c r="G2268" s="150"/>
      <c r="H2268" s="150"/>
    </row>
    <row r="2269" spans="1:8" ht="25.5">
      <c r="A2269" s="150"/>
      <c r="B2269" s="162" t="s">
        <v>32475</v>
      </c>
      <c r="C2269" s="1149" t="s">
        <v>11787</v>
      </c>
      <c r="D2269" s="1149" t="s">
        <v>11788</v>
      </c>
      <c r="E2269" s="1149" t="s">
        <v>11789</v>
      </c>
      <c r="F2269" s="1149" t="s">
        <v>643</v>
      </c>
      <c r="G2269" s="150"/>
      <c r="H2269" s="150"/>
    </row>
    <row r="2270" spans="1:8" ht="76.5">
      <c r="A2270" s="150"/>
      <c r="B2270" s="164" t="s">
        <v>32476</v>
      </c>
      <c r="C2270" s="1150"/>
      <c r="D2270" s="1150"/>
      <c r="E2270" s="1150"/>
      <c r="F2270" s="1150"/>
      <c r="G2270" s="150"/>
      <c r="H2270" s="150"/>
    </row>
    <row r="2271" spans="1:8" ht="25.5">
      <c r="A2271" s="150"/>
      <c r="B2271" s="162" t="s">
        <v>32477</v>
      </c>
      <c r="C2271" s="1149" t="s">
        <v>11790</v>
      </c>
      <c r="D2271" s="1149" t="s">
        <v>11791</v>
      </c>
      <c r="E2271" s="1149" t="s">
        <v>11792</v>
      </c>
      <c r="F2271" s="1149" t="s">
        <v>643</v>
      </c>
      <c r="G2271" s="150"/>
      <c r="H2271" s="150"/>
    </row>
    <row r="2272" spans="1:8" ht="76.5">
      <c r="A2272" s="150"/>
      <c r="B2272" s="164" t="s">
        <v>32478</v>
      </c>
      <c r="C2272" s="1150"/>
      <c r="D2272" s="1150"/>
      <c r="E2272" s="1150"/>
      <c r="F2272" s="1150"/>
      <c r="G2272" s="150"/>
      <c r="H2272" s="150"/>
    </row>
    <row r="2273" spans="1:8" ht="38.25">
      <c r="A2273" s="150"/>
      <c r="B2273" s="195" t="s">
        <v>32479</v>
      </c>
      <c r="C2273" s="196" t="s">
        <v>11793</v>
      </c>
      <c r="D2273" s="196" t="s">
        <v>11794</v>
      </c>
      <c r="E2273" s="196" t="s">
        <v>11795</v>
      </c>
      <c r="F2273" s="196" t="s">
        <v>643</v>
      </c>
      <c r="G2273" s="150"/>
      <c r="H2273" s="150"/>
    </row>
    <row r="2274" spans="1:8" ht="25.5">
      <c r="A2274" s="150"/>
      <c r="B2274" s="162" t="s">
        <v>11796</v>
      </c>
      <c r="C2274" s="1149" t="s">
        <v>11797</v>
      </c>
      <c r="D2274" s="1149" t="s">
        <v>11798</v>
      </c>
      <c r="E2274" s="1149" t="s">
        <v>11799</v>
      </c>
      <c r="F2274" s="1149" t="s">
        <v>643</v>
      </c>
      <c r="G2274" s="150"/>
      <c r="H2274" s="150"/>
    </row>
    <row r="2275" spans="1:8" ht="102">
      <c r="A2275" s="150"/>
      <c r="B2275" s="164" t="s">
        <v>32480</v>
      </c>
      <c r="C2275" s="1150"/>
      <c r="D2275" s="1150"/>
      <c r="E2275" s="1150"/>
      <c r="F2275" s="1150"/>
      <c r="G2275" s="150"/>
      <c r="H2275" s="150"/>
    </row>
    <row r="2276" spans="1:8" ht="25.5">
      <c r="A2276" s="150"/>
      <c r="B2276" s="162" t="s">
        <v>11800</v>
      </c>
      <c r="C2276" s="1149" t="s">
        <v>11801</v>
      </c>
      <c r="D2276" s="1149" t="s">
        <v>11802</v>
      </c>
      <c r="E2276" s="1149" t="s">
        <v>11803</v>
      </c>
      <c r="F2276" s="1149" t="s">
        <v>643</v>
      </c>
      <c r="G2276" s="150"/>
      <c r="H2276" s="150"/>
    </row>
    <row r="2277" spans="1:8" ht="76.5">
      <c r="A2277" s="150"/>
      <c r="B2277" s="164" t="s">
        <v>32481</v>
      </c>
      <c r="C2277" s="1150"/>
      <c r="D2277" s="1150"/>
      <c r="E2277" s="1150"/>
      <c r="F2277" s="1150"/>
      <c r="G2277" s="150"/>
      <c r="H2277" s="150"/>
    </row>
    <row r="2278" spans="1:8" ht="25.5">
      <c r="A2278" s="150"/>
      <c r="B2278" s="162" t="s">
        <v>11804</v>
      </c>
      <c r="C2278" s="1149" t="s">
        <v>11805</v>
      </c>
      <c r="D2278" s="1149" t="s">
        <v>11806</v>
      </c>
      <c r="E2278" s="1149" t="s">
        <v>11807</v>
      </c>
      <c r="F2278" s="1149" t="s">
        <v>643</v>
      </c>
      <c r="G2278" s="150"/>
      <c r="H2278" s="150"/>
    </row>
    <row r="2279" spans="1:8" ht="76.5">
      <c r="A2279" s="150"/>
      <c r="B2279" s="164" t="s">
        <v>32482</v>
      </c>
      <c r="C2279" s="1150"/>
      <c r="D2279" s="1150"/>
      <c r="E2279" s="1150"/>
      <c r="F2279" s="1150"/>
      <c r="G2279" s="150"/>
      <c r="H2279" s="150"/>
    </row>
    <row r="2280" spans="1:8" ht="25.5">
      <c r="A2280" s="150"/>
      <c r="B2280" s="195" t="s">
        <v>32483</v>
      </c>
      <c r="C2280" s="196" t="s">
        <v>11808</v>
      </c>
      <c r="D2280" s="196" t="s">
        <v>11809</v>
      </c>
      <c r="E2280" s="196" t="s">
        <v>11810</v>
      </c>
      <c r="F2280" s="196" t="s">
        <v>643</v>
      </c>
      <c r="G2280" s="150"/>
      <c r="H2280" s="150"/>
    </row>
    <row r="2281" spans="1:8" ht="25.5">
      <c r="A2281" s="150"/>
      <c r="B2281" s="162" t="s">
        <v>32484</v>
      </c>
      <c r="C2281" s="1149" t="s">
        <v>11811</v>
      </c>
      <c r="D2281" s="1149" t="s">
        <v>11812</v>
      </c>
      <c r="E2281" s="1149" t="s">
        <v>11813</v>
      </c>
      <c r="F2281" s="1149" t="s">
        <v>643</v>
      </c>
      <c r="G2281" s="150"/>
      <c r="H2281" s="150"/>
    </row>
    <row r="2282" spans="1:8" ht="38.25">
      <c r="A2282" s="150"/>
      <c r="B2282" s="164" t="s">
        <v>32485</v>
      </c>
      <c r="C2282" s="1150"/>
      <c r="D2282" s="1150"/>
      <c r="E2282" s="1150"/>
      <c r="F2282" s="1150"/>
      <c r="G2282" s="150"/>
      <c r="H2282" s="150"/>
    </row>
    <row r="2283" spans="1:8" ht="25.5">
      <c r="A2283" s="150"/>
      <c r="B2283" s="162" t="s">
        <v>11814</v>
      </c>
      <c r="C2283" s="1149" t="s">
        <v>11815</v>
      </c>
      <c r="D2283" s="1149" t="s">
        <v>11816</v>
      </c>
      <c r="E2283" s="1149" t="s">
        <v>11817</v>
      </c>
      <c r="F2283" s="1149" t="s">
        <v>643</v>
      </c>
      <c r="G2283" s="150"/>
      <c r="H2283" s="150"/>
    </row>
    <row r="2284" spans="1:8" ht="102">
      <c r="A2284" s="150"/>
      <c r="B2284" s="164" t="s">
        <v>32486</v>
      </c>
      <c r="C2284" s="1150"/>
      <c r="D2284" s="1150"/>
      <c r="E2284" s="1150"/>
      <c r="F2284" s="1150"/>
      <c r="G2284" s="150"/>
      <c r="H2284" s="150"/>
    </row>
    <row r="2285" spans="1:8" ht="38.25">
      <c r="A2285" s="150"/>
      <c r="B2285" s="162" t="s">
        <v>11818</v>
      </c>
      <c r="C2285" s="1149" t="s">
        <v>11819</v>
      </c>
      <c r="D2285" s="1149" t="s">
        <v>11820</v>
      </c>
      <c r="E2285" s="1149" t="s">
        <v>11821</v>
      </c>
      <c r="F2285" s="1149" t="s">
        <v>643</v>
      </c>
      <c r="G2285" s="150"/>
      <c r="H2285" s="150"/>
    </row>
    <row r="2286" spans="1:8" ht="63.75">
      <c r="A2286" s="150"/>
      <c r="B2286" s="164" t="s">
        <v>32487</v>
      </c>
      <c r="C2286" s="1150"/>
      <c r="D2286" s="1150"/>
      <c r="E2286" s="1150"/>
      <c r="F2286" s="1150"/>
      <c r="G2286" s="150"/>
      <c r="H2286" s="150"/>
    </row>
    <row r="2287" spans="1:8" ht="25.5">
      <c r="A2287" s="150"/>
      <c r="B2287" s="162" t="s">
        <v>11822</v>
      </c>
      <c r="C2287" s="1149" t="s">
        <v>11823</v>
      </c>
      <c r="D2287" s="1149" t="s">
        <v>11824</v>
      </c>
      <c r="E2287" s="1149" t="s">
        <v>11825</v>
      </c>
      <c r="F2287" s="1149" t="s">
        <v>643</v>
      </c>
      <c r="G2287" s="150"/>
      <c r="H2287" s="150"/>
    </row>
    <row r="2288" spans="1:8" ht="38.25">
      <c r="A2288" s="150"/>
      <c r="B2288" s="164" t="s">
        <v>13551</v>
      </c>
      <c r="C2288" s="1150"/>
      <c r="D2288" s="1150"/>
      <c r="E2288" s="1150"/>
      <c r="F2288" s="1150"/>
      <c r="G2288" s="150"/>
      <c r="H2288" s="150"/>
    </row>
    <row r="2289" spans="1:8" ht="25.5">
      <c r="A2289" s="150"/>
      <c r="B2289" s="162" t="s">
        <v>11826</v>
      </c>
      <c r="C2289" s="1149" t="s">
        <v>11827</v>
      </c>
      <c r="D2289" s="1149" t="s">
        <v>11828</v>
      </c>
      <c r="E2289" s="1149" t="s">
        <v>11829</v>
      </c>
      <c r="F2289" s="1149" t="s">
        <v>643</v>
      </c>
      <c r="G2289" s="150"/>
      <c r="H2289" s="150"/>
    </row>
    <row r="2290" spans="1:8" ht="76.5">
      <c r="A2290" s="150"/>
      <c r="B2290" s="164" t="s">
        <v>32488</v>
      </c>
      <c r="C2290" s="1150"/>
      <c r="D2290" s="1150"/>
      <c r="E2290" s="1150"/>
      <c r="F2290" s="1150"/>
      <c r="G2290" s="150"/>
      <c r="H2290" s="150"/>
    </row>
    <row r="2291" spans="1:8" ht="25.5">
      <c r="A2291" s="150"/>
      <c r="B2291" s="162" t="s">
        <v>11830</v>
      </c>
      <c r="C2291" s="1149" t="s">
        <v>11831</v>
      </c>
      <c r="D2291" s="1149" t="s">
        <v>11832</v>
      </c>
      <c r="E2291" s="1149" t="s">
        <v>11833</v>
      </c>
      <c r="F2291" s="1149" t="s">
        <v>643</v>
      </c>
      <c r="G2291" s="150"/>
      <c r="H2291" s="150"/>
    </row>
    <row r="2292" spans="1:8" ht="102">
      <c r="A2292" s="150"/>
      <c r="B2292" s="164" t="s">
        <v>32489</v>
      </c>
      <c r="C2292" s="1150"/>
      <c r="D2292" s="1150"/>
      <c r="E2292" s="1150"/>
      <c r="F2292" s="1150"/>
      <c r="G2292" s="150"/>
      <c r="H2292" s="150"/>
    </row>
    <row r="2293" spans="1:8" ht="38.25">
      <c r="A2293" s="150"/>
      <c r="B2293" s="162" t="s">
        <v>32490</v>
      </c>
      <c r="C2293" s="1149" t="s">
        <v>11834</v>
      </c>
      <c r="D2293" s="1149" t="s">
        <v>11835</v>
      </c>
      <c r="E2293" s="1149" t="s">
        <v>11836</v>
      </c>
      <c r="F2293" s="1149" t="s">
        <v>643</v>
      </c>
      <c r="G2293" s="150"/>
      <c r="H2293" s="150"/>
    </row>
    <row r="2294" spans="1:8" ht="76.5">
      <c r="A2294" s="150"/>
      <c r="B2294" s="164" t="s">
        <v>32491</v>
      </c>
      <c r="C2294" s="1150"/>
      <c r="D2294" s="1150"/>
      <c r="E2294" s="1150"/>
      <c r="F2294" s="1150"/>
      <c r="G2294" s="150"/>
      <c r="H2294" s="150"/>
    </row>
    <row r="2295" spans="1:8" ht="25.5">
      <c r="A2295" s="150"/>
      <c r="B2295" s="195" t="s">
        <v>32492</v>
      </c>
      <c r="C2295" s="196" t="s">
        <v>11837</v>
      </c>
      <c r="D2295" s="196" t="s">
        <v>11838</v>
      </c>
      <c r="E2295" s="196" t="s">
        <v>11839</v>
      </c>
      <c r="F2295" s="196" t="s">
        <v>643</v>
      </c>
      <c r="G2295" s="150"/>
      <c r="H2295" s="150"/>
    </row>
    <row r="2296" spans="1:8" ht="25.5">
      <c r="A2296" s="150"/>
      <c r="B2296" s="162" t="s">
        <v>32493</v>
      </c>
      <c r="C2296" s="1149" t="s">
        <v>11840</v>
      </c>
      <c r="D2296" s="1149" t="s">
        <v>11841</v>
      </c>
      <c r="E2296" s="1149" t="s">
        <v>11842</v>
      </c>
      <c r="F2296" s="1149" t="s">
        <v>643</v>
      </c>
      <c r="G2296" s="150"/>
      <c r="H2296" s="150"/>
    </row>
    <row r="2297" spans="1:8" ht="89.25">
      <c r="A2297" s="150"/>
      <c r="B2297" s="164" t="s">
        <v>32494</v>
      </c>
      <c r="C2297" s="1150"/>
      <c r="D2297" s="1150"/>
      <c r="E2297" s="1150"/>
      <c r="F2297" s="1150"/>
      <c r="G2297" s="150"/>
      <c r="H2297" s="150"/>
    </row>
    <row r="2298" spans="1:8" ht="25.5">
      <c r="A2298" s="150"/>
      <c r="B2298" s="162" t="s">
        <v>32495</v>
      </c>
      <c r="C2298" s="1149" t="s">
        <v>11843</v>
      </c>
      <c r="D2298" s="1149" t="s">
        <v>11844</v>
      </c>
      <c r="E2298" s="1149" t="s">
        <v>11845</v>
      </c>
      <c r="F2298" s="1149" t="s">
        <v>643</v>
      </c>
      <c r="G2298" s="150"/>
      <c r="H2298" s="150"/>
    </row>
    <row r="2299" spans="1:8" ht="89.25">
      <c r="A2299" s="150"/>
      <c r="B2299" s="164" t="s">
        <v>32496</v>
      </c>
      <c r="C2299" s="1150"/>
      <c r="D2299" s="1150"/>
      <c r="E2299" s="1150"/>
      <c r="F2299" s="1150"/>
      <c r="G2299" s="150"/>
      <c r="H2299" s="150"/>
    </row>
    <row r="2300" spans="1:8" ht="25.5">
      <c r="A2300" s="150"/>
      <c r="B2300" s="162" t="s">
        <v>32497</v>
      </c>
      <c r="C2300" s="1149" t="s">
        <v>11846</v>
      </c>
      <c r="D2300" s="1149" t="s">
        <v>11847</v>
      </c>
      <c r="E2300" s="1149" t="s">
        <v>11848</v>
      </c>
      <c r="F2300" s="1149" t="s">
        <v>643</v>
      </c>
      <c r="G2300" s="150"/>
      <c r="H2300" s="150"/>
    </row>
    <row r="2301" spans="1:8" ht="89.25">
      <c r="A2301" s="150"/>
      <c r="B2301" s="164" t="s">
        <v>32498</v>
      </c>
      <c r="C2301" s="1150"/>
      <c r="D2301" s="1150"/>
      <c r="E2301" s="1150"/>
      <c r="F2301" s="1150"/>
      <c r="G2301" s="150"/>
      <c r="H2301" s="150"/>
    </row>
    <row r="2302" spans="1:8" ht="25.5">
      <c r="A2302" s="150"/>
      <c r="B2302" s="162" t="s">
        <v>32499</v>
      </c>
      <c r="C2302" s="1149" t="s">
        <v>11849</v>
      </c>
      <c r="D2302" s="1149" t="s">
        <v>11850</v>
      </c>
      <c r="E2302" s="1149" t="s">
        <v>11851</v>
      </c>
      <c r="F2302" s="1149" t="s">
        <v>643</v>
      </c>
      <c r="G2302" s="150"/>
      <c r="H2302" s="150"/>
    </row>
    <row r="2303" spans="1:8" ht="76.5">
      <c r="A2303" s="150"/>
      <c r="B2303" s="164" t="s">
        <v>32500</v>
      </c>
      <c r="C2303" s="1150"/>
      <c r="D2303" s="1150"/>
      <c r="E2303" s="1150"/>
      <c r="F2303" s="1150"/>
      <c r="G2303" s="150"/>
      <c r="H2303" s="150"/>
    </row>
    <row r="2304" spans="1:8">
      <c r="A2304" s="150"/>
      <c r="B2304" s="162" t="s">
        <v>11852</v>
      </c>
      <c r="C2304" s="1149" t="s">
        <v>11853</v>
      </c>
      <c r="D2304" s="1149" t="s">
        <v>11854</v>
      </c>
      <c r="E2304" s="1149" t="s">
        <v>11855</v>
      </c>
      <c r="F2304" s="1149" t="s">
        <v>11463</v>
      </c>
      <c r="G2304" s="150"/>
      <c r="H2304" s="150"/>
    </row>
    <row r="2305" spans="1:8" ht="63.75">
      <c r="A2305" s="150"/>
      <c r="B2305" s="164" t="s">
        <v>32501</v>
      </c>
      <c r="C2305" s="1150"/>
      <c r="D2305" s="1150"/>
      <c r="E2305" s="1150"/>
      <c r="F2305" s="1150"/>
      <c r="G2305" s="150"/>
      <c r="H2305" s="150"/>
    </row>
    <row r="2306" spans="1:8" ht="25.5">
      <c r="A2306" s="150"/>
      <c r="B2306" s="162" t="s">
        <v>11856</v>
      </c>
      <c r="C2306" s="1149" t="s">
        <v>11857</v>
      </c>
      <c r="D2306" s="1149" t="s">
        <v>11858</v>
      </c>
      <c r="E2306" s="1149" t="s">
        <v>11859</v>
      </c>
      <c r="F2306" s="1149" t="s">
        <v>643</v>
      </c>
      <c r="G2306" s="150"/>
      <c r="H2306" s="150"/>
    </row>
    <row r="2307" spans="1:8" ht="76.5">
      <c r="A2307" s="150"/>
      <c r="B2307" s="164" t="s">
        <v>32502</v>
      </c>
      <c r="C2307" s="1150"/>
      <c r="D2307" s="1150"/>
      <c r="E2307" s="1150"/>
      <c r="F2307" s="1150"/>
      <c r="G2307" s="150"/>
      <c r="H2307" s="150"/>
    </row>
    <row r="2308" spans="1:8" ht="25.5">
      <c r="A2308" s="150"/>
      <c r="B2308" s="162" t="s">
        <v>11860</v>
      </c>
      <c r="C2308" s="1149" t="s">
        <v>11861</v>
      </c>
      <c r="D2308" s="1149" t="s">
        <v>11862</v>
      </c>
      <c r="E2308" s="1149" t="s">
        <v>11863</v>
      </c>
      <c r="F2308" s="1149" t="s">
        <v>643</v>
      </c>
      <c r="G2308" s="150"/>
      <c r="H2308" s="150"/>
    </row>
    <row r="2309" spans="1:8" ht="76.5">
      <c r="A2309" s="150"/>
      <c r="B2309" s="164" t="s">
        <v>32503</v>
      </c>
      <c r="C2309" s="1150"/>
      <c r="D2309" s="1150"/>
      <c r="E2309" s="1150"/>
      <c r="F2309" s="1150"/>
      <c r="G2309" s="150"/>
      <c r="H2309" s="150"/>
    </row>
    <row r="2310" spans="1:8" ht="25.5">
      <c r="A2310" s="150"/>
      <c r="B2310" s="162" t="s">
        <v>11864</v>
      </c>
      <c r="C2310" s="1149" t="s">
        <v>11865</v>
      </c>
      <c r="D2310" s="1149" t="s">
        <v>11866</v>
      </c>
      <c r="E2310" s="1149" t="s">
        <v>11867</v>
      </c>
      <c r="F2310" s="1149" t="s">
        <v>643</v>
      </c>
      <c r="G2310" s="150"/>
      <c r="H2310" s="150"/>
    </row>
    <row r="2311" spans="1:8" ht="89.25">
      <c r="A2311" s="150"/>
      <c r="B2311" s="164" t="s">
        <v>32504</v>
      </c>
      <c r="C2311" s="1150"/>
      <c r="D2311" s="1150"/>
      <c r="E2311" s="1150"/>
      <c r="F2311" s="1150"/>
      <c r="G2311" s="150"/>
      <c r="H2311" s="150"/>
    </row>
    <row r="2312" spans="1:8" ht="25.5">
      <c r="A2312" s="150"/>
      <c r="B2312" s="162" t="s">
        <v>11868</v>
      </c>
      <c r="C2312" s="1149" t="s">
        <v>11869</v>
      </c>
      <c r="D2312" s="1149" t="s">
        <v>11870</v>
      </c>
      <c r="E2312" s="1149" t="s">
        <v>11871</v>
      </c>
      <c r="F2312" s="1149" t="s">
        <v>643</v>
      </c>
      <c r="G2312" s="150"/>
      <c r="H2312" s="150"/>
    </row>
    <row r="2313" spans="1:8" ht="89.25">
      <c r="A2313" s="150"/>
      <c r="B2313" s="164" t="s">
        <v>32505</v>
      </c>
      <c r="C2313" s="1150"/>
      <c r="D2313" s="1150"/>
      <c r="E2313" s="1150"/>
      <c r="F2313" s="1150"/>
      <c r="G2313" s="150"/>
      <c r="H2313" s="150"/>
    </row>
    <row r="2314" spans="1:8" ht="38.25">
      <c r="A2314" s="150"/>
      <c r="B2314" s="162" t="s">
        <v>11872</v>
      </c>
      <c r="C2314" s="1149" t="s">
        <v>11873</v>
      </c>
      <c r="D2314" s="1149" t="s">
        <v>11874</v>
      </c>
      <c r="E2314" s="1149" t="s">
        <v>11875</v>
      </c>
      <c r="F2314" s="1149" t="s">
        <v>643</v>
      </c>
      <c r="G2314" s="150"/>
      <c r="H2314" s="150"/>
    </row>
    <row r="2315" spans="1:8" ht="63.75">
      <c r="A2315" s="150"/>
      <c r="B2315" s="164" t="s">
        <v>32506</v>
      </c>
      <c r="C2315" s="1150"/>
      <c r="D2315" s="1150"/>
      <c r="E2315" s="1150"/>
      <c r="F2315" s="1150"/>
      <c r="G2315" s="150"/>
      <c r="H2315" s="150"/>
    </row>
    <row r="2316" spans="1:8" ht="38.25">
      <c r="A2316" s="150"/>
      <c r="B2316" s="162" t="s">
        <v>32507</v>
      </c>
      <c r="C2316" s="1149" t="s">
        <v>11876</v>
      </c>
      <c r="D2316" s="1149" t="s">
        <v>11877</v>
      </c>
      <c r="E2316" s="1149" t="s">
        <v>11878</v>
      </c>
      <c r="F2316" s="1149" t="s">
        <v>643</v>
      </c>
      <c r="G2316" s="150"/>
      <c r="H2316" s="150"/>
    </row>
    <row r="2317" spans="1:8" ht="63.75">
      <c r="A2317" s="150"/>
      <c r="B2317" s="164" t="s">
        <v>32508</v>
      </c>
      <c r="C2317" s="1150"/>
      <c r="D2317" s="1150"/>
      <c r="E2317" s="1150"/>
      <c r="F2317" s="1150"/>
      <c r="G2317" s="150"/>
      <c r="H2317" s="150"/>
    </row>
    <row r="2318" spans="1:8" ht="25.5">
      <c r="A2318" s="150"/>
      <c r="B2318" s="162" t="s">
        <v>11879</v>
      </c>
      <c r="C2318" s="1149" t="s">
        <v>11880</v>
      </c>
      <c r="D2318" s="1149" t="s">
        <v>11881</v>
      </c>
      <c r="E2318" s="1149" t="s">
        <v>11882</v>
      </c>
      <c r="F2318" s="1149" t="s">
        <v>643</v>
      </c>
      <c r="G2318" s="150"/>
      <c r="H2318" s="150"/>
    </row>
    <row r="2319" spans="1:8" ht="63.75">
      <c r="A2319" s="150"/>
      <c r="B2319" s="164" t="s">
        <v>32509</v>
      </c>
      <c r="C2319" s="1150"/>
      <c r="D2319" s="1150"/>
      <c r="E2319" s="1150"/>
      <c r="F2319" s="1150"/>
      <c r="G2319" s="150"/>
      <c r="H2319" s="150"/>
    </row>
    <row r="2320" spans="1:8" ht="38.25">
      <c r="A2320" s="150"/>
      <c r="B2320" s="162" t="s">
        <v>32510</v>
      </c>
      <c r="C2320" s="1149" t="s">
        <v>11883</v>
      </c>
      <c r="D2320" s="1149" t="s">
        <v>11884</v>
      </c>
      <c r="E2320" s="1149" t="s">
        <v>11885</v>
      </c>
      <c r="F2320" s="1149" t="s">
        <v>643</v>
      </c>
      <c r="G2320" s="150"/>
      <c r="H2320" s="150"/>
    </row>
    <row r="2321" spans="1:8" ht="76.5">
      <c r="A2321" s="150"/>
      <c r="B2321" s="164" t="s">
        <v>32511</v>
      </c>
      <c r="C2321" s="1150"/>
      <c r="D2321" s="1150"/>
      <c r="E2321" s="1150"/>
      <c r="F2321" s="1150"/>
      <c r="G2321" s="150"/>
      <c r="H2321" s="150"/>
    </row>
    <row r="2322" spans="1:8" ht="38.25">
      <c r="A2322" s="150"/>
      <c r="B2322" s="162" t="s">
        <v>11886</v>
      </c>
      <c r="C2322" s="1149" t="s">
        <v>11887</v>
      </c>
      <c r="D2322" s="1149" t="s">
        <v>11888</v>
      </c>
      <c r="E2322" s="1149" t="s">
        <v>11889</v>
      </c>
      <c r="F2322" s="1149" t="s">
        <v>643</v>
      </c>
      <c r="G2322" s="150"/>
      <c r="H2322" s="150"/>
    </row>
    <row r="2323" spans="1:8" ht="76.5">
      <c r="A2323" s="150"/>
      <c r="B2323" s="164" t="s">
        <v>13552</v>
      </c>
      <c r="C2323" s="1150"/>
      <c r="D2323" s="1150"/>
      <c r="E2323" s="1150"/>
      <c r="F2323" s="1150"/>
      <c r="G2323" s="150"/>
      <c r="H2323" s="150"/>
    </row>
    <row r="2324" spans="1:8" ht="38.25">
      <c r="A2324" s="150"/>
      <c r="B2324" s="162" t="s">
        <v>11890</v>
      </c>
      <c r="C2324" s="1149" t="s">
        <v>11892</v>
      </c>
      <c r="D2324" s="1149" t="s">
        <v>11893</v>
      </c>
      <c r="E2324" s="1149" t="s">
        <v>11894</v>
      </c>
      <c r="F2324" s="1149" t="s">
        <v>643</v>
      </c>
      <c r="G2324" s="150"/>
      <c r="H2324" s="150"/>
    </row>
    <row r="2325" spans="1:8" ht="51">
      <c r="A2325" s="150"/>
      <c r="B2325" s="164" t="s">
        <v>11891</v>
      </c>
      <c r="C2325" s="1150"/>
      <c r="D2325" s="1150"/>
      <c r="E2325" s="1150"/>
      <c r="F2325" s="1150"/>
      <c r="G2325" s="150"/>
      <c r="H2325" s="150"/>
    </row>
    <row r="2326" spans="1:8" ht="25.5">
      <c r="A2326" s="150"/>
      <c r="B2326" s="162" t="s">
        <v>11895</v>
      </c>
      <c r="C2326" s="1149" t="s">
        <v>11896</v>
      </c>
      <c r="D2326" s="1149" t="s">
        <v>11897</v>
      </c>
      <c r="E2326" s="1149" t="s">
        <v>11898</v>
      </c>
      <c r="F2326" s="1149" t="s">
        <v>643</v>
      </c>
      <c r="G2326" s="150"/>
      <c r="H2326" s="150"/>
    </row>
    <row r="2327" spans="1:8" ht="89.25">
      <c r="A2327" s="150"/>
      <c r="B2327" s="164" t="s">
        <v>13553</v>
      </c>
      <c r="C2327" s="1150"/>
      <c r="D2327" s="1150"/>
      <c r="E2327" s="1150"/>
      <c r="F2327" s="1150"/>
      <c r="G2327" s="150"/>
      <c r="H2327" s="150"/>
    </row>
    <row r="2328" spans="1:8" ht="25.5">
      <c r="A2328" s="150"/>
      <c r="B2328" s="162" t="s">
        <v>11899</v>
      </c>
      <c r="C2328" s="1149" t="s">
        <v>11900</v>
      </c>
      <c r="D2328" s="1149" t="s">
        <v>11901</v>
      </c>
      <c r="E2328" s="1149" t="s">
        <v>11902</v>
      </c>
      <c r="F2328" s="1149" t="s">
        <v>643</v>
      </c>
      <c r="G2328" s="150"/>
      <c r="H2328" s="150"/>
    </row>
    <row r="2329" spans="1:8" ht="76.5">
      <c r="A2329" s="150"/>
      <c r="B2329" s="164" t="s">
        <v>32512</v>
      </c>
      <c r="C2329" s="1150"/>
      <c r="D2329" s="1150"/>
      <c r="E2329" s="1150"/>
      <c r="F2329" s="1150"/>
      <c r="G2329" s="150"/>
      <c r="H2329" s="150"/>
    </row>
    <row r="2330" spans="1:8" ht="25.5">
      <c r="A2330" s="150"/>
      <c r="B2330" s="162" t="s">
        <v>11903</v>
      </c>
      <c r="C2330" s="1149" t="s">
        <v>11904</v>
      </c>
      <c r="D2330" s="1149" t="s">
        <v>11905</v>
      </c>
      <c r="E2330" s="1149" t="s">
        <v>11906</v>
      </c>
      <c r="F2330" s="1149" t="s">
        <v>643</v>
      </c>
      <c r="G2330" s="150"/>
      <c r="H2330" s="150"/>
    </row>
    <row r="2331" spans="1:8" ht="76.5">
      <c r="A2331" s="150"/>
      <c r="B2331" s="164" t="s">
        <v>32513</v>
      </c>
      <c r="C2331" s="1150"/>
      <c r="D2331" s="1150"/>
      <c r="E2331" s="1150"/>
      <c r="F2331" s="1150"/>
      <c r="G2331" s="150"/>
      <c r="H2331" s="150"/>
    </row>
    <row r="2332" spans="1:8" ht="25.5">
      <c r="A2332" s="150"/>
      <c r="B2332" s="162" t="s">
        <v>11907</v>
      </c>
      <c r="C2332" s="1149" t="s">
        <v>11908</v>
      </c>
      <c r="D2332" s="1149" t="s">
        <v>11909</v>
      </c>
      <c r="E2332" s="1149" t="s">
        <v>11910</v>
      </c>
      <c r="F2332" s="1149" t="s">
        <v>643</v>
      </c>
      <c r="G2332" s="150"/>
      <c r="H2332" s="150"/>
    </row>
    <row r="2333" spans="1:8" ht="63.75">
      <c r="A2333" s="150"/>
      <c r="B2333" s="164" t="s">
        <v>32514</v>
      </c>
      <c r="C2333" s="1150"/>
      <c r="D2333" s="1150"/>
      <c r="E2333" s="1150"/>
      <c r="F2333" s="1150"/>
      <c r="G2333" s="150"/>
      <c r="H2333" s="150"/>
    </row>
    <row r="2334" spans="1:8" ht="25.5">
      <c r="A2334" s="150"/>
      <c r="B2334" s="162" t="s">
        <v>11911</v>
      </c>
      <c r="C2334" s="1149" t="s">
        <v>11912</v>
      </c>
      <c r="D2334" s="1149" t="s">
        <v>11913</v>
      </c>
      <c r="E2334" s="1149" t="s">
        <v>11914</v>
      </c>
      <c r="F2334" s="1149" t="s">
        <v>643</v>
      </c>
      <c r="G2334" s="150"/>
      <c r="H2334" s="150"/>
    </row>
    <row r="2335" spans="1:8" ht="63.75">
      <c r="A2335" s="150"/>
      <c r="B2335" s="164" t="s">
        <v>32515</v>
      </c>
      <c r="C2335" s="1150"/>
      <c r="D2335" s="1150"/>
      <c r="E2335" s="1150"/>
      <c r="F2335" s="1150"/>
      <c r="G2335" s="150"/>
      <c r="H2335" s="150"/>
    </row>
    <row r="2336" spans="1:8" ht="38.25">
      <c r="A2336" s="150"/>
      <c r="B2336" s="162" t="s">
        <v>11915</v>
      </c>
      <c r="C2336" s="1149" t="s">
        <v>11916</v>
      </c>
      <c r="D2336" s="1149" t="s">
        <v>11917</v>
      </c>
      <c r="E2336" s="1149" t="s">
        <v>11918</v>
      </c>
      <c r="F2336" s="1149" t="s">
        <v>643</v>
      </c>
      <c r="G2336" s="150"/>
      <c r="H2336" s="150"/>
    </row>
    <row r="2337" spans="1:8" ht="76.5">
      <c r="A2337" s="150"/>
      <c r="B2337" s="164" t="s">
        <v>32516</v>
      </c>
      <c r="C2337" s="1150"/>
      <c r="D2337" s="1150"/>
      <c r="E2337" s="1150"/>
      <c r="F2337" s="1150"/>
      <c r="G2337" s="150"/>
      <c r="H2337" s="150"/>
    </row>
    <row r="2338" spans="1:8" ht="38.25">
      <c r="A2338" s="150"/>
      <c r="B2338" s="162" t="s">
        <v>11919</v>
      </c>
      <c r="C2338" s="1149" t="s">
        <v>11920</v>
      </c>
      <c r="D2338" s="1149" t="s">
        <v>11921</v>
      </c>
      <c r="E2338" s="1149" t="s">
        <v>11922</v>
      </c>
      <c r="F2338" s="1149" t="s">
        <v>643</v>
      </c>
      <c r="G2338" s="150"/>
      <c r="H2338" s="150"/>
    </row>
    <row r="2339" spans="1:8" ht="76.5">
      <c r="A2339" s="150"/>
      <c r="B2339" s="164" t="s">
        <v>32517</v>
      </c>
      <c r="C2339" s="1150"/>
      <c r="D2339" s="1150"/>
      <c r="E2339" s="1150"/>
      <c r="F2339" s="1150"/>
      <c r="G2339" s="150"/>
      <c r="H2339" s="150"/>
    </row>
    <row r="2340" spans="1:8" ht="38.25">
      <c r="A2340" s="150"/>
      <c r="B2340" s="162" t="s">
        <v>11923</v>
      </c>
      <c r="C2340" s="1149" t="s">
        <v>11924</v>
      </c>
      <c r="D2340" s="1149" t="s">
        <v>11925</v>
      </c>
      <c r="E2340" s="1149" t="s">
        <v>11926</v>
      </c>
      <c r="F2340" s="1149" t="s">
        <v>643</v>
      </c>
      <c r="G2340" s="150"/>
      <c r="H2340" s="150"/>
    </row>
    <row r="2341" spans="1:8" ht="76.5">
      <c r="A2341" s="150"/>
      <c r="B2341" s="164" t="s">
        <v>32518</v>
      </c>
      <c r="C2341" s="1150"/>
      <c r="D2341" s="1150"/>
      <c r="E2341" s="1150"/>
      <c r="F2341" s="1150"/>
      <c r="G2341" s="150"/>
      <c r="H2341" s="150"/>
    </row>
    <row r="2342" spans="1:8" ht="25.5">
      <c r="A2342" s="150"/>
      <c r="B2342" s="162" t="s">
        <v>11927</v>
      </c>
      <c r="C2342" s="1149" t="s">
        <v>11928</v>
      </c>
      <c r="D2342" s="1149" t="s">
        <v>11929</v>
      </c>
      <c r="E2342" s="1149" t="s">
        <v>11930</v>
      </c>
      <c r="F2342" s="1149" t="s">
        <v>643</v>
      </c>
      <c r="G2342" s="150"/>
      <c r="H2342" s="150"/>
    </row>
    <row r="2343" spans="1:8" ht="76.5">
      <c r="A2343" s="150"/>
      <c r="B2343" s="164" t="s">
        <v>32519</v>
      </c>
      <c r="C2343" s="1150"/>
      <c r="D2343" s="1150"/>
      <c r="E2343" s="1150"/>
      <c r="F2343" s="1150"/>
      <c r="G2343" s="150"/>
      <c r="H2343" s="150"/>
    </row>
    <row r="2344" spans="1:8" ht="38.25">
      <c r="A2344" s="150"/>
      <c r="B2344" s="162" t="s">
        <v>11931</v>
      </c>
      <c r="C2344" s="1149" t="s">
        <v>11932</v>
      </c>
      <c r="D2344" s="1149" t="s">
        <v>11933</v>
      </c>
      <c r="E2344" s="1149" t="s">
        <v>11934</v>
      </c>
      <c r="F2344" s="1149" t="s">
        <v>643</v>
      </c>
      <c r="G2344" s="150"/>
      <c r="H2344" s="150"/>
    </row>
    <row r="2345" spans="1:8" ht="76.5">
      <c r="A2345" s="150"/>
      <c r="B2345" s="164" t="s">
        <v>32520</v>
      </c>
      <c r="C2345" s="1150"/>
      <c r="D2345" s="1150"/>
      <c r="E2345" s="1150"/>
      <c r="F2345" s="1150"/>
      <c r="G2345" s="150"/>
      <c r="H2345" s="150"/>
    </row>
    <row r="2346" spans="1:8" ht="25.5">
      <c r="A2346" s="150"/>
      <c r="B2346" s="162" t="s">
        <v>11935</v>
      </c>
      <c r="C2346" s="1149" t="s">
        <v>11936</v>
      </c>
      <c r="D2346" s="1149" t="s">
        <v>11937</v>
      </c>
      <c r="E2346" s="1149" t="s">
        <v>11938</v>
      </c>
      <c r="F2346" s="1149" t="s">
        <v>643</v>
      </c>
      <c r="G2346" s="150"/>
      <c r="H2346" s="150"/>
    </row>
    <row r="2347" spans="1:8" ht="51">
      <c r="A2347" s="150"/>
      <c r="B2347" s="164" t="s">
        <v>13554</v>
      </c>
      <c r="C2347" s="1150"/>
      <c r="D2347" s="1150"/>
      <c r="E2347" s="1150"/>
      <c r="F2347" s="1150"/>
      <c r="G2347" s="150"/>
      <c r="H2347" s="150"/>
    </row>
    <row r="2348" spans="1:8" ht="38.25">
      <c r="A2348" s="150"/>
      <c r="B2348" s="195" t="s">
        <v>11939</v>
      </c>
      <c r="C2348" s="196" t="s">
        <v>11940</v>
      </c>
      <c r="D2348" s="196" t="s">
        <v>11941</v>
      </c>
      <c r="E2348" s="196" t="s">
        <v>11942</v>
      </c>
      <c r="F2348" s="196" t="s">
        <v>643</v>
      </c>
      <c r="G2348" s="150"/>
      <c r="H2348" s="150"/>
    </row>
    <row r="2349" spans="1:8" ht="25.5">
      <c r="A2349" s="150"/>
      <c r="B2349" s="162" t="s">
        <v>11943</v>
      </c>
      <c r="C2349" s="1149" t="s">
        <v>11944</v>
      </c>
      <c r="D2349" s="1149" t="s">
        <v>11945</v>
      </c>
      <c r="E2349" s="1149" t="s">
        <v>11946</v>
      </c>
      <c r="F2349" s="1149" t="s">
        <v>643</v>
      </c>
      <c r="G2349" s="150"/>
      <c r="H2349" s="150"/>
    </row>
    <row r="2350" spans="1:8" ht="63.75">
      <c r="A2350" s="150"/>
      <c r="B2350" s="164" t="s">
        <v>32521</v>
      </c>
      <c r="C2350" s="1150"/>
      <c r="D2350" s="1150"/>
      <c r="E2350" s="1150"/>
      <c r="F2350" s="1150"/>
      <c r="G2350" s="150"/>
      <c r="H2350" s="150"/>
    </row>
    <row r="2351" spans="1:8" ht="25.5">
      <c r="A2351" s="150"/>
      <c r="B2351" s="162" t="s">
        <v>11947</v>
      </c>
      <c r="C2351" s="1149" t="s">
        <v>11948</v>
      </c>
      <c r="D2351" s="1149" t="s">
        <v>11949</v>
      </c>
      <c r="E2351" s="1149" t="s">
        <v>11950</v>
      </c>
      <c r="F2351" s="1149" t="s">
        <v>643</v>
      </c>
      <c r="G2351" s="150"/>
      <c r="H2351" s="150"/>
    </row>
    <row r="2352" spans="1:8" ht="89.25">
      <c r="A2352" s="150"/>
      <c r="B2352" s="164" t="s">
        <v>32522</v>
      </c>
      <c r="C2352" s="1150"/>
      <c r="D2352" s="1150"/>
      <c r="E2352" s="1150"/>
      <c r="F2352" s="1150"/>
      <c r="G2352" s="150"/>
      <c r="H2352" s="150"/>
    </row>
    <row r="2353" spans="1:8" ht="25.5">
      <c r="A2353" s="150"/>
      <c r="B2353" s="162" t="s">
        <v>32523</v>
      </c>
      <c r="C2353" s="1149" t="s">
        <v>11951</v>
      </c>
      <c r="D2353" s="1149" t="s">
        <v>11952</v>
      </c>
      <c r="E2353" s="1149" t="s">
        <v>11953</v>
      </c>
      <c r="F2353" s="1149" t="s">
        <v>643</v>
      </c>
      <c r="G2353" s="150"/>
      <c r="H2353" s="150"/>
    </row>
    <row r="2354" spans="1:8" ht="89.25">
      <c r="A2354" s="150"/>
      <c r="B2354" s="164" t="s">
        <v>32524</v>
      </c>
      <c r="C2354" s="1150"/>
      <c r="D2354" s="1150"/>
      <c r="E2354" s="1150"/>
      <c r="F2354" s="1150"/>
      <c r="G2354" s="150"/>
      <c r="H2354" s="150"/>
    </row>
    <row r="2355" spans="1:8" ht="25.5">
      <c r="A2355" s="150"/>
      <c r="B2355" s="162" t="s">
        <v>11954</v>
      </c>
      <c r="C2355" s="1149" t="s">
        <v>11955</v>
      </c>
      <c r="D2355" s="1149" t="s">
        <v>11956</v>
      </c>
      <c r="E2355" s="1149" t="s">
        <v>11957</v>
      </c>
      <c r="F2355" s="1149" t="s">
        <v>643</v>
      </c>
      <c r="G2355" s="150"/>
      <c r="H2355" s="150"/>
    </row>
    <row r="2356" spans="1:8" ht="76.5">
      <c r="A2356" s="150"/>
      <c r="B2356" s="164" t="s">
        <v>32525</v>
      </c>
      <c r="C2356" s="1150"/>
      <c r="D2356" s="1150"/>
      <c r="E2356" s="1150"/>
      <c r="F2356" s="1150"/>
      <c r="G2356" s="150"/>
      <c r="H2356" s="150"/>
    </row>
    <row r="2357" spans="1:8" ht="38.25">
      <c r="A2357" s="150"/>
      <c r="B2357" s="162" t="s">
        <v>11958</v>
      </c>
      <c r="C2357" s="1149" t="s">
        <v>11959</v>
      </c>
      <c r="D2357" s="1149" t="s">
        <v>11960</v>
      </c>
      <c r="E2357" s="1149" t="s">
        <v>11961</v>
      </c>
      <c r="F2357" s="1149" t="s">
        <v>643</v>
      </c>
      <c r="G2357" s="150"/>
      <c r="H2357" s="150"/>
    </row>
    <row r="2358" spans="1:8" ht="140.25">
      <c r="A2358" s="150"/>
      <c r="B2358" s="164" t="s">
        <v>32526</v>
      </c>
      <c r="C2358" s="1150"/>
      <c r="D2358" s="1150"/>
      <c r="E2358" s="1150"/>
      <c r="F2358" s="1150"/>
      <c r="G2358" s="150"/>
      <c r="H2358" s="150"/>
    </row>
    <row r="2359" spans="1:8" ht="25.5">
      <c r="A2359" s="150"/>
      <c r="B2359" s="162" t="s">
        <v>32527</v>
      </c>
      <c r="C2359" s="1149" t="s">
        <v>11963</v>
      </c>
      <c r="D2359" s="1149" t="s">
        <v>11964</v>
      </c>
      <c r="E2359" s="1149" t="s">
        <v>11965</v>
      </c>
      <c r="F2359" s="1149" t="s">
        <v>643</v>
      </c>
      <c r="G2359" s="150"/>
      <c r="H2359" s="150"/>
    </row>
    <row r="2360" spans="1:8" ht="51">
      <c r="A2360" s="150"/>
      <c r="B2360" s="164" t="s">
        <v>11962</v>
      </c>
      <c r="C2360" s="1150"/>
      <c r="D2360" s="1150"/>
      <c r="E2360" s="1150"/>
      <c r="F2360" s="1150"/>
      <c r="G2360" s="150"/>
      <c r="H2360" s="150"/>
    </row>
    <row r="2361" spans="1:8" ht="25.5">
      <c r="A2361" s="150"/>
      <c r="B2361" s="162" t="s">
        <v>32528</v>
      </c>
      <c r="C2361" s="1149" t="s">
        <v>11966</v>
      </c>
      <c r="D2361" s="1149" t="s">
        <v>11967</v>
      </c>
      <c r="E2361" s="1149" t="s">
        <v>11968</v>
      </c>
      <c r="F2361" s="1149" t="s">
        <v>643</v>
      </c>
      <c r="G2361" s="150"/>
      <c r="H2361" s="150"/>
    </row>
    <row r="2362" spans="1:8" ht="51">
      <c r="A2362" s="150"/>
      <c r="B2362" s="164" t="s">
        <v>11962</v>
      </c>
      <c r="C2362" s="1150"/>
      <c r="D2362" s="1150"/>
      <c r="E2362" s="1150"/>
      <c r="F2362" s="1150"/>
      <c r="G2362" s="150"/>
      <c r="H2362" s="150"/>
    </row>
    <row r="2363" spans="1:8" ht="25.5">
      <c r="A2363" s="150"/>
      <c r="B2363" s="162" t="s">
        <v>11969</v>
      </c>
      <c r="C2363" s="1149" t="s">
        <v>11970</v>
      </c>
      <c r="D2363" s="1149" t="s">
        <v>11971</v>
      </c>
      <c r="E2363" s="1149" t="s">
        <v>11972</v>
      </c>
      <c r="F2363" s="1149" t="s">
        <v>643</v>
      </c>
      <c r="G2363" s="150"/>
      <c r="H2363" s="150"/>
    </row>
    <row r="2364" spans="1:8" ht="38.25">
      <c r="A2364" s="150"/>
      <c r="B2364" s="164" t="s">
        <v>13555</v>
      </c>
      <c r="C2364" s="1150"/>
      <c r="D2364" s="1150"/>
      <c r="E2364" s="1150"/>
      <c r="F2364" s="1150"/>
      <c r="G2364" s="150"/>
      <c r="H2364" s="150"/>
    </row>
    <row r="2365" spans="1:8" ht="25.5">
      <c r="A2365" s="150"/>
      <c r="B2365" s="162" t="s">
        <v>11973</v>
      </c>
      <c r="C2365" s="1149" t="s">
        <v>11974</v>
      </c>
      <c r="D2365" s="1149" t="s">
        <v>11975</v>
      </c>
      <c r="E2365" s="1149" t="s">
        <v>11976</v>
      </c>
      <c r="F2365" s="1149" t="s">
        <v>643</v>
      </c>
      <c r="G2365" s="150"/>
      <c r="H2365" s="150"/>
    </row>
    <row r="2366" spans="1:8" ht="76.5">
      <c r="A2366" s="150"/>
      <c r="B2366" s="164" t="s">
        <v>32529</v>
      </c>
      <c r="C2366" s="1150"/>
      <c r="D2366" s="1150"/>
      <c r="E2366" s="1150"/>
      <c r="F2366" s="1150"/>
      <c r="G2366" s="150"/>
      <c r="H2366" s="150"/>
    </row>
    <row r="2367" spans="1:8" ht="25.5">
      <c r="A2367" s="150"/>
      <c r="B2367" s="162" t="s">
        <v>11977</v>
      </c>
      <c r="C2367" s="1149" t="s">
        <v>11978</v>
      </c>
      <c r="D2367" s="1149" t="s">
        <v>11979</v>
      </c>
      <c r="E2367" s="1149" t="s">
        <v>11980</v>
      </c>
      <c r="F2367" s="1149" t="s">
        <v>643</v>
      </c>
      <c r="G2367" s="150"/>
      <c r="H2367" s="150"/>
    </row>
    <row r="2368" spans="1:8" ht="63.75">
      <c r="A2368" s="150"/>
      <c r="B2368" s="164" t="s">
        <v>32530</v>
      </c>
      <c r="C2368" s="1150"/>
      <c r="D2368" s="1150"/>
      <c r="E2368" s="1150"/>
      <c r="F2368" s="1150"/>
      <c r="G2368" s="150"/>
      <c r="H2368" s="150"/>
    </row>
    <row r="2369" spans="1:8" ht="25.5">
      <c r="A2369" s="150"/>
      <c r="B2369" s="162" t="s">
        <v>11981</v>
      </c>
      <c r="C2369" s="1149" t="s">
        <v>11982</v>
      </c>
      <c r="D2369" s="1149" t="s">
        <v>11983</v>
      </c>
      <c r="E2369" s="1149" t="s">
        <v>11984</v>
      </c>
      <c r="F2369" s="1149" t="s">
        <v>643</v>
      </c>
      <c r="G2369" s="150"/>
      <c r="H2369" s="150"/>
    </row>
    <row r="2370" spans="1:8" ht="76.5">
      <c r="A2370" s="150"/>
      <c r="B2370" s="164" t="s">
        <v>32531</v>
      </c>
      <c r="C2370" s="1150"/>
      <c r="D2370" s="1150"/>
      <c r="E2370" s="1150"/>
      <c r="F2370" s="1150"/>
      <c r="G2370" s="150"/>
      <c r="H2370" s="150"/>
    </row>
    <row r="2371" spans="1:8" ht="25.5">
      <c r="A2371" s="150"/>
      <c r="B2371" s="162" t="s">
        <v>11985</v>
      </c>
      <c r="C2371" s="1149" t="s">
        <v>11986</v>
      </c>
      <c r="D2371" s="1149" t="s">
        <v>11987</v>
      </c>
      <c r="E2371" s="1149" t="s">
        <v>11988</v>
      </c>
      <c r="F2371" s="1149" t="s">
        <v>643</v>
      </c>
      <c r="G2371" s="150"/>
      <c r="H2371" s="150"/>
    </row>
    <row r="2372" spans="1:8" ht="76.5">
      <c r="A2372" s="150"/>
      <c r="B2372" s="164" t="s">
        <v>32532</v>
      </c>
      <c r="C2372" s="1150"/>
      <c r="D2372" s="1150"/>
      <c r="E2372" s="1150"/>
      <c r="F2372" s="1150"/>
      <c r="G2372" s="150"/>
      <c r="H2372" s="150"/>
    </row>
    <row r="2373" spans="1:8" ht="25.5">
      <c r="A2373" s="150"/>
      <c r="B2373" s="162" t="s">
        <v>11989</v>
      </c>
      <c r="C2373" s="1149" t="s">
        <v>11990</v>
      </c>
      <c r="D2373" s="1149" t="s">
        <v>11991</v>
      </c>
      <c r="E2373" s="1149" t="s">
        <v>11992</v>
      </c>
      <c r="F2373" s="1149" t="s">
        <v>643</v>
      </c>
      <c r="G2373" s="150"/>
      <c r="H2373" s="150"/>
    </row>
    <row r="2374" spans="1:8" ht="89.25">
      <c r="A2374" s="150"/>
      <c r="B2374" s="164" t="s">
        <v>32533</v>
      </c>
      <c r="C2374" s="1150"/>
      <c r="D2374" s="1150"/>
      <c r="E2374" s="1150"/>
      <c r="F2374" s="1150"/>
      <c r="G2374" s="150"/>
      <c r="H2374" s="150"/>
    </row>
    <row r="2375" spans="1:8" ht="25.5">
      <c r="A2375" s="150"/>
      <c r="B2375" s="162" t="s">
        <v>11993</v>
      </c>
      <c r="C2375" s="1149" t="s">
        <v>11994</v>
      </c>
      <c r="D2375" s="1149" t="s">
        <v>11995</v>
      </c>
      <c r="E2375" s="1149" t="s">
        <v>11996</v>
      </c>
      <c r="F2375" s="1149" t="s">
        <v>643</v>
      </c>
      <c r="G2375" s="150"/>
      <c r="H2375" s="150"/>
    </row>
    <row r="2376" spans="1:8" ht="63.75">
      <c r="A2376" s="150"/>
      <c r="B2376" s="164" t="s">
        <v>32534</v>
      </c>
      <c r="C2376" s="1150"/>
      <c r="D2376" s="1150"/>
      <c r="E2376" s="1150"/>
      <c r="F2376" s="1150"/>
      <c r="G2376" s="150"/>
      <c r="H2376" s="150"/>
    </row>
    <row r="2377" spans="1:8" ht="25.5">
      <c r="A2377" s="150"/>
      <c r="B2377" s="162" t="s">
        <v>11997</v>
      </c>
      <c r="C2377" s="1149" t="s">
        <v>11998</v>
      </c>
      <c r="D2377" s="1149" t="s">
        <v>11999</v>
      </c>
      <c r="E2377" s="1149" t="s">
        <v>12000</v>
      </c>
      <c r="F2377" s="1149" t="s">
        <v>643</v>
      </c>
      <c r="G2377" s="150"/>
      <c r="H2377" s="150"/>
    </row>
    <row r="2378" spans="1:8" ht="63.75">
      <c r="A2378" s="150"/>
      <c r="B2378" s="164" t="s">
        <v>32535</v>
      </c>
      <c r="C2378" s="1150"/>
      <c r="D2378" s="1150"/>
      <c r="E2378" s="1150"/>
      <c r="F2378" s="1150"/>
      <c r="G2378" s="150"/>
      <c r="H2378" s="150"/>
    </row>
    <row r="2379" spans="1:8" ht="25.5">
      <c r="A2379" s="150"/>
      <c r="B2379" s="162" t="s">
        <v>12001</v>
      </c>
      <c r="C2379" s="1149" t="s">
        <v>12002</v>
      </c>
      <c r="D2379" s="1149" t="s">
        <v>12003</v>
      </c>
      <c r="E2379" s="1149" t="s">
        <v>12004</v>
      </c>
      <c r="F2379" s="1149" t="s">
        <v>643</v>
      </c>
      <c r="G2379" s="150"/>
      <c r="H2379" s="150"/>
    </row>
    <row r="2380" spans="1:8" ht="63.75">
      <c r="A2380" s="150"/>
      <c r="B2380" s="164" t="s">
        <v>32536</v>
      </c>
      <c r="C2380" s="1150"/>
      <c r="D2380" s="1150"/>
      <c r="E2380" s="1150"/>
      <c r="F2380" s="1150"/>
      <c r="G2380" s="150"/>
      <c r="H2380" s="150"/>
    </row>
    <row r="2381" spans="1:8" ht="25.5">
      <c r="A2381" s="150"/>
      <c r="B2381" s="162" t="s">
        <v>12005</v>
      </c>
      <c r="C2381" s="1149" t="s">
        <v>12006</v>
      </c>
      <c r="D2381" s="1149" t="s">
        <v>12007</v>
      </c>
      <c r="E2381" s="1149" t="s">
        <v>12008</v>
      </c>
      <c r="F2381" s="1149" t="s">
        <v>643</v>
      </c>
      <c r="G2381" s="150"/>
      <c r="H2381" s="150"/>
    </row>
    <row r="2382" spans="1:8" ht="76.5">
      <c r="A2382" s="150"/>
      <c r="B2382" s="164" t="s">
        <v>32537</v>
      </c>
      <c r="C2382" s="1150"/>
      <c r="D2382" s="1150"/>
      <c r="E2382" s="1150"/>
      <c r="F2382" s="1150"/>
      <c r="G2382" s="150"/>
      <c r="H2382" s="150"/>
    </row>
    <row r="2383" spans="1:8" ht="25.5">
      <c r="A2383" s="150"/>
      <c r="B2383" s="162" t="s">
        <v>12009</v>
      </c>
      <c r="C2383" s="1149" t="s">
        <v>12010</v>
      </c>
      <c r="D2383" s="1149" t="s">
        <v>12011</v>
      </c>
      <c r="E2383" s="1149" t="s">
        <v>12012</v>
      </c>
      <c r="F2383" s="1149" t="s">
        <v>643</v>
      </c>
      <c r="G2383" s="150"/>
      <c r="H2383" s="150"/>
    </row>
    <row r="2384" spans="1:8" ht="89.25">
      <c r="A2384" s="150"/>
      <c r="B2384" s="164" t="s">
        <v>32538</v>
      </c>
      <c r="C2384" s="1150"/>
      <c r="D2384" s="1150"/>
      <c r="E2384" s="1150"/>
      <c r="F2384" s="1150"/>
      <c r="G2384" s="150"/>
      <c r="H2384" s="150"/>
    </row>
    <row r="2385" spans="1:8" ht="25.5">
      <c r="A2385" s="150"/>
      <c r="B2385" s="162" t="s">
        <v>12013</v>
      </c>
      <c r="C2385" s="1149" t="s">
        <v>12014</v>
      </c>
      <c r="D2385" s="1149" t="s">
        <v>12015</v>
      </c>
      <c r="E2385" s="1149" t="s">
        <v>12016</v>
      </c>
      <c r="F2385" s="1149" t="s">
        <v>643</v>
      </c>
      <c r="G2385" s="150"/>
      <c r="H2385" s="150"/>
    </row>
    <row r="2386" spans="1:8" ht="76.5">
      <c r="A2386" s="150"/>
      <c r="B2386" s="164" t="s">
        <v>32539</v>
      </c>
      <c r="C2386" s="1150"/>
      <c r="D2386" s="1150"/>
      <c r="E2386" s="1150"/>
      <c r="F2386" s="1150"/>
      <c r="G2386" s="150"/>
      <c r="H2386" s="150"/>
    </row>
    <row r="2387" spans="1:8" ht="25.5">
      <c r="A2387" s="150"/>
      <c r="B2387" s="195" t="s">
        <v>32540</v>
      </c>
      <c r="C2387" s="196" t="s">
        <v>12017</v>
      </c>
      <c r="D2387" s="196" t="s">
        <v>12018</v>
      </c>
      <c r="E2387" s="196" t="s">
        <v>12019</v>
      </c>
      <c r="F2387" s="196" t="s">
        <v>643</v>
      </c>
      <c r="G2387" s="150"/>
      <c r="H2387" s="150"/>
    </row>
    <row r="2388" spans="1:8" ht="25.5">
      <c r="A2388" s="150"/>
      <c r="B2388" s="162" t="s">
        <v>32541</v>
      </c>
      <c r="C2388" s="1149" t="s">
        <v>12020</v>
      </c>
      <c r="D2388" s="1149" t="s">
        <v>12021</v>
      </c>
      <c r="E2388" s="1149" t="s">
        <v>12022</v>
      </c>
      <c r="F2388" s="1149" t="s">
        <v>643</v>
      </c>
      <c r="G2388" s="150"/>
      <c r="H2388" s="150"/>
    </row>
    <row r="2389" spans="1:8" ht="89.25">
      <c r="A2389" s="150"/>
      <c r="B2389" s="164" t="s">
        <v>32542</v>
      </c>
      <c r="C2389" s="1150"/>
      <c r="D2389" s="1150"/>
      <c r="E2389" s="1150"/>
      <c r="F2389" s="1150"/>
      <c r="G2389" s="150"/>
      <c r="H2389" s="150"/>
    </row>
    <row r="2390" spans="1:8" ht="38.25">
      <c r="A2390" s="150"/>
      <c r="B2390" s="162" t="s">
        <v>32543</v>
      </c>
      <c r="C2390" s="1149" t="s">
        <v>12023</v>
      </c>
      <c r="D2390" s="1149" t="s">
        <v>12024</v>
      </c>
      <c r="E2390" s="1149" t="s">
        <v>12025</v>
      </c>
      <c r="F2390" s="1149" t="s">
        <v>643</v>
      </c>
      <c r="G2390" s="150"/>
      <c r="H2390" s="150"/>
    </row>
    <row r="2391" spans="1:8" ht="63.75">
      <c r="A2391" s="150"/>
      <c r="B2391" s="164" t="s">
        <v>32544</v>
      </c>
      <c r="C2391" s="1150"/>
      <c r="D2391" s="1150"/>
      <c r="E2391" s="1150"/>
      <c r="F2391" s="1150"/>
      <c r="G2391" s="150"/>
      <c r="H2391" s="150"/>
    </row>
    <row r="2392" spans="1:8" ht="25.5">
      <c r="A2392" s="150"/>
      <c r="B2392" s="162" t="s">
        <v>32545</v>
      </c>
      <c r="C2392" s="1149" t="s">
        <v>12026</v>
      </c>
      <c r="D2392" s="1149" t="s">
        <v>12027</v>
      </c>
      <c r="E2392" s="1149" t="s">
        <v>12028</v>
      </c>
      <c r="F2392" s="1149" t="s">
        <v>643</v>
      </c>
      <c r="G2392" s="150"/>
      <c r="H2392" s="150"/>
    </row>
    <row r="2393" spans="1:8" ht="63.75">
      <c r="A2393" s="150"/>
      <c r="B2393" s="164" t="s">
        <v>32546</v>
      </c>
      <c r="C2393" s="1150"/>
      <c r="D2393" s="1150"/>
      <c r="E2393" s="1150"/>
      <c r="F2393" s="1150"/>
      <c r="G2393" s="150"/>
      <c r="H2393" s="150"/>
    </row>
    <row r="2394" spans="1:8" ht="38.25">
      <c r="A2394" s="150"/>
      <c r="B2394" s="195" t="s">
        <v>32547</v>
      </c>
      <c r="C2394" s="196" t="s">
        <v>12029</v>
      </c>
      <c r="D2394" s="196" t="s">
        <v>12030</v>
      </c>
      <c r="E2394" s="196" t="s">
        <v>12031</v>
      </c>
      <c r="F2394" s="196" t="s">
        <v>643</v>
      </c>
      <c r="G2394" s="150"/>
      <c r="H2394" s="150"/>
    </row>
    <row r="2395" spans="1:8" ht="25.5">
      <c r="A2395" s="150"/>
      <c r="B2395" s="162" t="s">
        <v>32548</v>
      </c>
      <c r="C2395" s="1149" t="s">
        <v>12032</v>
      </c>
      <c r="D2395" s="1149" t="s">
        <v>12033</v>
      </c>
      <c r="E2395" s="1149" t="s">
        <v>12034</v>
      </c>
      <c r="F2395" s="1149" t="s">
        <v>643</v>
      </c>
      <c r="G2395" s="150"/>
      <c r="H2395" s="150"/>
    </row>
    <row r="2396" spans="1:8" ht="102">
      <c r="A2396" s="150"/>
      <c r="B2396" s="164" t="s">
        <v>32549</v>
      </c>
      <c r="C2396" s="1150"/>
      <c r="D2396" s="1150"/>
      <c r="E2396" s="1150"/>
      <c r="F2396" s="1150"/>
      <c r="G2396" s="150"/>
      <c r="H2396" s="150"/>
    </row>
    <row r="2397" spans="1:8" ht="25.5">
      <c r="A2397" s="150"/>
      <c r="B2397" s="162" t="s">
        <v>12035</v>
      </c>
      <c r="C2397" s="1149" t="s">
        <v>12036</v>
      </c>
      <c r="D2397" s="1149" t="s">
        <v>12037</v>
      </c>
      <c r="E2397" s="1149" t="s">
        <v>12038</v>
      </c>
      <c r="F2397" s="1149" t="s">
        <v>643</v>
      </c>
      <c r="G2397" s="150"/>
      <c r="H2397" s="150"/>
    </row>
    <row r="2398" spans="1:8" ht="51">
      <c r="A2398" s="150"/>
      <c r="B2398" s="164" t="s">
        <v>32550</v>
      </c>
      <c r="C2398" s="1150"/>
      <c r="D2398" s="1150"/>
      <c r="E2398" s="1150"/>
      <c r="F2398" s="1150"/>
      <c r="G2398" s="150"/>
      <c r="H2398" s="150"/>
    </row>
    <row r="2399" spans="1:8" ht="25.5">
      <c r="A2399" s="150"/>
      <c r="B2399" s="162" t="s">
        <v>12039</v>
      </c>
      <c r="C2399" s="1149" t="s">
        <v>12040</v>
      </c>
      <c r="D2399" s="1149" t="s">
        <v>12041</v>
      </c>
      <c r="E2399" s="1149" t="s">
        <v>12042</v>
      </c>
      <c r="F2399" s="1149" t="s">
        <v>643</v>
      </c>
      <c r="G2399" s="150"/>
      <c r="H2399" s="150"/>
    </row>
    <row r="2400" spans="1:8" ht="51">
      <c r="A2400" s="150"/>
      <c r="B2400" s="164" t="s">
        <v>32551</v>
      </c>
      <c r="C2400" s="1150"/>
      <c r="D2400" s="1150"/>
      <c r="E2400" s="1150"/>
      <c r="F2400" s="1150"/>
      <c r="G2400" s="150"/>
      <c r="H2400" s="150"/>
    </row>
    <row r="2401" spans="1:8" ht="25.5">
      <c r="A2401" s="150"/>
      <c r="B2401" s="162" t="s">
        <v>12043</v>
      </c>
      <c r="C2401" s="1149" t="s">
        <v>12044</v>
      </c>
      <c r="D2401" s="1149" t="s">
        <v>12045</v>
      </c>
      <c r="E2401" s="1149" t="s">
        <v>12046</v>
      </c>
      <c r="F2401" s="1149" t="s">
        <v>643</v>
      </c>
      <c r="G2401" s="150"/>
      <c r="H2401" s="150"/>
    </row>
    <row r="2402" spans="1:8" ht="51">
      <c r="A2402" s="150"/>
      <c r="B2402" s="164" t="s">
        <v>32552</v>
      </c>
      <c r="C2402" s="1150"/>
      <c r="D2402" s="1150"/>
      <c r="E2402" s="1150"/>
      <c r="F2402" s="1150"/>
      <c r="G2402" s="150"/>
      <c r="H2402" s="150"/>
    </row>
    <row r="2403" spans="1:8" ht="25.5">
      <c r="A2403" s="150"/>
      <c r="B2403" s="162" t="s">
        <v>12047</v>
      </c>
      <c r="C2403" s="1149" t="s">
        <v>12048</v>
      </c>
      <c r="D2403" s="1149" t="s">
        <v>12049</v>
      </c>
      <c r="E2403" s="1149" t="s">
        <v>12050</v>
      </c>
      <c r="F2403" s="1149" t="s">
        <v>643</v>
      </c>
      <c r="G2403" s="150"/>
      <c r="H2403" s="150"/>
    </row>
    <row r="2404" spans="1:8" ht="76.5">
      <c r="A2404" s="150"/>
      <c r="B2404" s="164" t="s">
        <v>32553</v>
      </c>
      <c r="C2404" s="1150"/>
      <c r="D2404" s="1150"/>
      <c r="E2404" s="1150"/>
      <c r="F2404" s="1150"/>
      <c r="G2404" s="150"/>
      <c r="H2404" s="150"/>
    </row>
    <row r="2405" spans="1:8" ht="25.5">
      <c r="A2405" s="150"/>
      <c r="B2405" s="162" t="s">
        <v>12051</v>
      </c>
      <c r="C2405" s="1149" t="s">
        <v>12052</v>
      </c>
      <c r="D2405" s="1149" t="s">
        <v>12053</v>
      </c>
      <c r="E2405" s="1149" t="s">
        <v>12054</v>
      </c>
      <c r="F2405" s="1149" t="s">
        <v>643</v>
      </c>
      <c r="G2405" s="150"/>
      <c r="H2405" s="150"/>
    </row>
    <row r="2406" spans="1:8" ht="76.5">
      <c r="A2406" s="150"/>
      <c r="B2406" s="164" t="s">
        <v>32554</v>
      </c>
      <c r="C2406" s="1150"/>
      <c r="D2406" s="1150"/>
      <c r="E2406" s="1150"/>
      <c r="F2406" s="1150"/>
      <c r="G2406" s="150"/>
      <c r="H2406" s="150"/>
    </row>
    <row r="2407" spans="1:8" ht="25.5">
      <c r="A2407" s="150"/>
      <c r="B2407" s="162" t="s">
        <v>12055</v>
      </c>
      <c r="C2407" s="1149" t="s">
        <v>12056</v>
      </c>
      <c r="D2407" s="1149" t="s">
        <v>12057</v>
      </c>
      <c r="E2407" s="1149" t="s">
        <v>12058</v>
      </c>
      <c r="F2407" s="1149" t="s">
        <v>643</v>
      </c>
      <c r="G2407" s="150"/>
      <c r="H2407" s="150"/>
    </row>
    <row r="2408" spans="1:8" ht="102">
      <c r="A2408" s="150"/>
      <c r="B2408" s="164" t="s">
        <v>32555</v>
      </c>
      <c r="C2408" s="1150"/>
      <c r="D2408" s="1150"/>
      <c r="E2408" s="1150"/>
      <c r="F2408" s="1150"/>
      <c r="G2408" s="150"/>
      <c r="H2408" s="150"/>
    </row>
    <row r="2409" spans="1:8" ht="25.5">
      <c r="A2409" s="150"/>
      <c r="B2409" s="162" t="s">
        <v>12059</v>
      </c>
      <c r="C2409" s="1149" t="s">
        <v>12060</v>
      </c>
      <c r="D2409" s="1149" t="s">
        <v>12061</v>
      </c>
      <c r="E2409" s="1149" t="s">
        <v>12062</v>
      </c>
      <c r="F2409" s="1149" t="s">
        <v>643</v>
      </c>
      <c r="G2409" s="150"/>
      <c r="H2409" s="150"/>
    </row>
    <row r="2410" spans="1:8" ht="102">
      <c r="A2410" s="150"/>
      <c r="B2410" s="164" t="s">
        <v>32556</v>
      </c>
      <c r="C2410" s="1150"/>
      <c r="D2410" s="1150"/>
      <c r="E2410" s="1150"/>
      <c r="F2410" s="1150"/>
      <c r="G2410" s="150"/>
      <c r="H2410" s="150"/>
    </row>
    <row r="2411" spans="1:8" ht="25.5">
      <c r="A2411" s="150"/>
      <c r="B2411" s="162" t="s">
        <v>12063</v>
      </c>
      <c r="C2411" s="1149" t="s">
        <v>12064</v>
      </c>
      <c r="D2411" s="1149" t="s">
        <v>12065</v>
      </c>
      <c r="E2411" s="1149" t="s">
        <v>12066</v>
      </c>
      <c r="F2411" s="1149" t="s">
        <v>643</v>
      </c>
      <c r="G2411" s="150"/>
      <c r="H2411" s="150"/>
    </row>
    <row r="2412" spans="1:8" ht="76.5">
      <c r="A2412" s="150"/>
      <c r="B2412" s="164" t="s">
        <v>32557</v>
      </c>
      <c r="C2412" s="1150"/>
      <c r="D2412" s="1150"/>
      <c r="E2412" s="1150"/>
      <c r="F2412" s="1150"/>
      <c r="G2412" s="150"/>
      <c r="H2412" s="150"/>
    </row>
    <row r="2413" spans="1:8" ht="25.5">
      <c r="A2413" s="150"/>
      <c r="B2413" s="162" t="s">
        <v>12067</v>
      </c>
      <c r="C2413" s="1149" t="s">
        <v>12068</v>
      </c>
      <c r="D2413" s="1149" t="s">
        <v>12069</v>
      </c>
      <c r="E2413" s="1149" t="s">
        <v>12070</v>
      </c>
      <c r="F2413" s="1149" t="s">
        <v>643</v>
      </c>
      <c r="G2413" s="150"/>
      <c r="H2413" s="150"/>
    </row>
    <row r="2414" spans="1:8" ht="76.5">
      <c r="A2414" s="150"/>
      <c r="B2414" s="164" t="s">
        <v>32558</v>
      </c>
      <c r="C2414" s="1150"/>
      <c r="D2414" s="1150"/>
      <c r="E2414" s="1150"/>
      <c r="F2414" s="1150"/>
      <c r="G2414" s="150"/>
      <c r="H2414" s="150"/>
    </row>
    <row r="2415" spans="1:8" ht="25.5">
      <c r="A2415" s="150"/>
      <c r="B2415" s="195" t="s">
        <v>12071</v>
      </c>
      <c r="C2415" s="196" t="s">
        <v>12072</v>
      </c>
      <c r="D2415" s="196" t="s">
        <v>12073</v>
      </c>
      <c r="E2415" s="196" t="s">
        <v>12074</v>
      </c>
      <c r="F2415" s="196" t="s">
        <v>643</v>
      </c>
      <c r="G2415" s="150"/>
      <c r="H2415" s="150"/>
    </row>
    <row r="2416" spans="1:8" ht="25.5">
      <c r="A2416" s="150"/>
      <c r="B2416" s="162" t="s">
        <v>12075</v>
      </c>
      <c r="C2416" s="1149" t="s">
        <v>12076</v>
      </c>
      <c r="D2416" s="1149" t="s">
        <v>12077</v>
      </c>
      <c r="E2416" s="1149" t="s">
        <v>12078</v>
      </c>
      <c r="F2416" s="1149" t="s">
        <v>643</v>
      </c>
      <c r="G2416" s="150"/>
      <c r="H2416" s="150"/>
    </row>
    <row r="2417" spans="1:8" ht="51">
      <c r="A2417" s="150"/>
      <c r="B2417" s="164" t="s">
        <v>32559</v>
      </c>
      <c r="C2417" s="1150"/>
      <c r="D2417" s="1150"/>
      <c r="E2417" s="1150"/>
      <c r="F2417" s="1150"/>
      <c r="G2417" s="150"/>
      <c r="H2417" s="150"/>
    </row>
    <row r="2418" spans="1:8" ht="25.5">
      <c r="A2418" s="150"/>
      <c r="B2418" s="162" t="s">
        <v>12079</v>
      </c>
      <c r="C2418" s="1149" t="s">
        <v>12080</v>
      </c>
      <c r="D2418" s="1149" t="s">
        <v>12081</v>
      </c>
      <c r="E2418" s="1149" t="s">
        <v>12082</v>
      </c>
      <c r="F2418" s="1149" t="s">
        <v>643</v>
      </c>
      <c r="G2418" s="150"/>
      <c r="H2418" s="150"/>
    </row>
    <row r="2419" spans="1:8" ht="89.25">
      <c r="A2419" s="150"/>
      <c r="B2419" s="164" t="s">
        <v>32560</v>
      </c>
      <c r="C2419" s="1150"/>
      <c r="D2419" s="1150"/>
      <c r="E2419" s="1150"/>
      <c r="F2419" s="1150"/>
      <c r="G2419" s="150"/>
      <c r="H2419" s="150"/>
    </row>
    <row r="2420" spans="1:8" ht="25.5">
      <c r="A2420" s="150"/>
      <c r="B2420" s="162" t="s">
        <v>12083</v>
      </c>
      <c r="C2420" s="1149" t="s">
        <v>12084</v>
      </c>
      <c r="D2420" s="1149" t="s">
        <v>12085</v>
      </c>
      <c r="E2420" s="1149" t="s">
        <v>12086</v>
      </c>
      <c r="F2420" s="1149" t="s">
        <v>10670</v>
      </c>
      <c r="G2420" s="150"/>
      <c r="H2420" s="150"/>
    </row>
    <row r="2421" spans="1:8" ht="89.25">
      <c r="A2421" s="150"/>
      <c r="B2421" s="164" t="s">
        <v>32561</v>
      </c>
      <c r="C2421" s="1150"/>
      <c r="D2421" s="1150"/>
      <c r="E2421" s="1150"/>
      <c r="F2421" s="1150"/>
      <c r="G2421" s="150"/>
      <c r="H2421" s="150"/>
    </row>
    <row r="2422" spans="1:8" ht="25.5">
      <c r="A2422" s="150"/>
      <c r="B2422" s="162" t="s">
        <v>12087</v>
      </c>
      <c r="C2422" s="1149" t="s">
        <v>12088</v>
      </c>
      <c r="D2422" s="1149" t="s">
        <v>12089</v>
      </c>
      <c r="E2422" s="1149" t="s">
        <v>12090</v>
      </c>
      <c r="F2422" s="1149" t="s">
        <v>643</v>
      </c>
      <c r="G2422" s="150"/>
      <c r="H2422" s="150"/>
    </row>
    <row r="2423" spans="1:8" ht="63.75">
      <c r="A2423" s="150"/>
      <c r="B2423" s="164" t="s">
        <v>32562</v>
      </c>
      <c r="C2423" s="1150"/>
      <c r="D2423" s="1150"/>
      <c r="E2423" s="1150"/>
      <c r="F2423" s="1150"/>
      <c r="G2423" s="150"/>
      <c r="H2423" s="150"/>
    </row>
    <row r="2424" spans="1:8" ht="25.5">
      <c r="A2424" s="150"/>
      <c r="B2424" s="162" t="s">
        <v>12091</v>
      </c>
      <c r="C2424" s="1149" t="s">
        <v>12092</v>
      </c>
      <c r="D2424" s="1149" t="s">
        <v>12093</v>
      </c>
      <c r="E2424" s="1149" t="s">
        <v>12094</v>
      </c>
      <c r="F2424" s="1149" t="s">
        <v>643</v>
      </c>
      <c r="G2424" s="150"/>
      <c r="H2424" s="150"/>
    </row>
    <row r="2425" spans="1:8" ht="89.25">
      <c r="A2425" s="150"/>
      <c r="B2425" s="164" t="s">
        <v>32563</v>
      </c>
      <c r="C2425" s="1150"/>
      <c r="D2425" s="1150"/>
      <c r="E2425" s="1150"/>
      <c r="F2425" s="1150"/>
      <c r="G2425" s="150"/>
      <c r="H2425" s="150"/>
    </row>
    <row r="2426" spans="1:8">
      <c r="A2426" s="150"/>
      <c r="B2426" s="162" t="s">
        <v>12095</v>
      </c>
      <c r="C2426" s="1149" t="s">
        <v>12096</v>
      </c>
      <c r="D2426" s="1149" t="s">
        <v>12097</v>
      </c>
      <c r="E2426" s="1149" t="s">
        <v>12098</v>
      </c>
      <c r="F2426" s="1149" t="s">
        <v>643</v>
      </c>
      <c r="G2426" s="150"/>
      <c r="H2426" s="150"/>
    </row>
    <row r="2427" spans="1:8" ht="63.75">
      <c r="A2427" s="150"/>
      <c r="B2427" s="164" t="s">
        <v>32564</v>
      </c>
      <c r="C2427" s="1150"/>
      <c r="D2427" s="1150"/>
      <c r="E2427" s="1150"/>
      <c r="F2427" s="1150"/>
      <c r="G2427" s="150"/>
      <c r="H2427" s="150"/>
    </row>
    <row r="2428" spans="1:8" ht="38.25">
      <c r="A2428" s="150"/>
      <c r="B2428" s="195" t="s">
        <v>32565</v>
      </c>
      <c r="C2428" s="196" t="s">
        <v>12099</v>
      </c>
      <c r="D2428" s="196" t="s">
        <v>12100</v>
      </c>
      <c r="E2428" s="196" t="s">
        <v>12101</v>
      </c>
      <c r="F2428" s="196" t="s">
        <v>643</v>
      </c>
      <c r="G2428" s="150"/>
      <c r="H2428" s="150"/>
    </row>
    <row r="2429" spans="1:8" ht="25.5">
      <c r="A2429" s="150"/>
      <c r="B2429" s="162" t="s">
        <v>32566</v>
      </c>
      <c r="C2429" s="1149" t="s">
        <v>12102</v>
      </c>
      <c r="D2429" s="1149" t="s">
        <v>12103</v>
      </c>
      <c r="E2429" s="1149" t="s">
        <v>12104</v>
      </c>
      <c r="F2429" s="1149" t="s">
        <v>643</v>
      </c>
      <c r="G2429" s="150"/>
      <c r="H2429" s="150"/>
    </row>
    <row r="2430" spans="1:8" ht="89.25">
      <c r="A2430" s="150"/>
      <c r="B2430" s="164" t="s">
        <v>32567</v>
      </c>
      <c r="C2430" s="1150"/>
      <c r="D2430" s="1150"/>
      <c r="E2430" s="1150"/>
      <c r="F2430" s="1150"/>
      <c r="G2430" s="150"/>
      <c r="H2430" s="150"/>
    </row>
    <row r="2431" spans="1:8" ht="38.25">
      <c r="A2431" s="150"/>
      <c r="B2431" s="162" t="s">
        <v>32568</v>
      </c>
      <c r="C2431" s="1149" t="s">
        <v>12105</v>
      </c>
      <c r="D2431" s="1149" t="s">
        <v>12106</v>
      </c>
      <c r="E2431" s="1149" t="s">
        <v>12107</v>
      </c>
      <c r="F2431" s="1149" t="s">
        <v>643</v>
      </c>
      <c r="G2431" s="150"/>
      <c r="H2431" s="150"/>
    </row>
    <row r="2432" spans="1:8" ht="63.75">
      <c r="A2432" s="150"/>
      <c r="B2432" s="164" t="s">
        <v>32569</v>
      </c>
      <c r="C2432" s="1150"/>
      <c r="D2432" s="1150"/>
      <c r="E2432" s="1150"/>
      <c r="F2432" s="1150"/>
      <c r="G2432" s="150"/>
      <c r="H2432" s="150"/>
    </row>
    <row r="2433" spans="1:8" ht="25.5">
      <c r="A2433" s="150"/>
      <c r="B2433" s="162" t="s">
        <v>12108</v>
      </c>
      <c r="C2433" s="1149" t="s">
        <v>12109</v>
      </c>
      <c r="D2433" s="1149" t="s">
        <v>12110</v>
      </c>
      <c r="E2433" s="1149" t="s">
        <v>12111</v>
      </c>
      <c r="F2433" s="1149" t="s">
        <v>643</v>
      </c>
      <c r="G2433" s="150"/>
      <c r="H2433" s="150"/>
    </row>
    <row r="2434" spans="1:8" ht="76.5">
      <c r="A2434" s="150"/>
      <c r="B2434" s="164" t="s">
        <v>32570</v>
      </c>
      <c r="C2434" s="1150"/>
      <c r="D2434" s="1150"/>
      <c r="E2434" s="1150"/>
      <c r="F2434" s="1150"/>
      <c r="G2434" s="150"/>
      <c r="H2434" s="150"/>
    </row>
    <row r="2435" spans="1:8" ht="25.5">
      <c r="A2435" s="150"/>
      <c r="B2435" s="162" t="s">
        <v>12112</v>
      </c>
      <c r="C2435" s="1149" t="s">
        <v>12113</v>
      </c>
      <c r="D2435" s="1149" t="s">
        <v>12114</v>
      </c>
      <c r="E2435" s="1149" t="s">
        <v>12115</v>
      </c>
      <c r="F2435" s="1149" t="s">
        <v>643</v>
      </c>
      <c r="G2435" s="150"/>
      <c r="H2435" s="150"/>
    </row>
    <row r="2436" spans="1:8" ht="63.75">
      <c r="A2436" s="150"/>
      <c r="B2436" s="164" t="s">
        <v>32571</v>
      </c>
      <c r="C2436" s="1150"/>
      <c r="D2436" s="1150"/>
      <c r="E2436" s="1150"/>
      <c r="F2436" s="1150"/>
      <c r="G2436" s="150"/>
      <c r="H2436" s="150"/>
    </row>
    <row r="2437" spans="1:8" ht="25.5">
      <c r="A2437" s="150"/>
      <c r="B2437" s="162" t="s">
        <v>32572</v>
      </c>
      <c r="C2437" s="1149" t="s">
        <v>12116</v>
      </c>
      <c r="D2437" s="1149" t="s">
        <v>12117</v>
      </c>
      <c r="E2437" s="1149" t="s">
        <v>12118</v>
      </c>
      <c r="F2437" s="1149" t="s">
        <v>643</v>
      </c>
      <c r="G2437" s="150"/>
      <c r="H2437" s="150"/>
    </row>
    <row r="2438" spans="1:8" ht="89.25">
      <c r="A2438" s="150"/>
      <c r="B2438" s="164" t="s">
        <v>32573</v>
      </c>
      <c r="C2438" s="1150"/>
      <c r="D2438" s="1150"/>
      <c r="E2438" s="1150"/>
      <c r="F2438" s="1150"/>
      <c r="G2438" s="150"/>
      <c r="H2438" s="150"/>
    </row>
    <row r="2439" spans="1:8" ht="25.5">
      <c r="A2439" s="150"/>
      <c r="B2439" s="162" t="s">
        <v>32574</v>
      </c>
      <c r="C2439" s="1149" t="s">
        <v>12119</v>
      </c>
      <c r="D2439" s="1149" t="s">
        <v>12120</v>
      </c>
      <c r="E2439" s="1149" t="s">
        <v>12121</v>
      </c>
      <c r="F2439" s="1149" t="s">
        <v>643</v>
      </c>
      <c r="G2439" s="150"/>
      <c r="H2439" s="150"/>
    </row>
    <row r="2440" spans="1:8" ht="76.5">
      <c r="A2440" s="150"/>
      <c r="B2440" s="164" t="s">
        <v>32575</v>
      </c>
      <c r="C2440" s="1150"/>
      <c r="D2440" s="1150"/>
      <c r="E2440" s="1150"/>
      <c r="F2440" s="1150"/>
      <c r="G2440" s="150"/>
      <c r="H2440" s="150"/>
    </row>
    <row r="2441" spans="1:8" ht="25.5">
      <c r="A2441" s="150"/>
      <c r="B2441" s="162" t="s">
        <v>32576</v>
      </c>
      <c r="C2441" s="1149" t="s">
        <v>12122</v>
      </c>
      <c r="D2441" s="1149" t="s">
        <v>12123</v>
      </c>
      <c r="E2441" s="1149" t="s">
        <v>12124</v>
      </c>
      <c r="F2441" s="1149" t="s">
        <v>643</v>
      </c>
      <c r="G2441" s="150"/>
      <c r="H2441" s="150"/>
    </row>
    <row r="2442" spans="1:8" ht="102">
      <c r="A2442" s="150"/>
      <c r="B2442" s="164" t="s">
        <v>32577</v>
      </c>
      <c r="C2442" s="1150"/>
      <c r="D2442" s="1150"/>
      <c r="E2442" s="1150"/>
      <c r="F2442" s="1150"/>
      <c r="G2442" s="150"/>
      <c r="H2442" s="150"/>
    </row>
    <row r="2443" spans="1:8" ht="25.5">
      <c r="A2443" s="150"/>
      <c r="B2443" s="162" t="s">
        <v>12125</v>
      </c>
      <c r="C2443" s="1149" t="s">
        <v>12126</v>
      </c>
      <c r="D2443" s="1149" t="s">
        <v>12127</v>
      </c>
      <c r="E2443" s="1149" t="s">
        <v>12128</v>
      </c>
      <c r="F2443" s="1149" t="s">
        <v>643</v>
      </c>
      <c r="G2443" s="150"/>
      <c r="H2443" s="150"/>
    </row>
    <row r="2444" spans="1:8" ht="76.5">
      <c r="A2444" s="150"/>
      <c r="B2444" s="164" t="s">
        <v>32578</v>
      </c>
      <c r="C2444" s="1150"/>
      <c r="D2444" s="1150"/>
      <c r="E2444" s="1150"/>
      <c r="F2444" s="1150"/>
      <c r="G2444" s="150"/>
      <c r="H2444" s="150"/>
    </row>
    <row r="2445" spans="1:8" ht="25.5">
      <c r="A2445" s="150"/>
      <c r="B2445" s="162" t="s">
        <v>32579</v>
      </c>
      <c r="C2445" s="1149" t="s">
        <v>12129</v>
      </c>
      <c r="D2445" s="1149" t="s">
        <v>12130</v>
      </c>
      <c r="E2445" s="1149" t="s">
        <v>12131</v>
      </c>
      <c r="F2445" s="1149" t="s">
        <v>643</v>
      </c>
      <c r="G2445" s="150"/>
      <c r="H2445" s="150"/>
    </row>
    <row r="2446" spans="1:8" ht="63.75">
      <c r="A2446" s="150"/>
      <c r="B2446" s="164" t="s">
        <v>32580</v>
      </c>
      <c r="C2446" s="1150"/>
      <c r="D2446" s="1150"/>
      <c r="E2446" s="1150"/>
      <c r="F2446" s="1150"/>
      <c r="G2446" s="150"/>
      <c r="H2446" s="150"/>
    </row>
    <row r="2447" spans="1:8" ht="25.5">
      <c r="A2447" s="150"/>
      <c r="B2447" s="162" t="s">
        <v>12132</v>
      </c>
      <c r="C2447" s="1149" t="s">
        <v>12133</v>
      </c>
      <c r="D2447" s="1149" t="s">
        <v>12134</v>
      </c>
      <c r="E2447" s="1149" t="s">
        <v>12135</v>
      </c>
      <c r="F2447" s="1149" t="s">
        <v>643</v>
      </c>
      <c r="G2447" s="150"/>
      <c r="H2447" s="150"/>
    </row>
    <row r="2448" spans="1:8" ht="38.25">
      <c r="A2448" s="150"/>
      <c r="B2448" s="164" t="s">
        <v>13556</v>
      </c>
      <c r="C2448" s="1150"/>
      <c r="D2448" s="1150"/>
      <c r="E2448" s="1150"/>
      <c r="F2448" s="1150"/>
      <c r="G2448" s="150"/>
      <c r="H2448" s="150"/>
    </row>
    <row r="2449" spans="1:8" ht="38.25">
      <c r="A2449" s="150"/>
      <c r="B2449" s="162" t="s">
        <v>32581</v>
      </c>
      <c r="C2449" s="1149" t="s">
        <v>12136</v>
      </c>
      <c r="D2449" s="1149" t="s">
        <v>12137</v>
      </c>
      <c r="E2449" s="1149" t="s">
        <v>12138</v>
      </c>
      <c r="F2449" s="1149" t="s">
        <v>643</v>
      </c>
      <c r="G2449" s="150"/>
      <c r="H2449" s="150"/>
    </row>
    <row r="2450" spans="1:8" ht="63.75">
      <c r="A2450" s="150"/>
      <c r="B2450" s="164" t="s">
        <v>32582</v>
      </c>
      <c r="C2450" s="1150"/>
      <c r="D2450" s="1150"/>
      <c r="E2450" s="1150"/>
      <c r="F2450" s="1150"/>
      <c r="G2450" s="150"/>
      <c r="H2450" s="150"/>
    </row>
    <row r="2451" spans="1:8" ht="25.5">
      <c r="A2451" s="150"/>
      <c r="B2451" s="162" t="s">
        <v>12139</v>
      </c>
      <c r="C2451" s="1149" t="s">
        <v>12140</v>
      </c>
      <c r="D2451" s="1149" t="s">
        <v>12141</v>
      </c>
      <c r="E2451" s="1149" t="s">
        <v>12142</v>
      </c>
      <c r="F2451" s="1149" t="s">
        <v>643</v>
      </c>
      <c r="G2451" s="150"/>
      <c r="H2451" s="150"/>
    </row>
    <row r="2452" spans="1:8" ht="76.5">
      <c r="A2452" s="150"/>
      <c r="B2452" s="164" t="s">
        <v>32583</v>
      </c>
      <c r="C2452" s="1150"/>
      <c r="D2452" s="1150"/>
      <c r="E2452" s="1150"/>
      <c r="F2452" s="1150"/>
      <c r="G2452" s="150"/>
      <c r="H2452" s="150"/>
    </row>
    <row r="2453" spans="1:8" ht="38.25">
      <c r="A2453" s="150"/>
      <c r="B2453" s="162" t="s">
        <v>12143</v>
      </c>
      <c r="C2453" s="1149" t="s">
        <v>12144</v>
      </c>
      <c r="D2453" s="1149" t="s">
        <v>12145</v>
      </c>
      <c r="E2453" s="1149" t="s">
        <v>12146</v>
      </c>
      <c r="F2453" s="1149" t="s">
        <v>643</v>
      </c>
      <c r="G2453" s="150"/>
      <c r="H2453" s="150"/>
    </row>
    <row r="2454" spans="1:8" ht="76.5">
      <c r="A2454" s="150"/>
      <c r="B2454" s="164" t="s">
        <v>32584</v>
      </c>
      <c r="C2454" s="1150"/>
      <c r="D2454" s="1150"/>
      <c r="E2454" s="1150"/>
      <c r="F2454" s="1150"/>
      <c r="G2454" s="150"/>
      <c r="H2454" s="150"/>
    </row>
    <row r="2455" spans="1:8" ht="25.5">
      <c r="A2455" s="150"/>
      <c r="B2455" s="162" t="s">
        <v>12147</v>
      </c>
      <c r="C2455" s="1149" t="s">
        <v>12148</v>
      </c>
      <c r="D2455" s="1149" t="s">
        <v>12149</v>
      </c>
      <c r="E2455" s="1149" t="s">
        <v>12150</v>
      </c>
      <c r="F2455" s="1149" t="s">
        <v>643</v>
      </c>
      <c r="G2455" s="150"/>
      <c r="H2455" s="150"/>
    </row>
    <row r="2456" spans="1:8" ht="76.5">
      <c r="A2456" s="150"/>
      <c r="B2456" s="164" t="s">
        <v>32585</v>
      </c>
      <c r="C2456" s="1150"/>
      <c r="D2456" s="1150"/>
      <c r="E2456" s="1150"/>
      <c r="F2456" s="1150"/>
      <c r="G2456" s="150"/>
      <c r="H2456" s="150"/>
    </row>
    <row r="2457" spans="1:8" ht="25.5">
      <c r="A2457" s="150"/>
      <c r="B2457" s="162" t="s">
        <v>32586</v>
      </c>
      <c r="C2457" s="1149" t="s">
        <v>12151</v>
      </c>
      <c r="D2457" s="1149" t="s">
        <v>12152</v>
      </c>
      <c r="E2457" s="1149" t="s">
        <v>12153</v>
      </c>
      <c r="F2457" s="1149" t="s">
        <v>643</v>
      </c>
      <c r="G2457" s="150"/>
      <c r="H2457" s="150"/>
    </row>
    <row r="2458" spans="1:8" ht="89.25">
      <c r="A2458" s="150"/>
      <c r="B2458" s="164" t="s">
        <v>32587</v>
      </c>
      <c r="C2458" s="1150"/>
      <c r="D2458" s="1150"/>
      <c r="E2458" s="1150"/>
      <c r="F2458" s="1150"/>
      <c r="G2458" s="150"/>
      <c r="H2458" s="150"/>
    </row>
    <row r="2459" spans="1:8" ht="38.25">
      <c r="A2459" s="150"/>
      <c r="B2459" s="162" t="s">
        <v>32588</v>
      </c>
      <c r="C2459" s="1149" t="s">
        <v>12154</v>
      </c>
      <c r="D2459" s="1149" t="s">
        <v>12155</v>
      </c>
      <c r="E2459" s="1149" t="s">
        <v>12156</v>
      </c>
      <c r="F2459" s="1149" t="s">
        <v>643</v>
      </c>
      <c r="G2459" s="150"/>
      <c r="H2459" s="150"/>
    </row>
    <row r="2460" spans="1:8" ht="89.25">
      <c r="A2460" s="150"/>
      <c r="B2460" s="164" t="s">
        <v>32589</v>
      </c>
      <c r="C2460" s="1150"/>
      <c r="D2460" s="1150"/>
      <c r="E2460" s="1150"/>
      <c r="F2460" s="1150"/>
      <c r="G2460" s="150"/>
      <c r="H2460" s="150"/>
    </row>
    <row r="2461" spans="1:8" ht="25.5">
      <c r="A2461" s="150"/>
      <c r="B2461" s="162" t="s">
        <v>12157</v>
      </c>
      <c r="C2461" s="1149" t="s">
        <v>12158</v>
      </c>
      <c r="D2461" s="1149" t="s">
        <v>12159</v>
      </c>
      <c r="E2461" s="1149" t="s">
        <v>12160</v>
      </c>
      <c r="F2461" s="1149" t="s">
        <v>643</v>
      </c>
      <c r="G2461" s="150"/>
      <c r="H2461" s="150"/>
    </row>
    <row r="2462" spans="1:8" ht="63.75">
      <c r="A2462" s="150"/>
      <c r="B2462" s="164" t="s">
        <v>32590</v>
      </c>
      <c r="C2462" s="1150"/>
      <c r="D2462" s="1150"/>
      <c r="E2462" s="1150"/>
      <c r="F2462" s="1150"/>
      <c r="G2462" s="150"/>
      <c r="H2462" s="150"/>
    </row>
    <row r="2463" spans="1:8" ht="25.5">
      <c r="A2463" s="150"/>
      <c r="B2463" s="162" t="s">
        <v>12161</v>
      </c>
      <c r="C2463" s="1149" t="s">
        <v>12162</v>
      </c>
      <c r="D2463" s="1149" t="s">
        <v>12163</v>
      </c>
      <c r="E2463" s="1149" t="s">
        <v>12164</v>
      </c>
      <c r="F2463" s="1149" t="s">
        <v>643</v>
      </c>
      <c r="G2463" s="150"/>
      <c r="H2463" s="150"/>
    </row>
    <row r="2464" spans="1:8" ht="89.25">
      <c r="A2464" s="150"/>
      <c r="B2464" s="164" t="s">
        <v>32591</v>
      </c>
      <c r="C2464" s="1150"/>
      <c r="D2464" s="1150"/>
      <c r="E2464" s="1150"/>
      <c r="F2464" s="1150"/>
      <c r="G2464" s="150"/>
      <c r="H2464" s="150"/>
    </row>
    <row r="2465" spans="1:8" ht="25.5">
      <c r="A2465" s="150"/>
      <c r="B2465" s="162" t="s">
        <v>32592</v>
      </c>
      <c r="C2465" s="1149" t="s">
        <v>12165</v>
      </c>
      <c r="D2465" s="1149" t="s">
        <v>12166</v>
      </c>
      <c r="E2465" s="1149" t="s">
        <v>12167</v>
      </c>
      <c r="F2465" s="1149" t="s">
        <v>643</v>
      </c>
      <c r="G2465" s="150"/>
      <c r="H2465" s="150"/>
    </row>
    <row r="2466" spans="1:8" ht="51">
      <c r="A2466" s="150"/>
      <c r="B2466" s="164" t="s">
        <v>32593</v>
      </c>
      <c r="C2466" s="1150"/>
      <c r="D2466" s="1150"/>
      <c r="E2466" s="1150"/>
      <c r="F2466" s="1150"/>
      <c r="G2466" s="150"/>
      <c r="H2466" s="150"/>
    </row>
    <row r="2467" spans="1:8" ht="25.5">
      <c r="A2467" s="150"/>
      <c r="B2467" s="162" t="s">
        <v>32594</v>
      </c>
      <c r="C2467" s="1149" t="s">
        <v>12168</v>
      </c>
      <c r="D2467" s="1149" t="s">
        <v>12169</v>
      </c>
      <c r="E2467" s="1149" t="s">
        <v>12170</v>
      </c>
      <c r="F2467" s="1149" t="s">
        <v>643</v>
      </c>
      <c r="G2467" s="150"/>
      <c r="H2467" s="150"/>
    </row>
    <row r="2468" spans="1:8" ht="76.5">
      <c r="A2468" s="150"/>
      <c r="B2468" s="164" t="s">
        <v>32595</v>
      </c>
      <c r="C2468" s="1150"/>
      <c r="D2468" s="1150"/>
      <c r="E2468" s="1150"/>
      <c r="F2468" s="1150"/>
      <c r="G2468" s="150"/>
      <c r="H2468" s="150"/>
    </row>
    <row r="2469" spans="1:8" ht="25.5">
      <c r="A2469" s="150"/>
      <c r="B2469" s="162" t="s">
        <v>12171</v>
      </c>
      <c r="C2469" s="1149" t="s">
        <v>12172</v>
      </c>
      <c r="D2469" s="1149" t="s">
        <v>12173</v>
      </c>
      <c r="E2469" s="1149" t="s">
        <v>12174</v>
      </c>
      <c r="F2469" s="1149" t="s">
        <v>643</v>
      </c>
      <c r="G2469" s="150"/>
      <c r="H2469" s="150"/>
    </row>
    <row r="2470" spans="1:8" ht="102">
      <c r="A2470" s="150"/>
      <c r="B2470" s="164" t="s">
        <v>32596</v>
      </c>
      <c r="C2470" s="1150"/>
      <c r="D2470" s="1150"/>
      <c r="E2470" s="1150"/>
      <c r="F2470" s="1150"/>
      <c r="G2470" s="150"/>
      <c r="H2470" s="150"/>
    </row>
    <row r="2471" spans="1:8" ht="25.5">
      <c r="A2471" s="150"/>
      <c r="B2471" s="195" t="s">
        <v>32597</v>
      </c>
      <c r="C2471" s="196" t="s">
        <v>12175</v>
      </c>
      <c r="D2471" s="196" t="s">
        <v>12176</v>
      </c>
      <c r="E2471" s="196" t="s">
        <v>12177</v>
      </c>
      <c r="F2471" s="196" t="s">
        <v>643</v>
      </c>
      <c r="G2471" s="150"/>
      <c r="H2471" s="150"/>
    </row>
    <row r="2472" spans="1:8" ht="25.5">
      <c r="A2472" s="150"/>
      <c r="B2472" s="195" t="s">
        <v>32598</v>
      </c>
      <c r="C2472" s="196" t="s">
        <v>12178</v>
      </c>
      <c r="D2472" s="196" t="s">
        <v>12179</v>
      </c>
      <c r="E2472" s="196" t="s">
        <v>12180</v>
      </c>
      <c r="F2472" s="196" t="s">
        <v>643</v>
      </c>
      <c r="G2472" s="150"/>
      <c r="H2472" s="150"/>
    </row>
    <row r="2473" spans="1:8" ht="25.5">
      <c r="A2473" s="150"/>
      <c r="B2473" s="195" t="s">
        <v>32599</v>
      </c>
      <c r="C2473" s="196" t="s">
        <v>12181</v>
      </c>
      <c r="D2473" s="196" t="s">
        <v>12182</v>
      </c>
      <c r="E2473" s="196" t="s">
        <v>12183</v>
      </c>
      <c r="F2473" s="196" t="s">
        <v>643</v>
      </c>
      <c r="G2473" s="150"/>
      <c r="H2473" s="150"/>
    </row>
    <row r="2474" spans="1:8" ht="25.5">
      <c r="A2474" s="150"/>
      <c r="B2474" s="162" t="s">
        <v>12184</v>
      </c>
      <c r="C2474" s="1149" t="s">
        <v>12185</v>
      </c>
      <c r="D2474" s="1149" t="s">
        <v>12186</v>
      </c>
      <c r="E2474" s="1149" t="s">
        <v>12187</v>
      </c>
      <c r="F2474" s="1149"/>
      <c r="G2474" s="150"/>
      <c r="H2474" s="150"/>
    </row>
    <row r="2475" spans="1:8" ht="89.25">
      <c r="A2475" s="150"/>
      <c r="B2475" s="164" t="s">
        <v>32600</v>
      </c>
      <c r="C2475" s="1150"/>
      <c r="D2475" s="1150"/>
      <c r="E2475" s="1150"/>
      <c r="F2475" s="1150"/>
      <c r="G2475" s="150"/>
      <c r="H2475" s="150"/>
    </row>
    <row r="2476" spans="1:8" ht="25.5">
      <c r="A2476" s="150"/>
      <c r="B2476" s="162" t="s">
        <v>12188</v>
      </c>
      <c r="C2476" s="1149" t="s">
        <v>12189</v>
      </c>
      <c r="D2476" s="1149" t="s">
        <v>12190</v>
      </c>
      <c r="E2476" s="1149" t="s">
        <v>12191</v>
      </c>
      <c r="F2476" s="1149"/>
      <c r="G2476" s="150"/>
      <c r="H2476" s="150"/>
    </row>
    <row r="2477" spans="1:8" ht="89.25">
      <c r="A2477" s="150"/>
      <c r="B2477" s="164" t="s">
        <v>32601</v>
      </c>
      <c r="C2477" s="1150"/>
      <c r="D2477" s="1150"/>
      <c r="E2477" s="1150"/>
      <c r="F2477" s="1150"/>
      <c r="G2477" s="150"/>
      <c r="H2477" s="150"/>
    </row>
    <row r="2478" spans="1:8" ht="25.5">
      <c r="A2478" s="150"/>
      <c r="B2478" s="162" t="s">
        <v>12192</v>
      </c>
      <c r="C2478" s="1149" t="s">
        <v>12193</v>
      </c>
      <c r="D2478" s="1149" t="s">
        <v>12194</v>
      </c>
      <c r="E2478" s="1149" t="s">
        <v>12195</v>
      </c>
      <c r="F2478" s="1149"/>
      <c r="G2478" s="150"/>
      <c r="H2478" s="150"/>
    </row>
    <row r="2479" spans="1:8" ht="76.5">
      <c r="A2479" s="150"/>
      <c r="B2479" s="164" t="s">
        <v>32602</v>
      </c>
      <c r="C2479" s="1150"/>
      <c r="D2479" s="1150"/>
      <c r="E2479" s="1150"/>
      <c r="F2479" s="1150"/>
      <c r="G2479" s="150"/>
      <c r="H2479" s="150"/>
    </row>
    <row r="2480" spans="1:8" ht="25.5">
      <c r="A2480" s="150"/>
      <c r="B2480" s="162" t="s">
        <v>12196</v>
      </c>
      <c r="C2480" s="1149" t="s">
        <v>12197</v>
      </c>
      <c r="D2480" s="1149" t="s">
        <v>12198</v>
      </c>
      <c r="E2480" s="1149" t="s">
        <v>12199</v>
      </c>
      <c r="F2480" s="1149"/>
      <c r="G2480" s="150"/>
      <c r="H2480" s="150"/>
    </row>
    <row r="2481" spans="1:8" ht="102">
      <c r="A2481" s="150"/>
      <c r="B2481" s="164" t="s">
        <v>32603</v>
      </c>
      <c r="C2481" s="1150"/>
      <c r="D2481" s="1150"/>
      <c r="E2481" s="1150"/>
      <c r="F2481" s="1150"/>
      <c r="G2481" s="150"/>
      <c r="H2481" s="150"/>
    </row>
    <row r="2482" spans="1:8" ht="25.5">
      <c r="A2482" s="150"/>
      <c r="B2482" s="162" t="s">
        <v>12200</v>
      </c>
      <c r="C2482" s="1149" t="s">
        <v>12201</v>
      </c>
      <c r="D2482" s="1149" t="s">
        <v>12202</v>
      </c>
      <c r="E2482" s="1149" t="s">
        <v>12203</v>
      </c>
      <c r="F2482" s="1149"/>
      <c r="G2482" s="150"/>
      <c r="H2482" s="150"/>
    </row>
    <row r="2483" spans="1:8" ht="51">
      <c r="A2483" s="150"/>
      <c r="B2483" s="164" t="s">
        <v>32604</v>
      </c>
      <c r="C2483" s="1150"/>
      <c r="D2483" s="1150"/>
      <c r="E2483" s="1150"/>
      <c r="F2483" s="1150"/>
      <c r="G2483" s="150"/>
      <c r="H2483" s="150"/>
    </row>
    <row r="2484" spans="1:8" ht="25.5">
      <c r="A2484" s="150"/>
      <c r="B2484" s="162" t="s">
        <v>12204</v>
      </c>
      <c r="C2484" s="1149" t="s">
        <v>12205</v>
      </c>
      <c r="D2484" s="1149" t="s">
        <v>12206</v>
      </c>
      <c r="E2484" s="1149" t="s">
        <v>12207</v>
      </c>
      <c r="F2484" s="1149"/>
      <c r="G2484" s="150"/>
      <c r="H2484" s="150"/>
    </row>
    <row r="2485" spans="1:8" ht="63.75">
      <c r="A2485" s="150"/>
      <c r="B2485" s="164" t="s">
        <v>32605</v>
      </c>
      <c r="C2485" s="1150"/>
      <c r="D2485" s="1150"/>
      <c r="E2485" s="1150"/>
      <c r="F2485" s="1150"/>
      <c r="G2485" s="150"/>
      <c r="H2485" s="150"/>
    </row>
    <row r="2486" spans="1:8">
      <c r="A2486" s="150"/>
      <c r="B2486" s="162" t="s">
        <v>12208</v>
      </c>
      <c r="C2486" s="1149" t="s">
        <v>12209</v>
      </c>
      <c r="D2486" s="1149" t="s">
        <v>12210</v>
      </c>
      <c r="E2486" s="1149" t="s">
        <v>12211</v>
      </c>
      <c r="F2486" s="1149"/>
      <c r="G2486" s="150"/>
      <c r="H2486" s="150"/>
    </row>
    <row r="2487" spans="1:8" ht="63.75">
      <c r="A2487" s="150"/>
      <c r="B2487" s="164" t="s">
        <v>32606</v>
      </c>
      <c r="C2487" s="1150"/>
      <c r="D2487" s="1150"/>
      <c r="E2487" s="1150"/>
      <c r="F2487" s="1150"/>
      <c r="G2487" s="150"/>
      <c r="H2487" s="150"/>
    </row>
    <row r="2488" spans="1:8" ht="25.5">
      <c r="A2488" s="150"/>
      <c r="B2488" s="162" t="s">
        <v>12212</v>
      </c>
      <c r="C2488" s="1149" t="s">
        <v>12213</v>
      </c>
      <c r="D2488" s="1149" t="s">
        <v>12214</v>
      </c>
      <c r="E2488" s="1149" t="s">
        <v>12215</v>
      </c>
      <c r="F2488" s="1149"/>
      <c r="G2488" s="150"/>
      <c r="H2488" s="150"/>
    </row>
    <row r="2489" spans="1:8" ht="76.5">
      <c r="A2489" s="150"/>
      <c r="B2489" s="164" t="s">
        <v>32607</v>
      </c>
      <c r="C2489" s="1150"/>
      <c r="D2489" s="1150"/>
      <c r="E2489" s="1150"/>
      <c r="F2489" s="1150"/>
      <c r="G2489" s="150"/>
      <c r="H2489" s="150"/>
    </row>
    <row r="2490" spans="1:8" ht="25.5">
      <c r="A2490" s="150"/>
      <c r="B2490" s="195" t="s">
        <v>12216</v>
      </c>
      <c r="C2490" s="196" t="s">
        <v>12217</v>
      </c>
      <c r="D2490" s="196" t="s">
        <v>12218</v>
      </c>
      <c r="E2490" s="196" t="s">
        <v>12219</v>
      </c>
      <c r="F2490" s="196"/>
      <c r="G2490" s="150"/>
      <c r="H2490" s="150"/>
    </row>
    <row r="2491" spans="1:8" ht="25.5">
      <c r="A2491" s="150"/>
      <c r="B2491" s="162" t="s">
        <v>12220</v>
      </c>
      <c r="C2491" s="1149" t="s">
        <v>12221</v>
      </c>
      <c r="D2491" s="1149" t="s">
        <v>12222</v>
      </c>
      <c r="E2491" s="1149" t="s">
        <v>12223</v>
      </c>
      <c r="F2491" s="1149"/>
      <c r="G2491" s="150"/>
      <c r="H2491" s="150"/>
    </row>
    <row r="2492" spans="1:8" ht="63.75">
      <c r="A2492" s="150"/>
      <c r="B2492" s="164" t="s">
        <v>13557</v>
      </c>
      <c r="C2492" s="1150"/>
      <c r="D2492" s="1150"/>
      <c r="E2492" s="1150"/>
      <c r="F2492" s="1150"/>
      <c r="G2492" s="150"/>
      <c r="H2492" s="150"/>
    </row>
    <row r="2493" spans="1:8" ht="25.5">
      <c r="A2493" s="150"/>
      <c r="B2493" s="162" t="s">
        <v>12224</v>
      </c>
      <c r="C2493" s="1149" t="s">
        <v>12225</v>
      </c>
      <c r="D2493" s="1149" t="s">
        <v>12226</v>
      </c>
      <c r="E2493" s="1149" t="s">
        <v>12227</v>
      </c>
      <c r="F2493" s="1149"/>
      <c r="G2493" s="150"/>
      <c r="H2493" s="150"/>
    </row>
    <row r="2494" spans="1:8" ht="76.5">
      <c r="A2494" s="150"/>
      <c r="B2494" s="164" t="s">
        <v>32608</v>
      </c>
      <c r="C2494" s="1150"/>
      <c r="D2494" s="1150"/>
      <c r="E2494" s="1150"/>
      <c r="F2494" s="1150"/>
      <c r="G2494" s="150"/>
      <c r="H2494" s="150"/>
    </row>
    <row r="2495" spans="1:8" ht="25.5">
      <c r="A2495" s="150"/>
      <c r="B2495" s="162" t="s">
        <v>12228</v>
      </c>
      <c r="C2495" s="1149" t="s">
        <v>12229</v>
      </c>
      <c r="D2495" s="1149" t="s">
        <v>12230</v>
      </c>
      <c r="E2495" s="1149" t="s">
        <v>12231</v>
      </c>
      <c r="F2495" s="1149"/>
      <c r="G2495" s="150"/>
      <c r="H2495" s="150"/>
    </row>
    <row r="2496" spans="1:8" ht="76.5">
      <c r="A2496" s="150"/>
      <c r="B2496" s="164" t="s">
        <v>13558</v>
      </c>
      <c r="C2496" s="1150"/>
      <c r="D2496" s="1150"/>
      <c r="E2496" s="1150"/>
      <c r="F2496" s="1150"/>
      <c r="G2496" s="150"/>
      <c r="H2496" s="150"/>
    </row>
    <row r="2497" spans="1:8" ht="25.5">
      <c r="A2497" s="150"/>
      <c r="B2497" s="162" t="s">
        <v>12232</v>
      </c>
      <c r="C2497" s="1149" t="s">
        <v>12233</v>
      </c>
      <c r="D2497" s="1149" t="s">
        <v>12234</v>
      </c>
      <c r="E2497" s="1149" t="s">
        <v>12235</v>
      </c>
      <c r="F2497" s="1149"/>
      <c r="G2497" s="150"/>
      <c r="H2497" s="150"/>
    </row>
    <row r="2498" spans="1:8" ht="51">
      <c r="A2498" s="150"/>
      <c r="B2498" s="164" t="s">
        <v>13559</v>
      </c>
      <c r="C2498" s="1150"/>
      <c r="D2498" s="1150"/>
      <c r="E2498" s="1150"/>
      <c r="F2498" s="1150"/>
      <c r="G2498" s="150"/>
      <c r="H2498" s="150"/>
    </row>
    <row r="2499" spans="1:8" ht="25.5">
      <c r="A2499" s="150"/>
      <c r="B2499" s="162" t="s">
        <v>12236</v>
      </c>
      <c r="C2499" s="1149" t="s">
        <v>12237</v>
      </c>
      <c r="D2499" s="1149" t="s">
        <v>12238</v>
      </c>
      <c r="E2499" s="1149" t="s">
        <v>12239</v>
      </c>
      <c r="F2499" s="1149"/>
      <c r="G2499" s="150"/>
      <c r="H2499" s="150"/>
    </row>
    <row r="2500" spans="1:8" ht="76.5">
      <c r="A2500" s="150"/>
      <c r="B2500" s="164" t="s">
        <v>32609</v>
      </c>
      <c r="C2500" s="1150"/>
      <c r="D2500" s="1150"/>
      <c r="E2500" s="1150"/>
      <c r="F2500" s="1150"/>
      <c r="G2500" s="150"/>
      <c r="H2500" s="150"/>
    </row>
    <row r="2501" spans="1:8" ht="25.5">
      <c r="A2501" s="150"/>
      <c r="B2501" s="162" t="s">
        <v>12240</v>
      </c>
      <c r="C2501" s="1149" t="s">
        <v>12241</v>
      </c>
      <c r="D2501" s="1149" t="s">
        <v>12242</v>
      </c>
      <c r="E2501" s="1149" t="s">
        <v>12243</v>
      </c>
      <c r="F2501" s="1149"/>
      <c r="G2501" s="150"/>
      <c r="H2501" s="150"/>
    </row>
    <row r="2502" spans="1:8" ht="76.5">
      <c r="A2502" s="150"/>
      <c r="B2502" s="164" t="s">
        <v>32610</v>
      </c>
      <c r="C2502" s="1150"/>
      <c r="D2502" s="1150"/>
      <c r="E2502" s="1150"/>
      <c r="F2502" s="1150"/>
      <c r="G2502" s="150"/>
      <c r="H2502" s="150"/>
    </row>
    <row r="2503" spans="1:8" ht="25.5">
      <c r="A2503" s="150"/>
      <c r="B2503" s="162" t="s">
        <v>12244</v>
      </c>
      <c r="C2503" s="1149" t="s">
        <v>12245</v>
      </c>
      <c r="D2503" s="1149" t="s">
        <v>12246</v>
      </c>
      <c r="E2503" s="1149" t="s">
        <v>12247</v>
      </c>
      <c r="F2503" s="1149"/>
      <c r="G2503" s="150"/>
      <c r="H2503" s="150"/>
    </row>
    <row r="2504" spans="1:8" ht="63.75">
      <c r="A2504" s="150"/>
      <c r="B2504" s="164" t="s">
        <v>13560</v>
      </c>
      <c r="C2504" s="1150"/>
      <c r="D2504" s="1150"/>
      <c r="E2504" s="1150"/>
      <c r="F2504" s="1150"/>
      <c r="G2504" s="150"/>
      <c r="H2504" s="150"/>
    </row>
    <row r="2505" spans="1:8" ht="25.5">
      <c r="A2505" s="150"/>
      <c r="B2505" s="162" t="s">
        <v>12248</v>
      </c>
      <c r="C2505" s="1149" t="s">
        <v>12249</v>
      </c>
      <c r="D2505" s="1149" t="s">
        <v>12250</v>
      </c>
      <c r="E2505" s="1149" t="s">
        <v>12251</v>
      </c>
      <c r="F2505" s="1149" t="s">
        <v>11463</v>
      </c>
      <c r="G2505" s="150"/>
      <c r="H2505" s="150"/>
    </row>
    <row r="2506" spans="1:8" ht="76.5">
      <c r="A2506" s="150"/>
      <c r="B2506" s="164" t="s">
        <v>32611</v>
      </c>
      <c r="C2506" s="1150"/>
      <c r="D2506" s="1150"/>
      <c r="E2506" s="1150"/>
      <c r="F2506" s="1150"/>
      <c r="G2506" s="150"/>
      <c r="H2506" s="150"/>
    </row>
    <row r="2507" spans="1:8" ht="25.5">
      <c r="A2507" s="150"/>
      <c r="B2507" s="162" t="s">
        <v>12252</v>
      </c>
      <c r="C2507" s="1149" t="s">
        <v>12253</v>
      </c>
      <c r="D2507" s="1149" t="s">
        <v>12254</v>
      </c>
      <c r="E2507" s="1149" t="s">
        <v>12255</v>
      </c>
      <c r="F2507" s="1149" t="s">
        <v>11463</v>
      </c>
      <c r="G2507" s="150"/>
      <c r="H2507" s="150"/>
    </row>
    <row r="2508" spans="1:8" ht="76.5">
      <c r="A2508" s="150"/>
      <c r="B2508" s="164" t="s">
        <v>32612</v>
      </c>
      <c r="C2508" s="1150"/>
      <c r="D2508" s="1150"/>
      <c r="E2508" s="1150"/>
      <c r="F2508" s="1150"/>
      <c r="G2508" s="150"/>
      <c r="H2508" s="150"/>
    </row>
    <row r="2509" spans="1:8" ht="25.5">
      <c r="A2509" s="150"/>
      <c r="B2509" s="162" t="s">
        <v>12256</v>
      </c>
      <c r="C2509" s="1149" t="s">
        <v>12257</v>
      </c>
      <c r="D2509" s="1149" t="s">
        <v>12258</v>
      </c>
      <c r="E2509" s="1149" t="s">
        <v>12259</v>
      </c>
      <c r="F2509" s="1149" t="s">
        <v>11463</v>
      </c>
      <c r="G2509" s="150"/>
      <c r="H2509" s="150"/>
    </row>
    <row r="2510" spans="1:8" ht="76.5">
      <c r="A2510" s="150"/>
      <c r="B2510" s="164" t="s">
        <v>32613</v>
      </c>
      <c r="C2510" s="1150"/>
      <c r="D2510" s="1150"/>
      <c r="E2510" s="1150"/>
      <c r="F2510" s="1150"/>
      <c r="G2510" s="150"/>
      <c r="H2510" s="150"/>
    </row>
    <row r="2511" spans="1:8" ht="25.5">
      <c r="A2511" s="150"/>
      <c r="B2511" s="162" t="s">
        <v>12260</v>
      </c>
      <c r="C2511" s="1149" t="s">
        <v>12261</v>
      </c>
      <c r="D2511" s="1149" t="s">
        <v>12262</v>
      </c>
      <c r="E2511" s="1149" t="s">
        <v>12263</v>
      </c>
      <c r="F2511" s="1149" t="s">
        <v>11463</v>
      </c>
      <c r="G2511" s="150"/>
      <c r="H2511" s="150"/>
    </row>
    <row r="2512" spans="1:8" ht="63.75">
      <c r="A2512" s="150"/>
      <c r="B2512" s="164" t="s">
        <v>32614</v>
      </c>
      <c r="C2512" s="1150"/>
      <c r="D2512" s="1150"/>
      <c r="E2512" s="1150"/>
      <c r="F2512" s="1150"/>
      <c r="G2512" s="150"/>
      <c r="H2512" s="150"/>
    </row>
    <row r="2513" spans="1:8" ht="25.5">
      <c r="A2513" s="150"/>
      <c r="B2513" s="162" t="s">
        <v>12264</v>
      </c>
      <c r="C2513" s="1149" t="s">
        <v>12265</v>
      </c>
      <c r="D2513" s="1149" t="s">
        <v>12266</v>
      </c>
      <c r="E2513" s="1149" t="s">
        <v>12267</v>
      </c>
      <c r="F2513" s="1149" t="s">
        <v>11463</v>
      </c>
      <c r="G2513" s="150"/>
      <c r="H2513" s="150"/>
    </row>
    <row r="2514" spans="1:8" ht="89.25">
      <c r="A2514" s="150"/>
      <c r="B2514" s="164" t="s">
        <v>32615</v>
      </c>
      <c r="C2514" s="1150"/>
      <c r="D2514" s="1150"/>
      <c r="E2514" s="1150"/>
      <c r="F2514" s="1150"/>
      <c r="G2514" s="150"/>
      <c r="H2514" s="150"/>
    </row>
    <row r="2515" spans="1:8" ht="25.5">
      <c r="A2515" s="150"/>
      <c r="B2515" s="162" t="s">
        <v>12268</v>
      </c>
      <c r="C2515" s="1149" t="s">
        <v>12269</v>
      </c>
      <c r="D2515" s="1149" t="s">
        <v>12270</v>
      </c>
      <c r="E2515" s="1149" t="s">
        <v>12271</v>
      </c>
      <c r="F2515" s="1149" t="s">
        <v>11463</v>
      </c>
      <c r="G2515" s="150"/>
      <c r="H2515" s="150"/>
    </row>
    <row r="2516" spans="1:8" ht="89.25">
      <c r="A2516" s="150"/>
      <c r="B2516" s="164" t="s">
        <v>32616</v>
      </c>
      <c r="C2516" s="1150"/>
      <c r="D2516" s="1150"/>
      <c r="E2516" s="1150"/>
      <c r="F2516" s="1150"/>
      <c r="G2516" s="150"/>
      <c r="H2516" s="150"/>
    </row>
    <row r="2517" spans="1:8" ht="25.5">
      <c r="A2517" s="150"/>
      <c r="B2517" s="162" t="s">
        <v>12272</v>
      </c>
      <c r="C2517" s="1149" t="s">
        <v>12273</v>
      </c>
      <c r="D2517" s="1149" t="s">
        <v>12274</v>
      </c>
      <c r="E2517" s="1149" t="s">
        <v>12275</v>
      </c>
      <c r="F2517" s="1149" t="s">
        <v>11463</v>
      </c>
      <c r="G2517" s="150"/>
      <c r="H2517" s="150"/>
    </row>
    <row r="2518" spans="1:8" ht="76.5">
      <c r="A2518" s="150"/>
      <c r="B2518" s="164" t="s">
        <v>32617</v>
      </c>
      <c r="C2518" s="1150"/>
      <c r="D2518" s="1150"/>
      <c r="E2518" s="1150"/>
      <c r="F2518" s="1150"/>
      <c r="G2518" s="150"/>
      <c r="H2518" s="150"/>
    </row>
    <row r="2519" spans="1:8" ht="25.5">
      <c r="A2519" s="150"/>
      <c r="B2519" s="162" t="s">
        <v>12276</v>
      </c>
      <c r="C2519" s="1149" t="s">
        <v>12277</v>
      </c>
      <c r="D2519" s="1149" t="s">
        <v>12278</v>
      </c>
      <c r="E2519" s="1149" t="s">
        <v>12279</v>
      </c>
      <c r="F2519" s="1149" t="s">
        <v>11463</v>
      </c>
      <c r="G2519" s="150"/>
      <c r="H2519" s="150"/>
    </row>
    <row r="2520" spans="1:8" ht="127.5">
      <c r="A2520" s="150"/>
      <c r="B2520" s="164" t="s">
        <v>32618</v>
      </c>
      <c r="C2520" s="1150"/>
      <c r="D2520" s="1150"/>
      <c r="E2520" s="1150"/>
      <c r="F2520" s="1150"/>
      <c r="G2520" s="150"/>
      <c r="H2520" s="150"/>
    </row>
    <row r="2521" spans="1:8" ht="25.5">
      <c r="A2521" s="150"/>
      <c r="B2521" s="162" t="s">
        <v>12280</v>
      </c>
      <c r="C2521" s="1149" t="s">
        <v>12281</v>
      </c>
      <c r="D2521" s="1149" t="s">
        <v>12282</v>
      </c>
      <c r="E2521" s="1149" t="s">
        <v>12283</v>
      </c>
      <c r="F2521" s="1149" t="s">
        <v>11463</v>
      </c>
      <c r="G2521" s="150"/>
      <c r="H2521" s="150"/>
    </row>
    <row r="2522" spans="1:8" ht="127.5">
      <c r="A2522" s="150"/>
      <c r="B2522" s="164" t="s">
        <v>32619</v>
      </c>
      <c r="C2522" s="1150"/>
      <c r="D2522" s="1150"/>
      <c r="E2522" s="1150"/>
      <c r="F2522" s="1150"/>
      <c r="G2522" s="150"/>
      <c r="H2522" s="150"/>
    </row>
    <row r="2523" spans="1:8" ht="25.5">
      <c r="A2523" s="150"/>
      <c r="B2523" s="162" t="s">
        <v>12284</v>
      </c>
      <c r="C2523" s="1149" t="s">
        <v>12285</v>
      </c>
      <c r="D2523" s="1149" t="s">
        <v>12286</v>
      </c>
      <c r="E2523" s="1149" t="s">
        <v>12287</v>
      </c>
      <c r="F2523" s="1149" t="s">
        <v>11463</v>
      </c>
      <c r="G2523" s="150"/>
      <c r="H2523" s="150"/>
    </row>
    <row r="2524" spans="1:8" ht="89.25">
      <c r="A2524" s="150"/>
      <c r="B2524" s="164" t="s">
        <v>32620</v>
      </c>
      <c r="C2524" s="1150"/>
      <c r="D2524" s="1150"/>
      <c r="E2524" s="1150"/>
      <c r="F2524" s="1150"/>
      <c r="G2524" s="150"/>
      <c r="H2524" s="150"/>
    </row>
    <row r="2525" spans="1:8" ht="25.5">
      <c r="A2525" s="150"/>
      <c r="B2525" s="162" t="s">
        <v>12288</v>
      </c>
      <c r="C2525" s="1149" t="s">
        <v>12289</v>
      </c>
      <c r="D2525" s="1149" t="s">
        <v>12290</v>
      </c>
      <c r="E2525" s="1149" t="s">
        <v>12291</v>
      </c>
      <c r="F2525" s="1149" t="s">
        <v>11463</v>
      </c>
      <c r="G2525" s="150"/>
      <c r="H2525" s="150"/>
    </row>
    <row r="2526" spans="1:8" ht="114.75">
      <c r="A2526" s="150"/>
      <c r="B2526" s="164" t="s">
        <v>32621</v>
      </c>
      <c r="C2526" s="1150"/>
      <c r="D2526" s="1150"/>
      <c r="E2526" s="1150"/>
      <c r="F2526" s="1150"/>
      <c r="G2526" s="150"/>
      <c r="H2526" s="150"/>
    </row>
    <row r="2527" spans="1:8" ht="25.5">
      <c r="A2527" s="150"/>
      <c r="B2527" s="162" t="s">
        <v>12292</v>
      </c>
      <c r="C2527" s="1149" t="s">
        <v>12293</v>
      </c>
      <c r="D2527" s="1149" t="s">
        <v>12294</v>
      </c>
      <c r="E2527" s="1149" t="s">
        <v>12295</v>
      </c>
      <c r="F2527" s="1149" t="s">
        <v>11463</v>
      </c>
      <c r="G2527" s="150"/>
      <c r="H2527" s="150"/>
    </row>
    <row r="2528" spans="1:8" ht="114.75">
      <c r="A2528" s="150"/>
      <c r="B2528" s="164" t="s">
        <v>32622</v>
      </c>
      <c r="C2528" s="1150"/>
      <c r="D2528" s="1150"/>
      <c r="E2528" s="1150"/>
      <c r="F2528" s="1150"/>
      <c r="G2528" s="150"/>
      <c r="H2528" s="150"/>
    </row>
    <row r="2529" spans="1:8" ht="25.5">
      <c r="A2529" s="150"/>
      <c r="B2529" s="162" t="s">
        <v>12296</v>
      </c>
      <c r="C2529" s="1149" t="s">
        <v>12297</v>
      </c>
      <c r="D2529" s="1149" t="s">
        <v>12298</v>
      </c>
      <c r="E2529" s="1149" t="s">
        <v>12299</v>
      </c>
      <c r="F2529" s="1149" t="s">
        <v>11463</v>
      </c>
      <c r="G2529" s="150"/>
      <c r="H2529" s="150"/>
    </row>
    <row r="2530" spans="1:8" ht="89.25">
      <c r="A2530" s="150"/>
      <c r="B2530" s="164" t="s">
        <v>32623</v>
      </c>
      <c r="C2530" s="1150"/>
      <c r="D2530" s="1150"/>
      <c r="E2530" s="1150"/>
      <c r="F2530" s="1150"/>
      <c r="G2530" s="150"/>
      <c r="H2530" s="150"/>
    </row>
    <row r="2531" spans="1:8" ht="25.5">
      <c r="A2531" s="150"/>
      <c r="B2531" s="162" t="s">
        <v>12300</v>
      </c>
      <c r="C2531" s="1149" t="s">
        <v>12301</v>
      </c>
      <c r="D2531" s="1149" t="s">
        <v>12302</v>
      </c>
      <c r="E2531" s="1149" t="s">
        <v>12303</v>
      </c>
      <c r="F2531" s="1149" t="s">
        <v>11463</v>
      </c>
      <c r="G2531" s="150"/>
      <c r="H2531" s="150"/>
    </row>
    <row r="2532" spans="1:8" ht="89.25">
      <c r="A2532" s="150"/>
      <c r="B2532" s="164" t="s">
        <v>32624</v>
      </c>
      <c r="C2532" s="1150"/>
      <c r="D2532" s="1150"/>
      <c r="E2532" s="1150"/>
      <c r="F2532" s="1150"/>
      <c r="G2532" s="150"/>
      <c r="H2532" s="150"/>
    </row>
    <row r="2533" spans="1:8" ht="25.5">
      <c r="A2533" s="150"/>
      <c r="B2533" s="162" t="s">
        <v>12304</v>
      </c>
      <c r="C2533" s="1149" t="s">
        <v>12305</v>
      </c>
      <c r="D2533" s="1149" t="s">
        <v>12306</v>
      </c>
      <c r="E2533" s="1149" t="s">
        <v>12307</v>
      </c>
      <c r="F2533" s="1149" t="s">
        <v>11463</v>
      </c>
      <c r="G2533" s="150"/>
      <c r="H2533" s="150"/>
    </row>
    <row r="2534" spans="1:8" ht="89.25">
      <c r="A2534" s="150"/>
      <c r="B2534" s="164" t="s">
        <v>32625</v>
      </c>
      <c r="C2534" s="1150"/>
      <c r="D2534" s="1150"/>
      <c r="E2534" s="1150"/>
      <c r="F2534" s="1150"/>
      <c r="G2534" s="150"/>
      <c r="H2534" s="150"/>
    </row>
    <row r="2535" spans="1:8" ht="25.5">
      <c r="A2535" s="150"/>
      <c r="B2535" s="162" t="s">
        <v>12308</v>
      </c>
      <c r="C2535" s="1149" t="s">
        <v>12309</v>
      </c>
      <c r="D2535" s="1149" t="s">
        <v>12310</v>
      </c>
      <c r="E2535" s="1149" t="s">
        <v>12311</v>
      </c>
      <c r="F2535" s="1149" t="s">
        <v>11463</v>
      </c>
      <c r="G2535" s="150"/>
      <c r="H2535" s="150"/>
    </row>
    <row r="2536" spans="1:8" ht="89.25">
      <c r="A2536" s="150"/>
      <c r="B2536" s="164" t="s">
        <v>32626</v>
      </c>
      <c r="C2536" s="1150"/>
      <c r="D2536" s="1150"/>
      <c r="E2536" s="1150"/>
      <c r="F2536" s="1150"/>
      <c r="G2536" s="150"/>
      <c r="H2536" s="150"/>
    </row>
    <row r="2537" spans="1:8" ht="25.5">
      <c r="A2537" s="150"/>
      <c r="B2537" s="162" t="s">
        <v>12312</v>
      </c>
      <c r="C2537" s="1149" t="s">
        <v>12313</v>
      </c>
      <c r="D2537" s="1149" t="s">
        <v>12314</v>
      </c>
      <c r="E2537" s="1149" t="s">
        <v>12315</v>
      </c>
      <c r="F2537" s="1149" t="s">
        <v>11463</v>
      </c>
      <c r="G2537" s="150"/>
      <c r="H2537" s="150"/>
    </row>
    <row r="2538" spans="1:8" ht="76.5">
      <c r="A2538" s="150"/>
      <c r="B2538" s="164" t="s">
        <v>32627</v>
      </c>
      <c r="C2538" s="1150"/>
      <c r="D2538" s="1150"/>
      <c r="E2538" s="1150"/>
      <c r="F2538" s="1150"/>
      <c r="G2538" s="150"/>
      <c r="H2538" s="150"/>
    </row>
    <row r="2539" spans="1:8" ht="25.5">
      <c r="A2539" s="150"/>
      <c r="B2539" s="162" t="s">
        <v>12316</v>
      </c>
      <c r="C2539" s="1149" t="s">
        <v>12317</v>
      </c>
      <c r="D2539" s="1149" t="s">
        <v>12318</v>
      </c>
      <c r="E2539" s="1149" t="s">
        <v>12319</v>
      </c>
      <c r="F2539" s="1149" t="s">
        <v>11463</v>
      </c>
      <c r="G2539" s="150"/>
      <c r="H2539" s="150"/>
    </row>
    <row r="2540" spans="1:8" ht="63.75">
      <c r="A2540" s="150"/>
      <c r="B2540" s="164" t="s">
        <v>32628</v>
      </c>
      <c r="C2540" s="1150"/>
      <c r="D2540" s="1150"/>
      <c r="E2540" s="1150"/>
      <c r="F2540" s="1150"/>
      <c r="G2540" s="150"/>
      <c r="H2540" s="150"/>
    </row>
    <row r="2541" spans="1:8" ht="25.5">
      <c r="A2541" s="150"/>
      <c r="B2541" s="162" t="s">
        <v>12320</v>
      </c>
      <c r="C2541" s="1149" t="s">
        <v>12321</v>
      </c>
      <c r="D2541" s="1149" t="s">
        <v>12322</v>
      </c>
      <c r="E2541" s="1149" t="s">
        <v>12323</v>
      </c>
      <c r="F2541" s="1149" t="s">
        <v>11463</v>
      </c>
      <c r="G2541" s="150"/>
      <c r="H2541" s="150"/>
    </row>
    <row r="2542" spans="1:8" ht="76.5">
      <c r="A2542" s="150"/>
      <c r="B2542" s="164" t="s">
        <v>32629</v>
      </c>
      <c r="C2542" s="1150"/>
      <c r="D2542" s="1150"/>
      <c r="E2542" s="1150"/>
      <c r="F2542" s="1150"/>
      <c r="G2542" s="150"/>
      <c r="H2542" s="150"/>
    </row>
    <row r="2543" spans="1:8" ht="25.5">
      <c r="A2543" s="150"/>
      <c r="B2543" s="162" t="s">
        <v>12324</v>
      </c>
      <c r="C2543" s="1149" t="s">
        <v>12325</v>
      </c>
      <c r="D2543" s="1149" t="s">
        <v>12326</v>
      </c>
      <c r="E2543" s="1149" t="s">
        <v>12327</v>
      </c>
      <c r="F2543" s="1149" t="s">
        <v>11463</v>
      </c>
      <c r="G2543" s="150"/>
      <c r="H2543" s="150"/>
    </row>
    <row r="2544" spans="1:8" ht="89.25">
      <c r="A2544" s="150"/>
      <c r="B2544" s="164" t="s">
        <v>32630</v>
      </c>
      <c r="C2544" s="1150"/>
      <c r="D2544" s="1150"/>
      <c r="E2544" s="1150"/>
      <c r="F2544" s="1150"/>
      <c r="G2544" s="150"/>
      <c r="H2544" s="150"/>
    </row>
    <row r="2545" spans="1:8" ht="25.5">
      <c r="A2545" s="150"/>
      <c r="B2545" s="162" t="s">
        <v>12328</v>
      </c>
      <c r="C2545" s="1149" t="s">
        <v>12329</v>
      </c>
      <c r="D2545" s="1149" t="s">
        <v>12330</v>
      </c>
      <c r="E2545" s="1149" t="s">
        <v>12331</v>
      </c>
      <c r="F2545" s="1149" t="s">
        <v>11463</v>
      </c>
      <c r="G2545" s="150"/>
      <c r="H2545" s="150"/>
    </row>
    <row r="2546" spans="1:8" ht="89.25">
      <c r="A2546" s="150"/>
      <c r="B2546" s="164" t="s">
        <v>32631</v>
      </c>
      <c r="C2546" s="1150"/>
      <c r="D2546" s="1150"/>
      <c r="E2546" s="1150"/>
      <c r="F2546" s="1150"/>
      <c r="G2546" s="150"/>
      <c r="H2546" s="150"/>
    </row>
    <row r="2547" spans="1:8" ht="25.5">
      <c r="A2547" s="150"/>
      <c r="B2547" s="162" t="s">
        <v>12332</v>
      </c>
      <c r="C2547" s="1149" t="s">
        <v>12333</v>
      </c>
      <c r="D2547" s="1149" t="s">
        <v>12334</v>
      </c>
      <c r="E2547" s="1149" t="s">
        <v>12335</v>
      </c>
      <c r="F2547" s="1149" t="s">
        <v>11463</v>
      </c>
      <c r="G2547" s="150"/>
      <c r="H2547" s="150"/>
    </row>
    <row r="2548" spans="1:8" ht="76.5">
      <c r="A2548" s="150"/>
      <c r="B2548" s="164" t="s">
        <v>32632</v>
      </c>
      <c r="C2548" s="1150"/>
      <c r="D2548" s="1150"/>
      <c r="E2548" s="1150"/>
      <c r="F2548" s="1150"/>
      <c r="G2548" s="150"/>
      <c r="H2548" s="150"/>
    </row>
    <row r="2549" spans="1:8" ht="25.5">
      <c r="A2549" s="150"/>
      <c r="B2549" s="162" t="s">
        <v>12336</v>
      </c>
      <c r="C2549" s="1149" t="s">
        <v>12337</v>
      </c>
      <c r="D2549" s="1149" t="s">
        <v>12338</v>
      </c>
      <c r="E2549" s="1149" t="s">
        <v>12339</v>
      </c>
      <c r="F2549" s="1149" t="s">
        <v>11463</v>
      </c>
      <c r="G2549" s="150"/>
      <c r="H2549" s="150"/>
    </row>
    <row r="2550" spans="1:8" ht="89.25">
      <c r="A2550" s="150"/>
      <c r="B2550" s="164" t="s">
        <v>32633</v>
      </c>
      <c r="C2550" s="1150"/>
      <c r="D2550" s="1150"/>
      <c r="E2550" s="1150"/>
      <c r="F2550" s="1150"/>
      <c r="G2550" s="150"/>
      <c r="H2550" s="150"/>
    </row>
    <row r="2551" spans="1:8" ht="25.5">
      <c r="A2551" s="150"/>
      <c r="B2551" s="162" t="s">
        <v>12340</v>
      </c>
      <c r="C2551" s="1149" t="s">
        <v>12341</v>
      </c>
      <c r="D2551" s="1149" t="s">
        <v>12342</v>
      </c>
      <c r="E2551" s="1149" t="s">
        <v>12343</v>
      </c>
      <c r="F2551" s="1149" t="s">
        <v>11463</v>
      </c>
      <c r="G2551" s="150"/>
      <c r="H2551" s="150"/>
    </row>
    <row r="2552" spans="1:8" ht="76.5">
      <c r="A2552" s="150"/>
      <c r="B2552" s="164" t="s">
        <v>32634</v>
      </c>
      <c r="C2552" s="1150"/>
      <c r="D2552" s="1150"/>
      <c r="E2552" s="1150"/>
      <c r="F2552" s="1150"/>
      <c r="G2552" s="150"/>
      <c r="H2552" s="150"/>
    </row>
    <row r="2553" spans="1:8" ht="25.5">
      <c r="A2553" s="150"/>
      <c r="B2553" s="162" t="s">
        <v>12344</v>
      </c>
      <c r="C2553" s="1149" t="s">
        <v>12345</v>
      </c>
      <c r="D2553" s="1149" t="s">
        <v>12346</v>
      </c>
      <c r="E2553" s="1149" t="s">
        <v>12347</v>
      </c>
      <c r="F2553" s="1149" t="s">
        <v>11463</v>
      </c>
      <c r="G2553" s="150"/>
      <c r="H2553" s="150"/>
    </row>
    <row r="2554" spans="1:8" ht="76.5">
      <c r="A2554" s="150"/>
      <c r="B2554" s="164" t="s">
        <v>32635</v>
      </c>
      <c r="C2554" s="1150"/>
      <c r="D2554" s="1150"/>
      <c r="E2554" s="1150"/>
      <c r="F2554" s="1150"/>
      <c r="G2554" s="150"/>
      <c r="H2554" s="150"/>
    </row>
    <row r="2555" spans="1:8" ht="25.5">
      <c r="A2555" s="150"/>
      <c r="B2555" s="162" t="s">
        <v>12348</v>
      </c>
      <c r="C2555" s="1149" t="s">
        <v>12349</v>
      </c>
      <c r="D2555" s="1149" t="s">
        <v>12350</v>
      </c>
      <c r="E2555" s="1149" t="s">
        <v>12351</v>
      </c>
      <c r="F2555" s="1149" t="s">
        <v>11463</v>
      </c>
      <c r="G2555" s="150"/>
      <c r="H2555" s="150"/>
    </row>
    <row r="2556" spans="1:8" ht="76.5">
      <c r="A2556" s="150"/>
      <c r="B2556" s="164" t="s">
        <v>32636</v>
      </c>
      <c r="C2556" s="1150"/>
      <c r="D2556" s="1150"/>
      <c r="E2556" s="1150"/>
      <c r="F2556" s="1150"/>
      <c r="G2556" s="150"/>
      <c r="H2556" s="150"/>
    </row>
    <row r="2557" spans="1:8" ht="25.5">
      <c r="A2557" s="150"/>
      <c r="B2557" s="162" t="s">
        <v>12352</v>
      </c>
      <c r="C2557" s="1149" t="s">
        <v>12353</v>
      </c>
      <c r="D2557" s="1149" t="s">
        <v>12354</v>
      </c>
      <c r="E2557" s="1149" t="s">
        <v>12355</v>
      </c>
      <c r="F2557" s="1149" t="s">
        <v>11463</v>
      </c>
      <c r="G2557" s="150"/>
      <c r="H2557" s="150"/>
    </row>
    <row r="2558" spans="1:8" ht="89.25">
      <c r="A2558" s="150"/>
      <c r="B2558" s="164" t="s">
        <v>32637</v>
      </c>
      <c r="C2558" s="1150"/>
      <c r="D2558" s="1150"/>
      <c r="E2558" s="1150"/>
      <c r="F2558" s="1150"/>
      <c r="G2558" s="150"/>
      <c r="H2558" s="150"/>
    </row>
    <row r="2559" spans="1:8" ht="25.5">
      <c r="A2559" s="150"/>
      <c r="B2559" s="162" t="s">
        <v>12356</v>
      </c>
      <c r="C2559" s="1149" t="s">
        <v>12357</v>
      </c>
      <c r="D2559" s="1149" t="s">
        <v>12358</v>
      </c>
      <c r="E2559" s="1149" t="s">
        <v>12359</v>
      </c>
      <c r="F2559" s="1149" t="s">
        <v>11463</v>
      </c>
      <c r="G2559" s="150"/>
      <c r="H2559" s="150"/>
    </row>
    <row r="2560" spans="1:8" ht="76.5">
      <c r="A2560" s="150"/>
      <c r="B2560" s="164" t="s">
        <v>32638</v>
      </c>
      <c r="C2560" s="1150"/>
      <c r="D2560" s="1150"/>
      <c r="E2560" s="1150"/>
      <c r="F2560" s="1150"/>
      <c r="G2560" s="150"/>
      <c r="H2560" s="150"/>
    </row>
    <row r="2561" spans="1:8" ht="25.5">
      <c r="A2561" s="150"/>
      <c r="B2561" s="162" t="s">
        <v>32639</v>
      </c>
      <c r="C2561" s="1149" t="s">
        <v>12360</v>
      </c>
      <c r="D2561" s="1149" t="s">
        <v>12361</v>
      </c>
      <c r="E2561" s="1149" t="s">
        <v>12362</v>
      </c>
      <c r="F2561" s="1149" t="s">
        <v>11463</v>
      </c>
      <c r="G2561" s="150"/>
      <c r="H2561" s="150"/>
    </row>
    <row r="2562" spans="1:8" ht="127.5">
      <c r="A2562" s="150"/>
      <c r="B2562" s="164" t="s">
        <v>32640</v>
      </c>
      <c r="C2562" s="1150"/>
      <c r="D2562" s="1150"/>
      <c r="E2562" s="1150"/>
      <c r="F2562" s="1150"/>
      <c r="G2562" s="150"/>
      <c r="H2562" s="150"/>
    </row>
    <row r="2563" spans="1:8" ht="25.5">
      <c r="A2563" s="150"/>
      <c r="B2563" s="162" t="s">
        <v>32641</v>
      </c>
      <c r="C2563" s="1149" t="s">
        <v>12363</v>
      </c>
      <c r="D2563" s="1149" t="s">
        <v>12364</v>
      </c>
      <c r="E2563" s="1149" t="s">
        <v>12365</v>
      </c>
      <c r="F2563" s="1149" t="s">
        <v>11463</v>
      </c>
      <c r="G2563" s="150"/>
      <c r="H2563" s="150"/>
    </row>
    <row r="2564" spans="1:8" ht="127.5">
      <c r="A2564" s="150"/>
      <c r="B2564" s="164" t="s">
        <v>32642</v>
      </c>
      <c r="C2564" s="1150"/>
      <c r="D2564" s="1150"/>
      <c r="E2564" s="1150"/>
      <c r="F2564" s="1150"/>
      <c r="G2564" s="150"/>
      <c r="H2564" s="150"/>
    </row>
    <row r="2565" spans="1:8" ht="25.5">
      <c r="A2565" s="150"/>
      <c r="B2565" s="162" t="s">
        <v>32643</v>
      </c>
      <c r="C2565" s="1149" t="s">
        <v>12366</v>
      </c>
      <c r="D2565" s="1149" t="s">
        <v>12367</v>
      </c>
      <c r="E2565" s="1149" t="s">
        <v>12368</v>
      </c>
      <c r="F2565" s="1149" t="s">
        <v>11463</v>
      </c>
      <c r="G2565" s="150"/>
      <c r="H2565" s="150"/>
    </row>
    <row r="2566" spans="1:8" ht="127.5">
      <c r="A2566" s="150"/>
      <c r="B2566" s="164" t="s">
        <v>32644</v>
      </c>
      <c r="C2566" s="1150"/>
      <c r="D2566" s="1150"/>
      <c r="E2566" s="1150"/>
      <c r="F2566" s="1150"/>
      <c r="G2566" s="150"/>
      <c r="H2566" s="150"/>
    </row>
    <row r="2567" spans="1:8">
      <c r="A2567" s="150"/>
      <c r="B2567" s="162" t="s">
        <v>12369</v>
      </c>
      <c r="C2567" s="1149" t="s">
        <v>12370</v>
      </c>
      <c r="D2567" s="1149" t="s">
        <v>12371</v>
      </c>
      <c r="E2567" s="1149" t="s">
        <v>12372</v>
      </c>
      <c r="F2567" s="1149" t="s">
        <v>11463</v>
      </c>
      <c r="G2567" s="150"/>
      <c r="H2567" s="150"/>
    </row>
    <row r="2568" spans="1:8" ht="51">
      <c r="A2568" s="150"/>
      <c r="B2568" s="164" t="s">
        <v>32645</v>
      </c>
      <c r="C2568" s="1150"/>
      <c r="D2568" s="1150"/>
      <c r="E2568" s="1150"/>
      <c r="F2568" s="1150"/>
      <c r="G2568" s="150"/>
      <c r="H2568" s="150"/>
    </row>
    <row r="2569" spans="1:8" ht="25.5">
      <c r="A2569" s="150"/>
      <c r="B2569" s="162" t="s">
        <v>12373</v>
      </c>
      <c r="C2569" s="1149" t="s">
        <v>12374</v>
      </c>
      <c r="D2569" s="1149" t="s">
        <v>12375</v>
      </c>
      <c r="E2569" s="1149" t="s">
        <v>12376</v>
      </c>
      <c r="F2569" s="1149" t="s">
        <v>11463</v>
      </c>
      <c r="G2569" s="150"/>
      <c r="H2569" s="150"/>
    </row>
    <row r="2570" spans="1:8" ht="89.25">
      <c r="A2570" s="150"/>
      <c r="B2570" s="164" t="s">
        <v>32646</v>
      </c>
      <c r="C2570" s="1150"/>
      <c r="D2570" s="1150"/>
      <c r="E2570" s="1150"/>
      <c r="F2570" s="1150"/>
      <c r="G2570" s="150"/>
      <c r="H2570" s="150"/>
    </row>
    <row r="2571" spans="1:8" ht="25.5">
      <c r="A2571" s="150"/>
      <c r="B2571" s="162" t="s">
        <v>12377</v>
      </c>
      <c r="C2571" s="1149" t="s">
        <v>12378</v>
      </c>
      <c r="D2571" s="1149" t="s">
        <v>12379</v>
      </c>
      <c r="E2571" s="1149" t="s">
        <v>12380</v>
      </c>
      <c r="F2571" s="1149" t="s">
        <v>11463</v>
      </c>
      <c r="G2571" s="150"/>
      <c r="H2571" s="150"/>
    </row>
    <row r="2572" spans="1:8" ht="89.25">
      <c r="A2572" s="150"/>
      <c r="B2572" s="164" t="s">
        <v>32647</v>
      </c>
      <c r="C2572" s="1150"/>
      <c r="D2572" s="1150"/>
      <c r="E2572" s="1150"/>
      <c r="F2572" s="1150"/>
      <c r="G2572" s="150"/>
      <c r="H2572" s="150"/>
    </row>
    <row r="2573" spans="1:8" ht="25.5">
      <c r="A2573" s="150"/>
      <c r="B2573" s="162" t="s">
        <v>12381</v>
      </c>
      <c r="C2573" s="1149" t="s">
        <v>12382</v>
      </c>
      <c r="D2573" s="1149" t="s">
        <v>12383</v>
      </c>
      <c r="E2573" s="1149" t="s">
        <v>12384</v>
      </c>
      <c r="F2573" s="1149" t="s">
        <v>11463</v>
      </c>
      <c r="G2573" s="150"/>
      <c r="H2573" s="150"/>
    </row>
    <row r="2574" spans="1:8" ht="76.5">
      <c r="A2574" s="150"/>
      <c r="B2574" s="164" t="s">
        <v>32648</v>
      </c>
      <c r="C2574" s="1150"/>
      <c r="D2574" s="1150"/>
      <c r="E2574" s="1150"/>
      <c r="F2574" s="1150"/>
      <c r="G2574" s="150"/>
      <c r="H2574" s="150"/>
    </row>
    <row r="2575" spans="1:8" ht="25.5">
      <c r="A2575" s="150"/>
      <c r="B2575" s="162" t="s">
        <v>32649</v>
      </c>
      <c r="C2575" s="1149" t="s">
        <v>12385</v>
      </c>
      <c r="D2575" s="1149" t="s">
        <v>12386</v>
      </c>
      <c r="E2575" s="1149" t="s">
        <v>12387</v>
      </c>
      <c r="F2575" s="1149" t="s">
        <v>11463</v>
      </c>
      <c r="G2575" s="150"/>
      <c r="H2575" s="150"/>
    </row>
    <row r="2576" spans="1:8" ht="63.75">
      <c r="A2576" s="150"/>
      <c r="B2576" s="164" t="s">
        <v>32650</v>
      </c>
      <c r="C2576" s="1150"/>
      <c r="D2576" s="1150"/>
      <c r="E2576" s="1150"/>
      <c r="F2576" s="1150"/>
      <c r="G2576" s="150"/>
      <c r="H2576" s="150"/>
    </row>
    <row r="2577" spans="1:8" ht="25.5">
      <c r="A2577" s="150"/>
      <c r="B2577" s="162" t="s">
        <v>12388</v>
      </c>
      <c r="C2577" s="1149" t="s">
        <v>12389</v>
      </c>
      <c r="D2577" s="1149" t="s">
        <v>12390</v>
      </c>
      <c r="E2577" s="1149" t="s">
        <v>12391</v>
      </c>
      <c r="F2577" s="1149" t="s">
        <v>11463</v>
      </c>
      <c r="G2577" s="150"/>
      <c r="H2577" s="150"/>
    </row>
    <row r="2578" spans="1:8" ht="76.5">
      <c r="A2578" s="150"/>
      <c r="B2578" s="164" t="s">
        <v>32651</v>
      </c>
      <c r="C2578" s="1150"/>
      <c r="D2578" s="1150"/>
      <c r="E2578" s="1150"/>
      <c r="F2578" s="1150"/>
      <c r="G2578" s="150"/>
      <c r="H2578" s="150"/>
    </row>
    <row r="2579" spans="1:8" ht="25.5">
      <c r="A2579" s="150"/>
      <c r="B2579" s="162" t="s">
        <v>12392</v>
      </c>
      <c r="C2579" s="1149" t="s">
        <v>12393</v>
      </c>
      <c r="D2579" s="1149" t="s">
        <v>12394</v>
      </c>
      <c r="E2579" s="1149" t="s">
        <v>12395</v>
      </c>
      <c r="F2579" s="1149" t="s">
        <v>11463</v>
      </c>
      <c r="G2579" s="150"/>
      <c r="H2579" s="150"/>
    </row>
    <row r="2580" spans="1:8" ht="63.75">
      <c r="A2580" s="150"/>
      <c r="B2580" s="164" t="s">
        <v>32652</v>
      </c>
      <c r="C2580" s="1150"/>
      <c r="D2580" s="1150"/>
      <c r="E2580" s="1150"/>
      <c r="F2580" s="1150"/>
      <c r="G2580" s="150"/>
      <c r="H2580" s="150"/>
    </row>
    <row r="2581" spans="1:8" ht="25.5">
      <c r="A2581" s="150"/>
      <c r="B2581" s="195" t="s">
        <v>12396</v>
      </c>
      <c r="C2581" s="196" t="s">
        <v>12397</v>
      </c>
      <c r="D2581" s="196" t="s">
        <v>12398</v>
      </c>
      <c r="E2581" s="196" t="s">
        <v>12399</v>
      </c>
      <c r="F2581" s="196" t="s">
        <v>11463</v>
      </c>
      <c r="G2581" s="150"/>
      <c r="H2581" s="150"/>
    </row>
    <row r="2582" spans="1:8" ht="25.5">
      <c r="A2582" s="150"/>
      <c r="B2582" s="195" t="s">
        <v>12400</v>
      </c>
      <c r="C2582" s="196" t="s">
        <v>12401</v>
      </c>
      <c r="D2582" s="196" t="s">
        <v>12402</v>
      </c>
      <c r="E2582" s="196" t="s">
        <v>12403</v>
      </c>
      <c r="F2582" s="196" t="s">
        <v>11463</v>
      </c>
      <c r="G2582" s="150"/>
      <c r="H2582" s="150"/>
    </row>
    <row r="2583" spans="1:8" ht="25.5">
      <c r="A2583" s="150"/>
      <c r="B2583" s="162" t="s">
        <v>12404</v>
      </c>
      <c r="C2583" s="1149" t="s">
        <v>12405</v>
      </c>
      <c r="D2583" s="1149" t="s">
        <v>12406</v>
      </c>
      <c r="E2583" s="1149" t="s">
        <v>12407</v>
      </c>
      <c r="F2583" s="1149" t="s">
        <v>11463</v>
      </c>
      <c r="G2583" s="150"/>
      <c r="H2583" s="150"/>
    </row>
    <row r="2584" spans="1:8" ht="89.25">
      <c r="A2584" s="150"/>
      <c r="B2584" s="164" t="s">
        <v>32653</v>
      </c>
      <c r="C2584" s="1150"/>
      <c r="D2584" s="1150"/>
      <c r="E2584" s="1150"/>
      <c r="F2584" s="1150"/>
      <c r="G2584" s="150"/>
      <c r="H2584" s="150"/>
    </row>
    <row r="2585" spans="1:8" ht="25.5">
      <c r="A2585" s="150"/>
      <c r="B2585" s="162" t="s">
        <v>12408</v>
      </c>
      <c r="C2585" s="1149" t="s">
        <v>12409</v>
      </c>
      <c r="D2585" s="1149" t="s">
        <v>12410</v>
      </c>
      <c r="E2585" s="1149" t="s">
        <v>12411</v>
      </c>
      <c r="F2585" s="1149" t="s">
        <v>11463</v>
      </c>
      <c r="G2585" s="150"/>
      <c r="H2585" s="150"/>
    </row>
    <row r="2586" spans="1:8" ht="89.25">
      <c r="A2586" s="150"/>
      <c r="B2586" s="164" t="s">
        <v>32654</v>
      </c>
      <c r="C2586" s="1150"/>
      <c r="D2586" s="1150"/>
      <c r="E2586" s="1150"/>
      <c r="F2586" s="1150"/>
      <c r="G2586" s="150"/>
      <c r="H2586" s="150"/>
    </row>
    <row r="2587" spans="1:8" ht="25.5">
      <c r="A2587" s="150"/>
      <c r="B2587" s="162" t="s">
        <v>12412</v>
      </c>
      <c r="C2587" s="1149" t="s">
        <v>12414</v>
      </c>
      <c r="D2587" s="1149" t="s">
        <v>12415</v>
      </c>
      <c r="E2587" s="1149" t="s">
        <v>12416</v>
      </c>
      <c r="F2587" s="1149" t="s">
        <v>11463</v>
      </c>
      <c r="G2587" s="150"/>
      <c r="H2587" s="150"/>
    </row>
    <row r="2588" spans="1:8" ht="38.25">
      <c r="A2588" s="150"/>
      <c r="B2588" s="164" t="s">
        <v>12413</v>
      </c>
      <c r="C2588" s="1150"/>
      <c r="D2588" s="1150"/>
      <c r="E2588" s="1150"/>
      <c r="F2588" s="1150"/>
      <c r="G2588" s="150"/>
      <c r="H2588" s="150"/>
    </row>
    <row r="2589" spans="1:8" ht="25.5">
      <c r="A2589" s="150"/>
      <c r="B2589" s="162" t="s">
        <v>12417</v>
      </c>
      <c r="C2589" s="1149" t="s">
        <v>12418</v>
      </c>
      <c r="D2589" s="1149" t="s">
        <v>12419</v>
      </c>
      <c r="E2589" s="1149" t="s">
        <v>12420</v>
      </c>
      <c r="F2589" s="1149" t="s">
        <v>11463</v>
      </c>
      <c r="G2589" s="150"/>
      <c r="H2589" s="150"/>
    </row>
    <row r="2590" spans="1:8" ht="102">
      <c r="A2590" s="150"/>
      <c r="B2590" s="164" t="s">
        <v>32655</v>
      </c>
      <c r="C2590" s="1150"/>
      <c r="D2590" s="1150"/>
      <c r="E2590" s="1150"/>
      <c r="F2590" s="1150"/>
      <c r="G2590" s="150"/>
      <c r="H2590" s="150"/>
    </row>
    <row r="2591" spans="1:8" ht="25.5">
      <c r="A2591" s="150"/>
      <c r="B2591" s="195" t="s">
        <v>32656</v>
      </c>
      <c r="C2591" s="196" t="s">
        <v>12421</v>
      </c>
      <c r="D2591" s="196" t="s">
        <v>12422</v>
      </c>
      <c r="E2591" s="196" t="s">
        <v>12423</v>
      </c>
      <c r="F2591" s="196" t="s">
        <v>11463</v>
      </c>
      <c r="G2591" s="150"/>
      <c r="H2591" s="150"/>
    </row>
    <row r="2592" spans="1:8" ht="25.5">
      <c r="A2592" s="150"/>
      <c r="B2592" s="195" t="s">
        <v>12424</v>
      </c>
      <c r="C2592" s="196" t="s">
        <v>12425</v>
      </c>
      <c r="D2592" s="196" t="s">
        <v>12426</v>
      </c>
      <c r="E2592" s="196" t="s">
        <v>12427</v>
      </c>
      <c r="F2592" s="196" t="s">
        <v>11463</v>
      </c>
      <c r="G2592" s="150"/>
      <c r="H2592" s="150"/>
    </row>
    <row r="2593" spans="1:8" ht="25.5">
      <c r="A2593" s="150"/>
      <c r="B2593" s="162" t="s">
        <v>12428</v>
      </c>
      <c r="C2593" s="1149" t="s">
        <v>12429</v>
      </c>
      <c r="D2593" s="1149" t="s">
        <v>12430</v>
      </c>
      <c r="E2593" s="1149" t="s">
        <v>12431</v>
      </c>
      <c r="F2593" s="1149" t="s">
        <v>11463</v>
      </c>
      <c r="G2593" s="150"/>
      <c r="H2593" s="150"/>
    </row>
    <row r="2594" spans="1:8" ht="51">
      <c r="A2594" s="150"/>
      <c r="B2594" s="164" t="s">
        <v>13561</v>
      </c>
      <c r="C2594" s="1150"/>
      <c r="D2594" s="1150"/>
      <c r="E2594" s="1150"/>
      <c r="F2594" s="1150"/>
      <c r="G2594" s="150"/>
      <c r="H2594" s="150"/>
    </row>
    <row r="2595" spans="1:8" ht="25.5">
      <c r="A2595" s="150"/>
      <c r="B2595" s="162" t="s">
        <v>12432</v>
      </c>
      <c r="C2595" s="1149" t="s">
        <v>12433</v>
      </c>
      <c r="D2595" s="1149" t="s">
        <v>12434</v>
      </c>
      <c r="E2595" s="1149" t="s">
        <v>12435</v>
      </c>
      <c r="F2595" s="1149" t="s">
        <v>11463</v>
      </c>
      <c r="G2595" s="150"/>
      <c r="H2595" s="150"/>
    </row>
    <row r="2596" spans="1:8" ht="51">
      <c r="A2596" s="150"/>
      <c r="B2596" s="164" t="s">
        <v>32657</v>
      </c>
      <c r="C2596" s="1150"/>
      <c r="D2596" s="1150"/>
      <c r="E2596" s="1150"/>
      <c r="F2596" s="1150"/>
      <c r="G2596" s="150"/>
      <c r="H2596" s="150"/>
    </row>
    <row r="2597" spans="1:8" ht="25.5">
      <c r="A2597" s="150"/>
      <c r="B2597" s="162" t="s">
        <v>12436</v>
      </c>
      <c r="C2597" s="1149" t="s">
        <v>12437</v>
      </c>
      <c r="D2597" s="1149" t="s">
        <v>12438</v>
      </c>
      <c r="E2597" s="1149" t="s">
        <v>12439</v>
      </c>
      <c r="F2597" s="1149" t="s">
        <v>11463</v>
      </c>
      <c r="G2597" s="150"/>
      <c r="H2597" s="150"/>
    </row>
    <row r="2598" spans="1:8" ht="51">
      <c r="A2598" s="150"/>
      <c r="B2598" s="164" t="s">
        <v>32658</v>
      </c>
      <c r="C2598" s="1150"/>
      <c r="D2598" s="1150"/>
      <c r="E2598" s="1150"/>
      <c r="F2598" s="1150"/>
      <c r="G2598" s="150"/>
      <c r="H2598" s="150"/>
    </row>
    <row r="2599" spans="1:8" ht="25.5">
      <c r="A2599" s="150"/>
      <c r="B2599" s="195" t="s">
        <v>12440</v>
      </c>
      <c r="C2599" s="196" t="s">
        <v>12441</v>
      </c>
      <c r="D2599" s="196" t="s">
        <v>12442</v>
      </c>
      <c r="E2599" s="196" t="s">
        <v>12443</v>
      </c>
      <c r="F2599" s="196" t="s">
        <v>11463</v>
      </c>
      <c r="G2599" s="150"/>
      <c r="H2599" s="150"/>
    </row>
    <row r="2600" spans="1:8" ht="25.5">
      <c r="A2600" s="150"/>
      <c r="B2600" s="195" t="s">
        <v>32659</v>
      </c>
      <c r="C2600" s="196" t="s">
        <v>12444</v>
      </c>
      <c r="D2600" s="196" t="s">
        <v>12445</v>
      </c>
      <c r="E2600" s="196" t="s">
        <v>12446</v>
      </c>
      <c r="F2600" s="196" t="s">
        <v>11463</v>
      </c>
      <c r="G2600" s="150"/>
      <c r="H2600" s="150"/>
    </row>
    <row r="2601" spans="1:8" ht="25.5">
      <c r="A2601" s="150"/>
      <c r="B2601" s="195" t="s">
        <v>12447</v>
      </c>
      <c r="C2601" s="196" t="s">
        <v>12448</v>
      </c>
      <c r="D2601" s="196" t="s">
        <v>12449</v>
      </c>
      <c r="E2601" s="196" t="s">
        <v>12450</v>
      </c>
      <c r="F2601" s="196" t="s">
        <v>11463</v>
      </c>
      <c r="G2601" s="150"/>
      <c r="H2601" s="150"/>
    </row>
    <row r="2602" spans="1:8" ht="25.5">
      <c r="A2602" s="150"/>
      <c r="B2602" s="162" t="s">
        <v>12451</v>
      </c>
      <c r="C2602" s="1149" t="s">
        <v>12452</v>
      </c>
      <c r="D2602" s="1149" t="s">
        <v>12453</v>
      </c>
      <c r="E2602" s="1149" t="s">
        <v>12454</v>
      </c>
      <c r="F2602" s="1149" t="s">
        <v>11463</v>
      </c>
      <c r="G2602" s="150"/>
      <c r="H2602" s="150"/>
    </row>
    <row r="2603" spans="1:8" ht="76.5">
      <c r="A2603" s="150"/>
      <c r="B2603" s="164" t="s">
        <v>32660</v>
      </c>
      <c r="C2603" s="1150"/>
      <c r="D2603" s="1150"/>
      <c r="E2603" s="1150"/>
      <c r="F2603" s="1150"/>
      <c r="G2603" s="150"/>
      <c r="H2603" s="150"/>
    </row>
    <row r="2604" spans="1:8" ht="25.5">
      <c r="A2604" s="150"/>
      <c r="B2604" s="162" t="s">
        <v>32661</v>
      </c>
      <c r="C2604" s="1149" t="s">
        <v>12455</v>
      </c>
      <c r="D2604" s="1149" t="s">
        <v>12456</v>
      </c>
      <c r="E2604" s="1149" t="s">
        <v>12457</v>
      </c>
      <c r="F2604" s="1149" t="s">
        <v>11463</v>
      </c>
      <c r="G2604" s="150"/>
      <c r="H2604" s="150"/>
    </row>
    <row r="2605" spans="1:8" ht="76.5">
      <c r="A2605" s="150"/>
      <c r="B2605" s="164" t="s">
        <v>32662</v>
      </c>
      <c r="C2605" s="1150"/>
      <c r="D2605" s="1150"/>
      <c r="E2605" s="1150"/>
      <c r="F2605" s="1150"/>
      <c r="G2605" s="150"/>
      <c r="H2605" s="150"/>
    </row>
    <row r="2606" spans="1:8" ht="25.5">
      <c r="A2606" s="150"/>
      <c r="B2606" s="162" t="s">
        <v>32663</v>
      </c>
      <c r="C2606" s="1149" t="s">
        <v>12458</v>
      </c>
      <c r="D2606" s="1149" t="s">
        <v>12459</v>
      </c>
      <c r="E2606" s="1149" t="s">
        <v>12460</v>
      </c>
      <c r="F2606" s="1149" t="s">
        <v>11463</v>
      </c>
      <c r="G2606" s="150"/>
      <c r="H2606" s="150"/>
    </row>
    <row r="2607" spans="1:8" ht="89.25">
      <c r="A2607" s="150"/>
      <c r="B2607" s="164" t="s">
        <v>32664</v>
      </c>
      <c r="C2607" s="1150"/>
      <c r="D2607" s="1150"/>
      <c r="E2607" s="1150"/>
      <c r="F2607" s="1150"/>
      <c r="G2607" s="150"/>
      <c r="H2607" s="150"/>
    </row>
    <row r="2608" spans="1:8" ht="25.5">
      <c r="A2608" s="150"/>
      <c r="B2608" s="195" t="s">
        <v>32665</v>
      </c>
      <c r="C2608" s="196" t="s">
        <v>12461</v>
      </c>
      <c r="D2608" s="196" t="s">
        <v>12462</v>
      </c>
      <c r="E2608" s="196" t="s">
        <v>12463</v>
      </c>
      <c r="F2608" s="196" t="s">
        <v>11463</v>
      </c>
      <c r="G2608" s="150"/>
      <c r="H2608" s="150"/>
    </row>
    <row r="2609" spans="1:8" ht="25.5">
      <c r="A2609" s="150"/>
      <c r="B2609" s="195" t="s">
        <v>32666</v>
      </c>
      <c r="C2609" s="196" t="s">
        <v>12464</v>
      </c>
      <c r="D2609" s="196" t="s">
        <v>12465</v>
      </c>
      <c r="E2609" s="196" t="s">
        <v>12466</v>
      </c>
      <c r="F2609" s="196" t="s">
        <v>11463</v>
      </c>
      <c r="G2609" s="150"/>
      <c r="H2609" s="150"/>
    </row>
    <row r="2610" spans="1:8" ht="25.5">
      <c r="A2610" s="150"/>
      <c r="B2610" s="195" t="s">
        <v>32667</v>
      </c>
      <c r="C2610" s="196" t="s">
        <v>12467</v>
      </c>
      <c r="D2610" s="196" t="s">
        <v>12468</v>
      </c>
      <c r="E2610" s="196" t="s">
        <v>12469</v>
      </c>
      <c r="F2610" s="196" t="s">
        <v>11463</v>
      </c>
      <c r="G2610" s="150"/>
      <c r="H2610" s="150"/>
    </row>
    <row r="2611" spans="1:8" ht="25.5">
      <c r="A2611" s="150"/>
      <c r="B2611" s="195" t="s">
        <v>32668</v>
      </c>
      <c r="C2611" s="196" t="s">
        <v>12470</v>
      </c>
      <c r="D2611" s="196" t="s">
        <v>12471</v>
      </c>
      <c r="E2611" s="196" t="s">
        <v>12472</v>
      </c>
      <c r="F2611" s="196" t="s">
        <v>11463</v>
      </c>
      <c r="G2611" s="150"/>
      <c r="H2611" s="150"/>
    </row>
    <row r="2612" spans="1:8" ht="25.5">
      <c r="A2612" s="150"/>
      <c r="B2612" s="162" t="s">
        <v>12473</v>
      </c>
      <c r="C2612" s="1149" t="s">
        <v>12474</v>
      </c>
      <c r="D2612" s="1149" t="s">
        <v>12475</v>
      </c>
      <c r="E2612" s="1149" t="s">
        <v>12476</v>
      </c>
      <c r="F2612" s="1149" t="s">
        <v>11463</v>
      </c>
      <c r="G2612" s="150"/>
      <c r="H2612" s="150"/>
    </row>
    <row r="2613" spans="1:8" ht="76.5">
      <c r="A2613" s="150"/>
      <c r="B2613" s="164" t="s">
        <v>32669</v>
      </c>
      <c r="C2613" s="1150"/>
      <c r="D2613" s="1150"/>
      <c r="E2613" s="1150"/>
      <c r="F2613" s="1150"/>
      <c r="G2613" s="150"/>
      <c r="H2613" s="150"/>
    </row>
    <row r="2614" spans="1:8" ht="25.5">
      <c r="A2614" s="150"/>
      <c r="B2614" s="162" t="s">
        <v>12477</v>
      </c>
      <c r="C2614" s="1149" t="s">
        <v>12478</v>
      </c>
      <c r="D2614" s="1149" t="s">
        <v>12479</v>
      </c>
      <c r="E2614" s="1149" t="s">
        <v>12480</v>
      </c>
      <c r="F2614" s="1149" t="s">
        <v>11463</v>
      </c>
      <c r="G2614" s="150"/>
      <c r="H2614" s="150"/>
    </row>
    <row r="2615" spans="1:8" ht="76.5">
      <c r="A2615" s="150"/>
      <c r="B2615" s="164" t="s">
        <v>32670</v>
      </c>
      <c r="C2615" s="1150"/>
      <c r="D2615" s="1150"/>
      <c r="E2615" s="1150"/>
      <c r="F2615" s="1150"/>
      <c r="G2615" s="150"/>
      <c r="H2615" s="150"/>
    </row>
    <row r="2616" spans="1:8" ht="25.5">
      <c r="A2616" s="150"/>
      <c r="B2616" s="195" t="s">
        <v>32671</v>
      </c>
      <c r="C2616" s="196" t="s">
        <v>12481</v>
      </c>
      <c r="D2616" s="196" t="s">
        <v>12482</v>
      </c>
      <c r="E2616" s="196" t="s">
        <v>12483</v>
      </c>
      <c r="F2616" s="196" t="s">
        <v>11463</v>
      </c>
      <c r="G2616" s="150"/>
      <c r="H2616" s="150"/>
    </row>
    <row r="2617" spans="1:8" ht="38.25">
      <c r="A2617" s="150"/>
      <c r="B2617" s="162" t="s">
        <v>32672</v>
      </c>
      <c r="C2617" s="1149" t="s">
        <v>12484</v>
      </c>
      <c r="D2617" s="1149" t="s">
        <v>12485</v>
      </c>
      <c r="E2617" s="1149" t="s">
        <v>12486</v>
      </c>
      <c r="F2617" s="1149" t="s">
        <v>11463</v>
      </c>
      <c r="G2617" s="150"/>
      <c r="H2617" s="150"/>
    </row>
    <row r="2618" spans="1:8" ht="114.75">
      <c r="A2618" s="150"/>
      <c r="B2618" s="164" t="s">
        <v>32673</v>
      </c>
      <c r="C2618" s="1150"/>
      <c r="D2618" s="1150"/>
      <c r="E2618" s="1150"/>
      <c r="F2618" s="1150"/>
      <c r="G2618" s="150"/>
      <c r="H2618" s="150"/>
    </row>
    <row r="2619" spans="1:8" ht="38.25">
      <c r="A2619" s="150"/>
      <c r="B2619" s="162" t="s">
        <v>32674</v>
      </c>
      <c r="C2619" s="1149" t="s">
        <v>12487</v>
      </c>
      <c r="D2619" s="1149" t="s">
        <v>12488</v>
      </c>
      <c r="E2619" s="1149" t="s">
        <v>12489</v>
      </c>
      <c r="F2619" s="1149" t="s">
        <v>11463</v>
      </c>
      <c r="G2619" s="150"/>
      <c r="H2619" s="150"/>
    </row>
    <row r="2620" spans="1:8" ht="102">
      <c r="A2620" s="150"/>
      <c r="B2620" s="164" t="s">
        <v>32675</v>
      </c>
      <c r="C2620" s="1150"/>
      <c r="D2620" s="1150"/>
      <c r="E2620" s="1150"/>
      <c r="F2620" s="1150"/>
      <c r="G2620" s="150"/>
      <c r="H2620" s="150"/>
    </row>
    <row r="2621" spans="1:8" ht="25.5">
      <c r="A2621" s="150"/>
      <c r="B2621" s="162" t="s">
        <v>32676</v>
      </c>
      <c r="C2621" s="1149" t="s">
        <v>12490</v>
      </c>
      <c r="D2621" s="1149" t="s">
        <v>12491</v>
      </c>
      <c r="E2621" s="1149" t="s">
        <v>12492</v>
      </c>
      <c r="F2621" s="1149" t="s">
        <v>11463</v>
      </c>
      <c r="G2621" s="150"/>
      <c r="H2621" s="150"/>
    </row>
    <row r="2622" spans="1:8" ht="89.25">
      <c r="A2622" s="150"/>
      <c r="B2622" s="164" t="s">
        <v>32677</v>
      </c>
      <c r="C2622" s="1150"/>
      <c r="D2622" s="1150"/>
      <c r="E2622" s="1150"/>
      <c r="F2622" s="1150"/>
      <c r="G2622" s="150"/>
      <c r="H2622" s="150"/>
    </row>
    <row r="2623" spans="1:8" ht="25.5">
      <c r="A2623" s="150"/>
      <c r="B2623" s="162" t="s">
        <v>32678</v>
      </c>
      <c r="C2623" s="1149" t="s">
        <v>12493</v>
      </c>
      <c r="D2623" s="1149" t="s">
        <v>12494</v>
      </c>
      <c r="E2623" s="1149" t="s">
        <v>12495</v>
      </c>
      <c r="F2623" s="1149" t="s">
        <v>11463</v>
      </c>
      <c r="G2623" s="150"/>
      <c r="H2623" s="150"/>
    </row>
    <row r="2624" spans="1:8" ht="89.25">
      <c r="A2624" s="150"/>
      <c r="B2624" s="164" t="s">
        <v>32679</v>
      </c>
      <c r="C2624" s="1150"/>
      <c r="D2624" s="1150"/>
      <c r="E2624" s="1150"/>
      <c r="F2624" s="1150"/>
      <c r="G2624" s="150"/>
      <c r="H2624" s="150"/>
    </row>
    <row r="2625" spans="1:8" ht="25.5">
      <c r="A2625" s="150"/>
      <c r="B2625" s="195" t="s">
        <v>32680</v>
      </c>
      <c r="C2625" s="196" t="s">
        <v>12496</v>
      </c>
      <c r="D2625" s="196" t="s">
        <v>12497</v>
      </c>
      <c r="E2625" s="196" t="s">
        <v>12498</v>
      </c>
      <c r="F2625" s="196" t="s">
        <v>11463</v>
      </c>
      <c r="G2625" s="150"/>
      <c r="H2625" s="150"/>
    </row>
    <row r="2626" spans="1:8" ht="25.5">
      <c r="A2626" s="150"/>
      <c r="B2626" s="195" t="s">
        <v>32681</v>
      </c>
      <c r="C2626" s="196" t="s">
        <v>12499</v>
      </c>
      <c r="D2626" s="196" t="s">
        <v>12500</v>
      </c>
      <c r="E2626" s="196" t="s">
        <v>12501</v>
      </c>
      <c r="F2626" s="196" t="s">
        <v>11463</v>
      </c>
      <c r="G2626" s="150"/>
      <c r="H2626" s="150"/>
    </row>
    <row r="2627" spans="1:8" ht="25.5">
      <c r="A2627" s="150"/>
      <c r="B2627" s="195" t="s">
        <v>32682</v>
      </c>
      <c r="C2627" s="196" t="s">
        <v>12502</v>
      </c>
      <c r="D2627" s="196" t="s">
        <v>12503</v>
      </c>
      <c r="E2627" s="196" t="s">
        <v>12504</v>
      </c>
      <c r="F2627" s="196" t="s">
        <v>11463</v>
      </c>
      <c r="G2627" s="150"/>
      <c r="H2627" s="150"/>
    </row>
    <row r="2628" spans="1:8" ht="25.5">
      <c r="A2628" s="150"/>
      <c r="B2628" s="195" t="s">
        <v>32683</v>
      </c>
      <c r="C2628" s="196" t="s">
        <v>12505</v>
      </c>
      <c r="D2628" s="196" t="s">
        <v>12506</v>
      </c>
      <c r="E2628" s="196" t="s">
        <v>12507</v>
      </c>
      <c r="F2628" s="196" t="s">
        <v>11463</v>
      </c>
      <c r="G2628" s="150"/>
      <c r="H2628" s="150"/>
    </row>
    <row r="2629" spans="1:8" ht="25.5">
      <c r="A2629" s="150"/>
      <c r="B2629" s="195" t="s">
        <v>32684</v>
      </c>
      <c r="C2629" s="196" t="s">
        <v>12508</v>
      </c>
      <c r="D2629" s="196" t="s">
        <v>12509</v>
      </c>
      <c r="E2629" s="196" t="s">
        <v>12510</v>
      </c>
      <c r="F2629" s="196" t="s">
        <v>11463</v>
      </c>
      <c r="G2629" s="150"/>
      <c r="H2629" s="150"/>
    </row>
    <row r="2630" spans="1:8" ht="25.5">
      <c r="A2630" s="150"/>
      <c r="B2630" s="195" t="s">
        <v>32685</v>
      </c>
      <c r="C2630" s="196" t="s">
        <v>12511</v>
      </c>
      <c r="D2630" s="196" t="s">
        <v>12512</v>
      </c>
      <c r="E2630" s="196" t="s">
        <v>12513</v>
      </c>
      <c r="F2630" s="196" t="s">
        <v>11463</v>
      </c>
      <c r="G2630" s="150"/>
      <c r="H2630" s="150"/>
    </row>
    <row r="2631" spans="1:8" ht="25.5">
      <c r="A2631" s="150"/>
      <c r="B2631" s="162" t="s">
        <v>12514</v>
      </c>
      <c r="C2631" s="1149" t="s">
        <v>12516</v>
      </c>
      <c r="D2631" s="1149" t="s">
        <v>12517</v>
      </c>
      <c r="E2631" s="1149" t="s">
        <v>12518</v>
      </c>
      <c r="F2631" s="1149" t="s">
        <v>11463</v>
      </c>
      <c r="G2631" s="150"/>
      <c r="H2631" s="150"/>
    </row>
    <row r="2632" spans="1:8" ht="51">
      <c r="A2632" s="150"/>
      <c r="B2632" s="164" t="s">
        <v>12515</v>
      </c>
      <c r="C2632" s="1150"/>
      <c r="D2632" s="1150"/>
      <c r="E2632" s="1150"/>
      <c r="F2632" s="1150"/>
      <c r="G2632" s="150"/>
      <c r="H2632" s="150"/>
    </row>
    <row r="2633" spans="1:8" ht="25.5">
      <c r="A2633" s="150"/>
      <c r="B2633" s="162" t="s">
        <v>12519</v>
      </c>
      <c r="C2633" s="1149" t="s">
        <v>12521</v>
      </c>
      <c r="D2633" s="1149" t="s">
        <v>12522</v>
      </c>
      <c r="E2633" s="1149" t="s">
        <v>12523</v>
      </c>
      <c r="F2633" s="1149" t="s">
        <v>11463</v>
      </c>
      <c r="G2633" s="150"/>
      <c r="H2633" s="150"/>
    </row>
    <row r="2634" spans="1:8" ht="51">
      <c r="A2634" s="150"/>
      <c r="B2634" s="164" t="s">
        <v>12520</v>
      </c>
      <c r="C2634" s="1150"/>
      <c r="D2634" s="1150"/>
      <c r="E2634" s="1150"/>
      <c r="F2634" s="1150"/>
      <c r="G2634" s="150"/>
      <c r="H2634" s="150"/>
    </row>
    <row r="2635" spans="1:8" ht="38.25">
      <c r="A2635" s="150"/>
      <c r="B2635" s="162" t="s">
        <v>32686</v>
      </c>
      <c r="C2635" s="1149" t="s">
        <v>12524</v>
      </c>
      <c r="D2635" s="1149" t="s">
        <v>12525</v>
      </c>
      <c r="E2635" s="1149" t="s">
        <v>12526</v>
      </c>
      <c r="F2635" s="1149" t="s">
        <v>11463</v>
      </c>
      <c r="G2635" s="150"/>
      <c r="H2635" s="150"/>
    </row>
    <row r="2636" spans="1:8" ht="89.25">
      <c r="A2636" s="150"/>
      <c r="B2636" s="164" t="s">
        <v>32687</v>
      </c>
      <c r="C2636" s="1150"/>
      <c r="D2636" s="1150"/>
      <c r="E2636" s="1150"/>
      <c r="F2636" s="1150"/>
      <c r="G2636" s="150"/>
      <c r="H2636" s="150"/>
    </row>
    <row r="2637" spans="1:8" ht="25.5">
      <c r="A2637" s="150"/>
      <c r="B2637" s="162" t="s">
        <v>32688</v>
      </c>
      <c r="C2637" s="1149" t="s">
        <v>12527</v>
      </c>
      <c r="D2637" s="1149" t="s">
        <v>12528</v>
      </c>
      <c r="E2637" s="1149" t="s">
        <v>12529</v>
      </c>
      <c r="F2637" s="1149" t="s">
        <v>11463</v>
      </c>
      <c r="G2637" s="150"/>
      <c r="H2637" s="150"/>
    </row>
    <row r="2638" spans="1:8" ht="89.25">
      <c r="A2638" s="150"/>
      <c r="B2638" s="164" t="s">
        <v>32689</v>
      </c>
      <c r="C2638" s="1150"/>
      <c r="D2638" s="1150"/>
      <c r="E2638" s="1150"/>
      <c r="F2638" s="1150"/>
      <c r="G2638" s="150"/>
      <c r="H2638" s="150"/>
    </row>
    <row r="2639" spans="1:8" ht="25.5">
      <c r="A2639" s="150"/>
      <c r="B2639" s="162" t="s">
        <v>32690</v>
      </c>
      <c r="C2639" s="1149" t="s">
        <v>12530</v>
      </c>
      <c r="D2639" s="1149" t="s">
        <v>12531</v>
      </c>
      <c r="E2639" s="1149" t="s">
        <v>12532</v>
      </c>
      <c r="F2639" s="1149" t="s">
        <v>11463</v>
      </c>
      <c r="G2639" s="150"/>
      <c r="H2639" s="150"/>
    </row>
    <row r="2640" spans="1:8" ht="89.25">
      <c r="A2640" s="150"/>
      <c r="B2640" s="164" t="s">
        <v>32691</v>
      </c>
      <c r="C2640" s="1150"/>
      <c r="D2640" s="1150"/>
      <c r="E2640" s="1150"/>
      <c r="F2640" s="1150"/>
      <c r="G2640" s="150"/>
      <c r="H2640" s="150"/>
    </row>
    <row r="2641" spans="1:8" ht="25.5">
      <c r="A2641" s="150"/>
      <c r="B2641" s="162" t="s">
        <v>32692</v>
      </c>
      <c r="C2641" s="1149" t="s">
        <v>12533</v>
      </c>
      <c r="D2641" s="1149" t="s">
        <v>12534</v>
      </c>
      <c r="E2641" s="1149" t="s">
        <v>12535</v>
      </c>
      <c r="F2641" s="1149" t="s">
        <v>11463</v>
      </c>
      <c r="G2641" s="150"/>
      <c r="H2641" s="150"/>
    </row>
    <row r="2642" spans="1:8" ht="89.25">
      <c r="A2642" s="150"/>
      <c r="B2642" s="164" t="s">
        <v>32693</v>
      </c>
      <c r="C2642" s="1150"/>
      <c r="D2642" s="1150"/>
      <c r="E2642" s="1150"/>
      <c r="F2642" s="1150"/>
      <c r="G2642" s="150"/>
      <c r="H2642" s="150"/>
    </row>
    <row r="2643" spans="1:8" ht="38.25">
      <c r="A2643" s="150"/>
      <c r="B2643" s="162" t="s">
        <v>12536</v>
      </c>
      <c r="C2643" s="1149" t="s">
        <v>12538</v>
      </c>
      <c r="D2643" s="1149" t="s">
        <v>12539</v>
      </c>
      <c r="E2643" s="1149" t="s">
        <v>12540</v>
      </c>
      <c r="F2643" s="1149" t="s">
        <v>11463</v>
      </c>
      <c r="G2643" s="150"/>
      <c r="H2643" s="150"/>
    </row>
    <row r="2644" spans="1:8" ht="38.25">
      <c r="A2644" s="150"/>
      <c r="B2644" s="164" t="s">
        <v>12537</v>
      </c>
      <c r="C2644" s="1150"/>
      <c r="D2644" s="1150"/>
      <c r="E2644" s="1150"/>
      <c r="F2644" s="1150"/>
      <c r="G2644" s="150"/>
      <c r="H2644" s="150"/>
    </row>
    <row r="2645" spans="1:8" ht="25.5">
      <c r="A2645" s="150"/>
      <c r="B2645" s="162" t="s">
        <v>12541</v>
      </c>
      <c r="C2645" s="1149" t="s">
        <v>12542</v>
      </c>
      <c r="D2645" s="1149" t="s">
        <v>12543</v>
      </c>
      <c r="E2645" s="1149" t="s">
        <v>12544</v>
      </c>
      <c r="F2645" s="1149" t="s">
        <v>11463</v>
      </c>
      <c r="G2645" s="150"/>
      <c r="H2645" s="150"/>
    </row>
    <row r="2646" spans="1:8" ht="63.75">
      <c r="A2646" s="150"/>
      <c r="B2646" s="164" t="s">
        <v>32694</v>
      </c>
      <c r="C2646" s="1150"/>
      <c r="D2646" s="1150"/>
      <c r="E2646" s="1150"/>
      <c r="F2646" s="1150"/>
      <c r="G2646" s="150"/>
      <c r="H2646" s="150"/>
    </row>
    <row r="2647" spans="1:8" ht="38.25">
      <c r="A2647" s="150"/>
      <c r="B2647" s="162" t="s">
        <v>12545</v>
      </c>
      <c r="C2647" s="1149" t="s">
        <v>12547</v>
      </c>
      <c r="D2647" s="1149" t="s">
        <v>12548</v>
      </c>
      <c r="E2647" s="1149" t="s">
        <v>12549</v>
      </c>
      <c r="F2647" s="1149" t="s">
        <v>11463</v>
      </c>
      <c r="G2647" s="150"/>
      <c r="H2647" s="150"/>
    </row>
    <row r="2648" spans="1:8" ht="38.25">
      <c r="A2648" s="150"/>
      <c r="B2648" s="164" t="s">
        <v>12546</v>
      </c>
      <c r="C2648" s="1150"/>
      <c r="D2648" s="1150"/>
      <c r="E2648" s="1150"/>
      <c r="F2648" s="1150"/>
      <c r="G2648" s="150"/>
      <c r="H2648" s="150"/>
    </row>
    <row r="2649" spans="1:8" ht="38.25">
      <c r="A2649" s="150"/>
      <c r="B2649" s="162" t="s">
        <v>12550</v>
      </c>
      <c r="C2649" s="1149" t="s">
        <v>12551</v>
      </c>
      <c r="D2649" s="1149" t="s">
        <v>12552</v>
      </c>
      <c r="E2649" s="1149" t="s">
        <v>12553</v>
      </c>
      <c r="F2649" s="1149" t="s">
        <v>11463</v>
      </c>
      <c r="G2649" s="150"/>
      <c r="H2649" s="150"/>
    </row>
    <row r="2650" spans="1:8" ht="89.25">
      <c r="A2650" s="150"/>
      <c r="B2650" s="164" t="s">
        <v>32695</v>
      </c>
      <c r="C2650" s="1150"/>
      <c r="D2650" s="1150"/>
      <c r="E2650" s="1150"/>
      <c r="F2650" s="1150"/>
      <c r="G2650" s="150"/>
      <c r="H2650" s="150"/>
    </row>
    <row r="2651" spans="1:8" ht="25.5">
      <c r="A2651" s="150"/>
      <c r="B2651" s="162" t="s">
        <v>12554</v>
      </c>
      <c r="C2651" s="1149" t="s">
        <v>12555</v>
      </c>
      <c r="D2651" s="1149" t="s">
        <v>12556</v>
      </c>
      <c r="E2651" s="1149" t="s">
        <v>12557</v>
      </c>
      <c r="F2651" s="1149" t="s">
        <v>11463</v>
      </c>
      <c r="G2651" s="150"/>
      <c r="H2651" s="150"/>
    </row>
    <row r="2652" spans="1:8" ht="76.5">
      <c r="A2652" s="150"/>
      <c r="B2652" s="164" t="s">
        <v>32696</v>
      </c>
      <c r="C2652" s="1150"/>
      <c r="D2652" s="1150"/>
      <c r="E2652" s="1150"/>
      <c r="F2652" s="1150"/>
      <c r="G2652" s="150"/>
      <c r="H2652" s="150"/>
    </row>
    <row r="2653" spans="1:8" ht="25.5">
      <c r="A2653" s="150"/>
      <c r="B2653" s="162" t="s">
        <v>12558</v>
      </c>
      <c r="C2653" s="1149" t="s">
        <v>12559</v>
      </c>
      <c r="D2653" s="1149" t="s">
        <v>12560</v>
      </c>
      <c r="E2653" s="1149" t="s">
        <v>12561</v>
      </c>
      <c r="F2653" s="1149" t="s">
        <v>11463</v>
      </c>
      <c r="G2653" s="150"/>
      <c r="H2653" s="150"/>
    </row>
    <row r="2654" spans="1:8" ht="76.5">
      <c r="A2654" s="150"/>
      <c r="B2654" s="164" t="s">
        <v>32697</v>
      </c>
      <c r="C2654" s="1150"/>
      <c r="D2654" s="1150"/>
      <c r="E2654" s="1150"/>
      <c r="F2654" s="1150"/>
      <c r="G2654" s="150"/>
      <c r="H2654" s="150"/>
    </row>
    <row r="2655" spans="1:8" ht="25.5">
      <c r="A2655" s="150"/>
      <c r="B2655" s="162" t="s">
        <v>12562</v>
      </c>
      <c r="C2655" s="1149" t="s">
        <v>12563</v>
      </c>
      <c r="D2655" s="1149" t="s">
        <v>12564</v>
      </c>
      <c r="E2655" s="1149" t="s">
        <v>12565</v>
      </c>
      <c r="F2655" s="1149" t="s">
        <v>11463</v>
      </c>
      <c r="G2655" s="150"/>
      <c r="H2655" s="150"/>
    </row>
    <row r="2656" spans="1:8" ht="76.5">
      <c r="A2656" s="150"/>
      <c r="B2656" s="164" t="s">
        <v>32698</v>
      </c>
      <c r="C2656" s="1150"/>
      <c r="D2656" s="1150"/>
      <c r="E2656" s="1150"/>
      <c r="F2656" s="1150"/>
      <c r="G2656" s="150"/>
      <c r="H2656" s="150"/>
    </row>
    <row r="2657" spans="1:8" ht="25.5">
      <c r="A2657" s="150"/>
      <c r="B2657" s="162" t="s">
        <v>12566</v>
      </c>
      <c r="C2657" s="1149" t="s">
        <v>12567</v>
      </c>
      <c r="D2657" s="1149" t="s">
        <v>12568</v>
      </c>
      <c r="E2657" s="1149" t="s">
        <v>12569</v>
      </c>
      <c r="F2657" s="1149" t="s">
        <v>11463</v>
      </c>
      <c r="G2657" s="150"/>
      <c r="H2657" s="150"/>
    </row>
    <row r="2658" spans="1:8" ht="114.75">
      <c r="A2658" s="150"/>
      <c r="B2658" s="164" t="s">
        <v>32699</v>
      </c>
      <c r="C2658" s="1150"/>
      <c r="D2658" s="1150"/>
      <c r="E2658" s="1150"/>
      <c r="F2658" s="1150"/>
      <c r="G2658" s="150"/>
      <c r="H2658" s="150"/>
    </row>
    <row r="2659" spans="1:8" ht="25.5">
      <c r="A2659" s="150"/>
      <c r="B2659" s="162" t="s">
        <v>12570</v>
      </c>
      <c r="C2659" s="1149" t="s">
        <v>12571</v>
      </c>
      <c r="D2659" s="1149" t="s">
        <v>12572</v>
      </c>
      <c r="E2659" s="1149" t="s">
        <v>12573</v>
      </c>
      <c r="F2659" s="1149" t="s">
        <v>11463</v>
      </c>
      <c r="G2659" s="150"/>
      <c r="H2659" s="150"/>
    </row>
    <row r="2660" spans="1:8" ht="76.5">
      <c r="A2660" s="150"/>
      <c r="B2660" s="164" t="s">
        <v>32700</v>
      </c>
      <c r="C2660" s="1150"/>
      <c r="D2660" s="1150"/>
      <c r="E2660" s="1150"/>
      <c r="F2660" s="1150"/>
      <c r="G2660" s="150"/>
      <c r="H2660" s="150"/>
    </row>
    <row r="2661" spans="1:8" ht="25.5">
      <c r="A2661" s="150"/>
      <c r="B2661" s="162" t="s">
        <v>12574</v>
      </c>
      <c r="C2661" s="1149" t="s">
        <v>12575</v>
      </c>
      <c r="D2661" s="1149" t="s">
        <v>12576</v>
      </c>
      <c r="E2661" s="1149" t="s">
        <v>12577</v>
      </c>
      <c r="F2661" s="1149" t="s">
        <v>11463</v>
      </c>
      <c r="G2661" s="150"/>
      <c r="H2661" s="150"/>
    </row>
    <row r="2662" spans="1:8" ht="102">
      <c r="A2662" s="150"/>
      <c r="B2662" s="164" t="s">
        <v>32701</v>
      </c>
      <c r="C2662" s="1150"/>
      <c r="D2662" s="1150"/>
      <c r="E2662" s="1150"/>
      <c r="F2662" s="1150"/>
      <c r="G2662" s="150"/>
      <c r="H2662" s="150"/>
    </row>
    <row r="2663" spans="1:8" ht="25.5">
      <c r="A2663" s="150"/>
      <c r="B2663" s="162" t="s">
        <v>12578</v>
      </c>
      <c r="C2663" s="1149" t="s">
        <v>12579</v>
      </c>
      <c r="D2663" s="1149" t="s">
        <v>12580</v>
      </c>
      <c r="E2663" s="1149" t="s">
        <v>12581</v>
      </c>
      <c r="F2663" s="1149" t="s">
        <v>11463</v>
      </c>
      <c r="G2663" s="150"/>
      <c r="H2663" s="150"/>
    </row>
    <row r="2664" spans="1:8" ht="76.5">
      <c r="A2664" s="150"/>
      <c r="B2664" s="164" t="s">
        <v>32702</v>
      </c>
      <c r="C2664" s="1150"/>
      <c r="D2664" s="1150"/>
      <c r="E2664" s="1150"/>
      <c r="F2664" s="1150"/>
      <c r="G2664" s="150"/>
      <c r="H2664" s="150"/>
    </row>
    <row r="2665" spans="1:8" ht="25.5">
      <c r="A2665" s="150"/>
      <c r="B2665" s="162" t="s">
        <v>12582</v>
      </c>
      <c r="C2665" s="1149" t="s">
        <v>12583</v>
      </c>
      <c r="D2665" s="1149" t="s">
        <v>12584</v>
      </c>
      <c r="E2665" s="1149" t="s">
        <v>12585</v>
      </c>
      <c r="F2665" s="1149" t="s">
        <v>11463</v>
      </c>
      <c r="G2665" s="150"/>
      <c r="H2665" s="150"/>
    </row>
    <row r="2666" spans="1:8" ht="114.75">
      <c r="A2666" s="150"/>
      <c r="B2666" s="164" t="s">
        <v>32703</v>
      </c>
      <c r="C2666" s="1150"/>
      <c r="D2666" s="1150"/>
      <c r="E2666" s="1150"/>
      <c r="F2666" s="1150"/>
      <c r="G2666" s="150"/>
      <c r="H2666" s="150"/>
    </row>
    <row r="2667" spans="1:8" ht="38.25">
      <c r="A2667" s="150"/>
      <c r="B2667" s="162" t="s">
        <v>12586</v>
      </c>
      <c r="C2667" s="1149" t="s">
        <v>12587</v>
      </c>
      <c r="D2667" s="1149" t="s">
        <v>12588</v>
      </c>
      <c r="E2667" s="1149" t="s">
        <v>12589</v>
      </c>
      <c r="F2667" s="1149" t="s">
        <v>11463</v>
      </c>
      <c r="G2667" s="150"/>
      <c r="H2667" s="150"/>
    </row>
    <row r="2668" spans="1:8" ht="89.25">
      <c r="A2668" s="150"/>
      <c r="B2668" s="164" t="s">
        <v>32704</v>
      </c>
      <c r="C2668" s="1150"/>
      <c r="D2668" s="1150"/>
      <c r="E2668" s="1150"/>
      <c r="F2668" s="1150"/>
      <c r="G2668" s="150"/>
      <c r="H2668" s="150"/>
    </row>
    <row r="2669" spans="1:8" ht="38.25">
      <c r="A2669" s="150"/>
      <c r="B2669" s="162" t="s">
        <v>12590</v>
      </c>
      <c r="C2669" s="1149" t="s">
        <v>12591</v>
      </c>
      <c r="D2669" s="1149" t="s">
        <v>12592</v>
      </c>
      <c r="E2669" s="1149" t="s">
        <v>12593</v>
      </c>
      <c r="F2669" s="1149" t="s">
        <v>11463</v>
      </c>
      <c r="G2669" s="150"/>
      <c r="H2669" s="150"/>
    </row>
    <row r="2670" spans="1:8" ht="89.25">
      <c r="A2670" s="150"/>
      <c r="B2670" s="164" t="s">
        <v>32705</v>
      </c>
      <c r="C2670" s="1150"/>
      <c r="D2670" s="1150"/>
      <c r="E2670" s="1150"/>
      <c r="F2670" s="1150"/>
      <c r="G2670" s="150"/>
      <c r="H2670" s="150"/>
    </row>
    <row r="2671" spans="1:8" ht="25.5">
      <c r="A2671" s="150"/>
      <c r="B2671" s="162" t="s">
        <v>12594</v>
      </c>
      <c r="C2671" s="1149" t="s">
        <v>12595</v>
      </c>
      <c r="D2671" s="1149" t="s">
        <v>12596</v>
      </c>
      <c r="E2671" s="1149" t="s">
        <v>12597</v>
      </c>
      <c r="F2671" s="1149" t="s">
        <v>11463</v>
      </c>
      <c r="G2671" s="150"/>
      <c r="H2671" s="150"/>
    </row>
    <row r="2672" spans="1:8" ht="89.25">
      <c r="A2672" s="150"/>
      <c r="B2672" s="164" t="s">
        <v>32706</v>
      </c>
      <c r="C2672" s="1150"/>
      <c r="D2672" s="1150"/>
      <c r="E2672" s="1150"/>
      <c r="F2672" s="1150"/>
      <c r="G2672" s="150"/>
      <c r="H2672" s="150"/>
    </row>
    <row r="2673" spans="1:8" ht="25.5">
      <c r="A2673" s="150"/>
      <c r="B2673" s="162" t="s">
        <v>12598</v>
      </c>
      <c r="C2673" s="1149" t="s">
        <v>12599</v>
      </c>
      <c r="D2673" s="1149" t="s">
        <v>12600</v>
      </c>
      <c r="E2673" s="1149" t="s">
        <v>12601</v>
      </c>
      <c r="F2673" s="1149" t="s">
        <v>11463</v>
      </c>
      <c r="G2673" s="150"/>
      <c r="H2673" s="150"/>
    </row>
    <row r="2674" spans="1:8" ht="89.25">
      <c r="A2674" s="150"/>
      <c r="B2674" s="164" t="s">
        <v>32707</v>
      </c>
      <c r="C2674" s="1150"/>
      <c r="D2674" s="1150"/>
      <c r="E2674" s="1150"/>
      <c r="F2674" s="1150"/>
      <c r="G2674" s="150"/>
      <c r="H2674" s="150"/>
    </row>
    <row r="2675" spans="1:8" ht="25.5">
      <c r="A2675" s="150"/>
      <c r="B2675" s="162" t="s">
        <v>12602</v>
      </c>
      <c r="C2675" s="1149" t="s">
        <v>12603</v>
      </c>
      <c r="D2675" s="1149" t="s">
        <v>12604</v>
      </c>
      <c r="E2675" s="1149" t="s">
        <v>12605</v>
      </c>
      <c r="F2675" s="1149" t="s">
        <v>11463</v>
      </c>
      <c r="G2675" s="150"/>
      <c r="H2675" s="150"/>
    </row>
    <row r="2676" spans="1:8" ht="76.5">
      <c r="A2676" s="150"/>
      <c r="B2676" s="164" t="s">
        <v>32708</v>
      </c>
      <c r="C2676" s="1150"/>
      <c r="D2676" s="1150"/>
      <c r="E2676" s="1150"/>
      <c r="F2676" s="1150"/>
      <c r="G2676" s="150"/>
      <c r="H2676" s="150"/>
    </row>
    <row r="2677" spans="1:8" ht="25.5">
      <c r="A2677" s="150"/>
      <c r="B2677" s="162" t="s">
        <v>12606</v>
      </c>
      <c r="C2677" s="1149" t="s">
        <v>12607</v>
      </c>
      <c r="D2677" s="1149" t="s">
        <v>12608</v>
      </c>
      <c r="E2677" s="1149" t="s">
        <v>12609</v>
      </c>
      <c r="F2677" s="1149" t="s">
        <v>11463</v>
      </c>
      <c r="G2677" s="150"/>
      <c r="H2677" s="150"/>
    </row>
    <row r="2678" spans="1:8" ht="76.5">
      <c r="A2678" s="150"/>
      <c r="B2678" s="164" t="s">
        <v>32709</v>
      </c>
      <c r="C2678" s="1150"/>
      <c r="D2678" s="1150"/>
      <c r="E2678" s="1150"/>
      <c r="F2678" s="1150"/>
      <c r="G2678" s="150"/>
      <c r="H2678" s="150"/>
    </row>
    <row r="2679" spans="1:8">
      <c r="A2679" s="150"/>
      <c r="B2679" s="162" t="s">
        <v>12610</v>
      </c>
      <c r="C2679" s="1149" t="s">
        <v>12611</v>
      </c>
      <c r="D2679" s="1149" t="s">
        <v>12612</v>
      </c>
      <c r="E2679" s="1149" t="s">
        <v>12613</v>
      </c>
      <c r="F2679" s="1149" t="s">
        <v>11463</v>
      </c>
      <c r="G2679" s="150"/>
      <c r="H2679" s="150"/>
    </row>
    <row r="2680" spans="1:8" ht="63.75">
      <c r="A2680" s="150"/>
      <c r="B2680" s="164" t="s">
        <v>32710</v>
      </c>
      <c r="C2680" s="1150"/>
      <c r="D2680" s="1150"/>
      <c r="E2680" s="1150"/>
      <c r="F2680" s="1150"/>
      <c r="G2680" s="150"/>
      <c r="H2680" s="150"/>
    </row>
    <row r="2681" spans="1:8">
      <c r="A2681" s="150"/>
      <c r="B2681" s="195" t="s">
        <v>12614</v>
      </c>
      <c r="C2681" s="196" t="s">
        <v>12615</v>
      </c>
      <c r="D2681" s="196" t="s">
        <v>12616</v>
      </c>
      <c r="E2681" s="196" t="s">
        <v>12617</v>
      </c>
      <c r="F2681" s="196" t="s">
        <v>11463</v>
      </c>
      <c r="G2681" s="150"/>
      <c r="H2681" s="150"/>
    </row>
    <row r="2682" spans="1:8">
      <c r="A2682" s="150"/>
      <c r="B2682" s="1159" t="s">
        <v>31587</v>
      </c>
      <c r="C2682" s="1160"/>
      <c r="D2682" s="1160"/>
      <c r="E2682" s="1160"/>
      <c r="F2682" s="1161"/>
      <c r="G2682" s="150"/>
      <c r="H2682" s="150"/>
    </row>
    <row r="2683" spans="1:8" ht="38.25">
      <c r="A2683" s="150"/>
      <c r="B2683" s="162" t="s">
        <v>12618</v>
      </c>
      <c r="C2683" s="1149" t="s">
        <v>12619</v>
      </c>
      <c r="D2683" s="1149" t="s">
        <v>8356</v>
      </c>
      <c r="E2683" s="1149" t="s">
        <v>8356</v>
      </c>
      <c r="F2683" s="1149" t="s">
        <v>12620</v>
      </c>
      <c r="G2683" s="150"/>
      <c r="H2683" s="150"/>
    </row>
    <row r="2684" spans="1:8" ht="51">
      <c r="A2684" s="150"/>
      <c r="B2684" s="164" t="s">
        <v>32711</v>
      </c>
      <c r="C2684" s="1150"/>
      <c r="D2684" s="1150"/>
      <c r="E2684" s="1150"/>
      <c r="F2684" s="1150"/>
      <c r="G2684" s="150"/>
      <c r="H2684" s="150"/>
    </row>
    <row r="2685" spans="1:8">
      <c r="A2685" s="150"/>
      <c r="B2685" s="1159" t="s">
        <v>8508</v>
      </c>
      <c r="C2685" s="1160"/>
      <c r="D2685" s="1160"/>
      <c r="E2685" s="1160"/>
      <c r="F2685" s="1161"/>
      <c r="G2685" s="150"/>
      <c r="H2685" s="150"/>
    </row>
    <row r="2686" spans="1:8">
      <c r="A2686" s="150"/>
      <c r="B2686" s="183"/>
      <c r="C2686" s="150"/>
      <c r="D2686" s="150"/>
      <c r="E2686" s="150"/>
      <c r="F2686" s="150"/>
      <c r="G2686" s="150"/>
      <c r="H2686" s="150"/>
    </row>
    <row r="2687" spans="1:8">
      <c r="A2687" s="150"/>
      <c r="B2687" s="183"/>
      <c r="C2687" s="150"/>
      <c r="D2687" s="150"/>
      <c r="E2687" s="150"/>
      <c r="F2687" s="150"/>
      <c r="G2687" s="150"/>
      <c r="H2687" s="150"/>
    </row>
    <row r="2688" spans="1:8">
      <c r="A2688" s="150"/>
      <c r="B2688" s="183"/>
      <c r="C2688" s="150"/>
      <c r="D2688" s="150"/>
      <c r="E2688" s="150"/>
      <c r="F2688" s="150"/>
      <c r="G2688" s="150"/>
      <c r="H2688" s="150"/>
    </row>
    <row r="2689" spans="1:8" ht="15.75">
      <c r="A2689" s="150"/>
      <c r="B2689" s="151" t="s">
        <v>12621</v>
      </c>
      <c r="C2689" s="150"/>
      <c r="D2689" s="150"/>
      <c r="E2689" s="150"/>
      <c r="F2689" s="150"/>
      <c r="G2689" s="150"/>
      <c r="H2689" s="150"/>
    </row>
    <row r="2690" spans="1:8" ht="15.75">
      <c r="A2690" s="150"/>
      <c r="B2690" s="152" t="s">
        <v>31942</v>
      </c>
      <c r="C2690" s="150"/>
      <c r="D2690" s="150"/>
      <c r="E2690" s="150"/>
      <c r="F2690" s="150"/>
      <c r="G2690" s="150"/>
      <c r="H2690" s="150"/>
    </row>
    <row r="2691" spans="1:8" ht="31.5">
      <c r="A2691" s="150"/>
      <c r="B2691" s="192" t="s">
        <v>31944</v>
      </c>
      <c r="C2691" s="150"/>
      <c r="D2691" s="150"/>
      <c r="E2691" s="150"/>
      <c r="F2691" s="150"/>
      <c r="G2691" s="150"/>
      <c r="H2691" s="150"/>
    </row>
    <row r="2692" spans="1:8" ht="15.75">
      <c r="A2692" s="150"/>
      <c r="B2692" s="152" t="s">
        <v>8508</v>
      </c>
      <c r="C2692" s="150"/>
      <c r="D2692" s="150"/>
      <c r="E2692" s="150"/>
      <c r="F2692" s="150"/>
      <c r="G2692" s="150"/>
      <c r="H2692" s="150"/>
    </row>
    <row r="2693" spans="1:8">
      <c r="A2693" s="150"/>
      <c r="B2693" s="183"/>
      <c r="C2693" s="150"/>
      <c r="D2693" s="150"/>
      <c r="E2693" s="150"/>
      <c r="F2693" s="150"/>
      <c r="G2693" s="150"/>
      <c r="H2693" s="150"/>
    </row>
    <row r="2694" spans="1:8">
      <c r="A2694" s="150"/>
      <c r="B2694" s="183"/>
      <c r="C2694" s="150"/>
      <c r="D2694" s="150"/>
      <c r="E2694" s="150"/>
      <c r="F2694" s="150"/>
      <c r="G2694" s="150"/>
      <c r="H2694" s="150"/>
    </row>
    <row r="2695" spans="1:8">
      <c r="A2695" s="150"/>
      <c r="B2695" s="183"/>
      <c r="C2695" s="150"/>
      <c r="D2695" s="150"/>
      <c r="E2695" s="150"/>
      <c r="F2695" s="150"/>
      <c r="G2695" s="150"/>
      <c r="H2695" s="150"/>
    </row>
    <row r="2696" spans="1:8" ht="15.75">
      <c r="A2696" s="150"/>
      <c r="B2696" s="151" t="s">
        <v>12622</v>
      </c>
      <c r="C2696" s="150"/>
      <c r="D2696" s="150"/>
      <c r="E2696" s="150"/>
      <c r="F2696" s="150"/>
      <c r="G2696" s="150"/>
      <c r="H2696" s="150"/>
    </row>
    <row r="2697" spans="1:8" ht="15.75">
      <c r="A2697" s="150"/>
      <c r="B2697" s="152" t="s">
        <v>31942</v>
      </c>
      <c r="C2697" s="150"/>
      <c r="D2697" s="150"/>
      <c r="E2697" s="150"/>
      <c r="F2697" s="150"/>
      <c r="G2697" s="150"/>
      <c r="H2697" s="150"/>
    </row>
    <row r="2698" spans="1:8" ht="31.5">
      <c r="A2698" s="150"/>
      <c r="B2698" s="192" t="s">
        <v>31945</v>
      </c>
      <c r="C2698" s="150"/>
      <c r="D2698" s="150"/>
      <c r="E2698" s="150"/>
      <c r="F2698" s="150"/>
      <c r="G2698" s="150"/>
      <c r="H2698" s="150"/>
    </row>
    <row r="2699" spans="1:8" ht="15.75">
      <c r="A2699" s="150"/>
      <c r="B2699" s="152" t="s">
        <v>8508</v>
      </c>
      <c r="C2699" s="150"/>
      <c r="D2699" s="150"/>
      <c r="E2699" s="150"/>
      <c r="F2699" s="150"/>
      <c r="G2699" s="150"/>
      <c r="H2699" s="150"/>
    </row>
    <row r="2700" spans="1:8" ht="15">
      <c r="A2700" s="150"/>
      <c r="B2700" s="154"/>
      <c r="C2700" s="150"/>
      <c r="D2700" s="150"/>
      <c r="E2700" s="150"/>
      <c r="F2700" s="150"/>
      <c r="G2700" s="150"/>
      <c r="H2700" s="150"/>
    </row>
    <row r="2701" spans="1:8" ht="15">
      <c r="A2701" s="150"/>
      <c r="B2701" s="154"/>
      <c r="C2701" s="150"/>
      <c r="D2701" s="150"/>
      <c r="E2701" s="150"/>
      <c r="F2701" s="150"/>
      <c r="G2701" s="150"/>
      <c r="H2701" s="150"/>
    </row>
    <row r="2702" spans="1:8">
      <c r="A2702" s="150"/>
      <c r="B2702" s="193" t="s">
        <v>9044</v>
      </c>
      <c r="C2702" s="194" t="s">
        <v>9045</v>
      </c>
      <c r="D2702" s="194" t="s">
        <v>8</v>
      </c>
      <c r="E2702" s="194" t="s">
        <v>8349</v>
      </c>
      <c r="F2702" s="194" t="s">
        <v>9046</v>
      </c>
      <c r="G2702" s="150"/>
      <c r="H2702" s="150"/>
    </row>
    <row r="2703" spans="1:8">
      <c r="A2703" s="150"/>
      <c r="B2703" s="1159" t="s">
        <v>31587</v>
      </c>
      <c r="C2703" s="1160"/>
      <c r="D2703" s="1160"/>
      <c r="E2703" s="1160"/>
      <c r="F2703" s="1161"/>
      <c r="G2703" s="150"/>
      <c r="H2703" s="150"/>
    </row>
    <row r="2704" spans="1:8">
      <c r="A2704" s="150"/>
      <c r="B2704" s="195" t="s">
        <v>10184</v>
      </c>
      <c r="C2704" s="196" t="s">
        <v>10185</v>
      </c>
      <c r="D2704" s="196" t="s">
        <v>10186</v>
      </c>
      <c r="E2704" s="196" t="s">
        <v>10187</v>
      </c>
      <c r="F2704" s="196"/>
      <c r="G2704" s="150"/>
      <c r="H2704" s="150"/>
    </row>
    <row r="2705" spans="1:8">
      <c r="A2705" s="150"/>
      <c r="B2705" s="195" t="s">
        <v>3</v>
      </c>
      <c r="C2705" s="196" t="s">
        <v>10188</v>
      </c>
      <c r="D2705" s="196" t="s">
        <v>17</v>
      </c>
      <c r="E2705" s="196" t="s">
        <v>8356</v>
      </c>
      <c r="F2705" s="196"/>
      <c r="G2705" s="150"/>
      <c r="H2705" s="150"/>
    </row>
    <row r="2706" spans="1:8">
      <c r="A2706" s="150"/>
      <c r="B2706" s="1159" t="s">
        <v>8508</v>
      </c>
      <c r="C2706" s="1160"/>
      <c r="D2706" s="1160"/>
      <c r="E2706" s="1160"/>
      <c r="F2706" s="1161"/>
      <c r="G2706" s="150"/>
      <c r="H2706" s="150"/>
    </row>
    <row r="2707" spans="1:8" ht="25.5">
      <c r="A2707" s="150"/>
      <c r="B2707" s="195" t="s">
        <v>10207</v>
      </c>
      <c r="C2707" s="196" t="s">
        <v>10208</v>
      </c>
      <c r="D2707" s="196" t="s">
        <v>10209</v>
      </c>
      <c r="E2707" s="196" t="s">
        <v>10210</v>
      </c>
      <c r="F2707" s="196"/>
      <c r="G2707" s="150"/>
      <c r="H2707" s="150"/>
    </row>
    <row r="2708" spans="1:8">
      <c r="A2708" s="150"/>
      <c r="B2708" s="1159" t="s">
        <v>31587</v>
      </c>
      <c r="C2708" s="1160"/>
      <c r="D2708" s="1160"/>
      <c r="E2708" s="1160"/>
      <c r="F2708" s="1161"/>
      <c r="G2708" s="150"/>
      <c r="H2708" s="150"/>
    </row>
    <row r="2709" spans="1:8" ht="25.5">
      <c r="A2709" s="150"/>
      <c r="B2709" s="162" t="s">
        <v>10211</v>
      </c>
      <c r="C2709" s="1149" t="s">
        <v>10214</v>
      </c>
      <c r="D2709" s="1149" t="s">
        <v>16</v>
      </c>
      <c r="E2709" s="1149" t="s">
        <v>8356</v>
      </c>
      <c r="F2709" s="1149"/>
      <c r="G2709" s="150"/>
      <c r="H2709" s="150"/>
    </row>
    <row r="2710" spans="1:8">
      <c r="A2710" s="150"/>
      <c r="B2710" s="163" t="s">
        <v>10212</v>
      </c>
      <c r="C2710" s="1158"/>
      <c r="D2710" s="1158"/>
      <c r="E2710" s="1158"/>
      <c r="F2710" s="1158"/>
      <c r="G2710" s="150"/>
      <c r="H2710" s="150"/>
    </row>
    <row r="2711" spans="1:8" ht="25.5">
      <c r="A2711" s="150"/>
      <c r="B2711" s="164" t="s">
        <v>10213</v>
      </c>
      <c r="C2711" s="1150"/>
      <c r="D2711" s="1150"/>
      <c r="E2711" s="1150"/>
      <c r="F2711" s="1150"/>
      <c r="G2711" s="150"/>
      <c r="H2711" s="150"/>
    </row>
    <row r="2712" spans="1:8">
      <c r="A2712" s="150"/>
      <c r="B2712" s="1159" t="s">
        <v>8508</v>
      </c>
      <c r="C2712" s="1160"/>
      <c r="D2712" s="1160"/>
      <c r="E2712" s="1160"/>
      <c r="F2712" s="1161"/>
      <c r="G2712" s="150"/>
      <c r="H2712" s="150"/>
    </row>
    <row r="2713" spans="1:8">
      <c r="A2713" s="150"/>
      <c r="B2713" s="195" t="s">
        <v>221</v>
      </c>
      <c r="C2713" s="196" t="s">
        <v>10220</v>
      </c>
      <c r="D2713" s="196" t="s">
        <v>222</v>
      </c>
      <c r="E2713" s="196" t="s">
        <v>223</v>
      </c>
      <c r="F2713" s="196"/>
      <c r="G2713" s="150"/>
      <c r="H2713" s="150"/>
    </row>
    <row r="2714" spans="1:8">
      <c r="A2714" s="150"/>
      <c r="B2714" s="195" t="s">
        <v>9047</v>
      </c>
      <c r="C2714" s="196" t="s">
        <v>9048</v>
      </c>
      <c r="D2714" s="196" t="s">
        <v>452</v>
      </c>
      <c r="E2714" s="196" t="s">
        <v>453</v>
      </c>
      <c r="F2714" s="194" t="s">
        <v>32712</v>
      </c>
      <c r="G2714" s="150"/>
      <c r="H2714" s="150"/>
    </row>
    <row r="2715" spans="1:8">
      <c r="A2715" s="150"/>
      <c r="B2715" s="195" t="s">
        <v>477</v>
      </c>
      <c r="C2715" s="196" t="s">
        <v>10226</v>
      </c>
      <c r="D2715" s="196" t="s">
        <v>478</v>
      </c>
      <c r="E2715" s="196" t="s">
        <v>479</v>
      </c>
      <c r="F2715" s="194" t="s">
        <v>32712</v>
      </c>
      <c r="G2715" s="150"/>
      <c r="H2715" s="150"/>
    </row>
    <row r="2716" spans="1:8">
      <c r="A2716" s="150"/>
      <c r="B2716" s="195" t="s">
        <v>466</v>
      </c>
      <c r="C2716" s="196" t="s">
        <v>10227</v>
      </c>
      <c r="D2716" s="196" t="s">
        <v>467</v>
      </c>
      <c r="E2716" s="198">
        <v>2151163</v>
      </c>
      <c r="F2716" s="194" t="s">
        <v>32712</v>
      </c>
      <c r="G2716" s="150"/>
      <c r="H2716" s="150"/>
    </row>
    <row r="2717" spans="1:8">
      <c r="A2717" s="150"/>
      <c r="B2717" s="1159" t="s">
        <v>31587</v>
      </c>
      <c r="C2717" s="1160"/>
      <c r="D2717" s="1160"/>
      <c r="E2717" s="1160"/>
      <c r="F2717" s="1161"/>
      <c r="G2717" s="150"/>
      <c r="H2717" s="150"/>
    </row>
    <row r="2718" spans="1:8">
      <c r="A2718" s="150"/>
      <c r="B2718" s="195" t="s">
        <v>566</v>
      </c>
      <c r="C2718" s="196" t="s">
        <v>10228</v>
      </c>
      <c r="D2718" s="196" t="s">
        <v>567</v>
      </c>
      <c r="E2718" s="196" t="s">
        <v>1960</v>
      </c>
      <c r="F2718" s="196"/>
      <c r="G2718" s="150"/>
      <c r="H2718" s="150"/>
    </row>
    <row r="2719" spans="1:8">
      <c r="A2719" s="150"/>
      <c r="B2719" s="1159" t="s">
        <v>31594</v>
      </c>
      <c r="C2719" s="1160"/>
      <c r="D2719" s="1160"/>
      <c r="E2719" s="1160"/>
      <c r="F2719" s="1161"/>
      <c r="G2719" s="150"/>
      <c r="H2719" s="150"/>
    </row>
    <row r="2720" spans="1:8">
      <c r="A2720" s="150"/>
      <c r="B2720" s="1159" t="s">
        <v>8508</v>
      </c>
      <c r="C2720" s="1160"/>
      <c r="D2720" s="1160"/>
      <c r="E2720" s="1160"/>
      <c r="F2720" s="1161"/>
      <c r="G2720" s="150"/>
      <c r="H2720" s="150"/>
    </row>
    <row r="2721" spans="1:8">
      <c r="A2721" s="150"/>
      <c r="B2721" s="195" t="s">
        <v>10229</v>
      </c>
      <c r="C2721" s="196" t="s">
        <v>10230</v>
      </c>
      <c r="D2721" s="196" t="s">
        <v>10231</v>
      </c>
      <c r="E2721" s="196" t="s">
        <v>2345</v>
      </c>
      <c r="F2721" s="196"/>
      <c r="G2721" s="150"/>
      <c r="H2721" s="150"/>
    </row>
    <row r="2722" spans="1:8">
      <c r="A2722" s="150"/>
      <c r="B2722" s="195" t="s">
        <v>474</v>
      </c>
      <c r="C2722" s="196" t="s">
        <v>10232</v>
      </c>
      <c r="D2722" s="196" t="s">
        <v>475</v>
      </c>
      <c r="E2722" s="196" t="s">
        <v>476</v>
      </c>
      <c r="F2722" s="196"/>
      <c r="G2722" s="150"/>
      <c r="H2722" s="150"/>
    </row>
    <row r="2723" spans="1:8">
      <c r="A2723" s="150"/>
      <c r="B2723" s="195" t="s">
        <v>480</v>
      </c>
      <c r="C2723" s="196" t="s">
        <v>10239</v>
      </c>
      <c r="D2723" s="196" t="s">
        <v>481</v>
      </c>
      <c r="E2723" s="198">
        <v>2146108</v>
      </c>
      <c r="F2723" s="194" t="s">
        <v>32712</v>
      </c>
      <c r="G2723" s="150"/>
      <c r="H2723" s="150"/>
    </row>
    <row r="2724" spans="1:8">
      <c r="A2724" s="150"/>
      <c r="B2724" s="195" t="s">
        <v>116</v>
      </c>
      <c r="C2724" s="196" t="s">
        <v>10253</v>
      </c>
      <c r="D2724" s="196" t="s">
        <v>117</v>
      </c>
      <c r="E2724" s="196" t="s">
        <v>118</v>
      </c>
      <c r="F2724" s="194" t="s">
        <v>32712</v>
      </c>
      <c r="G2724" s="150"/>
      <c r="H2724" s="150"/>
    </row>
    <row r="2725" spans="1:8">
      <c r="A2725" s="150"/>
      <c r="B2725" s="195" t="s">
        <v>126</v>
      </c>
      <c r="C2725" s="196" t="s">
        <v>10254</v>
      </c>
      <c r="D2725" s="196" t="s">
        <v>127</v>
      </c>
      <c r="E2725" s="196" t="s">
        <v>128</v>
      </c>
      <c r="F2725" s="194" t="s">
        <v>32712</v>
      </c>
      <c r="G2725" s="150"/>
      <c r="H2725" s="150"/>
    </row>
    <row r="2726" spans="1:8">
      <c r="A2726" s="150"/>
      <c r="B2726" s="195" t="s">
        <v>119</v>
      </c>
      <c r="C2726" s="196" t="s">
        <v>10255</v>
      </c>
      <c r="D2726" s="196" t="s">
        <v>120</v>
      </c>
      <c r="E2726" s="196" t="s">
        <v>2139</v>
      </c>
      <c r="F2726" s="194" t="s">
        <v>32712</v>
      </c>
      <c r="G2726" s="150"/>
      <c r="H2726" s="150"/>
    </row>
    <row r="2727" spans="1:8">
      <c r="A2727" s="150"/>
      <c r="B2727" s="1159" t="s">
        <v>31595</v>
      </c>
      <c r="C2727" s="1160"/>
      <c r="D2727" s="1160"/>
      <c r="E2727" s="1160"/>
      <c r="F2727" s="1161"/>
      <c r="G2727" s="150"/>
      <c r="H2727" s="150"/>
    </row>
    <row r="2728" spans="1:8">
      <c r="A2728" s="150"/>
      <c r="B2728" s="195" t="s">
        <v>2056</v>
      </c>
      <c r="C2728" s="196" t="s">
        <v>13925</v>
      </c>
      <c r="D2728" s="196" t="s">
        <v>13815</v>
      </c>
      <c r="E2728" s="196" t="s">
        <v>2057</v>
      </c>
      <c r="F2728" s="196"/>
      <c r="G2728" s="150"/>
      <c r="H2728" s="150"/>
    </row>
    <row r="2729" spans="1:8">
      <c r="A2729" s="150"/>
      <c r="B2729" s="195" t="s">
        <v>14158</v>
      </c>
      <c r="C2729" s="196" t="s">
        <v>13926</v>
      </c>
      <c r="D2729" s="196" t="s">
        <v>13816</v>
      </c>
      <c r="E2729" s="196" t="s">
        <v>2083</v>
      </c>
      <c r="F2729" s="196"/>
      <c r="G2729" s="150"/>
      <c r="H2729" s="150"/>
    </row>
    <row r="2730" spans="1:8">
      <c r="A2730" s="150"/>
      <c r="B2730" s="195" t="s">
        <v>14159</v>
      </c>
      <c r="C2730" s="196" t="s">
        <v>13927</v>
      </c>
      <c r="D2730" s="196" t="s">
        <v>13818</v>
      </c>
      <c r="E2730" s="196" t="s">
        <v>2101</v>
      </c>
      <c r="F2730" s="196"/>
      <c r="G2730" s="150"/>
      <c r="H2730" s="150"/>
    </row>
    <row r="2731" spans="1:8">
      <c r="A2731" s="150"/>
      <c r="B2731" s="1159" t="s">
        <v>8508</v>
      </c>
      <c r="C2731" s="1160"/>
      <c r="D2731" s="1160"/>
      <c r="E2731" s="1160"/>
      <c r="F2731" s="1161"/>
      <c r="G2731" s="150"/>
      <c r="H2731" s="150"/>
    </row>
    <row r="2732" spans="1:8">
      <c r="A2732" s="150"/>
      <c r="B2732" s="195" t="s">
        <v>31589</v>
      </c>
      <c r="C2732" s="1149" t="s">
        <v>9493</v>
      </c>
      <c r="D2732" s="196" t="s">
        <v>9494</v>
      </c>
      <c r="E2732" s="196" t="s">
        <v>9495</v>
      </c>
      <c r="F2732" s="1149" t="s">
        <v>32713</v>
      </c>
      <c r="G2732" s="150"/>
      <c r="H2732" s="150"/>
    </row>
    <row r="2733" spans="1:8" ht="25.5">
      <c r="A2733" s="150"/>
      <c r="B2733" s="195" t="s">
        <v>31590</v>
      </c>
      <c r="C2733" s="1150"/>
      <c r="D2733" s="196" t="s">
        <v>12623</v>
      </c>
      <c r="E2733" s="196" t="s">
        <v>9497</v>
      </c>
      <c r="F2733" s="1150"/>
      <c r="G2733" s="150"/>
      <c r="H2733" s="150"/>
    </row>
    <row r="2734" spans="1:8">
      <c r="A2734" s="150"/>
      <c r="B2734" s="195" t="s">
        <v>12624</v>
      </c>
      <c r="C2734" s="196" t="s">
        <v>9499</v>
      </c>
      <c r="D2734" s="196" t="s">
        <v>9500</v>
      </c>
      <c r="E2734" s="196" t="s">
        <v>2030</v>
      </c>
      <c r="F2734" s="196" t="s">
        <v>595</v>
      </c>
      <c r="G2734" s="150"/>
      <c r="H2734" s="150"/>
    </row>
    <row r="2735" spans="1:8">
      <c r="A2735" s="150"/>
      <c r="B2735" s="195" t="s">
        <v>1375</v>
      </c>
      <c r="C2735" s="196" t="s">
        <v>9501</v>
      </c>
      <c r="D2735" s="196" t="s">
        <v>9502</v>
      </c>
      <c r="E2735" s="196" t="s">
        <v>1376</v>
      </c>
      <c r="F2735" s="194" t="s">
        <v>32712</v>
      </c>
      <c r="G2735" s="150"/>
      <c r="H2735" s="150"/>
    </row>
    <row r="2736" spans="1:8">
      <c r="A2736" s="150"/>
      <c r="B2736" s="195" t="s">
        <v>10273</v>
      </c>
      <c r="C2736" s="196" t="s">
        <v>10274</v>
      </c>
      <c r="D2736" s="196" t="s">
        <v>83</v>
      </c>
      <c r="E2736" s="196" t="s">
        <v>84</v>
      </c>
      <c r="F2736" s="196"/>
      <c r="G2736" s="150"/>
      <c r="H2736" s="150"/>
    </row>
    <row r="2737" spans="1:8">
      <c r="A2737" s="150"/>
      <c r="B2737" s="195" t="s">
        <v>10298</v>
      </c>
      <c r="C2737" s="196" t="s">
        <v>10299</v>
      </c>
      <c r="D2737" s="196" t="s">
        <v>10300</v>
      </c>
      <c r="E2737" s="198">
        <v>35407</v>
      </c>
      <c r="F2737" s="196"/>
      <c r="G2737" s="150"/>
      <c r="H2737" s="150"/>
    </row>
    <row r="2738" spans="1:8">
      <c r="A2738" s="150"/>
      <c r="B2738" s="195" t="s">
        <v>10338</v>
      </c>
      <c r="C2738" s="196" t="s">
        <v>10339</v>
      </c>
      <c r="D2738" s="196" t="s">
        <v>10340</v>
      </c>
      <c r="E2738" s="196" t="s">
        <v>10341</v>
      </c>
      <c r="F2738" s="196"/>
      <c r="G2738" s="150"/>
      <c r="H2738" s="150"/>
    </row>
    <row r="2739" spans="1:8">
      <c r="A2739" s="150"/>
      <c r="B2739" s="195" t="s">
        <v>12625</v>
      </c>
      <c r="C2739" s="196" t="s">
        <v>10346</v>
      </c>
      <c r="D2739" s="196" t="s">
        <v>275</v>
      </c>
      <c r="E2739" s="196" t="s">
        <v>276</v>
      </c>
      <c r="F2739" s="194" t="s">
        <v>32712</v>
      </c>
      <c r="G2739" s="150"/>
      <c r="H2739" s="150"/>
    </row>
    <row r="2740" spans="1:8">
      <c r="A2740" s="150"/>
      <c r="B2740" s="195" t="s">
        <v>10347</v>
      </c>
      <c r="C2740" s="196" t="s">
        <v>10348</v>
      </c>
      <c r="D2740" s="196" t="s">
        <v>10349</v>
      </c>
      <c r="E2740" s="196" t="s">
        <v>10350</v>
      </c>
      <c r="F2740" s="196"/>
      <c r="G2740" s="150"/>
      <c r="H2740" s="150"/>
    </row>
    <row r="2741" spans="1:8">
      <c r="A2741" s="150"/>
      <c r="B2741" s="1159" t="s">
        <v>31587</v>
      </c>
      <c r="C2741" s="1160"/>
      <c r="D2741" s="1160"/>
      <c r="E2741" s="1160"/>
      <c r="F2741" s="1161"/>
      <c r="G2741" s="150"/>
      <c r="H2741" s="150"/>
    </row>
    <row r="2742" spans="1:8">
      <c r="A2742" s="150"/>
      <c r="B2742" s="195" t="s">
        <v>12626</v>
      </c>
      <c r="C2742" s="196" t="s">
        <v>12627</v>
      </c>
      <c r="D2742" s="196" t="s">
        <v>12628</v>
      </c>
      <c r="E2742" s="196" t="s">
        <v>12629</v>
      </c>
      <c r="F2742" s="196"/>
      <c r="G2742" s="150"/>
      <c r="H2742" s="150"/>
    </row>
    <row r="2743" spans="1:8">
      <c r="A2743" s="150"/>
      <c r="B2743" s="1159" t="s">
        <v>8508</v>
      </c>
      <c r="C2743" s="1160"/>
      <c r="D2743" s="1160"/>
      <c r="E2743" s="1160"/>
      <c r="F2743" s="1161"/>
      <c r="G2743" s="150"/>
      <c r="H2743" s="150"/>
    </row>
    <row r="2744" spans="1:8" ht="25.5">
      <c r="A2744" s="150"/>
      <c r="B2744" s="195" t="s">
        <v>31596</v>
      </c>
      <c r="C2744" s="196" t="s">
        <v>10401</v>
      </c>
      <c r="D2744" s="196" t="s">
        <v>10402</v>
      </c>
      <c r="E2744" s="196" t="s">
        <v>10403</v>
      </c>
      <c r="F2744" s="196"/>
      <c r="G2744" s="150"/>
      <c r="H2744" s="150"/>
    </row>
    <row r="2745" spans="1:8" ht="25.5">
      <c r="A2745" s="150"/>
      <c r="B2745" s="195" t="s">
        <v>31597</v>
      </c>
      <c r="C2745" s="196" t="s">
        <v>10404</v>
      </c>
      <c r="D2745" s="196" t="s">
        <v>10405</v>
      </c>
      <c r="E2745" s="196" t="s">
        <v>10406</v>
      </c>
      <c r="F2745" s="196"/>
      <c r="G2745" s="150"/>
      <c r="H2745" s="150"/>
    </row>
    <row r="2746" spans="1:8">
      <c r="A2746" s="150"/>
      <c r="B2746" s="1159" t="s">
        <v>31593</v>
      </c>
      <c r="C2746" s="1160"/>
      <c r="D2746" s="1160"/>
      <c r="E2746" s="1160"/>
      <c r="F2746" s="1161"/>
      <c r="G2746" s="150"/>
      <c r="H2746" s="150"/>
    </row>
    <row r="2747" spans="1:8">
      <c r="A2747" s="150"/>
      <c r="B2747" s="195" t="s">
        <v>13898</v>
      </c>
      <c r="C2747" s="196" t="s">
        <v>13733</v>
      </c>
      <c r="D2747" s="196" t="s">
        <v>13734</v>
      </c>
      <c r="E2747" s="196" t="s">
        <v>13899</v>
      </c>
      <c r="F2747" s="196"/>
      <c r="G2747" s="150"/>
      <c r="H2747" s="150"/>
    </row>
    <row r="2748" spans="1:8">
      <c r="A2748" s="150"/>
      <c r="B2748" s="1159" t="s">
        <v>8508</v>
      </c>
      <c r="C2748" s="1160"/>
      <c r="D2748" s="1160"/>
      <c r="E2748" s="1160"/>
      <c r="F2748" s="1161"/>
      <c r="G2748" s="150"/>
      <c r="H2748" s="150"/>
    </row>
    <row r="2749" spans="1:8">
      <c r="A2749" s="150"/>
      <c r="B2749" s="195" t="s">
        <v>10469</v>
      </c>
      <c r="C2749" s="196" t="s">
        <v>10470</v>
      </c>
      <c r="D2749" s="196" t="s">
        <v>10471</v>
      </c>
      <c r="E2749" s="196" t="s">
        <v>10472</v>
      </c>
      <c r="F2749" s="194" t="s">
        <v>32712</v>
      </c>
      <c r="G2749" s="150"/>
      <c r="H2749" s="150"/>
    </row>
    <row r="2750" spans="1:8">
      <c r="A2750" s="150"/>
      <c r="B2750" s="162" t="s">
        <v>12630</v>
      </c>
      <c r="C2750" s="1149" t="s">
        <v>10601</v>
      </c>
      <c r="D2750" s="1149" t="s">
        <v>10602</v>
      </c>
      <c r="E2750" s="1149" t="s">
        <v>10603</v>
      </c>
      <c r="F2750" s="1163" t="s">
        <v>32712</v>
      </c>
      <c r="G2750" s="150"/>
      <c r="H2750" s="150"/>
    </row>
    <row r="2751" spans="1:8">
      <c r="A2751" s="150"/>
      <c r="B2751" s="164" t="s">
        <v>12631</v>
      </c>
      <c r="C2751" s="1150"/>
      <c r="D2751" s="1150"/>
      <c r="E2751" s="1150"/>
      <c r="F2751" s="1164"/>
      <c r="G2751" s="150"/>
      <c r="H2751" s="150"/>
    </row>
    <row r="2752" spans="1:8">
      <c r="A2752" s="150"/>
      <c r="B2752" s="1159" t="s">
        <v>31587</v>
      </c>
      <c r="C2752" s="1160"/>
      <c r="D2752" s="1160"/>
      <c r="E2752" s="1160"/>
      <c r="F2752" s="1161"/>
      <c r="G2752" s="150"/>
      <c r="H2752" s="150"/>
    </row>
    <row r="2753" spans="1:8">
      <c r="A2753" s="150"/>
      <c r="B2753" s="195" t="s">
        <v>10621</v>
      </c>
      <c r="C2753" s="196" t="s">
        <v>10622</v>
      </c>
      <c r="D2753" s="196" t="s">
        <v>10623</v>
      </c>
      <c r="E2753" s="196" t="s">
        <v>10624</v>
      </c>
      <c r="F2753" s="196"/>
      <c r="G2753" s="150"/>
      <c r="H2753" s="150"/>
    </row>
    <row r="2754" spans="1:8">
      <c r="A2754" s="150"/>
      <c r="B2754" s="1159" t="s">
        <v>8508</v>
      </c>
      <c r="C2754" s="1160"/>
      <c r="D2754" s="1160"/>
      <c r="E2754" s="1160"/>
      <c r="F2754" s="1161"/>
      <c r="G2754" s="150"/>
      <c r="H2754" s="150"/>
    </row>
    <row r="2755" spans="1:8">
      <c r="A2755" s="150"/>
      <c r="B2755" s="195" t="s">
        <v>10630</v>
      </c>
      <c r="C2755" s="196" t="s">
        <v>10631</v>
      </c>
      <c r="D2755" s="196" t="s">
        <v>10632</v>
      </c>
      <c r="E2755" s="196" t="s">
        <v>10633</v>
      </c>
      <c r="F2755" s="196"/>
      <c r="G2755" s="150"/>
      <c r="H2755" s="150"/>
    </row>
    <row r="2756" spans="1:8">
      <c r="A2756" s="150"/>
      <c r="B2756" s="162" t="s">
        <v>12632</v>
      </c>
      <c r="C2756" s="1149" t="s">
        <v>12634</v>
      </c>
      <c r="D2756" s="1149" t="s">
        <v>12635</v>
      </c>
      <c r="E2756" s="1149" t="s">
        <v>1680</v>
      </c>
      <c r="F2756" s="1149"/>
      <c r="G2756" s="150"/>
      <c r="H2756" s="150"/>
    </row>
    <row r="2757" spans="1:8">
      <c r="A2757" s="150"/>
      <c r="B2757" s="164" t="s">
        <v>12633</v>
      </c>
      <c r="C2757" s="1150"/>
      <c r="D2757" s="1150"/>
      <c r="E2757" s="1150"/>
      <c r="F2757" s="1150"/>
      <c r="G2757" s="150"/>
      <c r="H2757" s="150"/>
    </row>
    <row r="2758" spans="1:8">
      <c r="A2758" s="150"/>
      <c r="B2758" s="162" t="s">
        <v>12636</v>
      </c>
      <c r="C2758" s="1149" t="s">
        <v>12638</v>
      </c>
      <c r="D2758" s="1149" t="s">
        <v>12639</v>
      </c>
      <c r="E2758" s="1149" t="s">
        <v>12640</v>
      </c>
      <c r="F2758" s="1149"/>
      <c r="G2758" s="150"/>
      <c r="H2758" s="150"/>
    </row>
    <row r="2759" spans="1:8">
      <c r="A2759" s="150"/>
      <c r="B2759" s="164" t="s">
        <v>12637</v>
      </c>
      <c r="C2759" s="1150"/>
      <c r="D2759" s="1150"/>
      <c r="E2759" s="1150"/>
      <c r="F2759" s="1150"/>
      <c r="G2759" s="150"/>
      <c r="H2759" s="150"/>
    </row>
    <row r="2760" spans="1:8">
      <c r="A2760" s="150"/>
      <c r="B2760" s="1159" t="s">
        <v>31587</v>
      </c>
      <c r="C2760" s="1160"/>
      <c r="D2760" s="1160"/>
      <c r="E2760" s="1160"/>
      <c r="F2760" s="1161"/>
      <c r="G2760" s="150"/>
      <c r="H2760" s="150"/>
    </row>
    <row r="2761" spans="1:8">
      <c r="A2761" s="150"/>
      <c r="B2761" s="195" t="s">
        <v>12641</v>
      </c>
      <c r="C2761" s="196" t="s">
        <v>12642</v>
      </c>
      <c r="D2761" s="196" t="s">
        <v>12643</v>
      </c>
      <c r="E2761" s="196" t="s">
        <v>12644</v>
      </c>
      <c r="F2761" s="196"/>
      <c r="G2761" s="150"/>
      <c r="H2761" s="150"/>
    </row>
    <row r="2762" spans="1:8">
      <c r="A2762" s="150"/>
      <c r="B2762" s="1159" t="s">
        <v>8508</v>
      </c>
      <c r="C2762" s="1160"/>
      <c r="D2762" s="1160"/>
      <c r="E2762" s="1160"/>
      <c r="F2762" s="1161"/>
      <c r="G2762" s="150"/>
      <c r="H2762" s="150"/>
    </row>
    <row r="2763" spans="1:8" ht="25.5">
      <c r="A2763" s="150"/>
      <c r="B2763" s="195" t="s">
        <v>12645</v>
      </c>
      <c r="C2763" s="196" t="s">
        <v>12646</v>
      </c>
      <c r="D2763" s="196" t="s">
        <v>333</v>
      </c>
      <c r="E2763" s="196" t="s">
        <v>334</v>
      </c>
      <c r="F2763" s="196"/>
      <c r="G2763" s="150"/>
      <c r="H2763" s="150"/>
    </row>
    <row r="2764" spans="1:8">
      <c r="A2764" s="150"/>
      <c r="B2764" s="195" t="s">
        <v>487</v>
      </c>
      <c r="C2764" s="196" t="s">
        <v>10651</v>
      </c>
      <c r="D2764" s="196" t="s">
        <v>488</v>
      </c>
      <c r="E2764" s="198">
        <v>29007</v>
      </c>
      <c r="F2764" s="196"/>
      <c r="G2764" s="150"/>
      <c r="H2764" s="150"/>
    </row>
    <row r="2765" spans="1:8" ht="25.5">
      <c r="A2765" s="150"/>
      <c r="B2765" s="195" t="s">
        <v>12647</v>
      </c>
      <c r="C2765" s="196" t="s">
        <v>12648</v>
      </c>
      <c r="D2765" s="196" t="s">
        <v>336</v>
      </c>
      <c r="E2765" s="196" t="s">
        <v>337</v>
      </c>
      <c r="F2765" s="194" t="s">
        <v>32712</v>
      </c>
      <c r="G2765" s="150"/>
      <c r="H2765" s="150"/>
    </row>
    <row r="2766" spans="1:8">
      <c r="A2766" s="150"/>
      <c r="B2766" s="1159" t="s">
        <v>31587</v>
      </c>
      <c r="C2766" s="1160"/>
      <c r="D2766" s="1160"/>
      <c r="E2766" s="1160"/>
      <c r="F2766" s="1161"/>
      <c r="G2766" s="150"/>
      <c r="H2766" s="150"/>
    </row>
    <row r="2767" spans="1:8" ht="38.25">
      <c r="A2767" s="150"/>
      <c r="B2767" s="195" t="s">
        <v>10658</v>
      </c>
      <c r="C2767" s="196" t="s">
        <v>10659</v>
      </c>
      <c r="D2767" s="196" t="s">
        <v>10660</v>
      </c>
      <c r="E2767" s="196" t="s">
        <v>10661</v>
      </c>
      <c r="F2767" s="196"/>
      <c r="G2767" s="150"/>
      <c r="H2767" s="150"/>
    </row>
    <row r="2768" spans="1:8">
      <c r="A2768" s="150"/>
      <c r="B2768" s="162" t="s">
        <v>12649</v>
      </c>
      <c r="C2768" s="1149" t="s">
        <v>10667</v>
      </c>
      <c r="D2768" s="1149" t="s">
        <v>10668</v>
      </c>
      <c r="E2768" s="1149" t="s">
        <v>10669</v>
      </c>
      <c r="F2768" s="1149" t="s">
        <v>10670</v>
      </c>
      <c r="G2768" s="150"/>
      <c r="H2768" s="150"/>
    </row>
    <row r="2769" spans="1:8">
      <c r="A2769" s="150"/>
      <c r="B2769" s="163" t="s">
        <v>12650</v>
      </c>
      <c r="C2769" s="1158"/>
      <c r="D2769" s="1158"/>
      <c r="E2769" s="1158"/>
      <c r="F2769" s="1158"/>
      <c r="G2769" s="150"/>
      <c r="H2769" s="150"/>
    </row>
    <row r="2770" spans="1:8" ht="51">
      <c r="A2770" s="150"/>
      <c r="B2770" s="164" t="s">
        <v>13562</v>
      </c>
      <c r="C2770" s="1150"/>
      <c r="D2770" s="1150"/>
      <c r="E2770" s="1150"/>
      <c r="F2770" s="1150"/>
      <c r="G2770" s="150"/>
      <c r="H2770" s="150"/>
    </row>
    <row r="2771" spans="1:8">
      <c r="A2771" s="150"/>
      <c r="B2771" s="162" t="s">
        <v>12651</v>
      </c>
      <c r="C2771" s="1149" t="s">
        <v>10672</v>
      </c>
      <c r="D2771" s="1149" t="s">
        <v>10673</v>
      </c>
      <c r="E2771" s="1149" t="s">
        <v>10674</v>
      </c>
      <c r="F2771" s="1149" t="s">
        <v>10670</v>
      </c>
      <c r="G2771" s="150"/>
      <c r="H2771" s="150"/>
    </row>
    <row r="2772" spans="1:8">
      <c r="A2772" s="150"/>
      <c r="B2772" s="163" t="s">
        <v>12652</v>
      </c>
      <c r="C2772" s="1158"/>
      <c r="D2772" s="1158"/>
      <c r="E2772" s="1158"/>
      <c r="F2772" s="1158"/>
      <c r="G2772" s="150"/>
      <c r="H2772" s="150"/>
    </row>
    <row r="2773" spans="1:8" ht="38.25">
      <c r="A2773" s="150"/>
      <c r="B2773" s="164" t="s">
        <v>32714</v>
      </c>
      <c r="C2773" s="1150"/>
      <c r="D2773" s="1150"/>
      <c r="E2773" s="1150"/>
      <c r="F2773" s="1150"/>
      <c r="G2773" s="150"/>
      <c r="H2773" s="150"/>
    </row>
    <row r="2774" spans="1:8">
      <c r="A2774" s="150"/>
      <c r="B2774" s="162" t="s">
        <v>12653</v>
      </c>
      <c r="C2774" s="1149" t="s">
        <v>10676</v>
      </c>
      <c r="D2774" s="1149" t="s">
        <v>10677</v>
      </c>
      <c r="E2774" s="1149" t="s">
        <v>10678</v>
      </c>
      <c r="F2774" s="1149" t="s">
        <v>10670</v>
      </c>
      <c r="G2774" s="150"/>
      <c r="H2774" s="150"/>
    </row>
    <row r="2775" spans="1:8">
      <c r="A2775" s="150"/>
      <c r="B2775" s="163" t="s">
        <v>12652</v>
      </c>
      <c r="C2775" s="1158"/>
      <c r="D2775" s="1158"/>
      <c r="E2775" s="1158"/>
      <c r="F2775" s="1158"/>
      <c r="G2775" s="150"/>
      <c r="H2775" s="150"/>
    </row>
    <row r="2776" spans="1:8" ht="51">
      <c r="A2776" s="150"/>
      <c r="B2776" s="164" t="s">
        <v>13563</v>
      </c>
      <c r="C2776" s="1150"/>
      <c r="D2776" s="1150"/>
      <c r="E2776" s="1150"/>
      <c r="F2776" s="1150"/>
      <c r="G2776" s="150"/>
      <c r="H2776" s="150"/>
    </row>
    <row r="2777" spans="1:8">
      <c r="A2777" s="150"/>
      <c r="B2777" s="162" t="s">
        <v>32715</v>
      </c>
      <c r="C2777" s="1149" t="s">
        <v>10679</v>
      </c>
      <c r="D2777" s="1149" t="s">
        <v>10680</v>
      </c>
      <c r="E2777" s="1149" t="s">
        <v>10681</v>
      </c>
      <c r="F2777" s="1149" t="s">
        <v>10670</v>
      </c>
      <c r="G2777" s="150"/>
      <c r="H2777" s="150"/>
    </row>
    <row r="2778" spans="1:8">
      <c r="A2778" s="150"/>
      <c r="B2778" s="164" t="s">
        <v>12654</v>
      </c>
      <c r="C2778" s="1150"/>
      <c r="D2778" s="1150"/>
      <c r="E2778" s="1150"/>
      <c r="F2778" s="1150"/>
      <c r="G2778" s="150"/>
      <c r="H2778" s="150"/>
    </row>
    <row r="2779" spans="1:8">
      <c r="A2779" s="150"/>
      <c r="B2779" s="162" t="s">
        <v>12655</v>
      </c>
      <c r="C2779" s="1149" t="s">
        <v>10683</v>
      </c>
      <c r="D2779" s="1149" t="s">
        <v>10684</v>
      </c>
      <c r="E2779" s="1149" t="s">
        <v>10685</v>
      </c>
      <c r="F2779" s="1149" t="s">
        <v>10670</v>
      </c>
      <c r="G2779" s="150"/>
      <c r="H2779" s="150"/>
    </row>
    <row r="2780" spans="1:8">
      <c r="A2780" s="150"/>
      <c r="B2780" s="164" t="s">
        <v>12654</v>
      </c>
      <c r="C2780" s="1150"/>
      <c r="D2780" s="1150"/>
      <c r="E2780" s="1150"/>
      <c r="F2780" s="1150"/>
      <c r="G2780" s="150"/>
      <c r="H2780" s="150"/>
    </row>
    <row r="2781" spans="1:8">
      <c r="A2781" s="150"/>
      <c r="B2781" s="162" t="s">
        <v>12656</v>
      </c>
      <c r="C2781" s="1149" t="s">
        <v>10687</v>
      </c>
      <c r="D2781" s="1149" t="s">
        <v>10688</v>
      </c>
      <c r="E2781" s="1149" t="s">
        <v>10689</v>
      </c>
      <c r="F2781" s="1149" t="s">
        <v>10670</v>
      </c>
      <c r="G2781" s="150"/>
      <c r="H2781" s="150"/>
    </row>
    <row r="2782" spans="1:8">
      <c r="A2782" s="150"/>
      <c r="B2782" s="164" t="s">
        <v>12657</v>
      </c>
      <c r="C2782" s="1150"/>
      <c r="D2782" s="1150"/>
      <c r="E2782" s="1150"/>
      <c r="F2782" s="1150"/>
      <c r="G2782" s="150"/>
      <c r="H2782" s="150"/>
    </row>
    <row r="2783" spans="1:8">
      <c r="A2783" s="150"/>
      <c r="B2783" s="162" t="s">
        <v>12658</v>
      </c>
      <c r="C2783" s="1149" t="s">
        <v>10691</v>
      </c>
      <c r="D2783" s="1149" t="s">
        <v>10692</v>
      </c>
      <c r="E2783" s="1149" t="s">
        <v>10693</v>
      </c>
      <c r="F2783" s="1149" t="s">
        <v>10670</v>
      </c>
      <c r="G2783" s="150"/>
      <c r="H2783" s="150"/>
    </row>
    <row r="2784" spans="1:8">
      <c r="A2784" s="150"/>
      <c r="B2784" s="164" t="s">
        <v>12657</v>
      </c>
      <c r="C2784" s="1150"/>
      <c r="D2784" s="1150"/>
      <c r="E2784" s="1150"/>
      <c r="F2784" s="1150"/>
      <c r="G2784" s="150"/>
      <c r="H2784" s="150"/>
    </row>
    <row r="2785" spans="1:8">
      <c r="A2785" s="150"/>
      <c r="B2785" s="162" t="s">
        <v>12659</v>
      </c>
      <c r="C2785" s="1149" t="s">
        <v>10696</v>
      </c>
      <c r="D2785" s="1149" t="s">
        <v>10697</v>
      </c>
      <c r="E2785" s="1149" t="s">
        <v>10698</v>
      </c>
      <c r="F2785" s="1149" t="s">
        <v>10670</v>
      </c>
      <c r="G2785" s="150"/>
      <c r="H2785" s="150"/>
    </row>
    <row r="2786" spans="1:8">
      <c r="A2786" s="150"/>
      <c r="B2786" s="163" t="s">
        <v>12660</v>
      </c>
      <c r="C2786" s="1158"/>
      <c r="D2786" s="1158"/>
      <c r="E2786" s="1158"/>
      <c r="F2786" s="1158"/>
      <c r="G2786" s="150"/>
      <c r="H2786" s="150"/>
    </row>
    <row r="2787" spans="1:8" ht="38.25">
      <c r="A2787" s="150"/>
      <c r="B2787" s="164" t="s">
        <v>12661</v>
      </c>
      <c r="C2787" s="1150"/>
      <c r="D2787" s="1150"/>
      <c r="E2787" s="1150"/>
      <c r="F2787" s="1150"/>
      <c r="G2787" s="150"/>
      <c r="H2787" s="150"/>
    </row>
    <row r="2788" spans="1:8">
      <c r="A2788" s="150"/>
      <c r="B2788" s="162" t="s">
        <v>32716</v>
      </c>
      <c r="C2788" s="1149" t="s">
        <v>10699</v>
      </c>
      <c r="D2788" s="1149" t="s">
        <v>10700</v>
      </c>
      <c r="E2788" s="1149" t="s">
        <v>10701</v>
      </c>
      <c r="F2788" s="1149" t="s">
        <v>10670</v>
      </c>
      <c r="G2788" s="150"/>
      <c r="H2788" s="150"/>
    </row>
    <row r="2789" spans="1:8">
      <c r="A2789" s="150"/>
      <c r="B2789" s="164" t="s">
        <v>12662</v>
      </c>
      <c r="C2789" s="1150"/>
      <c r="D2789" s="1150"/>
      <c r="E2789" s="1150"/>
      <c r="F2789" s="1150"/>
      <c r="G2789" s="150"/>
      <c r="H2789" s="150"/>
    </row>
    <row r="2790" spans="1:8" ht="25.5">
      <c r="A2790" s="150"/>
      <c r="B2790" s="162" t="s">
        <v>32717</v>
      </c>
      <c r="C2790" s="1149" t="s">
        <v>10702</v>
      </c>
      <c r="D2790" s="1149" t="s">
        <v>10703</v>
      </c>
      <c r="E2790" s="1149" t="s">
        <v>10704</v>
      </c>
      <c r="F2790" s="1149" t="s">
        <v>10670</v>
      </c>
      <c r="G2790" s="150"/>
      <c r="H2790" s="150"/>
    </row>
    <row r="2791" spans="1:8">
      <c r="A2791" s="150"/>
      <c r="B2791" s="163" t="s">
        <v>12660</v>
      </c>
      <c r="C2791" s="1158"/>
      <c r="D2791" s="1158"/>
      <c r="E2791" s="1158"/>
      <c r="F2791" s="1158"/>
      <c r="G2791" s="150"/>
      <c r="H2791" s="150"/>
    </row>
    <row r="2792" spans="1:8" ht="89.25">
      <c r="A2792" s="150"/>
      <c r="B2792" s="164" t="s">
        <v>32718</v>
      </c>
      <c r="C2792" s="1150"/>
      <c r="D2792" s="1150"/>
      <c r="E2792" s="1150"/>
      <c r="F2792" s="1150"/>
      <c r="G2792" s="150"/>
      <c r="H2792" s="150"/>
    </row>
    <row r="2793" spans="1:8">
      <c r="A2793" s="150"/>
      <c r="B2793" s="162" t="s">
        <v>32719</v>
      </c>
      <c r="C2793" s="1149" t="s">
        <v>10705</v>
      </c>
      <c r="D2793" s="1149" t="s">
        <v>10706</v>
      </c>
      <c r="E2793" s="1149" t="s">
        <v>10707</v>
      </c>
      <c r="F2793" s="1149" t="s">
        <v>10670</v>
      </c>
      <c r="G2793" s="150"/>
      <c r="H2793" s="150"/>
    </row>
    <row r="2794" spans="1:8">
      <c r="A2794" s="150"/>
      <c r="B2794" s="164" t="s">
        <v>12662</v>
      </c>
      <c r="C2794" s="1150"/>
      <c r="D2794" s="1150"/>
      <c r="E2794" s="1150"/>
      <c r="F2794" s="1150"/>
      <c r="G2794" s="150"/>
      <c r="H2794" s="150"/>
    </row>
    <row r="2795" spans="1:8">
      <c r="A2795" s="150"/>
      <c r="B2795" s="162" t="s">
        <v>12663</v>
      </c>
      <c r="C2795" s="1149" t="s">
        <v>10709</v>
      </c>
      <c r="D2795" s="1149" t="s">
        <v>10710</v>
      </c>
      <c r="E2795" s="1149" t="s">
        <v>10711</v>
      </c>
      <c r="F2795" s="1149" t="s">
        <v>10670</v>
      </c>
      <c r="G2795" s="150"/>
      <c r="H2795" s="150"/>
    </row>
    <row r="2796" spans="1:8">
      <c r="A2796" s="150"/>
      <c r="B2796" s="163" t="s">
        <v>12664</v>
      </c>
      <c r="C2796" s="1158"/>
      <c r="D2796" s="1158"/>
      <c r="E2796" s="1158"/>
      <c r="F2796" s="1158"/>
      <c r="G2796" s="150"/>
      <c r="H2796" s="150"/>
    </row>
    <row r="2797" spans="1:8" ht="63.75">
      <c r="A2797" s="150"/>
      <c r="B2797" s="164" t="s">
        <v>13564</v>
      </c>
      <c r="C2797" s="1150"/>
      <c r="D2797" s="1150"/>
      <c r="E2797" s="1150"/>
      <c r="F2797" s="1150"/>
      <c r="G2797" s="150"/>
      <c r="H2797" s="150"/>
    </row>
    <row r="2798" spans="1:8" ht="25.5">
      <c r="A2798" s="150"/>
      <c r="B2798" s="162" t="s">
        <v>12665</v>
      </c>
      <c r="C2798" s="1149" t="s">
        <v>10713</v>
      </c>
      <c r="D2798" s="1149" t="s">
        <v>10714</v>
      </c>
      <c r="E2798" s="1149" t="s">
        <v>10715</v>
      </c>
      <c r="F2798" s="1149" t="s">
        <v>10670</v>
      </c>
      <c r="G2798" s="150"/>
      <c r="H2798" s="150"/>
    </row>
    <row r="2799" spans="1:8">
      <c r="A2799" s="150"/>
      <c r="B2799" s="163" t="s">
        <v>12664</v>
      </c>
      <c r="C2799" s="1158"/>
      <c r="D2799" s="1158"/>
      <c r="E2799" s="1158"/>
      <c r="F2799" s="1158"/>
      <c r="G2799" s="150"/>
      <c r="H2799" s="150"/>
    </row>
    <row r="2800" spans="1:8" ht="76.5">
      <c r="A2800" s="150"/>
      <c r="B2800" s="164" t="s">
        <v>13565</v>
      </c>
      <c r="C2800" s="1150"/>
      <c r="D2800" s="1150"/>
      <c r="E2800" s="1150"/>
      <c r="F2800" s="1150"/>
      <c r="G2800" s="150"/>
      <c r="H2800" s="150"/>
    </row>
    <row r="2801" spans="1:8">
      <c r="A2801" s="150"/>
      <c r="B2801" s="162" t="s">
        <v>12666</v>
      </c>
      <c r="C2801" s="1149" t="s">
        <v>10718</v>
      </c>
      <c r="D2801" s="1149" t="s">
        <v>10719</v>
      </c>
      <c r="E2801" s="1149" t="s">
        <v>10720</v>
      </c>
      <c r="F2801" s="1149" t="s">
        <v>10670</v>
      </c>
      <c r="G2801" s="150"/>
      <c r="H2801" s="150"/>
    </row>
    <row r="2802" spans="1:8">
      <c r="A2802" s="150"/>
      <c r="B2802" s="163" t="s">
        <v>12664</v>
      </c>
      <c r="C2802" s="1158"/>
      <c r="D2802" s="1158"/>
      <c r="E2802" s="1158"/>
      <c r="F2802" s="1158"/>
      <c r="G2802" s="150"/>
      <c r="H2802" s="150"/>
    </row>
    <row r="2803" spans="1:8" ht="38.25">
      <c r="A2803" s="150"/>
      <c r="B2803" s="164" t="s">
        <v>12667</v>
      </c>
      <c r="C2803" s="1150"/>
      <c r="D2803" s="1150"/>
      <c r="E2803" s="1150"/>
      <c r="F2803" s="1150"/>
      <c r="G2803" s="150"/>
      <c r="H2803" s="150"/>
    </row>
    <row r="2804" spans="1:8">
      <c r="A2804" s="150"/>
      <c r="B2804" s="162" t="s">
        <v>12668</v>
      </c>
      <c r="C2804" s="1149" t="s">
        <v>10722</v>
      </c>
      <c r="D2804" s="1149" t="s">
        <v>10723</v>
      </c>
      <c r="E2804" s="1149" t="s">
        <v>10724</v>
      </c>
      <c r="F2804" s="1149" t="s">
        <v>10670</v>
      </c>
      <c r="G2804" s="150"/>
      <c r="H2804" s="150"/>
    </row>
    <row r="2805" spans="1:8">
      <c r="A2805" s="150"/>
      <c r="B2805" s="163" t="s">
        <v>12664</v>
      </c>
      <c r="C2805" s="1158"/>
      <c r="D2805" s="1158"/>
      <c r="E2805" s="1158"/>
      <c r="F2805" s="1158"/>
      <c r="G2805" s="150"/>
      <c r="H2805" s="150"/>
    </row>
    <row r="2806" spans="1:8" ht="76.5">
      <c r="A2806" s="150"/>
      <c r="B2806" s="164" t="s">
        <v>32720</v>
      </c>
      <c r="C2806" s="1150"/>
      <c r="D2806" s="1150"/>
      <c r="E2806" s="1150"/>
      <c r="F2806" s="1150"/>
      <c r="G2806" s="150"/>
      <c r="H2806" s="150"/>
    </row>
    <row r="2807" spans="1:8" ht="25.5">
      <c r="A2807" s="150"/>
      <c r="B2807" s="162" t="s">
        <v>12669</v>
      </c>
      <c r="C2807" s="1149" t="s">
        <v>10726</v>
      </c>
      <c r="D2807" s="1149" t="s">
        <v>10727</v>
      </c>
      <c r="E2807" s="1149" t="s">
        <v>10728</v>
      </c>
      <c r="F2807" s="1149" t="s">
        <v>10670</v>
      </c>
      <c r="G2807" s="150"/>
      <c r="H2807" s="150"/>
    </row>
    <row r="2808" spans="1:8">
      <c r="A2808" s="150"/>
      <c r="B2808" s="164" t="s">
        <v>12670</v>
      </c>
      <c r="C2808" s="1150"/>
      <c r="D2808" s="1150"/>
      <c r="E2808" s="1150"/>
      <c r="F2808" s="1150"/>
      <c r="G2808" s="150"/>
      <c r="H2808" s="150"/>
    </row>
    <row r="2809" spans="1:8" ht="25.5">
      <c r="A2809" s="150"/>
      <c r="B2809" s="162" t="s">
        <v>12671</v>
      </c>
      <c r="C2809" s="1149" t="s">
        <v>10730</v>
      </c>
      <c r="D2809" s="1149" t="s">
        <v>10731</v>
      </c>
      <c r="E2809" s="1149" t="s">
        <v>10732</v>
      </c>
      <c r="F2809" s="1149" t="s">
        <v>10670</v>
      </c>
      <c r="G2809" s="150"/>
      <c r="H2809" s="150"/>
    </row>
    <row r="2810" spans="1:8">
      <c r="A2810" s="150"/>
      <c r="B2810" s="163" t="s">
        <v>12672</v>
      </c>
      <c r="C2810" s="1158"/>
      <c r="D2810" s="1158"/>
      <c r="E2810" s="1158"/>
      <c r="F2810" s="1158"/>
      <c r="G2810" s="150"/>
      <c r="H2810" s="150"/>
    </row>
    <row r="2811" spans="1:8" ht="76.5">
      <c r="A2811" s="150"/>
      <c r="B2811" s="164" t="s">
        <v>13566</v>
      </c>
      <c r="C2811" s="1150"/>
      <c r="D2811" s="1150"/>
      <c r="E2811" s="1150"/>
      <c r="F2811" s="1150"/>
      <c r="G2811" s="150"/>
      <c r="H2811" s="150"/>
    </row>
    <row r="2812" spans="1:8">
      <c r="A2812" s="150"/>
      <c r="B2812" s="162" t="s">
        <v>12673</v>
      </c>
      <c r="C2812" s="1149" t="s">
        <v>10734</v>
      </c>
      <c r="D2812" s="1149" t="s">
        <v>10735</v>
      </c>
      <c r="E2812" s="1149" t="s">
        <v>10736</v>
      </c>
      <c r="F2812" s="1149" t="s">
        <v>10670</v>
      </c>
      <c r="G2812" s="150"/>
      <c r="H2812" s="150"/>
    </row>
    <row r="2813" spans="1:8" ht="89.25">
      <c r="A2813" s="150"/>
      <c r="B2813" s="163" t="s">
        <v>13567</v>
      </c>
      <c r="C2813" s="1158"/>
      <c r="D2813" s="1158"/>
      <c r="E2813" s="1158"/>
      <c r="F2813" s="1158"/>
      <c r="G2813" s="150"/>
      <c r="H2813" s="150"/>
    </row>
    <row r="2814" spans="1:8">
      <c r="A2814" s="150"/>
      <c r="B2814" s="164" t="s">
        <v>12674</v>
      </c>
      <c r="C2814" s="1150"/>
      <c r="D2814" s="1150"/>
      <c r="E2814" s="1150"/>
      <c r="F2814" s="1150"/>
      <c r="G2814" s="150"/>
      <c r="H2814" s="150"/>
    </row>
    <row r="2815" spans="1:8">
      <c r="A2815" s="150"/>
      <c r="B2815" s="162" t="s">
        <v>12675</v>
      </c>
      <c r="C2815" s="1149" t="s">
        <v>10738</v>
      </c>
      <c r="D2815" s="1149" t="s">
        <v>10739</v>
      </c>
      <c r="E2815" s="1149" t="s">
        <v>10740</v>
      </c>
      <c r="F2815" s="1149" t="s">
        <v>10670</v>
      </c>
      <c r="G2815" s="150"/>
      <c r="H2815" s="150"/>
    </row>
    <row r="2816" spans="1:8">
      <c r="A2816" s="150"/>
      <c r="B2816" s="163" t="s">
        <v>12672</v>
      </c>
      <c r="C2816" s="1158"/>
      <c r="D2816" s="1158"/>
      <c r="E2816" s="1158"/>
      <c r="F2816" s="1158"/>
      <c r="G2816" s="150"/>
      <c r="H2816" s="150"/>
    </row>
    <row r="2817" spans="1:8" ht="76.5">
      <c r="A2817" s="150"/>
      <c r="B2817" s="164" t="s">
        <v>13568</v>
      </c>
      <c r="C2817" s="1150"/>
      <c r="D2817" s="1150"/>
      <c r="E2817" s="1150"/>
      <c r="F2817" s="1150"/>
      <c r="G2817" s="150"/>
      <c r="H2817" s="150"/>
    </row>
    <row r="2818" spans="1:8">
      <c r="A2818" s="150"/>
      <c r="B2818" s="162" t="s">
        <v>12676</v>
      </c>
      <c r="C2818" s="1149" t="s">
        <v>10742</v>
      </c>
      <c r="D2818" s="1149" t="s">
        <v>10743</v>
      </c>
      <c r="E2818" s="1149" t="s">
        <v>10744</v>
      </c>
      <c r="F2818" s="1149" t="s">
        <v>10670</v>
      </c>
      <c r="G2818" s="150"/>
      <c r="H2818" s="150"/>
    </row>
    <row r="2819" spans="1:8">
      <c r="A2819" s="150"/>
      <c r="B2819" s="163" t="s">
        <v>12672</v>
      </c>
      <c r="C2819" s="1158"/>
      <c r="D2819" s="1158"/>
      <c r="E2819" s="1158"/>
      <c r="F2819" s="1158"/>
      <c r="G2819" s="150"/>
      <c r="H2819" s="150"/>
    </row>
    <row r="2820" spans="1:8" ht="51">
      <c r="A2820" s="150"/>
      <c r="B2820" s="164" t="s">
        <v>13569</v>
      </c>
      <c r="C2820" s="1150"/>
      <c r="D2820" s="1150"/>
      <c r="E2820" s="1150"/>
      <c r="F2820" s="1150"/>
      <c r="G2820" s="150"/>
      <c r="H2820" s="150"/>
    </row>
    <row r="2821" spans="1:8">
      <c r="A2821" s="150"/>
      <c r="B2821" s="162" t="s">
        <v>12677</v>
      </c>
      <c r="C2821" s="1149" t="s">
        <v>10746</v>
      </c>
      <c r="D2821" s="1149" t="s">
        <v>10747</v>
      </c>
      <c r="E2821" s="1149" t="s">
        <v>10748</v>
      </c>
      <c r="F2821" s="1149" t="s">
        <v>10670</v>
      </c>
      <c r="G2821" s="150"/>
      <c r="H2821" s="150"/>
    </row>
    <row r="2822" spans="1:8">
      <c r="A2822" s="150"/>
      <c r="B2822" s="163" t="s">
        <v>12678</v>
      </c>
      <c r="C2822" s="1158"/>
      <c r="D2822" s="1158"/>
      <c r="E2822" s="1158"/>
      <c r="F2822" s="1158"/>
      <c r="G2822" s="150"/>
      <c r="H2822" s="150"/>
    </row>
    <row r="2823" spans="1:8" ht="63.75">
      <c r="A2823" s="150"/>
      <c r="B2823" s="164" t="s">
        <v>13570</v>
      </c>
      <c r="C2823" s="1150"/>
      <c r="D2823" s="1150"/>
      <c r="E2823" s="1150"/>
      <c r="F2823" s="1150"/>
      <c r="G2823" s="150"/>
      <c r="H2823" s="150"/>
    </row>
    <row r="2824" spans="1:8">
      <c r="A2824" s="150"/>
      <c r="B2824" s="162" t="s">
        <v>12679</v>
      </c>
      <c r="C2824" s="1149" t="s">
        <v>10750</v>
      </c>
      <c r="D2824" s="1149" t="s">
        <v>10751</v>
      </c>
      <c r="E2824" s="1149" t="s">
        <v>10752</v>
      </c>
      <c r="F2824" s="1149" t="s">
        <v>10670</v>
      </c>
      <c r="G2824" s="150"/>
      <c r="H2824" s="150"/>
    </row>
    <row r="2825" spans="1:8">
      <c r="A2825" s="150"/>
      <c r="B2825" s="163" t="s">
        <v>12678</v>
      </c>
      <c r="C2825" s="1158"/>
      <c r="D2825" s="1158"/>
      <c r="E2825" s="1158"/>
      <c r="F2825" s="1158"/>
      <c r="G2825" s="150"/>
      <c r="H2825" s="150"/>
    </row>
    <row r="2826" spans="1:8" ht="63.75">
      <c r="A2826" s="150"/>
      <c r="B2826" s="164" t="s">
        <v>13571</v>
      </c>
      <c r="C2826" s="1150"/>
      <c r="D2826" s="1150"/>
      <c r="E2826" s="1150"/>
      <c r="F2826" s="1150"/>
      <c r="G2826" s="150"/>
      <c r="H2826" s="150"/>
    </row>
    <row r="2827" spans="1:8">
      <c r="A2827" s="150"/>
      <c r="B2827" s="162" t="s">
        <v>12680</v>
      </c>
      <c r="C2827" s="1149" t="s">
        <v>10755</v>
      </c>
      <c r="D2827" s="1149" t="s">
        <v>10756</v>
      </c>
      <c r="E2827" s="1149" t="s">
        <v>10757</v>
      </c>
      <c r="F2827" s="1149" t="s">
        <v>10670</v>
      </c>
      <c r="G2827" s="150"/>
      <c r="H2827" s="150"/>
    </row>
    <row r="2828" spans="1:8">
      <c r="A2828" s="150"/>
      <c r="B2828" s="163" t="s">
        <v>12681</v>
      </c>
      <c r="C2828" s="1158"/>
      <c r="D2828" s="1158"/>
      <c r="E2828" s="1158"/>
      <c r="F2828" s="1158"/>
      <c r="G2828" s="150"/>
      <c r="H2828" s="150"/>
    </row>
    <row r="2829" spans="1:8" ht="51">
      <c r="A2829" s="150"/>
      <c r="B2829" s="164" t="s">
        <v>12682</v>
      </c>
      <c r="C2829" s="1150"/>
      <c r="D2829" s="1150"/>
      <c r="E2829" s="1150"/>
      <c r="F2829" s="1150"/>
      <c r="G2829" s="150"/>
      <c r="H2829" s="150"/>
    </row>
    <row r="2830" spans="1:8">
      <c r="A2830" s="150"/>
      <c r="B2830" s="162" t="s">
        <v>12683</v>
      </c>
      <c r="C2830" s="1149" t="s">
        <v>10760</v>
      </c>
      <c r="D2830" s="1149" t="s">
        <v>10761</v>
      </c>
      <c r="E2830" s="1149" t="s">
        <v>10762</v>
      </c>
      <c r="F2830" s="1149" t="s">
        <v>10670</v>
      </c>
      <c r="G2830" s="150"/>
      <c r="H2830" s="150"/>
    </row>
    <row r="2831" spans="1:8">
      <c r="A2831" s="150"/>
      <c r="B2831" s="163" t="s">
        <v>12681</v>
      </c>
      <c r="C2831" s="1158"/>
      <c r="D2831" s="1158"/>
      <c r="E2831" s="1158"/>
      <c r="F2831" s="1158"/>
      <c r="G2831" s="150"/>
      <c r="H2831" s="150"/>
    </row>
    <row r="2832" spans="1:8" ht="51">
      <c r="A2832" s="150"/>
      <c r="B2832" s="164" t="s">
        <v>12684</v>
      </c>
      <c r="C2832" s="1150"/>
      <c r="D2832" s="1150"/>
      <c r="E2832" s="1150"/>
      <c r="F2832" s="1150"/>
      <c r="G2832" s="150"/>
      <c r="H2832" s="150"/>
    </row>
    <row r="2833" spans="1:8">
      <c r="A2833" s="150"/>
      <c r="B2833" s="162" t="s">
        <v>12685</v>
      </c>
      <c r="C2833" s="1149" t="s">
        <v>10765</v>
      </c>
      <c r="D2833" s="1149" t="s">
        <v>10766</v>
      </c>
      <c r="E2833" s="1149" t="s">
        <v>10767</v>
      </c>
      <c r="F2833" s="1149" t="s">
        <v>10670</v>
      </c>
      <c r="G2833" s="150"/>
      <c r="H2833" s="150"/>
    </row>
    <row r="2834" spans="1:8">
      <c r="A2834" s="150"/>
      <c r="B2834" s="163" t="s">
        <v>12686</v>
      </c>
      <c r="C2834" s="1158"/>
      <c r="D2834" s="1158"/>
      <c r="E2834" s="1158"/>
      <c r="F2834" s="1158"/>
      <c r="G2834" s="150"/>
      <c r="H2834" s="150"/>
    </row>
    <row r="2835" spans="1:8" ht="51">
      <c r="A2835" s="150"/>
      <c r="B2835" s="164" t="s">
        <v>12687</v>
      </c>
      <c r="C2835" s="1150"/>
      <c r="D2835" s="1150"/>
      <c r="E2835" s="1150"/>
      <c r="F2835" s="1150"/>
      <c r="G2835" s="150"/>
      <c r="H2835" s="150"/>
    </row>
    <row r="2836" spans="1:8">
      <c r="A2836" s="150"/>
      <c r="B2836" s="162" t="s">
        <v>12688</v>
      </c>
      <c r="C2836" s="1149" t="s">
        <v>10769</v>
      </c>
      <c r="D2836" s="1149" t="s">
        <v>10770</v>
      </c>
      <c r="E2836" s="1149" t="s">
        <v>10771</v>
      </c>
      <c r="F2836" s="1149" t="s">
        <v>10670</v>
      </c>
      <c r="G2836" s="150"/>
      <c r="H2836" s="150"/>
    </row>
    <row r="2837" spans="1:8">
      <c r="A2837" s="150"/>
      <c r="B2837" s="163" t="s">
        <v>12689</v>
      </c>
      <c r="C2837" s="1158"/>
      <c r="D2837" s="1158"/>
      <c r="E2837" s="1158"/>
      <c r="F2837" s="1158"/>
      <c r="G2837" s="150"/>
      <c r="H2837" s="150"/>
    </row>
    <row r="2838" spans="1:8" ht="63.75">
      <c r="A2838" s="150"/>
      <c r="B2838" s="164" t="s">
        <v>13572</v>
      </c>
      <c r="C2838" s="1150"/>
      <c r="D2838" s="1150"/>
      <c r="E2838" s="1150"/>
      <c r="F2838" s="1150"/>
      <c r="G2838" s="150"/>
      <c r="H2838" s="150"/>
    </row>
    <row r="2839" spans="1:8">
      <c r="A2839" s="150"/>
      <c r="B2839" s="162" t="s">
        <v>12690</v>
      </c>
      <c r="C2839" s="1149" t="s">
        <v>10773</v>
      </c>
      <c r="D2839" s="1149" t="s">
        <v>10774</v>
      </c>
      <c r="E2839" s="1149" t="s">
        <v>10775</v>
      </c>
      <c r="F2839" s="1149" t="s">
        <v>10670</v>
      </c>
      <c r="G2839" s="150"/>
      <c r="H2839" s="150"/>
    </row>
    <row r="2840" spans="1:8">
      <c r="A2840" s="150"/>
      <c r="B2840" s="163" t="s">
        <v>12691</v>
      </c>
      <c r="C2840" s="1158"/>
      <c r="D2840" s="1158"/>
      <c r="E2840" s="1158"/>
      <c r="F2840" s="1158"/>
      <c r="G2840" s="150"/>
      <c r="H2840" s="150"/>
    </row>
    <row r="2841" spans="1:8" ht="76.5">
      <c r="A2841" s="150"/>
      <c r="B2841" s="164" t="s">
        <v>13573</v>
      </c>
      <c r="C2841" s="1150"/>
      <c r="D2841" s="1150"/>
      <c r="E2841" s="1150"/>
      <c r="F2841" s="1150"/>
      <c r="G2841" s="150"/>
      <c r="H2841" s="150"/>
    </row>
    <row r="2842" spans="1:8">
      <c r="A2842" s="150"/>
      <c r="B2842" s="162" t="s">
        <v>12692</v>
      </c>
      <c r="C2842" s="1149" t="s">
        <v>10777</v>
      </c>
      <c r="D2842" s="1149" t="s">
        <v>10778</v>
      </c>
      <c r="E2842" s="1149" t="s">
        <v>10779</v>
      </c>
      <c r="F2842" s="1149" t="s">
        <v>10670</v>
      </c>
      <c r="G2842" s="150"/>
      <c r="H2842" s="150"/>
    </row>
    <row r="2843" spans="1:8">
      <c r="A2843" s="150"/>
      <c r="B2843" s="164" t="s">
        <v>12693</v>
      </c>
      <c r="C2843" s="1150"/>
      <c r="D2843" s="1150"/>
      <c r="E2843" s="1150"/>
      <c r="F2843" s="1150"/>
      <c r="G2843" s="150"/>
      <c r="H2843" s="150"/>
    </row>
    <row r="2844" spans="1:8">
      <c r="A2844" s="150"/>
      <c r="B2844" s="162" t="s">
        <v>12694</v>
      </c>
      <c r="C2844" s="1149" t="s">
        <v>10782</v>
      </c>
      <c r="D2844" s="1149" t="s">
        <v>10783</v>
      </c>
      <c r="E2844" s="1149" t="s">
        <v>10784</v>
      </c>
      <c r="F2844" s="1149" t="s">
        <v>10670</v>
      </c>
      <c r="G2844" s="150"/>
      <c r="H2844" s="150"/>
    </row>
    <row r="2845" spans="1:8">
      <c r="A2845" s="150"/>
      <c r="B2845" s="163" t="s">
        <v>12691</v>
      </c>
      <c r="C2845" s="1158"/>
      <c r="D2845" s="1158"/>
      <c r="E2845" s="1158"/>
      <c r="F2845" s="1158"/>
      <c r="G2845" s="150"/>
      <c r="H2845" s="150"/>
    </row>
    <row r="2846" spans="1:8" ht="51">
      <c r="A2846" s="150"/>
      <c r="B2846" s="164" t="s">
        <v>12695</v>
      </c>
      <c r="C2846" s="1150"/>
      <c r="D2846" s="1150"/>
      <c r="E2846" s="1150"/>
      <c r="F2846" s="1150"/>
      <c r="G2846" s="150"/>
      <c r="H2846" s="150"/>
    </row>
    <row r="2847" spans="1:8">
      <c r="A2847" s="150"/>
      <c r="B2847" s="162" t="s">
        <v>12696</v>
      </c>
      <c r="C2847" s="1149" t="s">
        <v>10786</v>
      </c>
      <c r="D2847" s="1149" t="s">
        <v>10787</v>
      </c>
      <c r="E2847" s="1149" t="s">
        <v>10788</v>
      </c>
      <c r="F2847" s="1149" t="s">
        <v>10670</v>
      </c>
      <c r="G2847" s="150"/>
      <c r="H2847" s="150"/>
    </row>
    <row r="2848" spans="1:8">
      <c r="A2848" s="150"/>
      <c r="B2848" s="163" t="s">
        <v>12691</v>
      </c>
      <c r="C2848" s="1158"/>
      <c r="D2848" s="1158"/>
      <c r="E2848" s="1158"/>
      <c r="F2848" s="1158"/>
      <c r="G2848" s="150"/>
      <c r="H2848" s="150"/>
    </row>
    <row r="2849" spans="1:8" ht="76.5">
      <c r="A2849" s="150"/>
      <c r="B2849" s="164" t="s">
        <v>13574</v>
      </c>
      <c r="C2849" s="1150"/>
      <c r="D2849" s="1150"/>
      <c r="E2849" s="1150"/>
      <c r="F2849" s="1150"/>
      <c r="G2849" s="150"/>
      <c r="H2849" s="150"/>
    </row>
    <row r="2850" spans="1:8">
      <c r="A2850" s="150"/>
      <c r="B2850" s="162" t="s">
        <v>12697</v>
      </c>
      <c r="C2850" s="1149" t="s">
        <v>10790</v>
      </c>
      <c r="D2850" s="1149" t="s">
        <v>10791</v>
      </c>
      <c r="E2850" s="1149" t="s">
        <v>10792</v>
      </c>
      <c r="F2850" s="1149" t="s">
        <v>10670</v>
      </c>
      <c r="G2850" s="150"/>
      <c r="H2850" s="150"/>
    </row>
    <row r="2851" spans="1:8">
      <c r="A2851" s="150"/>
      <c r="B2851" s="163" t="s">
        <v>12691</v>
      </c>
      <c r="C2851" s="1158"/>
      <c r="D2851" s="1158"/>
      <c r="E2851" s="1158"/>
      <c r="F2851" s="1158"/>
      <c r="G2851" s="150"/>
      <c r="H2851" s="150"/>
    </row>
    <row r="2852" spans="1:8" ht="76.5">
      <c r="A2852" s="150"/>
      <c r="B2852" s="164" t="s">
        <v>13575</v>
      </c>
      <c r="C2852" s="1150"/>
      <c r="D2852" s="1150"/>
      <c r="E2852" s="1150"/>
      <c r="F2852" s="1150"/>
      <c r="G2852" s="150"/>
      <c r="H2852" s="150"/>
    </row>
    <row r="2853" spans="1:8">
      <c r="A2853" s="150"/>
      <c r="B2853" s="162" t="s">
        <v>12698</v>
      </c>
      <c r="C2853" s="1149" t="s">
        <v>10794</v>
      </c>
      <c r="D2853" s="1149" t="s">
        <v>10795</v>
      </c>
      <c r="E2853" s="1149" t="s">
        <v>10796</v>
      </c>
      <c r="F2853" s="1149" t="s">
        <v>10670</v>
      </c>
      <c r="G2853" s="150"/>
      <c r="H2853" s="150"/>
    </row>
    <row r="2854" spans="1:8">
      <c r="A2854" s="150"/>
      <c r="B2854" s="164" t="s">
        <v>12693</v>
      </c>
      <c r="C2854" s="1150"/>
      <c r="D2854" s="1150"/>
      <c r="E2854" s="1150"/>
      <c r="F2854" s="1150"/>
      <c r="G2854" s="150"/>
      <c r="H2854" s="150"/>
    </row>
    <row r="2855" spans="1:8" ht="25.5">
      <c r="A2855" s="150"/>
      <c r="B2855" s="162" t="s">
        <v>12699</v>
      </c>
      <c r="C2855" s="1149" t="s">
        <v>10798</v>
      </c>
      <c r="D2855" s="1149" t="s">
        <v>10799</v>
      </c>
      <c r="E2855" s="1149" t="s">
        <v>10800</v>
      </c>
      <c r="F2855" s="1149" t="s">
        <v>10670</v>
      </c>
      <c r="G2855" s="150"/>
      <c r="H2855" s="150"/>
    </row>
    <row r="2856" spans="1:8">
      <c r="A2856" s="150"/>
      <c r="B2856" s="163" t="s">
        <v>12700</v>
      </c>
      <c r="C2856" s="1158"/>
      <c r="D2856" s="1158"/>
      <c r="E2856" s="1158"/>
      <c r="F2856" s="1158"/>
      <c r="G2856" s="150"/>
      <c r="H2856" s="150"/>
    </row>
    <row r="2857" spans="1:8" ht="89.25">
      <c r="A2857" s="150"/>
      <c r="B2857" s="164" t="s">
        <v>13576</v>
      </c>
      <c r="C2857" s="1150"/>
      <c r="D2857" s="1150"/>
      <c r="E2857" s="1150"/>
      <c r="F2857" s="1150"/>
      <c r="G2857" s="150"/>
      <c r="H2857" s="150"/>
    </row>
    <row r="2858" spans="1:8" ht="25.5">
      <c r="A2858" s="150"/>
      <c r="B2858" s="162" t="s">
        <v>12701</v>
      </c>
      <c r="C2858" s="1149" t="s">
        <v>10802</v>
      </c>
      <c r="D2858" s="1149" t="s">
        <v>10803</v>
      </c>
      <c r="E2858" s="1149" t="s">
        <v>10804</v>
      </c>
      <c r="F2858" s="1149" t="s">
        <v>10670</v>
      </c>
      <c r="G2858" s="150"/>
      <c r="H2858" s="150"/>
    </row>
    <row r="2859" spans="1:8">
      <c r="A2859" s="150"/>
      <c r="B2859" s="163" t="s">
        <v>12700</v>
      </c>
      <c r="C2859" s="1158"/>
      <c r="D2859" s="1158"/>
      <c r="E2859" s="1158"/>
      <c r="F2859" s="1158"/>
      <c r="G2859" s="150"/>
      <c r="H2859" s="150"/>
    </row>
    <row r="2860" spans="1:8" ht="63.75">
      <c r="A2860" s="150"/>
      <c r="B2860" s="164" t="s">
        <v>13577</v>
      </c>
      <c r="C2860" s="1150"/>
      <c r="D2860" s="1150"/>
      <c r="E2860" s="1150"/>
      <c r="F2860" s="1150"/>
      <c r="G2860" s="150"/>
      <c r="H2860" s="150"/>
    </row>
    <row r="2861" spans="1:8" ht="25.5">
      <c r="A2861" s="150"/>
      <c r="B2861" s="162" t="s">
        <v>12702</v>
      </c>
      <c r="C2861" s="1149" t="s">
        <v>10806</v>
      </c>
      <c r="D2861" s="1149" t="s">
        <v>10807</v>
      </c>
      <c r="E2861" s="1149" t="s">
        <v>10808</v>
      </c>
      <c r="F2861" s="1149" t="s">
        <v>10670</v>
      </c>
      <c r="G2861" s="150"/>
      <c r="H2861" s="150"/>
    </row>
    <row r="2862" spans="1:8">
      <c r="A2862" s="150"/>
      <c r="B2862" s="163" t="s">
        <v>12700</v>
      </c>
      <c r="C2862" s="1158"/>
      <c r="D2862" s="1158"/>
      <c r="E2862" s="1158"/>
      <c r="F2862" s="1158"/>
      <c r="G2862" s="150"/>
      <c r="H2862" s="150"/>
    </row>
    <row r="2863" spans="1:8" ht="89.25">
      <c r="A2863" s="150"/>
      <c r="B2863" s="164" t="s">
        <v>13578</v>
      </c>
      <c r="C2863" s="1150"/>
      <c r="D2863" s="1150"/>
      <c r="E2863" s="1150"/>
      <c r="F2863" s="1150"/>
      <c r="G2863" s="150"/>
      <c r="H2863" s="150"/>
    </row>
    <row r="2864" spans="1:8" ht="25.5">
      <c r="A2864" s="150"/>
      <c r="B2864" s="162" t="s">
        <v>12703</v>
      </c>
      <c r="C2864" s="1149" t="s">
        <v>10810</v>
      </c>
      <c r="D2864" s="1149" t="s">
        <v>10811</v>
      </c>
      <c r="E2864" s="1149" t="s">
        <v>10812</v>
      </c>
      <c r="F2864" s="1149" t="s">
        <v>10670</v>
      </c>
      <c r="G2864" s="150"/>
      <c r="H2864" s="150"/>
    </row>
    <row r="2865" spans="1:8">
      <c r="A2865" s="150"/>
      <c r="B2865" s="163" t="s">
        <v>12700</v>
      </c>
      <c r="C2865" s="1158"/>
      <c r="D2865" s="1158"/>
      <c r="E2865" s="1158"/>
      <c r="F2865" s="1158"/>
      <c r="G2865" s="150"/>
      <c r="H2865" s="150"/>
    </row>
    <row r="2866" spans="1:8" ht="76.5">
      <c r="A2866" s="150"/>
      <c r="B2866" s="164" t="s">
        <v>13579</v>
      </c>
      <c r="C2866" s="1150"/>
      <c r="D2866" s="1150"/>
      <c r="E2866" s="1150"/>
      <c r="F2866" s="1150"/>
      <c r="G2866" s="150"/>
      <c r="H2866" s="150"/>
    </row>
    <row r="2867" spans="1:8" ht="25.5">
      <c r="A2867" s="150"/>
      <c r="B2867" s="162" t="s">
        <v>12704</v>
      </c>
      <c r="C2867" s="1149" t="s">
        <v>10814</v>
      </c>
      <c r="D2867" s="1149" t="s">
        <v>10815</v>
      </c>
      <c r="E2867" s="1149" t="s">
        <v>10816</v>
      </c>
      <c r="F2867" s="1149" t="s">
        <v>10670</v>
      </c>
      <c r="G2867" s="150"/>
      <c r="H2867" s="150"/>
    </row>
    <row r="2868" spans="1:8">
      <c r="A2868" s="150"/>
      <c r="B2868" s="163" t="s">
        <v>12700</v>
      </c>
      <c r="C2868" s="1158"/>
      <c r="D2868" s="1158"/>
      <c r="E2868" s="1158"/>
      <c r="F2868" s="1158"/>
      <c r="G2868" s="150"/>
      <c r="H2868" s="150"/>
    </row>
    <row r="2869" spans="1:8" ht="76.5">
      <c r="A2869" s="150"/>
      <c r="B2869" s="164" t="s">
        <v>13580</v>
      </c>
      <c r="C2869" s="1150"/>
      <c r="D2869" s="1150"/>
      <c r="E2869" s="1150"/>
      <c r="F2869" s="1150"/>
      <c r="G2869" s="150"/>
      <c r="H2869" s="150"/>
    </row>
    <row r="2870" spans="1:8">
      <c r="A2870" s="150"/>
      <c r="B2870" s="1159" t="s">
        <v>31592</v>
      </c>
      <c r="C2870" s="1160"/>
      <c r="D2870" s="1160"/>
      <c r="E2870" s="1160"/>
      <c r="F2870" s="1161"/>
      <c r="G2870" s="150"/>
      <c r="H2870" s="150"/>
    </row>
    <row r="2871" spans="1:8">
      <c r="A2871" s="150"/>
      <c r="B2871" s="162" t="s">
        <v>9532</v>
      </c>
      <c r="C2871" s="1149" t="s">
        <v>9533</v>
      </c>
      <c r="D2871" s="1149" t="s">
        <v>522</v>
      </c>
      <c r="E2871" s="1149" t="s">
        <v>523</v>
      </c>
      <c r="F2871" s="1149"/>
      <c r="G2871" s="150"/>
      <c r="H2871" s="150"/>
    </row>
    <row r="2872" spans="1:8" ht="76.5">
      <c r="A2872" s="150"/>
      <c r="B2872" s="164" t="s">
        <v>13463</v>
      </c>
      <c r="C2872" s="1150"/>
      <c r="D2872" s="1150"/>
      <c r="E2872" s="1150"/>
      <c r="F2872" s="1150"/>
      <c r="G2872" s="150"/>
      <c r="H2872" s="150"/>
    </row>
    <row r="2873" spans="1:8">
      <c r="A2873" s="150"/>
      <c r="B2873" s="1159" t="s">
        <v>31587</v>
      </c>
      <c r="C2873" s="1160"/>
      <c r="D2873" s="1160"/>
      <c r="E2873" s="1160"/>
      <c r="F2873" s="1161"/>
      <c r="G2873" s="150"/>
      <c r="H2873" s="150"/>
    </row>
    <row r="2874" spans="1:8">
      <c r="A2874" s="150"/>
      <c r="B2874" s="162" t="s">
        <v>12705</v>
      </c>
      <c r="C2874" s="1149" t="s">
        <v>10972</v>
      </c>
      <c r="D2874" s="1149" t="s">
        <v>10973</v>
      </c>
      <c r="E2874" s="1149" t="s">
        <v>10974</v>
      </c>
      <c r="F2874" s="1149" t="s">
        <v>10975</v>
      </c>
      <c r="G2874" s="150"/>
      <c r="H2874" s="150"/>
    </row>
    <row r="2875" spans="1:8">
      <c r="A2875" s="150"/>
      <c r="B2875" s="163" t="s">
        <v>10977</v>
      </c>
      <c r="C2875" s="1158"/>
      <c r="D2875" s="1158"/>
      <c r="E2875" s="1158"/>
      <c r="F2875" s="1158"/>
      <c r="G2875" s="150"/>
      <c r="H2875" s="150"/>
    </row>
    <row r="2876" spans="1:8" ht="63.75">
      <c r="A2876" s="150"/>
      <c r="B2876" s="164" t="s">
        <v>13581</v>
      </c>
      <c r="C2876" s="1150"/>
      <c r="D2876" s="1150"/>
      <c r="E2876" s="1150"/>
      <c r="F2876" s="1150"/>
      <c r="G2876" s="150"/>
      <c r="H2876" s="150"/>
    </row>
    <row r="2877" spans="1:8">
      <c r="A2877" s="150"/>
      <c r="B2877" s="162" t="s">
        <v>10976</v>
      </c>
      <c r="C2877" s="1149" t="s">
        <v>10978</v>
      </c>
      <c r="D2877" s="1149" t="s">
        <v>10979</v>
      </c>
      <c r="E2877" s="1149" t="s">
        <v>10980</v>
      </c>
      <c r="F2877" s="1149" t="s">
        <v>10975</v>
      </c>
      <c r="G2877" s="150"/>
      <c r="H2877" s="150"/>
    </row>
    <row r="2878" spans="1:8">
      <c r="A2878" s="150"/>
      <c r="B2878" s="163" t="s">
        <v>10977</v>
      </c>
      <c r="C2878" s="1158"/>
      <c r="D2878" s="1158"/>
      <c r="E2878" s="1158"/>
      <c r="F2878" s="1158"/>
      <c r="G2878" s="150"/>
      <c r="H2878" s="150"/>
    </row>
    <row r="2879" spans="1:8" ht="76.5">
      <c r="A2879" s="150"/>
      <c r="B2879" s="164" t="s">
        <v>13509</v>
      </c>
      <c r="C2879" s="1150"/>
      <c r="D2879" s="1150"/>
      <c r="E2879" s="1150"/>
      <c r="F2879" s="1150"/>
      <c r="G2879" s="150"/>
      <c r="H2879" s="150"/>
    </row>
    <row r="2880" spans="1:8">
      <c r="A2880" s="150"/>
      <c r="B2880" s="162" t="s">
        <v>12706</v>
      </c>
      <c r="C2880" s="1149" t="s">
        <v>10983</v>
      </c>
      <c r="D2880" s="1149" t="s">
        <v>10984</v>
      </c>
      <c r="E2880" s="1149" t="s">
        <v>10985</v>
      </c>
      <c r="F2880" s="1149" t="s">
        <v>10975</v>
      </c>
      <c r="G2880" s="150"/>
      <c r="H2880" s="150"/>
    </row>
    <row r="2881" spans="1:8">
      <c r="A2881" s="150"/>
      <c r="B2881" s="163" t="s">
        <v>12707</v>
      </c>
      <c r="C2881" s="1158"/>
      <c r="D2881" s="1158"/>
      <c r="E2881" s="1158"/>
      <c r="F2881" s="1158"/>
      <c r="G2881" s="150"/>
      <c r="H2881" s="150"/>
    </row>
    <row r="2882" spans="1:8" ht="51">
      <c r="A2882" s="150"/>
      <c r="B2882" s="164" t="s">
        <v>12708</v>
      </c>
      <c r="C2882" s="1150"/>
      <c r="D2882" s="1150"/>
      <c r="E2882" s="1150"/>
      <c r="F2882" s="1150"/>
      <c r="G2882" s="150"/>
      <c r="H2882" s="150"/>
    </row>
    <row r="2883" spans="1:8" ht="25.5">
      <c r="A2883" s="150"/>
      <c r="B2883" s="162" t="s">
        <v>12709</v>
      </c>
      <c r="C2883" s="1149" t="s">
        <v>10987</v>
      </c>
      <c r="D2883" s="1149" t="s">
        <v>10988</v>
      </c>
      <c r="E2883" s="1149" t="s">
        <v>10989</v>
      </c>
      <c r="F2883" s="1149" t="s">
        <v>10975</v>
      </c>
      <c r="G2883" s="150"/>
      <c r="H2883" s="150"/>
    </row>
    <row r="2884" spans="1:8">
      <c r="A2884" s="150"/>
      <c r="B2884" s="163" t="s">
        <v>12707</v>
      </c>
      <c r="C2884" s="1158"/>
      <c r="D2884" s="1158"/>
      <c r="E2884" s="1158"/>
      <c r="F2884" s="1158"/>
      <c r="G2884" s="150"/>
      <c r="H2884" s="150"/>
    </row>
    <row r="2885" spans="1:8" ht="76.5">
      <c r="A2885" s="150"/>
      <c r="B2885" s="164" t="s">
        <v>13582</v>
      </c>
      <c r="C2885" s="1150"/>
      <c r="D2885" s="1150"/>
      <c r="E2885" s="1150"/>
      <c r="F2885" s="1150"/>
      <c r="G2885" s="150"/>
      <c r="H2885" s="150"/>
    </row>
    <row r="2886" spans="1:8">
      <c r="A2886" s="150"/>
      <c r="B2886" s="162" t="s">
        <v>12710</v>
      </c>
      <c r="C2886" s="1149" t="s">
        <v>10992</v>
      </c>
      <c r="D2886" s="1149" t="s">
        <v>10993</v>
      </c>
      <c r="E2886" s="1149" t="s">
        <v>10994</v>
      </c>
      <c r="F2886" s="1149" t="s">
        <v>10975</v>
      </c>
      <c r="G2886" s="150"/>
      <c r="H2886" s="150"/>
    </row>
    <row r="2887" spans="1:8">
      <c r="A2887" s="150"/>
      <c r="B2887" s="163" t="s">
        <v>12711</v>
      </c>
      <c r="C2887" s="1158"/>
      <c r="D2887" s="1158"/>
      <c r="E2887" s="1158"/>
      <c r="F2887" s="1158"/>
      <c r="G2887" s="150"/>
      <c r="H2887" s="150"/>
    </row>
    <row r="2888" spans="1:8" ht="51">
      <c r="A2888" s="150"/>
      <c r="B2888" s="164" t="s">
        <v>12712</v>
      </c>
      <c r="C2888" s="1150"/>
      <c r="D2888" s="1150"/>
      <c r="E2888" s="1150"/>
      <c r="F2888" s="1150"/>
      <c r="G2888" s="150"/>
      <c r="H2888" s="150"/>
    </row>
    <row r="2889" spans="1:8" ht="25.5">
      <c r="A2889" s="150"/>
      <c r="B2889" s="162" t="s">
        <v>12713</v>
      </c>
      <c r="C2889" s="1149" t="s">
        <v>10997</v>
      </c>
      <c r="D2889" s="1149" t="s">
        <v>10998</v>
      </c>
      <c r="E2889" s="1149" t="s">
        <v>10999</v>
      </c>
      <c r="F2889" s="1149" t="s">
        <v>10975</v>
      </c>
      <c r="G2889" s="150"/>
      <c r="H2889" s="150"/>
    </row>
    <row r="2890" spans="1:8">
      <c r="A2890" s="150"/>
      <c r="B2890" s="163" t="s">
        <v>12711</v>
      </c>
      <c r="C2890" s="1158"/>
      <c r="D2890" s="1158"/>
      <c r="E2890" s="1158"/>
      <c r="F2890" s="1158"/>
      <c r="G2890" s="150"/>
      <c r="H2890" s="150"/>
    </row>
    <row r="2891" spans="1:8" ht="63.75">
      <c r="A2891" s="150"/>
      <c r="B2891" s="164" t="s">
        <v>12714</v>
      </c>
      <c r="C2891" s="1150"/>
      <c r="D2891" s="1150"/>
      <c r="E2891" s="1150"/>
      <c r="F2891" s="1150"/>
      <c r="G2891" s="150"/>
      <c r="H2891" s="150"/>
    </row>
    <row r="2892" spans="1:8" ht="25.5">
      <c r="A2892" s="150"/>
      <c r="B2892" s="162" t="s">
        <v>12715</v>
      </c>
      <c r="C2892" s="1149" t="s">
        <v>11002</v>
      </c>
      <c r="D2892" s="1149" t="s">
        <v>11003</v>
      </c>
      <c r="E2892" s="1149" t="s">
        <v>11004</v>
      </c>
      <c r="F2892" s="1149" t="s">
        <v>10975</v>
      </c>
      <c r="G2892" s="150"/>
      <c r="H2892" s="150"/>
    </row>
    <row r="2893" spans="1:8">
      <c r="A2893" s="150"/>
      <c r="B2893" s="163" t="s">
        <v>12711</v>
      </c>
      <c r="C2893" s="1158"/>
      <c r="D2893" s="1158"/>
      <c r="E2893" s="1158"/>
      <c r="F2893" s="1158"/>
      <c r="G2893" s="150"/>
      <c r="H2893" s="150"/>
    </row>
    <row r="2894" spans="1:8" ht="51">
      <c r="A2894" s="150"/>
      <c r="B2894" s="164" t="s">
        <v>12716</v>
      </c>
      <c r="C2894" s="1150"/>
      <c r="D2894" s="1150"/>
      <c r="E2894" s="1150"/>
      <c r="F2894" s="1150"/>
      <c r="G2894" s="150"/>
      <c r="H2894" s="150"/>
    </row>
    <row r="2895" spans="1:8" ht="25.5">
      <c r="A2895" s="150"/>
      <c r="B2895" s="162" t="s">
        <v>12717</v>
      </c>
      <c r="C2895" s="1149" t="s">
        <v>11006</v>
      </c>
      <c r="D2895" s="1149" t="s">
        <v>11007</v>
      </c>
      <c r="E2895" s="1149" t="s">
        <v>11008</v>
      </c>
      <c r="F2895" s="1149" t="s">
        <v>10975</v>
      </c>
      <c r="G2895" s="150"/>
      <c r="H2895" s="150"/>
    </row>
    <row r="2896" spans="1:8">
      <c r="A2896" s="150"/>
      <c r="B2896" s="163" t="s">
        <v>12711</v>
      </c>
      <c r="C2896" s="1158"/>
      <c r="D2896" s="1158"/>
      <c r="E2896" s="1158"/>
      <c r="F2896" s="1158"/>
      <c r="G2896" s="150"/>
      <c r="H2896" s="150"/>
    </row>
    <row r="2897" spans="1:8" ht="51">
      <c r="A2897" s="150"/>
      <c r="B2897" s="164" t="s">
        <v>13583</v>
      </c>
      <c r="C2897" s="1150"/>
      <c r="D2897" s="1150"/>
      <c r="E2897" s="1150"/>
      <c r="F2897" s="1150"/>
      <c r="G2897" s="150"/>
      <c r="H2897" s="150"/>
    </row>
    <row r="2898" spans="1:8" ht="25.5">
      <c r="A2898" s="150"/>
      <c r="B2898" s="162" t="s">
        <v>12718</v>
      </c>
      <c r="C2898" s="1149" t="s">
        <v>11010</v>
      </c>
      <c r="D2898" s="1149" t="s">
        <v>11011</v>
      </c>
      <c r="E2898" s="1149" t="s">
        <v>11012</v>
      </c>
      <c r="F2898" s="1149" t="s">
        <v>10975</v>
      </c>
      <c r="G2898" s="150"/>
      <c r="H2898" s="150"/>
    </row>
    <row r="2899" spans="1:8">
      <c r="A2899" s="150"/>
      <c r="B2899" s="163" t="s">
        <v>12719</v>
      </c>
      <c r="C2899" s="1158"/>
      <c r="D2899" s="1158"/>
      <c r="E2899" s="1158"/>
      <c r="F2899" s="1158"/>
      <c r="G2899" s="150"/>
      <c r="H2899" s="150"/>
    </row>
    <row r="2900" spans="1:8" ht="63.75">
      <c r="A2900" s="150"/>
      <c r="B2900" s="164" t="s">
        <v>13584</v>
      </c>
      <c r="C2900" s="1150"/>
      <c r="D2900" s="1150"/>
      <c r="E2900" s="1150"/>
      <c r="F2900" s="1150"/>
      <c r="G2900" s="150"/>
      <c r="H2900" s="150"/>
    </row>
    <row r="2901" spans="1:8" ht="25.5">
      <c r="A2901" s="150"/>
      <c r="B2901" s="162" t="s">
        <v>12720</v>
      </c>
      <c r="C2901" s="1149" t="s">
        <v>11014</v>
      </c>
      <c r="D2901" s="1149" t="s">
        <v>11015</v>
      </c>
      <c r="E2901" s="1149" t="s">
        <v>11016</v>
      </c>
      <c r="F2901" s="1149" t="s">
        <v>10975</v>
      </c>
      <c r="G2901" s="150"/>
      <c r="H2901" s="150"/>
    </row>
    <row r="2902" spans="1:8">
      <c r="A2902" s="150"/>
      <c r="B2902" s="163" t="s">
        <v>12719</v>
      </c>
      <c r="C2902" s="1158"/>
      <c r="D2902" s="1158"/>
      <c r="E2902" s="1158"/>
      <c r="F2902" s="1158"/>
      <c r="G2902" s="150"/>
      <c r="H2902" s="150"/>
    </row>
    <row r="2903" spans="1:8" ht="51">
      <c r="A2903" s="150"/>
      <c r="B2903" s="164" t="s">
        <v>13585</v>
      </c>
      <c r="C2903" s="1150"/>
      <c r="D2903" s="1150"/>
      <c r="E2903" s="1150"/>
      <c r="F2903" s="1150"/>
      <c r="G2903" s="150"/>
      <c r="H2903" s="150"/>
    </row>
    <row r="2904" spans="1:8">
      <c r="A2904" s="150"/>
      <c r="B2904" s="162" t="s">
        <v>12721</v>
      </c>
      <c r="C2904" s="1149" t="s">
        <v>11018</v>
      </c>
      <c r="D2904" s="1149" t="s">
        <v>11019</v>
      </c>
      <c r="E2904" s="1149" t="s">
        <v>11020</v>
      </c>
      <c r="F2904" s="1149" t="s">
        <v>10975</v>
      </c>
      <c r="G2904" s="150"/>
      <c r="H2904" s="150"/>
    </row>
    <row r="2905" spans="1:8">
      <c r="A2905" s="150"/>
      <c r="B2905" s="163" t="s">
        <v>12722</v>
      </c>
      <c r="C2905" s="1158"/>
      <c r="D2905" s="1158"/>
      <c r="E2905" s="1158"/>
      <c r="F2905" s="1158"/>
      <c r="G2905" s="150"/>
      <c r="H2905" s="150"/>
    </row>
    <row r="2906" spans="1:8" ht="76.5">
      <c r="A2906" s="150"/>
      <c r="B2906" s="164" t="s">
        <v>13586</v>
      </c>
      <c r="C2906" s="1150"/>
      <c r="D2906" s="1150"/>
      <c r="E2906" s="1150"/>
      <c r="F2906" s="1150"/>
      <c r="G2906" s="150"/>
      <c r="H2906" s="150"/>
    </row>
    <row r="2907" spans="1:8" ht="25.5">
      <c r="A2907" s="150"/>
      <c r="B2907" s="162" t="s">
        <v>12723</v>
      </c>
      <c r="C2907" s="1149" t="s">
        <v>11022</v>
      </c>
      <c r="D2907" s="1149" t="s">
        <v>11023</v>
      </c>
      <c r="E2907" s="1149" t="s">
        <v>11024</v>
      </c>
      <c r="F2907" s="1149" t="s">
        <v>10975</v>
      </c>
      <c r="G2907" s="150"/>
      <c r="H2907" s="150"/>
    </row>
    <row r="2908" spans="1:8">
      <c r="A2908" s="150"/>
      <c r="B2908" s="163" t="s">
        <v>12722</v>
      </c>
      <c r="C2908" s="1158"/>
      <c r="D2908" s="1158"/>
      <c r="E2908" s="1158"/>
      <c r="F2908" s="1158"/>
      <c r="G2908" s="150"/>
      <c r="H2908" s="150"/>
    </row>
    <row r="2909" spans="1:8" ht="63.75">
      <c r="A2909" s="150"/>
      <c r="B2909" s="164" t="s">
        <v>13587</v>
      </c>
      <c r="C2909" s="1150"/>
      <c r="D2909" s="1150"/>
      <c r="E2909" s="1150"/>
      <c r="F2909" s="1150"/>
      <c r="G2909" s="150"/>
      <c r="H2909" s="150"/>
    </row>
    <row r="2910" spans="1:8">
      <c r="A2910" s="150"/>
      <c r="B2910" s="162" t="s">
        <v>12724</v>
      </c>
      <c r="C2910" s="1149" t="s">
        <v>11026</v>
      </c>
      <c r="D2910" s="1149" t="s">
        <v>11027</v>
      </c>
      <c r="E2910" s="1149" t="s">
        <v>11028</v>
      </c>
      <c r="F2910" s="1149" t="s">
        <v>10975</v>
      </c>
      <c r="G2910" s="150"/>
      <c r="H2910" s="150"/>
    </row>
    <row r="2911" spans="1:8">
      <c r="A2911" s="150"/>
      <c r="B2911" s="163" t="s">
        <v>12722</v>
      </c>
      <c r="C2911" s="1158"/>
      <c r="D2911" s="1158"/>
      <c r="E2911" s="1158"/>
      <c r="F2911" s="1158"/>
      <c r="G2911" s="150"/>
      <c r="H2911" s="150"/>
    </row>
    <row r="2912" spans="1:8" ht="76.5">
      <c r="A2912" s="150"/>
      <c r="B2912" s="164" t="s">
        <v>13588</v>
      </c>
      <c r="C2912" s="1150"/>
      <c r="D2912" s="1150"/>
      <c r="E2912" s="1150"/>
      <c r="F2912" s="1150"/>
      <c r="G2912" s="150"/>
      <c r="H2912" s="150"/>
    </row>
    <row r="2913" spans="1:8">
      <c r="A2913" s="150"/>
      <c r="B2913" s="162" t="s">
        <v>12725</v>
      </c>
      <c r="C2913" s="1149" t="s">
        <v>11030</v>
      </c>
      <c r="D2913" s="1149" t="s">
        <v>11031</v>
      </c>
      <c r="E2913" s="1149" t="s">
        <v>11032</v>
      </c>
      <c r="F2913" s="1149" t="s">
        <v>10975</v>
      </c>
      <c r="G2913" s="150"/>
      <c r="H2913" s="150"/>
    </row>
    <row r="2914" spans="1:8">
      <c r="A2914" s="150"/>
      <c r="B2914" s="163" t="s">
        <v>11034</v>
      </c>
      <c r="C2914" s="1158"/>
      <c r="D2914" s="1158"/>
      <c r="E2914" s="1158"/>
      <c r="F2914" s="1158"/>
      <c r="G2914" s="150"/>
      <c r="H2914" s="150"/>
    </row>
    <row r="2915" spans="1:8" ht="89.25">
      <c r="A2915" s="150"/>
      <c r="B2915" s="164" t="s">
        <v>13589</v>
      </c>
      <c r="C2915" s="1150"/>
      <c r="D2915" s="1150"/>
      <c r="E2915" s="1150"/>
      <c r="F2915" s="1150"/>
      <c r="G2915" s="150"/>
      <c r="H2915" s="150"/>
    </row>
    <row r="2916" spans="1:8">
      <c r="A2916" s="150"/>
      <c r="B2916" s="162" t="s">
        <v>12726</v>
      </c>
      <c r="C2916" s="1149" t="s">
        <v>11055</v>
      </c>
      <c r="D2916" s="1149" t="s">
        <v>498</v>
      </c>
      <c r="E2916" s="1149" t="s">
        <v>499</v>
      </c>
      <c r="F2916" s="1149" t="s">
        <v>10975</v>
      </c>
      <c r="G2916" s="150"/>
      <c r="H2916" s="150"/>
    </row>
    <row r="2917" spans="1:8">
      <c r="A2917" s="150"/>
      <c r="B2917" s="163" t="s">
        <v>12727</v>
      </c>
      <c r="C2917" s="1158"/>
      <c r="D2917" s="1158"/>
      <c r="E2917" s="1158"/>
      <c r="F2917" s="1158"/>
      <c r="G2917" s="150"/>
      <c r="H2917" s="150"/>
    </row>
    <row r="2918" spans="1:8" ht="51">
      <c r="A2918" s="150"/>
      <c r="B2918" s="164" t="s">
        <v>12728</v>
      </c>
      <c r="C2918" s="1150"/>
      <c r="D2918" s="1150"/>
      <c r="E2918" s="1150"/>
      <c r="F2918" s="1150"/>
      <c r="G2918" s="150"/>
      <c r="H2918" s="150"/>
    </row>
    <row r="2919" spans="1:8">
      <c r="A2919" s="150"/>
      <c r="B2919" s="162" t="s">
        <v>12729</v>
      </c>
      <c r="C2919" s="1149" t="s">
        <v>11058</v>
      </c>
      <c r="D2919" s="1149" t="s">
        <v>507</v>
      </c>
      <c r="E2919" s="1149" t="s">
        <v>508</v>
      </c>
      <c r="F2919" s="1149" t="s">
        <v>10975</v>
      </c>
      <c r="G2919" s="150"/>
      <c r="H2919" s="150"/>
    </row>
    <row r="2920" spans="1:8">
      <c r="A2920" s="150"/>
      <c r="B2920" s="163" t="s">
        <v>12727</v>
      </c>
      <c r="C2920" s="1158"/>
      <c r="D2920" s="1158"/>
      <c r="E2920" s="1158"/>
      <c r="F2920" s="1158"/>
      <c r="G2920" s="150"/>
      <c r="H2920" s="150"/>
    </row>
    <row r="2921" spans="1:8" ht="51">
      <c r="A2921" s="150"/>
      <c r="B2921" s="164" t="s">
        <v>12730</v>
      </c>
      <c r="C2921" s="1150"/>
      <c r="D2921" s="1150"/>
      <c r="E2921" s="1150"/>
      <c r="F2921" s="1150"/>
      <c r="G2921" s="150"/>
      <c r="H2921" s="150"/>
    </row>
    <row r="2922" spans="1:8">
      <c r="A2922" s="150"/>
      <c r="B2922" s="162" t="s">
        <v>12731</v>
      </c>
      <c r="C2922" s="1149" t="s">
        <v>11060</v>
      </c>
      <c r="D2922" s="1149" t="s">
        <v>11061</v>
      </c>
      <c r="E2922" s="1149" t="s">
        <v>11062</v>
      </c>
      <c r="F2922" s="1149" t="s">
        <v>10975</v>
      </c>
      <c r="G2922" s="150"/>
      <c r="H2922" s="150"/>
    </row>
    <row r="2923" spans="1:8">
      <c r="A2923" s="150"/>
      <c r="B2923" s="163" t="s">
        <v>12727</v>
      </c>
      <c r="C2923" s="1158"/>
      <c r="D2923" s="1158"/>
      <c r="E2923" s="1158"/>
      <c r="F2923" s="1158"/>
      <c r="G2923" s="150"/>
      <c r="H2923" s="150"/>
    </row>
    <row r="2924" spans="1:8" ht="63.75">
      <c r="A2924" s="150"/>
      <c r="B2924" s="164" t="s">
        <v>13590</v>
      </c>
      <c r="C2924" s="1150"/>
      <c r="D2924" s="1150"/>
      <c r="E2924" s="1150"/>
      <c r="F2924" s="1150"/>
      <c r="G2924" s="150"/>
      <c r="H2924" s="150"/>
    </row>
    <row r="2925" spans="1:8">
      <c r="A2925" s="150"/>
      <c r="B2925" s="162" t="s">
        <v>12732</v>
      </c>
      <c r="C2925" s="1149" t="s">
        <v>11064</v>
      </c>
      <c r="D2925" s="1149" t="s">
        <v>501</v>
      </c>
      <c r="E2925" s="1149" t="s">
        <v>502</v>
      </c>
      <c r="F2925" s="1149" t="s">
        <v>10975</v>
      </c>
      <c r="G2925" s="150"/>
      <c r="H2925" s="150"/>
    </row>
    <row r="2926" spans="1:8">
      <c r="A2926" s="150"/>
      <c r="B2926" s="163" t="s">
        <v>12727</v>
      </c>
      <c r="C2926" s="1158"/>
      <c r="D2926" s="1158"/>
      <c r="E2926" s="1158"/>
      <c r="F2926" s="1158"/>
      <c r="G2926" s="150"/>
      <c r="H2926" s="150"/>
    </row>
    <row r="2927" spans="1:8" ht="76.5">
      <c r="A2927" s="150"/>
      <c r="B2927" s="164" t="s">
        <v>13591</v>
      </c>
      <c r="C2927" s="1150"/>
      <c r="D2927" s="1150"/>
      <c r="E2927" s="1150"/>
      <c r="F2927" s="1150"/>
      <c r="G2927" s="150"/>
      <c r="H2927" s="150"/>
    </row>
    <row r="2928" spans="1:8">
      <c r="A2928" s="150"/>
      <c r="B2928" s="162" t="s">
        <v>12733</v>
      </c>
      <c r="C2928" s="1149" t="s">
        <v>11066</v>
      </c>
      <c r="D2928" s="1149" t="s">
        <v>11067</v>
      </c>
      <c r="E2928" s="1149" t="s">
        <v>11068</v>
      </c>
      <c r="F2928" s="1149" t="s">
        <v>10975</v>
      </c>
      <c r="G2928" s="150"/>
      <c r="H2928" s="150"/>
    </row>
    <row r="2929" spans="1:8">
      <c r="A2929" s="150"/>
      <c r="B2929" s="163" t="s">
        <v>12727</v>
      </c>
      <c r="C2929" s="1158"/>
      <c r="D2929" s="1158"/>
      <c r="E2929" s="1158"/>
      <c r="F2929" s="1158"/>
      <c r="G2929" s="150"/>
      <c r="H2929" s="150"/>
    </row>
    <row r="2930" spans="1:8" ht="76.5">
      <c r="A2930" s="150"/>
      <c r="B2930" s="164" t="s">
        <v>13592</v>
      </c>
      <c r="C2930" s="1150"/>
      <c r="D2930" s="1150"/>
      <c r="E2930" s="1150"/>
      <c r="F2930" s="1150"/>
      <c r="G2930" s="150"/>
      <c r="H2930" s="150"/>
    </row>
    <row r="2931" spans="1:8">
      <c r="A2931" s="150"/>
      <c r="B2931" s="162" t="s">
        <v>12734</v>
      </c>
      <c r="C2931" s="1149" t="s">
        <v>11070</v>
      </c>
      <c r="D2931" s="1149" t="s">
        <v>504</v>
      </c>
      <c r="E2931" s="1149" t="s">
        <v>505</v>
      </c>
      <c r="F2931" s="1149" t="s">
        <v>10975</v>
      </c>
      <c r="G2931" s="150"/>
      <c r="H2931" s="150"/>
    </row>
    <row r="2932" spans="1:8">
      <c r="A2932" s="150"/>
      <c r="B2932" s="163" t="s">
        <v>12727</v>
      </c>
      <c r="C2932" s="1158"/>
      <c r="D2932" s="1158"/>
      <c r="E2932" s="1158"/>
      <c r="F2932" s="1158"/>
      <c r="G2932" s="150"/>
      <c r="H2932" s="150"/>
    </row>
    <row r="2933" spans="1:8" ht="76.5">
      <c r="A2933" s="150"/>
      <c r="B2933" s="164" t="s">
        <v>13593</v>
      </c>
      <c r="C2933" s="1150"/>
      <c r="D2933" s="1150"/>
      <c r="E2933" s="1150"/>
      <c r="F2933" s="1150"/>
      <c r="G2933" s="150"/>
      <c r="H2933" s="150"/>
    </row>
    <row r="2934" spans="1:8">
      <c r="A2934" s="150"/>
      <c r="B2934" s="162" t="s">
        <v>12735</v>
      </c>
      <c r="C2934" s="1149" t="s">
        <v>11072</v>
      </c>
      <c r="D2934" s="1149" t="s">
        <v>11073</v>
      </c>
      <c r="E2934" s="1149" t="s">
        <v>11074</v>
      </c>
      <c r="F2934" s="1149" t="s">
        <v>10975</v>
      </c>
      <c r="G2934" s="150"/>
      <c r="H2934" s="150"/>
    </row>
    <row r="2935" spans="1:8">
      <c r="A2935" s="150"/>
      <c r="B2935" s="163" t="s">
        <v>12736</v>
      </c>
      <c r="C2935" s="1158"/>
      <c r="D2935" s="1158"/>
      <c r="E2935" s="1158"/>
      <c r="F2935" s="1158"/>
      <c r="G2935" s="150"/>
      <c r="H2935" s="150"/>
    </row>
    <row r="2936" spans="1:8" ht="51">
      <c r="A2936" s="150"/>
      <c r="B2936" s="164" t="s">
        <v>13594</v>
      </c>
      <c r="C2936" s="1150"/>
      <c r="D2936" s="1150"/>
      <c r="E2936" s="1150"/>
      <c r="F2936" s="1150"/>
      <c r="G2936" s="150"/>
      <c r="H2936" s="150"/>
    </row>
    <row r="2937" spans="1:8">
      <c r="A2937" s="150"/>
      <c r="B2937" s="162" t="s">
        <v>11075</v>
      </c>
      <c r="C2937" s="1149" t="s">
        <v>11077</v>
      </c>
      <c r="D2937" s="1149" t="s">
        <v>11078</v>
      </c>
      <c r="E2937" s="1149" t="s">
        <v>11079</v>
      </c>
      <c r="F2937" s="1149" t="s">
        <v>10975</v>
      </c>
      <c r="G2937" s="150"/>
      <c r="H2937" s="150"/>
    </row>
    <row r="2938" spans="1:8" ht="51">
      <c r="A2938" s="150"/>
      <c r="B2938" s="164" t="s">
        <v>11076</v>
      </c>
      <c r="C2938" s="1150"/>
      <c r="D2938" s="1150"/>
      <c r="E2938" s="1150"/>
      <c r="F2938" s="1150"/>
      <c r="G2938" s="150"/>
      <c r="H2938" s="150"/>
    </row>
    <row r="2939" spans="1:8">
      <c r="A2939" s="150"/>
      <c r="B2939" s="162" t="s">
        <v>12737</v>
      </c>
      <c r="C2939" s="1149" t="s">
        <v>11081</v>
      </c>
      <c r="D2939" s="1149" t="s">
        <v>11082</v>
      </c>
      <c r="E2939" s="1149" t="s">
        <v>11083</v>
      </c>
      <c r="F2939" s="1149" t="s">
        <v>10975</v>
      </c>
      <c r="G2939" s="150"/>
      <c r="H2939" s="150"/>
    </row>
    <row r="2940" spans="1:8">
      <c r="A2940" s="150"/>
      <c r="B2940" s="163" t="s">
        <v>12738</v>
      </c>
      <c r="C2940" s="1158"/>
      <c r="D2940" s="1158"/>
      <c r="E2940" s="1158"/>
      <c r="F2940" s="1158"/>
      <c r="G2940" s="150"/>
      <c r="H2940" s="150"/>
    </row>
    <row r="2941" spans="1:8" ht="76.5">
      <c r="A2941" s="150"/>
      <c r="B2941" s="164" t="s">
        <v>13595</v>
      </c>
      <c r="C2941" s="1150"/>
      <c r="D2941" s="1150"/>
      <c r="E2941" s="1150"/>
      <c r="F2941" s="1150"/>
      <c r="G2941" s="150"/>
      <c r="H2941" s="150"/>
    </row>
    <row r="2942" spans="1:8">
      <c r="A2942" s="150"/>
      <c r="B2942" s="162" t="s">
        <v>12739</v>
      </c>
      <c r="C2942" s="1149" t="s">
        <v>11086</v>
      </c>
      <c r="D2942" s="1149" t="s">
        <v>11087</v>
      </c>
      <c r="E2942" s="1149" t="s">
        <v>11088</v>
      </c>
      <c r="F2942" s="1149" t="s">
        <v>10975</v>
      </c>
      <c r="G2942" s="150"/>
      <c r="H2942" s="150"/>
    </row>
    <row r="2943" spans="1:8">
      <c r="A2943" s="150"/>
      <c r="B2943" s="163" t="s">
        <v>12738</v>
      </c>
      <c r="C2943" s="1158"/>
      <c r="D2943" s="1158"/>
      <c r="E2943" s="1158"/>
      <c r="F2943" s="1158"/>
      <c r="G2943" s="150"/>
      <c r="H2943" s="150"/>
    </row>
    <row r="2944" spans="1:8" ht="51">
      <c r="A2944" s="150"/>
      <c r="B2944" s="164" t="s">
        <v>12740</v>
      </c>
      <c r="C2944" s="1150"/>
      <c r="D2944" s="1150"/>
      <c r="E2944" s="1150"/>
      <c r="F2944" s="1150"/>
      <c r="G2944" s="150"/>
      <c r="H2944" s="150"/>
    </row>
    <row r="2945" spans="1:8">
      <c r="A2945" s="150"/>
      <c r="B2945" s="162" t="s">
        <v>12741</v>
      </c>
      <c r="C2945" s="1149" t="s">
        <v>11091</v>
      </c>
      <c r="D2945" s="1149" t="s">
        <v>11092</v>
      </c>
      <c r="E2945" s="1149" t="s">
        <v>11093</v>
      </c>
      <c r="F2945" s="1149" t="s">
        <v>10975</v>
      </c>
      <c r="G2945" s="150"/>
      <c r="H2945" s="150"/>
    </row>
    <row r="2946" spans="1:8">
      <c r="A2946" s="150"/>
      <c r="B2946" s="163" t="s">
        <v>12738</v>
      </c>
      <c r="C2946" s="1158"/>
      <c r="D2946" s="1158"/>
      <c r="E2946" s="1158"/>
      <c r="F2946" s="1158"/>
      <c r="G2946" s="150"/>
      <c r="H2946" s="150"/>
    </row>
    <row r="2947" spans="1:8" ht="51">
      <c r="A2947" s="150"/>
      <c r="B2947" s="164" t="s">
        <v>12742</v>
      </c>
      <c r="C2947" s="1150"/>
      <c r="D2947" s="1150"/>
      <c r="E2947" s="1150"/>
      <c r="F2947" s="1150"/>
      <c r="G2947" s="150"/>
      <c r="H2947" s="150"/>
    </row>
    <row r="2948" spans="1:8">
      <c r="A2948" s="150"/>
      <c r="B2948" s="162" t="s">
        <v>12743</v>
      </c>
      <c r="C2948" s="1149" t="s">
        <v>11096</v>
      </c>
      <c r="D2948" s="1149" t="s">
        <v>11097</v>
      </c>
      <c r="E2948" s="1149" t="s">
        <v>11098</v>
      </c>
      <c r="F2948" s="1149" t="s">
        <v>10975</v>
      </c>
      <c r="G2948" s="150"/>
      <c r="H2948" s="150"/>
    </row>
    <row r="2949" spans="1:8">
      <c r="A2949" s="150"/>
      <c r="B2949" s="163" t="s">
        <v>12738</v>
      </c>
      <c r="C2949" s="1158"/>
      <c r="D2949" s="1158"/>
      <c r="E2949" s="1158"/>
      <c r="F2949" s="1158"/>
      <c r="G2949" s="150"/>
      <c r="H2949" s="150"/>
    </row>
    <row r="2950" spans="1:8" ht="51">
      <c r="A2950" s="150"/>
      <c r="B2950" s="164" t="s">
        <v>12744</v>
      </c>
      <c r="C2950" s="1150"/>
      <c r="D2950" s="1150"/>
      <c r="E2950" s="1150"/>
      <c r="F2950" s="1150"/>
      <c r="G2950" s="150"/>
      <c r="H2950" s="150"/>
    </row>
    <row r="2951" spans="1:8">
      <c r="A2951" s="150"/>
      <c r="B2951" s="162" t="s">
        <v>12745</v>
      </c>
      <c r="C2951" s="1149" t="s">
        <v>11100</v>
      </c>
      <c r="D2951" s="1149" t="s">
        <v>11101</v>
      </c>
      <c r="E2951" s="1149" t="s">
        <v>11102</v>
      </c>
      <c r="F2951" s="1149" t="s">
        <v>10975</v>
      </c>
      <c r="G2951" s="150"/>
      <c r="H2951" s="150"/>
    </row>
    <row r="2952" spans="1:8">
      <c r="A2952" s="150"/>
      <c r="B2952" s="163" t="s">
        <v>11104</v>
      </c>
      <c r="C2952" s="1158"/>
      <c r="D2952" s="1158"/>
      <c r="E2952" s="1158"/>
      <c r="F2952" s="1158"/>
      <c r="G2952" s="150"/>
      <c r="H2952" s="150"/>
    </row>
    <row r="2953" spans="1:8" ht="51">
      <c r="A2953" s="150"/>
      <c r="B2953" s="164" t="s">
        <v>32721</v>
      </c>
      <c r="C2953" s="1150"/>
      <c r="D2953" s="1150"/>
      <c r="E2953" s="1150"/>
      <c r="F2953" s="1150"/>
      <c r="G2953" s="150"/>
      <c r="H2953" s="150"/>
    </row>
    <row r="2954" spans="1:8">
      <c r="A2954" s="150"/>
      <c r="B2954" s="162" t="s">
        <v>11103</v>
      </c>
      <c r="C2954" s="1149" t="s">
        <v>11106</v>
      </c>
      <c r="D2954" s="1149" t="s">
        <v>11107</v>
      </c>
      <c r="E2954" s="1149" t="s">
        <v>11108</v>
      </c>
      <c r="F2954" s="1149" t="s">
        <v>10975</v>
      </c>
      <c r="G2954" s="150"/>
      <c r="H2954" s="150"/>
    </row>
    <row r="2955" spans="1:8">
      <c r="A2955" s="150"/>
      <c r="B2955" s="163" t="s">
        <v>11104</v>
      </c>
      <c r="C2955" s="1158"/>
      <c r="D2955" s="1158"/>
      <c r="E2955" s="1158"/>
      <c r="F2955" s="1158"/>
      <c r="G2955" s="150"/>
      <c r="H2955" s="150"/>
    </row>
    <row r="2956" spans="1:8" ht="63.75">
      <c r="A2956" s="150"/>
      <c r="B2956" s="164" t="s">
        <v>11105</v>
      </c>
      <c r="C2956" s="1150"/>
      <c r="D2956" s="1150"/>
      <c r="E2956" s="1150"/>
      <c r="F2956" s="1150"/>
      <c r="G2956" s="150"/>
      <c r="H2956" s="150"/>
    </row>
    <row r="2957" spans="1:8">
      <c r="A2957" s="150"/>
      <c r="B2957" s="162" t="s">
        <v>12746</v>
      </c>
      <c r="C2957" s="1149" t="s">
        <v>11111</v>
      </c>
      <c r="D2957" s="1149" t="s">
        <v>11112</v>
      </c>
      <c r="E2957" s="1149" t="s">
        <v>11113</v>
      </c>
      <c r="F2957" s="1149" t="s">
        <v>10975</v>
      </c>
      <c r="G2957" s="150"/>
      <c r="H2957" s="150"/>
    </row>
    <row r="2958" spans="1:8">
      <c r="A2958" s="150"/>
      <c r="B2958" s="163" t="s">
        <v>11104</v>
      </c>
      <c r="C2958" s="1158"/>
      <c r="D2958" s="1158"/>
      <c r="E2958" s="1158"/>
      <c r="F2958" s="1158"/>
      <c r="G2958" s="150"/>
      <c r="H2958" s="150"/>
    </row>
    <row r="2959" spans="1:8" ht="25.5">
      <c r="A2959" s="150"/>
      <c r="B2959" s="164" t="s">
        <v>12747</v>
      </c>
      <c r="C2959" s="1150"/>
      <c r="D2959" s="1150"/>
      <c r="E2959" s="1150"/>
      <c r="F2959" s="1150"/>
      <c r="G2959" s="150"/>
      <c r="H2959" s="150"/>
    </row>
    <row r="2960" spans="1:8">
      <c r="A2960" s="150"/>
      <c r="B2960" s="162" t="s">
        <v>12748</v>
      </c>
      <c r="C2960" s="1149" t="s">
        <v>11115</v>
      </c>
      <c r="D2960" s="1149" t="s">
        <v>11116</v>
      </c>
      <c r="E2960" s="1149" t="s">
        <v>11117</v>
      </c>
      <c r="F2960" s="1149" t="s">
        <v>10975</v>
      </c>
      <c r="G2960" s="150"/>
      <c r="H2960" s="150"/>
    </row>
    <row r="2961" spans="1:8">
      <c r="A2961" s="150"/>
      <c r="B2961" s="163" t="s">
        <v>11104</v>
      </c>
      <c r="C2961" s="1158"/>
      <c r="D2961" s="1158"/>
      <c r="E2961" s="1158"/>
      <c r="F2961" s="1158"/>
      <c r="G2961" s="150"/>
      <c r="H2961" s="150"/>
    </row>
    <row r="2962" spans="1:8" ht="51">
      <c r="A2962" s="150"/>
      <c r="B2962" s="164" t="s">
        <v>32722</v>
      </c>
      <c r="C2962" s="1150"/>
      <c r="D2962" s="1150"/>
      <c r="E2962" s="1150"/>
      <c r="F2962" s="1150"/>
      <c r="G2962" s="150"/>
      <c r="H2962" s="150"/>
    </row>
    <row r="2963" spans="1:8">
      <c r="A2963" s="150"/>
      <c r="B2963" s="162" t="s">
        <v>12749</v>
      </c>
      <c r="C2963" s="1149" t="s">
        <v>11119</v>
      </c>
      <c r="D2963" s="1149" t="s">
        <v>11120</v>
      </c>
      <c r="E2963" s="1149" t="s">
        <v>11121</v>
      </c>
      <c r="F2963" s="1149" t="s">
        <v>10975</v>
      </c>
      <c r="G2963" s="150"/>
      <c r="H2963" s="150"/>
    </row>
    <row r="2964" spans="1:8">
      <c r="A2964" s="150"/>
      <c r="B2964" s="163" t="s">
        <v>12750</v>
      </c>
      <c r="C2964" s="1158"/>
      <c r="D2964" s="1158"/>
      <c r="E2964" s="1158"/>
      <c r="F2964" s="1158"/>
      <c r="G2964" s="150"/>
      <c r="H2964" s="150"/>
    </row>
    <row r="2965" spans="1:8" ht="51">
      <c r="A2965" s="150"/>
      <c r="B2965" s="164" t="s">
        <v>32723</v>
      </c>
      <c r="C2965" s="1150"/>
      <c r="D2965" s="1150"/>
      <c r="E2965" s="1150"/>
      <c r="F2965" s="1150"/>
      <c r="G2965" s="150"/>
      <c r="H2965" s="150"/>
    </row>
    <row r="2966" spans="1:8">
      <c r="A2966" s="150"/>
      <c r="B2966" s="162" t="s">
        <v>12751</v>
      </c>
      <c r="C2966" s="1149" t="s">
        <v>11124</v>
      </c>
      <c r="D2966" s="1149" t="s">
        <v>11125</v>
      </c>
      <c r="E2966" s="1149" t="s">
        <v>11126</v>
      </c>
      <c r="F2966" s="1149" t="s">
        <v>10975</v>
      </c>
      <c r="G2966" s="150"/>
      <c r="H2966" s="150"/>
    </row>
    <row r="2967" spans="1:8">
      <c r="A2967" s="150"/>
      <c r="B2967" s="163" t="s">
        <v>12750</v>
      </c>
      <c r="C2967" s="1158"/>
      <c r="D2967" s="1158"/>
      <c r="E2967" s="1158"/>
      <c r="F2967" s="1158"/>
      <c r="G2967" s="150"/>
      <c r="H2967" s="150"/>
    </row>
    <row r="2968" spans="1:8" ht="38.25">
      <c r="A2968" s="150"/>
      <c r="B2968" s="164" t="s">
        <v>12752</v>
      </c>
      <c r="C2968" s="1150"/>
      <c r="D2968" s="1150"/>
      <c r="E2968" s="1150"/>
      <c r="F2968" s="1150"/>
      <c r="G2968" s="150"/>
      <c r="H2968" s="150"/>
    </row>
    <row r="2969" spans="1:8">
      <c r="A2969" s="150"/>
      <c r="B2969" s="162" t="s">
        <v>12753</v>
      </c>
      <c r="C2969" s="1149" t="s">
        <v>11128</v>
      </c>
      <c r="D2969" s="1149" t="s">
        <v>11129</v>
      </c>
      <c r="E2969" s="1149" t="s">
        <v>11130</v>
      </c>
      <c r="F2969" s="1149" t="s">
        <v>10975</v>
      </c>
      <c r="G2969" s="150"/>
      <c r="H2969" s="150"/>
    </row>
    <row r="2970" spans="1:8">
      <c r="A2970" s="150"/>
      <c r="B2970" s="163" t="s">
        <v>12750</v>
      </c>
      <c r="C2970" s="1158"/>
      <c r="D2970" s="1158"/>
      <c r="E2970" s="1158"/>
      <c r="F2970" s="1158"/>
      <c r="G2970" s="150"/>
      <c r="H2970" s="150"/>
    </row>
    <row r="2971" spans="1:8" ht="51">
      <c r="A2971" s="150"/>
      <c r="B2971" s="164" t="s">
        <v>13596</v>
      </c>
      <c r="C2971" s="1150"/>
      <c r="D2971" s="1150"/>
      <c r="E2971" s="1150"/>
      <c r="F2971" s="1150"/>
      <c r="G2971" s="150"/>
      <c r="H2971" s="150"/>
    </row>
    <row r="2972" spans="1:8">
      <c r="A2972" s="150"/>
      <c r="B2972" s="162" t="s">
        <v>12754</v>
      </c>
      <c r="C2972" s="1149" t="s">
        <v>11133</v>
      </c>
      <c r="D2972" s="1149" t="s">
        <v>11134</v>
      </c>
      <c r="E2972" s="1149" t="s">
        <v>11135</v>
      </c>
      <c r="F2972" s="1149" t="s">
        <v>10975</v>
      </c>
      <c r="G2972" s="150"/>
      <c r="H2972" s="150"/>
    </row>
    <row r="2973" spans="1:8">
      <c r="A2973" s="150"/>
      <c r="B2973" s="163" t="s">
        <v>12750</v>
      </c>
      <c r="C2973" s="1158"/>
      <c r="D2973" s="1158"/>
      <c r="E2973" s="1158"/>
      <c r="F2973" s="1158"/>
      <c r="G2973" s="150"/>
      <c r="H2973" s="150"/>
    </row>
    <row r="2974" spans="1:8" ht="38.25">
      <c r="A2974" s="150"/>
      <c r="B2974" s="164" t="s">
        <v>12755</v>
      </c>
      <c r="C2974" s="1150"/>
      <c r="D2974" s="1150"/>
      <c r="E2974" s="1150"/>
      <c r="F2974" s="1150"/>
      <c r="G2974" s="150"/>
      <c r="H2974" s="150"/>
    </row>
    <row r="2975" spans="1:8">
      <c r="A2975" s="150"/>
      <c r="B2975" s="162" t="s">
        <v>12756</v>
      </c>
      <c r="C2975" s="1149" t="s">
        <v>11138</v>
      </c>
      <c r="D2975" s="1149" t="s">
        <v>11139</v>
      </c>
      <c r="E2975" s="1149" t="s">
        <v>11140</v>
      </c>
      <c r="F2975" s="1149" t="s">
        <v>10975</v>
      </c>
      <c r="G2975" s="150"/>
      <c r="H2975" s="150"/>
    </row>
    <row r="2976" spans="1:8">
      <c r="A2976" s="150"/>
      <c r="B2976" s="163" t="s">
        <v>12750</v>
      </c>
      <c r="C2976" s="1158"/>
      <c r="D2976" s="1158"/>
      <c r="E2976" s="1158"/>
      <c r="F2976" s="1158"/>
      <c r="G2976" s="150"/>
      <c r="H2976" s="150"/>
    </row>
    <row r="2977" spans="1:8" ht="38.25">
      <c r="A2977" s="150"/>
      <c r="B2977" s="164" t="s">
        <v>12757</v>
      </c>
      <c r="C2977" s="1150"/>
      <c r="D2977" s="1150"/>
      <c r="E2977" s="1150"/>
      <c r="F2977" s="1150"/>
      <c r="G2977" s="150"/>
      <c r="H2977" s="150"/>
    </row>
    <row r="2978" spans="1:8">
      <c r="A2978" s="150"/>
      <c r="B2978" s="162" t="s">
        <v>12758</v>
      </c>
      <c r="C2978" s="1149" t="s">
        <v>11143</v>
      </c>
      <c r="D2978" s="1149" t="s">
        <v>11144</v>
      </c>
      <c r="E2978" s="1149" t="s">
        <v>11145</v>
      </c>
      <c r="F2978" s="1149" t="s">
        <v>10975</v>
      </c>
      <c r="G2978" s="150"/>
      <c r="H2978" s="150"/>
    </row>
    <row r="2979" spans="1:8">
      <c r="A2979" s="150"/>
      <c r="B2979" s="163" t="s">
        <v>12750</v>
      </c>
      <c r="C2979" s="1158"/>
      <c r="D2979" s="1158"/>
      <c r="E2979" s="1158"/>
      <c r="F2979" s="1158"/>
      <c r="G2979" s="150"/>
      <c r="H2979" s="150"/>
    </row>
    <row r="2980" spans="1:8" ht="38.25">
      <c r="A2980" s="150"/>
      <c r="B2980" s="164" t="s">
        <v>12759</v>
      </c>
      <c r="C2980" s="1150"/>
      <c r="D2980" s="1150"/>
      <c r="E2980" s="1150"/>
      <c r="F2980" s="1150"/>
      <c r="G2980" s="150"/>
      <c r="H2980" s="150"/>
    </row>
    <row r="2981" spans="1:8">
      <c r="A2981" s="150"/>
      <c r="B2981" s="162" t="s">
        <v>12760</v>
      </c>
      <c r="C2981" s="1149" t="s">
        <v>11147</v>
      </c>
      <c r="D2981" s="1149" t="s">
        <v>11148</v>
      </c>
      <c r="E2981" s="1149" t="s">
        <v>11149</v>
      </c>
      <c r="F2981" s="1149" t="s">
        <v>10975</v>
      </c>
      <c r="G2981" s="150"/>
      <c r="H2981" s="150"/>
    </row>
    <row r="2982" spans="1:8">
      <c r="A2982" s="150"/>
      <c r="B2982" s="163" t="s">
        <v>12750</v>
      </c>
      <c r="C2982" s="1158"/>
      <c r="D2982" s="1158"/>
      <c r="E2982" s="1158"/>
      <c r="F2982" s="1158"/>
      <c r="G2982" s="150"/>
      <c r="H2982" s="150"/>
    </row>
    <row r="2983" spans="1:8" ht="25.5">
      <c r="A2983" s="150"/>
      <c r="B2983" s="164" t="s">
        <v>13597</v>
      </c>
      <c r="C2983" s="1150"/>
      <c r="D2983" s="1150"/>
      <c r="E2983" s="1150"/>
      <c r="F2983" s="1150"/>
      <c r="G2983" s="150"/>
      <c r="H2983" s="150"/>
    </row>
    <row r="2984" spans="1:8">
      <c r="A2984" s="150"/>
      <c r="B2984" s="162" t="s">
        <v>12761</v>
      </c>
      <c r="C2984" s="1149" t="s">
        <v>11151</v>
      </c>
      <c r="D2984" s="1149" t="s">
        <v>11152</v>
      </c>
      <c r="E2984" s="1149" t="s">
        <v>11153</v>
      </c>
      <c r="F2984" s="1149" t="s">
        <v>10975</v>
      </c>
      <c r="G2984" s="150"/>
      <c r="H2984" s="150"/>
    </row>
    <row r="2985" spans="1:8">
      <c r="A2985" s="150"/>
      <c r="B2985" s="163" t="s">
        <v>12750</v>
      </c>
      <c r="C2985" s="1158"/>
      <c r="D2985" s="1158"/>
      <c r="E2985" s="1158"/>
      <c r="F2985" s="1158"/>
      <c r="G2985" s="150"/>
      <c r="H2985" s="150"/>
    </row>
    <row r="2986" spans="1:8" ht="63.75">
      <c r="A2986" s="150"/>
      <c r="B2986" s="164" t="s">
        <v>13598</v>
      </c>
      <c r="C2986" s="1150"/>
      <c r="D2986" s="1150"/>
      <c r="E2986" s="1150"/>
      <c r="F2986" s="1150"/>
      <c r="G2986" s="150"/>
      <c r="H2986" s="150"/>
    </row>
    <row r="2987" spans="1:8">
      <c r="A2987" s="150"/>
      <c r="B2987" s="162" t="s">
        <v>32724</v>
      </c>
      <c r="C2987" s="1149" t="s">
        <v>11154</v>
      </c>
      <c r="D2987" s="1149" t="s">
        <v>11155</v>
      </c>
      <c r="E2987" s="1149" t="s">
        <v>11156</v>
      </c>
      <c r="F2987" s="1149" t="s">
        <v>10975</v>
      </c>
      <c r="G2987" s="150"/>
      <c r="H2987" s="150"/>
    </row>
    <row r="2988" spans="1:8">
      <c r="A2988" s="150"/>
      <c r="B2988" s="164" t="s">
        <v>12762</v>
      </c>
      <c r="C2988" s="1150"/>
      <c r="D2988" s="1150"/>
      <c r="E2988" s="1150"/>
      <c r="F2988" s="1150"/>
      <c r="G2988" s="150"/>
      <c r="H2988" s="150"/>
    </row>
    <row r="2989" spans="1:8">
      <c r="A2989" s="150"/>
      <c r="B2989" s="162" t="s">
        <v>12763</v>
      </c>
      <c r="C2989" s="1149" t="s">
        <v>11158</v>
      </c>
      <c r="D2989" s="1149" t="s">
        <v>11159</v>
      </c>
      <c r="E2989" s="1149" t="s">
        <v>11160</v>
      </c>
      <c r="F2989" s="1149" t="s">
        <v>10975</v>
      </c>
      <c r="G2989" s="150"/>
      <c r="H2989" s="150"/>
    </row>
    <row r="2990" spans="1:8">
      <c r="A2990" s="150"/>
      <c r="B2990" s="163" t="s">
        <v>12750</v>
      </c>
      <c r="C2990" s="1158"/>
      <c r="D2990" s="1158"/>
      <c r="E2990" s="1158"/>
      <c r="F2990" s="1158"/>
      <c r="G2990" s="150"/>
      <c r="H2990" s="150"/>
    </row>
    <row r="2991" spans="1:8" ht="51">
      <c r="A2991" s="150"/>
      <c r="B2991" s="164" t="s">
        <v>13599</v>
      </c>
      <c r="C2991" s="1150"/>
      <c r="D2991" s="1150"/>
      <c r="E2991" s="1150"/>
      <c r="F2991" s="1150"/>
      <c r="G2991" s="150"/>
      <c r="H2991" s="150"/>
    </row>
    <row r="2992" spans="1:8">
      <c r="A2992" s="150"/>
      <c r="B2992" s="162" t="s">
        <v>32725</v>
      </c>
      <c r="C2992" s="1149" t="s">
        <v>11161</v>
      </c>
      <c r="D2992" s="1149" t="s">
        <v>11162</v>
      </c>
      <c r="E2992" s="1149" t="s">
        <v>11163</v>
      </c>
      <c r="F2992" s="1149" t="s">
        <v>10975</v>
      </c>
      <c r="G2992" s="150"/>
      <c r="H2992" s="150"/>
    </row>
    <row r="2993" spans="1:8">
      <c r="A2993" s="150"/>
      <c r="B2993" s="163" t="s">
        <v>12750</v>
      </c>
      <c r="C2993" s="1158"/>
      <c r="D2993" s="1158"/>
      <c r="E2993" s="1158"/>
      <c r="F2993" s="1158"/>
      <c r="G2993" s="150"/>
      <c r="H2993" s="150"/>
    </row>
    <row r="2994" spans="1:8" ht="63.75">
      <c r="A2994" s="150"/>
      <c r="B2994" s="164" t="s">
        <v>13600</v>
      </c>
      <c r="C2994" s="1150"/>
      <c r="D2994" s="1150"/>
      <c r="E2994" s="1150"/>
      <c r="F2994" s="1150"/>
      <c r="G2994" s="150"/>
      <c r="H2994" s="150"/>
    </row>
    <row r="2995" spans="1:8">
      <c r="A2995" s="150"/>
      <c r="B2995" s="162" t="s">
        <v>12764</v>
      </c>
      <c r="C2995" s="1149" t="s">
        <v>11166</v>
      </c>
      <c r="D2995" s="1149" t="s">
        <v>11167</v>
      </c>
      <c r="E2995" s="1149" t="s">
        <v>11168</v>
      </c>
      <c r="F2995" s="1149" t="s">
        <v>10975</v>
      </c>
      <c r="G2995" s="150"/>
      <c r="H2995" s="150"/>
    </row>
    <row r="2996" spans="1:8">
      <c r="A2996" s="150"/>
      <c r="B2996" s="163" t="s">
        <v>12686</v>
      </c>
      <c r="C2996" s="1158"/>
      <c r="D2996" s="1158"/>
      <c r="E2996" s="1158"/>
      <c r="F2996" s="1158"/>
      <c r="G2996" s="150"/>
      <c r="H2996" s="150"/>
    </row>
    <row r="2997" spans="1:8" ht="51">
      <c r="A2997" s="150"/>
      <c r="B2997" s="164" t="s">
        <v>12765</v>
      </c>
      <c r="C2997" s="1150"/>
      <c r="D2997" s="1150"/>
      <c r="E2997" s="1150"/>
      <c r="F2997" s="1150"/>
      <c r="G2997" s="150"/>
      <c r="H2997" s="150"/>
    </row>
    <row r="2998" spans="1:8">
      <c r="A2998" s="150"/>
      <c r="B2998" s="162" t="s">
        <v>12766</v>
      </c>
      <c r="C2998" s="1149" t="s">
        <v>11170</v>
      </c>
      <c r="D2998" s="1149" t="s">
        <v>11171</v>
      </c>
      <c r="E2998" s="1149" t="s">
        <v>11172</v>
      </c>
      <c r="F2998" s="1149" t="s">
        <v>10975</v>
      </c>
      <c r="G2998" s="150"/>
      <c r="H2998" s="150"/>
    </row>
    <row r="2999" spans="1:8">
      <c r="A2999" s="150"/>
      <c r="B2999" s="164" t="s">
        <v>12693</v>
      </c>
      <c r="C2999" s="1150"/>
      <c r="D2999" s="1150"/>
      <c r="E2999" s="1150"/>
      <c r="F2999" s="1150"/>
      <c r="G2999" s="150"/>
      <c r="H2999" s="150"/>
    </row>
    <row r="3000" spans="1:8">
      <c r="A3000" s="150"/>
      <c r="B3000" s="162" t="s">
        <v>12767</v>
      </c>
      <c r="C3000" s="1149" t="s">
        <v>11174</v>
      </c>
      <c r="D3000" s="1149" t="s">
        <v>11175</v>
      </c>
      <c r="E3000" s="1149" t="s">
        <v>11176</v>
      </c>
      <c r="F3000" s="1149" t="s">
        <v>10975</v>
      </c>
      <c r="G3000" s="150"/>
      <c r="H3000" s="150"/>
    </row>
    <row r="3001" spans="1:8">
      <c r="A3001" s="150"/>
      <c r="B3001" s="164" t="s">
        <v>12693</v>
      </c>
      <c r="C3001" s="1150"/>
      <c r="D3001" s="1150"/>
      <c r="E3001" s="1150"/>
      <c r="F3001" s="1150"/>
      <c r="G3001" s="150"/>
      <c r="H3001" s="150"/>
    </row>
    <row r="3002" spans="1:8">
      <c r="A3002" s="150"/>
      <c r="B3002" s="162" t="s">
        <v>12768</v>
      </c>
      <c r="C3002" s="1149" t="s">
        <v>12770</v>
      </c>
      <c r="D3002" s="1149" t="s">
        <v>12771</v>
      </c>
      <c r="E3002" s="1149" t="s">
        <v>11181</v>
      </c>
      <c r="F3002" s="1149" t="s">
        <v>10975</v>
      </c>
      <c r="G3002" s="150"/>
      <c r="H3002" s="150"/>
    </row>
    <row r="3003" spans="1:8">
      <c r="A3003" s="150"/>
      <c r="B3003" s="163" t="s">
        <v>12691</v>
      </c>
      <c r="C3003" s="1158"/>
      <c r="D3003" s="1158"/>
      <c r="E3003" s="1158"/>
      <c r="F3003" s="1158"/>
      <c r="G3003" s="150"/>
      <c r="H3003" s="150"/>
    </row>
    <row r="3004" spans="1:8" ht="63.75">
      <c r="A3004" s="150"/>
      <c r="B3004" s="164" t="s">
        <v>12769</v>
      </c>
      <c r="C3004" s="1150"/>
      <c r="D3004" s="1150"/>
      <c r="E3004" s="1150"/>
      <c r="F3004" s="1150"/>
      <c r="G3004" s="150"/>
      <c r="H3004" s="150"/>
    </row>
    <row r="3005" spans="1:8" ht="25.5">
      <c r="A3005" s="150"/>
      <c r="B3005" s="162" t="s">
        <v>12772</v>
      </c>
      <c r="C3005" s="1149" t="s">
        <v>11183</v>
      </c>
      <c r="D3005" s="1149" t="s">
        <v>11184</v>
      </c>
      <c r="E3005" s="1149" t="s">
        <v>11185</v>
      </c>
      <c r="F3005" s="1149" t="s">
        <v>10975</v>
      </c>
      <c r="G3005" s="150"/>
      <c r="H3005" s="150"/>
    </row>
    <row r="3006" spans="1:8">
      <c r="A3006" s="150"/>
      <c r="B3006" s="163" t="s">
        <v>12773</v>
      </c>
      <c r="C3006" s="1158"/>
      <c r="D3006" s="1158"/>
      <c r="E3006" s="1158"/>
      <c r="F3006" s="1158"/>
      <c r="G3006" s="150"/>
      <c r="H3006" s="150"/>
    </row>
    <row r="3007" spans="1:8" ht="63.75">
      <c r="A3007" s="150"/>
      <c r="B3007" s="164" t="s">
        <v>13601</v>
      </c>
      <c r="C3007" s="1150"/>
      <c r="D3007" s="1150"/>
      <c r="E3007" s="1150"/>
      <c r="F3007" s="1150"/>
      <c r="G3007" s="150"/>
      <c r="H3007" s="150"/>
    </row>
    <row r="3008" spans="1:8" ht="25.5">
      <c r="A3008" s="150"/>
      <c r="B3008" s="162" t="s">
        <v>12774</v>
      </c>
      <c r="C3008" s="1149" t="s">
        <v>11187</v>
      </c>
      <c r="D3008" s="1149" t="s">
        <v>11188</v>
      </c>
      <c r="E3008" s="1149" t="s">
        <v>11189</v>
      </c>
      <c r="F3008" s="1149" t="s">
        <v>10975</v>
      </c>
      <c r="G3008" s="150"/>
      <c r="H3008" s="150"/>
    </row>
    <row r="3009" spans="1:8">
      <c r="A3009" s="150"/>
      <c r="B3009" s="163" t="s">
        <v>12773</v>
      </c>
      <c r="C3009" s="1158"/>
      <c r="D3009" s="1158"/>
      <c r="E3009" s="1158"/>
      <c r="F3009" s="1158"/>
      <c r="G3009" s="150"/>
      <c r="H3009" s="150"/>
    </row>
    <row r="3010" spans="1:8" ht="63.75">
      <c r="A3010" s="150"/>
      <c r="B3010" s="164" t="s">
        <v>13602</v>
      </c>
      <c r="C3010" s="1150"/>
      <c r="D3010" s="1150"/>
      <c r="E3010" s="1150"/>
      <c r="F3010" s="1150"/>
      <c r="G3010" s="150"/>
      <c r="H3010" s="150"/>
    </row>
    <row r="3011" spans="1:8" ht="25.5">
      <c r="A3011" s="150"/>
      <c r="B3011" s="162" t="s">
        <v>12775</v>
      </c>
      <c r="C3011" s="1149" t="s">
        <v>11191</v>
      </c>
      <c r="D3011" s="1149" t="s">
        <v>11192</v>
      </c>
      <c r="E3011" s="1149" t="s">
        <v>11193</v>
      </c>
      <c r="F3011" s="1149" t="s">
        <v>10975</v>
      </c>
      <c r="G3011" s="150"/>
      <c r="H3011" s="150"/>
    </row>
    <row r="3012" spans="1:8">
      <c r="A3012" s="150"/>
      <c r="B3012" s="163" t="s">
        <v>12773</v>
      </c>
      <c r="C3012" s="1158"/>
      <c r="D3012" s="1158"/>
      <c r="E3012" s="1158"/>
      <c r="F3012" s="1158"/>
      <c r="G3012" s="150"/>
      <c r="H3012" s="150"/>
    </row>
    <row r="3013" spans="1:8" ht="63.75">
      <c r="A3013" s="150"/>
      <c r="B3013" s="164" t="s">
        <v>13603</v>
      </c>
      <c r="C3013" s="1150"/>
      <c r="D3013" s="1150"/>
      <c r="E3013" s="1150"/>
      <c r="F3013" s="1150"/>
      <c r="G3013" s="150"/>
      <c r="H3013" s="150"/>
    </row>
    <row r="3014" spans="1:8" ht="25.5">
      <c r="A3014" s="150"/>
      <c r="B3014" s="162" t="s">
        <v>12776</v>
      </c>
      <c r="C3014" s="1149" t="s">
        <v>11196</v>
      </c>
      <c r="D3014" s="1149" t="s">
        <v>11197</v>
      </c>
      <c r="E3014" s="1149" t="s">
        <v>12778</v>
      </c>
      <c r="F3014" s="1149" t="s">
        <v>10975</v>
      </c>
      <c r="G3014" s="150"/>
      <c r="H3014" s="150"/>
    </row>
    <row r="3015" spans="1:8">
      <c r="A3015" s="150"/>
      <c r="B3015" s="163" t="s">
        <v>12711</v>
      </c>
      <c r="C3015" s="1158"/>
      <c r="D3015" s="1158"/>
      <c r="E3015" s="1158"/>
      <c r="F3015" s="1158"/>
      <c r="G3015" s="150"/>
      <c r="H3015" s="150"/>
    </row>
    <row r="3016" spans="1:8" ht="51">
      <c r="A3016" s="150"/>
      <c r="B3016" s="164" t="s">
        <v>12777</v>
      </c>
      <c r="C3016" s="1150"/>
      <c r="D3016" s="1150"/>
      <c r="E3016" s="1150"/>
      <c r="F3016" s="1150"/>
      <c r="G3016" s="150"/>
      <c r="H3016" s="150"/>
    </row>
    <row r="3017" spans="1:8">
      <c r="A3017" s="150"/>
      <c r="B3017" s="162" t="s">
        <v>12779</v>
      </c>
      <c r="C3017" s="1149" t="s">
        <v>11204</v>
      </c>
      <c r="D3017" s="1149" t="s">
        <v>11205</v>
      </c>
      <c r="E3017" s="1149" t="s">
        <v>11206</v>
      </c>
      <c r="F3017" s="1149" t="s">
        <v>10975</v>
      </c>
      <c r="G3017" s="150"/>
      <c r="H3017" s="150"/>
    </row>
    <row r="3018" spans="1:8">
      <c r="A3018" s="150"/>
      <c r="B3018" s="164" t="s">
        <v>12780</v>
      </c>
      <c r="C3018" s="1150"/>
      <c r="D3018" s="1150"/>
      <c r="E3018" s="1150"/>
      <c r="F3018" s="1150"/>
      <c r="G3018" s="150"/>
      <c r="H3018" s="150"/>
    </row>
    <row r="3019" spans="1:8">
      <c r="A3019" s="150"/>
      <c r="B3019" s="162" t="s">
        <v>12781</v>
      </c>
      <c r="C3019" s="1149" t="s">
        <v>11209</v>
      </c>
      <c r="D3019" s="1149" t="s">
        <v>11210</v>
      </c>
      <c r="E3019" s="1149" t="s">
        <v>11211</v>
      </c>
      <c r="F3019" s="1149" t="s">
        <v>10975</v>
      </c>
      <c r="G3019" s="150"/>
      <c r="H3019" s="150"/>
    </row>
    <row r="3020" spans="1:8">
      <c r="A3020" s="150"/>
      <c r="B3020" s="163" t="s">
        <v>12686</v>
      </c>
      <c r="C3020" s="1158"/>
      <c r="D3020" s="1158"/>
      <c r="E3020" s="1158"/>
      <c r="F3020" s="1158"/>
      <c r="G3020" s="150"/>
      <c r="H3020" s="150"/>
    </row>
    <row r="3021" spans="1:8" ht="76.5">
      <c r="A3021" s="150"/>
      <c r="B3021" s="164" t="s">
        <v>12782</v>
      </c>
      <c r="C3021" s="1150"/>
      <c r="D3021" s="1150"/>
      <c r="E3021" s="1150"/>
      <c r="F3021" s="1150"/>
      <c r="G3021" s="150"/>
      <c r="H3021" s="150"/>
    </row>
    <row r="3022" spans="1:8">
      <c r="A3022" s="150"/>
      <c r="B3022" s="162" t="s">
        <v>12783</v>
      </c>
      <c r="C3022" s="1149" t="s">
        <v>11214</v>
      </c>
      <c r="D3022" s="1149" t="s">
        <v>11215</v>
      </c>
      <c r="E3022" s="1149" t="s">
        <v>11216</v>
      </c>
      <c r="F3022" s="1149" t="s">
        <v>10975</v>
      </c>
      <c r="G3022" s="150"/>
      <c r="H3022" s="150"/>
    </row>
    <row r="3023" spans="1:8">
      <c r="A3023" s="150"/>
      <c r="B3023" s="163" t="s">
        <v>12689</v>
      </c>
      <c r="C3023" s="1158"/>
      <c r="D3023" s="1158"/>
      <c r="E3023" s="1158"/>
      <c r="F3023" s="1158"/>
      <c r="G3023" s="150"/>
      <c r="H3023" s="150"/>
    </row>
    <row r="3024" spans="1:8" ht="76.5">
      <c r="A3024" s="150"/>
      <c r="B3024" s="164" t="s">
        <v>12784</v>
      </c>
      <c r="C3024" s="1150"/>
      <c r="D3024" s="1150"/>
      <c r="E3024" s="1150"/>
      <c r="F3024" s="1150"/>
      <c r="G3024" s="150"/>
      <c r="H3024" s="150"/>
    </row>
    <row r="3025" spans="1:8">
      <c r="A3025" s="150"/>
      <c r="B3025" s="162" t="s">
        <v>12785</v>
      </c>
      <c r="C3025" s="1149" t="s">
        <v>11233</v>
      </c>
      <c r="D3025" s="1149" t="s">
        <v>11234</v>
      </c>
      <c r="E3025" s="1149" t="s">
        <v>11235</v>
      </c>
      <c r="F3025" s="1149" t="s">
        <v>10670</v>
      </c>
      <c r="G3025" s="150"/>
      <c r="H3025" s="150"/>
    </row>
    <row r="3026" spans="1:8">
      <c r="A3026" s="150"/>
      <c r="B3026" s="163" t="s">
        <v>12786</v>
      </c>
      <c r="C3026" s="1158"/>
      <c r="D3026" s="1158"/>
      <c r="E3026" s="1158"/>
      <c r="F3026" s="1158"/>
      <c r="G3026" s="150"/>
      <c r="H3026" s="150"/>
    </row>
    <row r="3027" spans="1:8" ht="63.75">
      <c r="A3027" s="150"/>
      <c r="B3027" s="164" t="s">
        <v>13604</v>
      </c>
      <c r="C3027" s="1150"/>
      <c r="D3027" s="1150"/>
      <c r="E3027" s="1150"/>
      <c r="F3027" s="1150"/>
      <c r="G3027" s="150"/>
      <c r="H3027" s="150"/>
    </row>
    <row r="3028" spans="1:8">
      <c r="A3028" s="150"/>
      <c r="B3028" s="162" t="s">
        <v>12787</v>
      </c>
      <c r="C3028" s="1149" t="s">
        <v>11237</v>
      </c>
      <c r="D3028" s="1149" t="s">
        <v>11238</v>
      </c>
      <c r="E3028" s="1149" t="s">
        <v>11239</v>
      </c>
      <c r="F3028" s="1149" t="s">
        <v>10670</v>
      </c>
      <c r="G3028" s="150"/>
      <c r="H3028" s="150"/>
    </row>
    <row r="3029" spans="1:8" ht="102">
      <c r="A3029" s="150"/>
      <c r="B3029" s="164" t="s">
        <v>32726</v>
      </c>
      <c r="C3029" s="1150"/>
      <c r="D3029" s="1150"/>
      <c r="E3029" s="1150"/>
      <c r="F3029" s="1150"/>
      <c r="G3029" s="150"/>
      <c r="H3029" s="150"/>
    </row>
    <row r="3030" spans="1:8">
      <c r="A3030" s="150"/>
      <c r="B3030" s="162" t="s">
        <v>12788</v>
      </c>
      <c r="C3030" s="1149" t="s">
        <v>11241</v>
      </c>
      <c r="D3030" s="1149" t="s">
        <v>11242</v>
      </c>
      <c r="E3030" s="1149" t="s">
        <v>11243</v>
      </c>
      <c r="F3030" s="1149" t="s">
        <v>10670</v>
      </c>
      <c r="G3030" s="150"/>
      <c r="H3030" s="150"/>
    </row>
    <row r="3031" spans="1:8" ht="127.5">
      <c r="A3031" s="150"/>
      <c r="B3031" s="164" t="s">
        <v>32727</v>
      </c>
      <c r="C3031" s="1150"/>
      <c r="D3031" s="1150"/>
      <c r="E3031" s="1150"/>
      <c r="F3031" s="1150"/>
      <c r="G3031" s="150"/>
      <c r="H3031" s="150"/>
    </row>
    <row r="3032" spans="1:8">
      <c r="A3032" s="150"/>
      <c r="B3032" s="162" t="s">
        <v>12789</v>
      </c>
      <c r="C3032" s="1149" t="s">
        <v>11245</v>
      </c>
      <c r="D3032" s="1149" t="s">
        <v>11246</v>
      </c>
      <c r="E3032" s="1149" t="s">
        <v>11247</v>
      </c>
      <c r="F3032" s="1149" t="s">
        <v>10670</v>
      </c>
      <c r="G3032" s="150"/>
      <c r="H3032" s="150"/>
    </row>
    <row r="3033" spans="1:8" ht="127.5">
      <c r="A3033" s="150"/>
      <c r="B3033" s="164" t="s">
        <v>32728</v>
      </c>
      <c r="C3033" s="1150"/>
      <c r="D3033" s="1150"/>
      <c r="E3033" s="1150"/>
      <c r="F3033" s="1150"/>
      <c r="G3033" s="150"/>
      <c r="H3033" s="150"/>
    </row>
    <row r="3034" spans="1:8">
      <c r="A3034" s="150"/>
      <c r="B3034" s="162" t="s">
        <v>12790</v>
      </c>
      <c r="C3034" s="1149" t="s">
        <v>11253</v>
      </c>
      <c r="D3034" s="1149" t="s">
        <v>11254</v>
      </c>
      <c r="E3034" s="1149" t="s">
        <v>11255</v>
      </c>
      <c r="F3034" s="1149" t="s">
        <v>10670</v>
      </c>
      <c r="G3034" s="150"/>
      <c r="H3034" s="150"/>
    </row>
    <row r="3035" spans="1:8" ht="127.5">
      <c r="A3035" s="150"/>
      <c r="B3035" s="164" t="s">
        <v>32729</v>
      </c>
      <c r="C3035" s="1150"/>
      <c r="D3035" s="1150"/>
      <c r="E3035" s="1150"/>
      <c r="F3035" s="1150"/>
      <c r="G3035" s="150"/>
      <c r="H3035" s="150"/>
    </row>
    <row r="3036" spans="1:8" ht="25.5">
      <c r="A3036" s="150"/>
      <c r="B3036" s="162" t="s">
        <v>12791</v>
      </c>
      <c r="C3036" s="1149" t="s">
        <v>11257</v>
      </c>
      <c r="D3036" s="1149" t="s">
        <v>11258</v>
      </c>
      <c r="E3036" s="1149" t="s">
        <v>11259</v>
      </c>
      <c r="F3036" s="1149" t="s">
        <v>10670</v>
      </c>
      <c r="G3036" s="150"/>
      <c r="H3036" s="150"/>
    </row>
    <row r="3037" spans="1:8" ht="102">
      <c r="A3037" s="150"/>
      <c r="B3037" s="164" t="s">
        <v>32730</v>
      </c>
      <c r="C3037" s="1150"/>
      <c r="D3037" s="1150"/>
      <c r="E3037" s="1150"/>
      <c r="F3037" s="1150"/>
      <c r="G3037" s="150"/>
      <c r="H3037" s="150"/>
    </row>
    <row r="3038" spans="1:8">
      <c r="A3038" s="150"/>
      <c r="B3038" s="162" t="s">
        <v>12792</v>
      </c>
      <c r="C3038" s="1149" t="s">
        <v>11261</v>
      </c>
      <c r="D3038" s="1149" t="s">
        <v>11262</v>
      </c>
      <c r="E3038" s="1149" t="s">
        <v>11263</v>
      </c>
      <c r="F3038" s="1149" t="s">
        <v>10670</v>
      </c>
      <c r="G3038" s="150"/>
      <c r="H3038" s="150"/>
    </row>
    <row r="3039" spans="1:8">
      <c r="A3039" s="150"/>
      <c r="B3039" s="163" t="s">
        <v>12793</v>
      </c>
      <c r="C3039" s="1158"/>
      <c r="D3039" s="1158"/>
      <c r="E3039" s="1158"/>
      <c r="F3039" s="1158"/>
      <c r="G3039" s="150"/>
      <c r="H3039" s="150"/>
    </row>
    <row r="3040" spans="1:8" ht="51">
      <c r="A3040" s="150"/>
      <c r="B3040" s="164" t="s">
        <v>32731</v>
      </c>
      <c r="C3040" s="1150"/>
      <c r="D3040" s="1150"/>
      <c r="E3040" s="1150"/>
      <c r="F3040" s="1150"/>
      <c r="G3040" s="150"/>
      <c r="H3040" s="150"/>
    </row>
    <row r="3041" spans="1:8">
      <c r="A3041" s="150"/>
      <c r="B3041" s="1159" t="s">
        <v>8508</v>
      </c>
      <c r="C3041" s="1160"/>
      <c r="D3041" s="1160"/>
      <c r="E3041" s="1160"/>
      <c r="F3041" s="1161"/>
      <c r="G3041" s="150"/>
      <c r="H3041" s="150"/>
    </row>
    <row r="3042" spans="1:8" ht="25.5">
      <c r="A3042" s="150"/>
      <c r="B3042" s="162" t="s">
        <v>32171</v>
      </c>
      <c r="C3042" s="1149" t="s">
        <v>9604</v>
      </c>
      <c r="D3042" s="1149" t="s">
        <v>9605</v>
      </c>
      <c r="E3042" s="1149" t="s">
        <v>9606</v>
      </c>
      <c r="F3042" s="1163" t="s">
        <v>32732</v>
      </c>
      <c r="G3042" s="150"/>
      <c r="H3042" s="150"/>
    </row>
    <row r="3043" spans="1:8" ht="63.75">
      <c r="A3043" s="150"/>
      <c r="B3043" s="164" t="s">
        <v>32173</v>
      </c>
      <c r="C3043" s="1150"/>
      <c r="D3043" s="1150"/>
      <c r="E3043" s="1150"/>
      <c r="F3043" s="1164"/>
      <c r="G3043" s="150"/>
      <c r="H3043" s="150"/>
    </row>
    <row r="3044" spans="1:8">
      <c r="A3044" s="150"/>
      <c r="B3044" s="162" t="s">
        <v>9607</v>
      </c>
      <c r="C3044" s="1149" t="s">
        <v>9608</v>
      </c>
      <c r="D3044" s="1149" t="s">
        <v>9609</v>
      </c>
      <c r="E3044" s="1149" t="s">
        <v>9610</v>
      </c>
      <c r="F3044" s="1163" t="s">
        <v>32732</v>
      </c>
      <c r="G3044" s="150"/>
      <c r="H3044" s="150"/>
    </row>
    <row r="3045" spans="1:8" ht="63.75">
      <c r="A3045" s="150"/>
      <c r="B3045" s="164" t="s">
        <v>32174</v>
      </c>
      <c r="C3045" s="1150"/>
      <c r="D3045" s="1150"/>
      <c r="E3045" s="1150"/>
      <c r="F3045" s="1164"/>
      <c r="G3045" s="150"/>
      <c r="H3045" s="150"/>
    </row>
    <row r="3046" spans="1:8" ht="25.5">
      <c r="A3046" s="150"/>
      <c r="B3046" s="162" t="s">
        <v>32175</v>
      </c>
      <c r="C3046" s="1149" t="s">
        <v>9611</v>
      </c>
      <c r="D3046" s="1149" t="s">
        <v>9612</v>
      </c>
      <c r="E3046" s="1149" t="s">
        <v>9613</v>
      </c>
      <c r="F3046" s="1163" t="s">
        <v>32732</v>
      </c>
      <c r="G3046" s="150"/>
      <c r="H3046" s="150"/>
    </row>
    <row r="3047" spans="1:8" ht="63.75">
      <c r="A3047" s="150"/>
      <c r="B3047" s="164" t="s">
        <v>32176</v>
      </c>
      <c r="C3047" s="1150"/>
      <c r="D3047" s="1150"/>
      <c r="E3047" s="1150"/>
      <c r="F3047" s="1164"/>
      <c r="G3047" s="150"/>
      <c r="H3047" s="150"/>
    </row>
    <row r="3048" spans="1:8" ht="25.5">
      <c r="A3048" s="150"/>
      <c r="B3048" s="162" t="s">
        <v>32177</v>
      </c>
      <c r="C3048" s="1149" t="s">
        <v>9614</v>
      </c>
      <c r="D3048" s="1149" t="s">
        <v>9615</v>
      </c>
      <c r="E3048" s="1149" t="s">
        <v>9616</v>
      </c>
      <c r="F3048" s="1163" t="s">
        <v>32732</v>
      </c>
      <c r="G3048" s="150"/>
      <c r="H3048" s="150"/>
    </row>
    <row r="3049" spans="1:8" ht="63.75">
      <c r="A3049" s="150"/>
      <c r="B3049" s="164" t="s">
        <v>32178</v>
      </c>
      <c r="C3049" s="1150"/>
      <c r="D3049" s="1150"/>
      <c r="E3049" s="1150"/>
      <c r="F3049" s="1164"/>
      <c r="G3049" s="150"/>
      <c r="H3049" s="150"/>
    </row>
    <row r="3050" spans="1:8" ht="25.5">
      <c r="A3050" s="150"/>
      <c r="B3050" s="162" t="s">
        <v>32179</v>
      </c>
      <c r="C3050" s="1149" t="s">
        <v>9617</v>
      </c>
      <c r="D3050" s="1149" t="s">
        <v>9618</v>
      </c>
      <c r="E3050" s="1149" t="s">
        <v>9619</v>
      </c>
      <c r="F3050" s="1163" t="s">
        <v>32732</v>
      </c>
      <c r="G3050" s="150"/>
      <c r="H3050" s="150"/>
    </row>
    <row r="3051" spans="1:8" ht="63.75">
      <c r="A3051" s="150"/>
      <c r="B3051" s="164" t="s">
        <v>32180</v>
      </c>
      <c r="C3051" s="1150"/>
      <c r="D3051" s="1150"/>
      <c r="E3051" s="1150"/>
      <c r="F3051" s="1164"/>
      <c r="G3051" s="150"/>
      <c r="H3051" s="150"/>
    </row>
    <row r="3052" spans="1:8" ht="25.5">
      <c r="A3052" s="150"/>
      <c r="B3052" s="162" t="s">
        <v>32181</v>
      </c>
      <c r="C3052" s="1149" t="s">
        <v>9620</v>
      </c>
      <c r="D3052" s="1149" t="s">
        <v>9621</v>
      </c>
      <c r="E3052" s="1149" t="s">
        <v>9622</v>
      </c>
      <c r="F3052" s="1163" t="s">
        <v>32732</v>
      </c>
      <c r="G3052" s="150"/>
      <c r="H3052" s="150"/>
    </row>
    <row r="3053" spans="1:8" ht="63.75">
      <c r="A3053" s="150"/>
      <c r="B3053" s="164" t="s">
        <v>32182</v>
      </c>
      <c r="C3053" s="1150"/>
      <c r="D3053" s="1150"/>
      <c r="E3053" s="1150"/>
      <c r="F3053" s="1164"/>
      <c r="G3053" s="150"/>
      <c r="H3053" s="150"/>
    </row>
    <row r="3054" spans="1:8">
      <c r="A3054" s="150"/>
      <c r="B3054" s="162" t="s">
        <v>32183</v>
      </c>
      <c r="C3054" s="1149" t="s">
        <v>9623</v>
      </c>
      <c r="D3054" s="1149" t="s">
        <v>9624</v>
      </c>
      <c r="E3054" s="1149" t="s">
        <v>9625</v>
      </c>
      <c r="F3054" s="1163" t="s">
        <v>32732</v>
      </c>
      <c r="G3054" s="150"/>
      <c r="H3054" s="150"/>
    </row>
    <row r="3055" spans="1:8" ht="63.75">
      <c r="A3055" s="150"/>
      <c r="B3055" s="164" t="s">
        <v>32184</v>
      </c>
      <c r="C3055" s="1150"/>
      <c r="D3055" s="1150"/>
      <c r="E3055" s="1150"/>
      <c r="F3055" s="1164"/>
      <c r="G3055" s="150"/>
      <c r="H3055" s="150"/>
    </row>
    <row r="3056" spans="1:8" ht="25.5">
      <c r="A3056" s="150"/>
      <c r="B3056" s="162" t="s">
        <v>9626</v>
      </c>
      <c r="C3056" s="1149" t="s">
        <v>9628</v>
      </c>
      <c r="D3056" s="1149" t="s">
        <v>9629</v>
      </c>
      <c r="E3056" s="1149" t="s">
        <v>9630</v>
      </c>
      <c r="F3056" s="1163" t="s">
        <v>32732</v>
      </c>
      <c r="G3056" s="150"/>
      <c r="H3056" s="150"/>
    </row>
    <row r="3057" spans="1:8" ht="51">
      <c r="A3057" s="150"/>
      <c r="B3057" s="164" t="s">
        <v>9627</v>
      </c>
      <c r="C3057" s="1150"/>
      <c r="D3057" s="1150"/>
      <c r="E3057" s="1150"/>
      <c r="F3057" s="1164"/>
      <c r="G3057" s="150"/>
      <c r="H3057" s="150"/>
    </row>
    <row r="3058" spans="1:8" ht="25.5">
      <c r="A3058" s="150"/>
      <c r="B3058" s="162" t="s">
        <v>9631</v>
      </c>
      <c r="C3058" s="1149" t="s">
        <v>9632</v>
      </c>
      <c r="D3058" s="1149" t="s">
        <v>9633</v>
      </c>
      <c r="E3058" s="1149" t="s">
        <v>9634</v>
      </c>
      <c r="F3058" s="1163" t="s">
        <v>32732</v>
      </c>
      <c r="G3058" s="150"/>
      <c r="H3058" s="150"/>
    </row>
    <row r="3059" spans="1:8" ht="63.75">
      <c r="A3059" s="150"/>
      <c r="B3059" s="164" t="s">
        <v>32185</v>
      </c>
      <c r="C3059" s="1150"/>
      <c r="D3059" s="1150"/>
      <c r="E3059" s="1150"/>
      <c r="F3059" s="1164"/>
      <c r="G3059" s="150"/>
      <c r="H3059" s="150"/>
    </row>
    <row r="3060" spans="1:8" ht="25.5">
      <c r="A3060" s="150"/>
      <c r="B3060" s="162" t="s">
        <v>9635</v>
      </c>
      <c r="C3060" s="1149" t="s">
        <v>9637</v>
      </c>
      <c r="D3060" s="1149" t="s">
        <v>9638</v>
      </c>
      <c r="E3060" s="1149" t="s">
        <v>9639</v>
      </c>
      <c r="F3060" s="1163" t="s">
        <v>32732</v>
      </c>
      <c r="G3060" s="150"/>
      <c r="H3060" s="150"/>
    </row>
    <row r="3061" spans="1:8" ht="63.75">
      <c r="A3061" s="150"/>
      <c r="B3061" s="164" t="s">
        <v>9636</v>
      </c>
      <c r="C3061" s="1150"/>
      <c r="D3061" s="1150"/>
      <c r="E3061" s="1150"/>
      <c r="F3061" s="1164"/>
      <c r="G3061" s="150"/>
      <c r="H3061" s="150"/>
    </row>
    <row r="3062" spans="1:8" ht="25.5">
      <c r="A3062" s="150"/>
      <c r="B3062" s="162" t="s">
        <v>9640</v>
      </c>
      <c r="C3062" s="1149" t="s">
        <v>9641</v>
      </c>
      <c r="D3062" s="1149" t="s">
        <v>9642</v>
      </c>
      <c r="E3062" s="1149" t="s">
        <v>9643</v>
      </c>
      <c r="F3062" s="1163" t="s">
        <v>32732</v>
      </c>
      <c r="G3062" s="150"/>
      <c r="H3062" s="150"/>
    </row>
    <row r="3063" spans="1:8" ht="63.75">
      <c r="A3063" s="150"/>
      <c r="B3063" s="164" t="s">
        <v>32186</v>
      </c>
      <c r="C3063" s="1150"/>
      <c r="D3063" s="1150"/>
      <c r="E3063" s="1150"/>
      <c r="F3063" s="1164"/>
      <c r="G3063" s="150"/>
      <c r="H3063" s="150"/>
    </row>
    <row r="3064" spans="1:8" ht="25.5">
      <c r="A3064" s="150"/>
      <c r="B3064" s="162" t="s">
        <v>9644</v>
      </c>
      <c r="C3064" s="1149" t="s">
        <v>9645</v>
      </c>
      <c r="D3064" s="1149" t="s">
        <v>9646</v>
      </c>
      <c r="E3064" s="1149" t="s">
        <v>9647</v>
      </c>
      <c r="F3064" s="1163" t="s">
        <v>32732</v>
      </c>
      <c r="G3064" s="150"/>
      <c r="H3064" s="150"/>
    </row>
    <row r="3065" spans="1:8" ht="63.75">
      <c r="A3065" s="150"/>
      <c r="B3065" s="164" t="s">
        <v>32187</v>
      </c>
      <c r="C3065" s="1150"/>
      <c r="D3065" s="1150"/>
      <c r="E3065" s="1150"/>
      <c r="F3065" s="1164"/>
      <c r="G3065" s="150"/>
      <c r="H3065" s="150"/>
    </row>
    <row r="3066" spans="1:8">
      <c r="A3066" s="150"/>
      <c r="B3066" s="162" t="s">
        <v>9648</v>
      </c>
      <c r="C3066" s="1149" t="s">
        <v>9649</v>
      </c>
      <c r="D3066" s="1149" t="s">
        <v>9650</v>
      </c>
      <c r="E3066" s="1149" t="s">
        <v>9651</v>
      </c>
      <c r="F3066" s="1163" t="s">
        <v>32732</v>
      </c>
      <c r="G3066" s="150"/>
      <c r="H3066" s="150"/>
    </row>
    <row r="3067" spans="1:8" ht="63.75">
      <c r="A3067" s="150"/>
      <c r="B3067" s="164" t="s">
        <v>32188</v>
      </c>
      <c r="C3067" s="1150"/>
      <c r="D3067" s="1150"/>
      <c r="E3067" s="1150"/>
      <c r="F3067" s="1164"/>
      <c r="G3067" s="150"/>
      <c r="H3067" s="150"/>
    </row>
    <row r="3068" spans="1:8" ht="25.5">
      <c r="A3068" s="150"/>
      <c r="B3068" s="195" t="s">
        <v>32189</v>
      </c>
      <c r="C3068" s="196" t="s">
        <v>9652</v>
      </c>
      <c r="D3068" s="196" t="s">
        <v>9653</v>
      </c>
      <c r="E3068" s="196" t="s">
        <v>9654</v>
      </c>
      <c r="F3068" s="194" t="s">
        <v>32732</v>
      </c>
      <c r="G3068" s="150"/>
      <c r="H3068" s="150"/>
    </row>
    <row r="3069" spans="1:8" ht="38.25">
      <c r="A3069" s="150"/>
      <c r="B3069" s="162" t="s">
        <v>9655</v>
      </c>
      <c r="C3069" s="1149" t="s">
        <v>9656</v>
      </c>
      <c r="D3069" s="1149" t="s">
        <v>9657</v>
      </c>
      <c r="E3069" s="1149" t="s">
        <v>9658</v>
      </c>
      <c r="F3069" s="1163" t="s">
        <v>32732</v>
      </c>
      <c r="G3069" s="150"/>
      <c r="H3069" s="150"/>
    </row>
    <row r="3070" spans="1:8" ht="63.75">
      <c r="A3070" s="150"/>
      <c r="B3070" s="164" t="s">
        <v>32190</v>
      </c>
      <c r="C3070" s="1150"/>
      <c r="D3070" s="1150"/>
      <c r="E3070" s="1150"/>
      <c r="F3070" s="1164"/>
      <c r="G3070" s="150"/>
      <c r="H3070" s="150"/>
    </row>
    <row r="3071" spans="1:8" ht="25.5">
      <c r="A3071" s="150"/>
      <c r="B3071" s="162" t="s">
        <v>9659</v>
      </c>
      <c r="C3071" s="1149" t="s">
        <v>9660</v>
      </c>
      <c r="D3071" s="1149" t="s">
        <v>9661</v>
      </c>
      <c r="E3071" s="1149" t="s">
        <v>9662</v>
      </c>
      <c r="F3071" s="1163" t="s">
        <v>32732</v>
      </c>
      <c r="G3071" s="150"/>
      <c r="H3071" s="150"/>
    </row>
    <row r="3072" spans="1:8" ht="51">
      <c r="A3072" s="150"/>
      <c r="B3072" s="164" t="s">
        <v>32191</v>
      </c>
      <c r="C3072" s="1150"/>
      <c r="D3072" s="1150"/>
      <c r="E3072" s="1150"/>
      <c r="F3072" s="1164"/>
      <c r="G3072" s="150"/>
      <c r="H3072" s="150"/>
    </row>
    <row r="3073" spans="1:8" ht="38.25">
      <c r="A3073" s="150"/>
      <c r="B3073" s="162" t="s">
        <v>9663</v>
      </c>
      <c r="C3073" s="1149" t="s">
        <v>9664</v>
      </c>
      <c r="D3073" s="1149" t="s">
        <v>9665</v>
      </c>
      <c r="E3073" s="1149" t="s">
        <v>9666</v>
      </c>
      <c r="F3073" s="1163" t="s">
        <v>32732</v>
      </c>
      <c r="G3073" s="150"/>
      <c r="H3073" s="150"/>
    </row>
    <row r="3074" spans="1:8" ht="76.5">
      <c r="A3074" s="150"/>
      <c r="B3074" s="164" t="s">
        <v>32192</v>
      </c>
      <c r="C3074" s="1150"/>
      <c r="D3074" s="1150"/>
      <c r="E3074" s="1150"/>
      <c r="F3074" s="1164"/>
      <c r="G3074" s="150"/>
      <c r="H3074" s="150"/>
    </row>
    <row r="3075" spans="1:8" ht="25.5">
      <c r="A3075" s="150"/>
      <c r="B3075" s="162" t="s">
        <v>9667</v>
      </c>
      <c r="C3075" s="1149" t="s">
        <v>9668</v>
      </c>
      <c r="D3075" s="1149" t="s">
        <v>9669</v>
      </c>
      <c r="E3075" s="1149" t="s">
        <v>9670</v>
      </c>
      <c r="F3075" s="1163" t="s">
        <v>32732</v>
      </c>
      <c r="G3075" s="150"/>
      <c r="H3075" s="150"/>
    </row>
    <row r="3076" spans="1:8" ht="63.75">
      <c r="A3076" s="150"/>
      <c r="B3076" s="164" t="s">
        <v>32193</v>
      </c>
      <c r="C3076" s="1150"/>
      <c r="D3076" s="1150"/>
      <c r="E3076" s="1150"/>
      <c r="F3076" s="1164"/>
      <c r="G3076" s="150"/>
      <c r="H3076" s="150"/>
    </row>
    <row r="3077" spans="1:8" ht="25.5">
      <c r="A3077" s="150"/>
      <c r="B3077" s="162" t="s">
        <v>32194</v>
      </c>
      <c r="C3077" s="1149" t="s">
        <v>9671</v>
      </c>
      <c r="D3077" s="1149" t="s">
        <v>9672</v>
      </c>
      <c r="E3077" s="1149" t="s">
        <v>9673</v>
      </c>
      <c r="F3077" s="1163" t="s">
        <v>32732</v>
      </c>
      <c r="G3077" s="150"/>
      <c r="H3077" s="150"/>
    </row>
    <row r="3078" spans="1:8" ht="76.5">
      <c r="A3078" s="150"/>
      <c r="B3078" s="164" t="s">
        <v>32195</v>
      </c>
      <c r="C3078" s="1150"/>
      <c r="D3078" s="1150"/>
      <c r="E3078" s="1150"/>
      <c r="F3078" s="1164"/>
      <c r="G3078" s="150"/>
      <c r="H3078" s="150"/>
    </row>
    <row r="3079" spans="1:8" ht="25.5">
      <c r="A3079" s="150"/>
      <c r="B3079" s="162" t="s">
        <v>32196</v>
      </c>
      <c r="C3079" s="1149" t="s">
        <v>9674</v>
      </c>
      <c r="D3079" s="1149" t="s">
        <v>9675</v>
      </c>
      <c r="E3079" s="1149" t="s">
        <v>9676</v>
      </c>
      <c r="F3079" s="1163" t="s">
        <v>32732</v>
      </c>
      <c r="G3079" s="150"/>
      <c r="H3079" s="150"/>
    </row>
    <row r="3080" spans="1:8" ht="76.5">
      <c r="A3080" s="150"/>
      <c r="B3080" s="164" t="s">
        <v>32197</v>
      </c>
      <c r="C3080" s="1150"/>
      <c r="D3080" s="1150"/>
      <c r="E3080" s="1150"/>
      <c r="F3080" s="1164"/>
      <c r="G3080" s="150"/>
      <c r="H3080" s="150"/>
    </row>
    <row r="3081" spans="1:8" ht="25.5">
      <c r="A3081" s="150"/>
      <c r="B3081" s="162" t="s">
        <v>9677</v>
      </c>
      <c r="C3081" s="1149" t="s">
        <v>9678</v>
      </c>
      <c r="D3081" s="1149" t="s">
        <v>9679</v>
      </c>
      <c r="E3081" s="1149" t="s">
        <v>9680</v>
      </c>
      <c r="F3081" s="1163" t="s">
        <v>32732</v>
      </c>
      <c r="G3081" s="150"/>
      <c r="H3081" s="150"/>
    </row>
    <row r="3082" spans="1:8" ht="51">
      <c r="A3082" s="150"/>
      <c r="B3082" s="164" t="s">
        <v>32198</v>
      </c>
      <c r="C3082" s="1150"/>
      <c r="D3082" s="1150"/>
      <c r="E3082" s="1150"/>
      <c r="F3082" s="1164"/>
      <c r="G3082" s="150"/>
      <c r="H3082" s="150"/>
    </row>
    <row r="3083" spans="1:8" ht="25.5">
      <c r="A3083" s="150"/>
      <c r="B3083" s="162" t="s">
        <v>32199</v>
      </c>
      <c r="C3083" s="1149" t="s">
        <v>9681</v>
      </c>
      <c r="D3083" s="1149" t="s">
        <v>9682</v>
      </c>
      <c r="E3083" s="1149" t="s">
        <v>9683</v>
      </c>
      <c r="F3083" s="1163" t="s">
        <v>32732</v>
      </c>
      <c r="G3083" s="150"/>
      <c r="H3083" s="150"/>
    </row>
    <row r="3084" spans="1:8" ht="51">
      <c r="A3084" s="150"/>
      <c r="B3084" s="164" t="s">
        <v>32200</v>
      </c>
      <c r="C3084" s="1150"/>
      <c r="D3084" s="1150"/>
      <c r="E3084" s="1150"/>
      <c r="F3084" s="1164"/>
      <c r="G3084" s="150"/>
      <c r="H3084" s="150"/>
    </row>
    <row r="3085" spans="1:8" ht="25.5">
      <c r="A3085" s="150"/>
      <c r="B3085" s="162" t="s">
        <v>9684</v>
      </c>
      <c r="C3085" s="1149" t="s">
        <v>9685</v>
      </c>
      <c r="D3085" s="1149" t="s">
        <v>9686</v>
      </c>
      <c r="E3085" s="1149" t="s">
        <v>9687</v>
      </c>
      <c r="F3085" s="1163" t="s">
        <v>32732</v>
      </c>
      <c r="G3085" s="150"/>
      <c r="H3085" s="150"/>
    </row>
    <row r="3086" spans="1:8" ht="51">
      <c r="A3086" s="150"/>
      <c r="B3086" s="164" t="s">
        <v>32201</v>
      </c>
      <c r="C3086" s="1150"/>
      <c r="D3086" s="1150"/>
      <c r="E3086" s="1150"/>
      <c r="F3086" s="1164"/>
      <c r="G3086" s="150"/>
      <c r="H3086" s="150"/>
    </row>
    <row r="3087" spans="1:8" ht="25.5">
      <c r="A3087" s="150"/>
      <c r="B3087" s="162" t="s">
        <v>9688</v>
      </c>
      <c r="C3087" s="1149" t="s">
        <v>9689</v>
      </c>
      <c r="D3087" s="1149" t="s">
        <v>9690</v>
      </c>
      <c r="E3087" s="1149" t="s">
        <v>9691</v>
      </c>
      <c r="F3087" s="1163" t="s">
        <v>32732</v>
      </c>
      <c r="G3087" s="150"/>
      <c r="H3087" s="150"/>
    </row>
    <row r="3088" spans="1:8" ht="76.5">
      <c r="A3088" s="150"/>
      <c r="B3088" s="164" t="s">
        <v>32202</v>
      </c>
      <c r="C3088" s="1150"/>
      <c r="D3088" s="1150"/>
      <c r="E3088" s="1150"/>
      <c r="F3088" s="1164"/>
      <c r="G3088" s="150"/>
      <c r="H3088" s="150"/>
    </row>
    <row r="3089" spans="1:8" ht="25.5">
      <c r="A3089" s="150"/>
      <c r="B3089" s="162" t="s">
        <v>9692</v>
      </c>
      <c r="C3089" s="1149" t="s">
        <v>9693</v>
      </c>
      <c r="D3089" s="1149" t="s">
        <v>9694</v>
      </c>
      <c r="E3089" s="1149" t="s">
        <v>9695</v>
      </c>
      <c r="F3089" s="1163" t="s">
        <v>32732</v>
      </c>
      <c r="G3089" s="150"/>
      <c r="H3089" s="150"/>
    </row>
    <row r="3090" spans="1:8" ht="51">
      <c r="A3090" s="150"/>
      <c r="B3090" s="164" t="s">
        <v>32203</v>
      </c>
      <c r="C3090" s="1150"/>
      <c r="D3090" s="1150"/>
      <c r="E3090" s="1150"/>
      <c r="F3090" s="1164"/>
      <c r="G3090" s="150"/>
      <c r="H3090" s="150"/>
    </row>
    <row r="3091" spans="1:8" ht="25.5">
      <c r="A3091" s="150"/>
      <c r="B3091" s="162" t="s">
        <v>32204</v>
      </c>
      <c r="C3091" s="1149" t="s">
        <v>9696</v>
      </c>
      <c r="D3091" s="1149" t="s">
        <v>9697</v>
      </c>
      <c r="E3091" s="1149" t="s">
        <v>9698</v>
      </c>
      <c r="F3091" s="1163" t="s">
        <v>32732</v>
      </c>
      <c r="G3091" s="150"/>
      <c r="H3091" s="150"/>
    </row>
    <row r="3092" spans="1:8" ht="63.75">
      <c r="A3092" s="150"/>
      <c r="B3092" s="164" t="s">
        <v>32205</v>
      </c>
      <c r="C3092" s="1150"/>
      <c r="D3092" s="1150"/>
      <c r="E3092" s="1150"/>
      <c r="F3092" s="1164"/>
      <c r="G3092" s="150"/>
      <c r="H3092" s="150"/>
    </row>
    <row r="3093" spans="1:8">
      <c r="A3093" s="150"/>
      <c r="B3093" s="162" t="s">
        <v>32206</v>
      </c>
      <c r="C3093" s="1149" t="s">
        <v>9699</v>
      </c>
      <c r="D3093" s="1149" t="s">
        <v>9700</v>
      </c>
      <c r="E3093" s="1149" t="s">
        <v>9701</v>
      </c>
      <c r="F3093" s="1163" t="s">
        <v>32732</v>
      </c>
      <c r="G3093" s="150"/>
      <c r="H3093" s="150"/>
    </row>
    <row r="3094" spans="1:8" ht="76.5">
      <c r="A3094" s="150"/>
      <c r="B3094" s="164" t="s">
        <v>32733</v>
      </c>
      <c r="C3094" s="1150"/>
      <c r="D3094" s="1150"/>
      <c r="E3094" s="1150"/>
      <c r="F3094" s="1164"/>
      <c r="G3094" s="150"/>
      <c r="H3094" s="150"/>
    </row>
    <row r="3095" spans="1:8">
      <c r="A3095" s="150"/>
      <c r="B3095" s="1159" t="s">
        <v>31587</v>
      </c>
      <c r="C3095" s="1160"/>
      <c r="D3095" s="1160"/>
      <c r="E3095" s="1160"/>
      <c r="F3095" s="1161"/>
      <c r="G3095" s="150"/>
      <c r="H3095" s="150"/>
    </row>
    <row r="3096" spans="1:8">
      <c r="A3096" s="150"/>
      <c r="B3096" s="162" t="s">
        <v>32734</v>
      </c>
      <c r="C3096" s="1149" t="s">
        <v>9702</v>
      </c>
      <c r="D3096" s="1149" t="s">
        <v>9703</v>
      </c>
      <c r="E3096" s="1149" t="s">
        <v>9704</v>
      </c>
      <c r="F3096" s="1149" t="s">
        <v>9812</v>
      </c>
      <c r="G3096" s="150"/>
      <c r="H3096" s="150"/>
    </row>
    <row r="3097" spans="1:8">
      <c r="A3097" s="150"/>
      <c r="B3097" s="163" t="s">
        <v>12794</v>
      </c>
      <c r="C3097" s="1158"/>
      <c r="D3097" s="1158"/>
      <c r="E3097" s="1158"/>
      <c r="F3097" s="1158"/>
      <c r="G3097" s="150"/>
      <c r="H3097" s="150"/>
    </row>
    <row r="3098" spans="1:8" ht="89.25">
      <c r="A3098" s="150"/>
      <c r="B3098" s="164" t="s">
        <v>32735</v>
      </c>
      <c r="C3098" s="1150"/>
      <c r="D3098" s="1150"/>
      <c r="E3098" s="1150"/>
      <c r="F3098" s="1150"/>
      <c r="G3098" s="150"/>
      <c r="H3098" s="150"/>
    </row>
    <row r="3099" spans="1:8">
      <c r="A3099" s="150"/>
      <c r="B3099" s="1159" t="s">
        <v>8508</v>
      </c>
      <c r="C3099" s="1160"/>
      <c r="D3099" s="1160"/>
      <c r="E3099" s="1160"/>
      <c r="F3099" s="1161"/>
      <c r="G3099" s="150"/>
      <c r="H3099" s="150"/>
    </row>
    <row r="3100" spans="1:8">
      <c r="A3100" s="150"/>
      <c r="B3100" s="162" t="s">
        <v>32210</v>
      </c>
      <c r="C3100" s="1149" t="s">
        <v>9705</v>
      </c>
      <c r="D3100" s="1149" t="s">
        <v>9706</v>
      </c>
      <c r="E3100" s="1149" t="s">
        <v>9707</v>
      </c>
      <c r="F3100" s="1163" t="s">
        <v>32732</v>
      </c>
      <c r="G3100" s="150"/>
      <c r="H3100" s="150"/>
    </row>
    <row r="3101" spans="1:8" ht="51">
      <c r="A3101" s="150"/>
      <c r="B3101" s="164" t="s">
        <v>32211</v>
      </c>
      <c r="C3101" s="1150"/>
      <c r="D3101" s="1150"/>
      <c r="E3101" s="1150"/>
      <c r="F3101" s="1164"/>
      <c r="G3101" s="150"/>
      <c r="H3101" s="150"/>
    </row>
    <row r="3102" spans="1:8">
      <c r="A3102" s="150"/>
      <c r="B3102" s="195" t="s">
        <v>32212</v>
      </c>
      <c r="C3102" s="196" t="s">
        <v>9708</v>
      </c>
      <c r="D3102" s="196" t="s">
        <v>9709</v>
      </c>
      <c r="E3102" s="196" t="s">
        <v>9710</v>
      </c>
      <c r="F3102" s="194" t="s">
        <v>32732</v>
      </c>
      <c r="G3102" s="150"/>
      <c r="H3102" s="150"/>
    </row>
    <row r="3103" spans="1:8">
      <c r="A3103" s="150"/>
      <c r="B3103" s="162" t="s">
        <v>32213</v>
      </c>
      <c r="C3103" s="1149" t="s">
        <v>9711</v>
      </c>
      <c r="D3103" s="1149" t="s">
        <v>9712</v>
      </c>
      <c r="E3103" s="1149" t="s">
        <v>9713</v>
      </c>
      <c r="F3103" s="1163" t="s">
        <v>32732</v>
      </c>
      <c r="G3103" s="150"/>
      <c r="H3103" s="150"/>
    </row>
    <row r="3104" spans="1:8" ht="51">
      <c r="A3104" s="150"/>
      <c r="B3104" s="164" t="s">
        <v>32214</v>
      </c>
      <c r="C3104" s="1150"/>
      <c r="D3104" s="1150"/>
      <c r="E3104" s="1150"/>
      <c r="F3104" s="1164"/>
      <c r="G3104" s="150"/>
      <c r="H3104" s="150"/>
    </row>
    <row r="3105" spans="1:8">
      <c r="A3105" s="150"/>
      <c r="B3105" s="195" t="s">
        <v>32215</v>
      </c>
      <c r="C3105" s="196" t="s">
        <v>9714</v>
      </c>
      <c r="D3105" s="196" t="s">
        <v>9715</v>
      </c>
      <c r="E3105" s="196" t="s">
        <v>9716</v>
      </c>
      <c r="F3105" s="194" t="s">
        <v>32732</v>
      </c>
      <c r="G3105" s="150"/>
      <c r="H3105" s="150"/>
    </row>
    <row r="3106" spans="1:8">
      <c r="A3106" s="150"/>
      <c r="B3106" s="195" t="s">
        <v>32216</v>
      </c>
      <c r="C3106" s="196" t="s">
        <v>9717</v>
      </c>
      <c r="D3106" s="196" t="s">
        <v>9718</v>
      </c>
      <c r="E3106" s="196" t="s">
        <v>9719</v>
      </c>
      <c r="F3106" s="194" t="s">
        <v>32732</v>
      </c>
      <c r="G3106" s="150"/>
      <c r="H3106" s="150"/>
    </row>
    <row r="3107" spans="1:8">
      <c r="A3107" s="150"/>
      <c r="B3107" s="162" t="s">
        <v>9720</v>
      </c>
      <c r="C3107" s="1149" t="s">
        <v>9721</v>
      </c>
      <c r="D3107" s="1149" t="s">
        <v>9722</v>
      </c>
      <c r="E3107" s="1149" t="s">
        <v>9723</v>
      </c>
      <c r="F3107" s="1163" t="s">
        <v>32732</v>
      </c>
      <c r="G3107" s="150"/>
      <c r="H3107" s="150"/>
    </row>
    <row r="3108" spans="1:8" ht="51">
      <c r="A3108" s="150"/>
      <c r="B3108" s="164" t="s">
        <v>32217</v>
      </c>
      <c r="C3108" s="1150"/>
      <c r="D3108" s="1150"/>
      <c r="E3108" s="1150"/>
      <c r="F3108" s="1164"/>
      <c r="G3108" s="150"/>
      <c r="H3108" s="150"/>
    </row>
    <row r="3109" spans="1:8" ht="25.5">
      <c r="A3109" s="150"/>
      <c r="B3109" s="162" t="s">
        <v>9724</v>
      </c>
      <c r="C3109" s="1149" t="s">
        <v>9726</v>
      </c>
      <c r="D3109" s="1149" t="s">
        <v>9727</v>
      </c>
      <c r="E3109" s="1149" t="s">
        <v>9728</v>
      </c>
      <c r="F3109" s="1163" t="s">
        <v>32732</v>
      </c>
      <c r="G3109" s="150"/>
      <c r="H3109" s="150"/>
    </row>
    <row r="3110" spans="1:8" ht="38.25">
      <c r="A3110" s="150"/>
      <c r="B3110" s="164" t="s">
        <v>9725</v>
      </c>
      <c r="C3110" s="1150"/>
      <c r="D3110" s="1150"/>
      <c r="E3110" s="1150"/>
      <c r="F3110" s="1164"/>
      <c r="G3110" s="150"/>
      <c r="H3110" s="150"/>
    </row>
    <row r="3111" spans="1:8">
      <c r="A3111" s="150"/>
      <c r="B3111" s="162" t="s">
        <v>9729</v>
      </c>
      <c r="C3111" s="1149" t="s">
        <v>9730</v>
      </c>
      <c r="D3111" s="1149" t="s">
        <v>9731</v>
      </c>
      <c r="E3111" s="1149" t="s">
        <v>9732</v>
      </c>
      <c r="F3111" s="1163" t="s">
        <v>32732</v>
      </c>
      <c r="G3111" s="150"/>
      <c r="H3111" s="150"/>
    </row>
    <row r="3112" spans="1:8" ht="51">
      <c r="A3112" s="150"/>
      <c r="B3112" s="164" t="s">
        <v>32218</v>
      </c>
      <c r="C3112" s="1150"/>
      <c r="D3112" s="1150"/>
      <c r="E3112" s="1150"/>
      <c r="F3112" s="1164"/>
      <c r="G3112" s="150"/>
      <c r="H3112" s="150"/>
    </row>
    <row r="3113" spans="1:8">
      <c r="A3113" s="150"/>
      <c r="B3113" s="162" t="s">
        <v>9733</v>
      </c>
      <c r="C3113" s="1149" t="s">
        <v>9734</v>
      </c>
      <c r="D3113" s="1149" t="s">
        <v>9735</v>
      </c>
      <c r="E3113" s="1149" t="s">
        <v>9736</v>
      </c>
      <c r="F3113" s="1163" t="s">
        <v>32732</v>
      </c>
      <c r="G3113" s="150"/>
      <c r="H3113" s="150"/>
    </row>
    <row r="3114" spans="1:8" ht="63.75">
      <c r="A3114" s="150"/>
      <c r="B3114" s="164" t="s">
        <v>32219</v>
      </c>
      <c r="C3114" s="1150"/>
      <c r="D3114" s="1150"/>
      <c r="E3114" s="1150"/>
      <c r="F3114" s="1164"/>
      <c r="G3114" s="150"/>
      <c r="H3114" s="150"/>
    </row>
    <row r="3115" spans="1:8">
      <c r="A3115" s="150"/>
      <c r="B3115" s="162" t="s">
        <v>32220</v>
      </c>
      <c r="C3115" s="1149" t="s">
        <v>9737</v>
      </c>
      <c r="D3115" s="1149" t="s">
        <v>9738</v>
      </c>
      <c r="E3115" s="1149" t="s">
        <v>9739</v>
      </c>
      <c r="F3115" s="1163" t="s">
        <v>32732</v>
      </c>
      <c r="G3115" s="150"/>
      <c r="H3115" s="150"/>
    </row>
    <row r="3116" spans="1:8" ht="89.25">
      <c r="A3116" s="150"/>
      <c r="B3116" s="164" t="s">
        <v>32221</v>
      </c>
      <c r="C3116" s="1150"/>
      <c r="D3116" s="1150"/>
      <c r="E3116" s="1150"/>
      <c r="F3116" s="1164"/>
      <c r="G3116" s="150"/>
      <c r="H3116" s="150"/>
    </row>
    <row r="3117" spans="1:8" ht="25.5">
      <c r="A3117" s="150"/>
      <c r="B3117" s="162" t="s">
        <v>9740</v>
      </c>
      <c r="C3117" s="1149" t="s">
        <v>9741</v>
      </c>
      <c r="D3117" s="1149" t="s">
        <v>9742</v>
      </c>
      <c r="E3117" s="1149" t="s">
        <v>9743</v>
      </c>
      <c r="F3117" s="1163" t="s">
        <v>32732</v>
      </c>
      <c r="G3117" s="150"/>
      <c r="H3117" s="150"/>
    </row>
    <row r="3118" spans="1:8" ht="51">
      <c r="A3118" s="150"/>
      <c r="B3118" s="164" t="s">
        <v>32222</v>
      </c>
      <c r="C3118" s="1150"/>
      <c r="D3118" s="1150"/>
      <c r="E3118" s="1150"/>
      <c r="F3118" s="1164"/>
      <c r="G3118" s="150"/>
      <c r="H3118" s="150"/>
    </row>
    <row r="3119" spans="1:8">
      <c r="A3119" s="150"/>
      <c r="B3119" s="162" t="s">
        <v>9744</v>
      </c>
      <c r="C3119" s="1149" t="s">
        <v>9745</v>
      </c>
      <c r="D3119" s="1149" t="s">
        <v>9746</v>
      </c>
      <c r="E3119" s="1149" t="s">
        <v>9747</v>
      </c>
      <c r="F3119" s="1163" t="s">
        <v>32732</v>
      </c>
      <c r="G3119" s="150"/>
      <c r="H3119" s="150"/>
    </row>
    <row r="3120" spans="1:8" ht="63.75">
      <c r="A3120" s="150"/>
      <c r="B3120" s="164" t="s">
        <v>32223</v>
      </c>
      <c r="C3120" s="1150"/>
      <c r="D3120" s="1150"/>
      <c r="E3120" s="1150"/>
      <c r="F3120" s="1164"/>
      <c r="G3120" s="150"/>
      <c r="H3120" s="150"/>
    </row>
    <row r="3121" spans="1:8" ht="25.5">
      <c r="A3121" s="150"/>
      <c r="B3121" s="162" t="s">
        <v>9748</v>
      </c>
      <c r="C3121" s="1149" t="s">
        <v>9749</v>
      </c>
      <c r="D3121" s="1149" t="s">
        <v>9750</v>
      </c>
      <c r="E3121" s="1149" t="s">
        <v>9751</v>
      </c>
      <c r="F3121" s="1163" t="s">
        <v>32732</v>
      </c>
      <c r="G3121" s="150"/>
      <c r="H3121" s="150"/>
    </row>
    <row r="3122" spans="1:8" ht="63.75">
      <c r="A3122" s="150"/>
      <c r="B3122" s="164" t="s">
        <v>32224</v>
      </c>
      <c r="C3122" s="1150"/>
      <c r="D3122" s="1150"/>
      <c r="E3122" s="1150"/>
      <c r="F3122" s="1164"/>
      <c r="G3122" s="150"/>
      <c r="H3122" s="150"/>
    </row>
    <row r="3123" spans="1:8" ht="25.5">
      <c r="A3123" s="150"/>
      <c r="B3123" s="162" t="s">
        <v>9752</v>
      </c>
      <c r="C3123" s="1149" t="s">
        <v>9753</v>
      </c>
      <c r="D3123" s="1149" t="s">
        <v>9754</v>
      </c>
      <c r="E3123" s="1149" t="s">
        <v>9755</v>
      </c>
      <c r="F3123" s="1163" t="s">
        <v>32732</v>
      </c>
      <c r="G3123" s="150"/>
      <c r="H3123" s="150"/>
    </row>
    <row r="3124" spans="1:8" ht="63.75">
      <c r="A3124" s="150"/>
      <c r="B3124" s="164" t="s">
        <v>32225</v>
      </c>
      <c r="C3124" s="1150"/>
      <c r="D3124" s="1150"/>
      <c r="E3124" s="1150"/>
      <c r="F3124" s="1164"/>
      <c r="G3124" s="150"/>
      <c r="H3124" s="150"/>
    </row>
    <row r="3125" spans="1:8" ht="25.5">
      <c r="A3125" s="150"/>
      <c r="B3125" s="162" t="s">
        <v>9756</v>
      </c>
      <c r="C3125" s="1149" t="s">
        <v>9758</v>
      </c>
      <c r="D3125" s="1149" t="s">
        <v>9759</v>
      </c>
      <c r="E3125" s="1149" t="s">
        <v>9760</v>
      </c>
      <c r="F3125" s="1163" t="s">
        <v>32732</v>
      </c>
      <c r="G3125" s="150"/>
      <c r="H3125" s="150"/>
    </row>
    <row r="3126" spans="1:8" ht="51">
      <c r="A3126" s="150"/>
      <c r="B3126" s="164" t="s">
        <v>9757</v>
      </c>
      <c r="C3126" s="1150"/>
      <c r="D3126" s="1150"/>
      <c r="E3126" s="1150"/>
      <c r="F3126" s="1164"/>
      <c r="G3126" s="150"/>
      <c r="H3126" s="150"/>
    </row>
    <row r="3127" spans="1:8" ht="25.5">
      <c r="A3127" s="150"/>
      <c r="B3127" s="162" t="s">
        <v>9761</v>
      </c>
      <c r="C3127" s="1149" t="s">
        <v>9762</v>
      </c>
      <c r="D3127" s="1149" t="s">
        <v>9763</v>
      </c>
      <c r="E3127" s="1149" t="s">
        <v>9764</v>
      </c>
      <c r="F3127" s="1163" t="s">
        <v>32732</v>
      </c>
      <c r="G3127" s="150"/>
      <c r="H3127" s="150"/>
    </row>
    <row r="3128" spans="1:8" ht="38.25">
      <c r="A3128" s="150"/>
      <c r="B3128" s="164" t="s">
        <v>32226</v>
      </c>
      <c r="C3128" s="1150"/>
      <c r="D3128" s="1150"/>
      <c r="E3128" s="1150"/>
      <c r="F3128" s="1164"/>
      <c r="G3128" s="150"/>
      <c r="H3128" s="150"/>
    </row>
    <row r="3129" spans="1:8" ht="25.5">
      <c r="A3129" s="150"/>
      <c r="B3129" s="162" t="s">
        <v>9765</v>
      </c>
      <c r="C3129" s="1149" t="s">
        <v>9766</v>
      </c>
      <c r="D3129" s="1149" t="s">
        <v>9767</v>
      </c>
      <c r="E3129" s="1149" t="s">
        <v>9768</v>
      </c>
      <c r="F3129" s="1163" t="s">
        <v>32732</v>
      </c>
      <c r="G3129" s="150"/>
      <c r="H3129" s="150"/>
    </row>
    <row r="3130" spans="1:8" ht="63.75">
      <c r="A3130" s="150"/>
      <c r="B3130" s="164" t="s">
        <v>32227</v>
      </c>
      <c r="C3130" s="1150"/>
      <c r="D3130" s="1150"/>
      <c r="E3130" s="1150"/>
      <c r="F3130" s="1164"/>
      <c r="G3130" s="150"/>
      <c r="H3130" s="150"/>
    </row>
    <row r="3131" spans="1:8" ht="25.5">
      <c r="A3131" s="150"/>
      <c r="B3131" s="162" t="s">
        <v>9769</v>
      </c>
      <c r="C3131" s="1149" t="s">
        <v>9770</v>
      </c>
      <c r="D3131" s="1149" t="s">
        <v>9771</v>
      </c>
      <c r="E3131" s="1149" t="s">
        <v>9772</v>
      </c>
      <c r="F3131" s="1163" t="s">
        <v>32732</v>
      </c>
      <c r="G3131" s="150"/>
      <c r="H3131" s="150"/>
    </row>
    <row r="3132" spans="1:8" ht="51">
      <c r="A3132" s="150"/>
      <c r="B3132" s="164" t="s">
        <v>32228</v>
      </c>
      <c r="C3132" s="1150"/>
      <c r="D3132" s="1150"/>
      <c r="E3132" s="1150"/>
      <c r="F3132" s="1164"/>
      <c r="G3132" s="150"/>
      <c r="H3132" s="150"/>
    </row>
    <row r="3133" spans="1:8" ht="25.5">
      <c r="A3133" s="150"/>
      <c r="B3133" s="162" t="s">
        <v>9773</v>
      </c>
      <c r="C3133" s="1149" t="s">
        <v>9774</v>
      </c>
      <c r="D3133" s="1149" t="s">
        <v>9775</v>
      </c>
      <c r="E3133" s="1149" t="s">
        <v>9776</v>
      </c>
      <c r="F3133" s="1163" t="s">
        <v>32732</v>
      </c>
      <c r="G3133" s="150"/>
      <c r="H3133" s="150"/>
    </row>
    <row r="3134" spans="1:8" ht="63.75">
      <c r="A3134" s="150"/>
      <c r="B3134" s="164" t="s">
        <v>32229</v>
      </c>
      <c r="C3134" s="1150"/>
      <c r="D3134" s="1150"/>
      <c r="E3134" s="1150"/>
      <c r="F3134" s="1164"/>
      <c r="G3134" s="150"/>
      <c r="H3134" s="150"/>
    </row>
    <row r="3135" spans="1:8" ht="25.5">
      <c r="A3135" s="150"/>
      <c r="B3135" s="162" t="s">
        <v>9777</v>
      </c>
      <c r="C3135" s="1149" t="s">
        <v>9778</v>
      </c>
      <c r="D3135" s="1149" t="s">
        <v>9779</v>
      </c>
      <c r="E3135" s="1149" t="s">
        <v>9780</v>
      </c>
      <c r="F3135" s="1163" t="s">
        <v>32732</v>
      </c>
      <c r="G3135" s="150"/>
      <c r="H3135" s="150"/>
    </row>
    <row r="3136" spans="1:8" ht="63.75">
      <c r="A3136" s="150"/>
      <c r="B3136" s="164" t="s">
        <v>32230</v>
      </c>
      <c r="C3136" s="1150"/>
      <c r="D3136" s="1150"/>
      <c r="E3136" s="1150"/>
      <c r="F3136" s="1164"/>
      <c r="G3136" s="150"/>
      <c r="H3136" s="150"/>
    </row>
    <row r="3137" spans="1:8" ht="38.25">
      <c r="A3137" s="150"/>
      <c r="B3137" s="162" t="s">
        <v>9781</v>
      </c>
      <c r="C3137" s="1149" t="s">
        <v>9782</v>
      </c>
      <c r="D3137" s="1149" t="s">
        <v>9783</v>
      </c>
      <c r="E3137" s="1149" t="s">
        <v>9784</v>
      </c>
      <c r="F3137" s="1163" t="s">
        <v>32732</v>
      </c>
      <c r="G3137" s="150"/>
      <c r="H3137" s="150"/>
    </row>
    <row r="3138" spans="1:8" ht="63.75">
      <c r="A3138" s="150"/>
      <c r="B3138" s="164" t="s">
        <v>32231</v>
      </c>
      <c r="C3138" s="1150"/>
      <c r="D3138" s="1150"/>
      <c r="E3138" s="1150"/>
      <c r="F3138" s="1164"/>
      <c r="G3138" s="150"/>
      <c r="H3138" s="150"/>
    </row>
    <row r="3139" spans="1:8" ht="25.5">
      <c r="A3139" s="150"/>
      <c r="B3139" s="162" t="s">
        <v>12795</v>
      </c>
      <c r="C3139" s="1149" t="s">
        <v>9786</v>
      </c>
      <c r="D3139" s="1149" t="s">
        <v>9787</v>
      </c>
      <c r="E3139" s="1149" t="s">
        <v>9788</v>
      </c>
      <c r="F3139" s="1163" t="s">
        <v>32732</v>
      </c>
      <c r="G3139" s="150"/>
      <c r="H3139" s="150"/>
    </row>
    <row r="3140" spans="1:8" ht="51">
      <c r="A3140" s="150"/>
      <c r="B3140" s="164" t="s">
        <v>32232</v>
      </c>
      <c r="C3140" s="1150"/>
      <c r="D3140" s="1150"/>
      <c r="E3140" s="1150"/>
      <c r="F3140" s="1164"/>
      <c r="G3140" s="150"/>
      <c r="H3140" s="150"/>
    </row>
    <row r="3141" spans="1:8" ht="25.5">
      <c r="A3141" s="150"/>
      <c r="B3141" s="162" t="s">
        <v>9789</v>
      </c>
      <c r="C3141" s="1149" t="s">
        <v>9790</v>
      </c>
      <c r="D3141" s="1149" t="s">
        <v>9791</v>
      </c>
      <c r="E3141" s="1149" t="s">
        <v>9792</v>
      </c>
      <c r="F3141" s="1163" t="s">
        <v>32732</v>
      </c>
      <c r="G3141" s="150"/>
      <c r="H3141" s="150"/>
    </row>
    <row r="3142" spans="1:8" ht="63.75">
      <c r="A3142" s="150"/>
      <c r="B3142" s="164" t="s">
        <v>32233</v>
      </c>
      <c r="C3142" s="1150"/>
      <c r="D3142" s="1150"/>
      <c r="E3142" s="1150"/>
      <c r="F3142" s="1164"/>
      <c r="G3142" s="150"/>
      <c r="H3142" s="150"/>
    </row>
    <row r="3143" spans="1:8">
      <c r="A3143" s="150"/>
      <c r="B3143" s="195" t="s">
        <v>32234</v>
      </c>
      <c r="C3143" s="196" t="s">
        <v>9793</v>
      </c>
      <c r="D3143" s="196" t="s">
        <v>9794</v>
      </c>
      <c r="E3143" s="196" t="s">
        <v>12796</v>
      </c>
      <c r="F3143" s="194" t="s">
        <v>32732</v>
      </c>
      <c r="G3143" s="150"/>
      <c r="H3143" s="150"/>
    </row>
    <row r="3144" spans="1:8">
      <c r="A3144" s="150"/>
      <c r="B3144" s="195" t="s">
        <v>32235</v>
      </c>
      <c r="C3144" s="196" t="s">
        <v>9796</v>
      </c>
      <c r="D3144" s="196" t="s">
        <v>9797</v>
      </c>
      <c r="E3144" s="196" t="s">
        <v>9798</v>
      </c>
      <c r="F3144" s="194" t="s">
        <v>32732</v>
      </c>
      <c r="G3144" s="150"/>
      <c r="H3144" s="150"/>
    </row>
    <row r="3145" spans="1:8" ht="25.5">
      <c r="A3145" s="150"/>
      <c r="B3145" s="162" t="s">
        <v>32236</v>
      </c>
      <c r="C3145" s="1149" t="s">
        <v>9799</v>
      </c>
      <c r="D3145" s="1149" t="s">
        <v>9800</v>
      </c>
      <c r="E3145" s="1149" t="s">
        <v>9801</v>
      </c>
      <c r="F3145" s="1163" t="s">
        <v>32732</v>
      </c>
      <c r="G3145" s="150"/>
      <c r="H3145" s="150"/>
    </row>
    <row r="3146" spans="1:8" ht="63.75">
      <c r="A3146" s="150"/>
      <c r="B3146" s="164" t="s">
        <v>13467</v>
      </c>
      <c r="C3146" s="1150"/>
      <c r="D3146" s="1150"/>
      <c r="E3146" s="1150"/>
      <c r="F3146" s="1164"/>
      <c r="G3146" s="150"/>
      <c r="H3146" s="150"/>
    </row>
    <row r="3147" spans="1:8" ht="25.5">
      <c r="A3147" s="150"/>
      <c r="B3147" s="162" t="s">
        <v>32237</v>
      </c>
      <c r="C3147" s="1149" t="s">
        <v>9802</v>
      </c>
      <c r="D3147" s="1149" t="s">
        <v>9803</v>
      </c>
      <c r="E3147" s="1149" t="s">
        <v>9804</v>
      </c>
      <c r="F3147" s="1163" t="s">
        <v>32732</v>
      </c>
      <c r="G3147" s="150"/>
      <c r="H3147" s="150"/>
    </row>
    <row r="3148" spans="1:8" ht="89.25">
      <c r="A3148" s="150"/>
      <c r="B3148" s="164" t="s">
        <v>32238</v>
      </c>
      <c r="C3148" s="1150"/>
      <c r="D3148" s="1150"/>
      <c r="E3148" s="1150"/>
      <c r="F3148" s="1164"/>
      <c r="G3148" s="150"/>
      <c r="H3148" s="150"/>
    </row>
    <row r="3149" spans="1:8" ht="25.5">
      <c r="A3149" s="150"/>
      <c r="B3149" s="162" t="s">
        <v>32239</v>
      </c>
      <c r="C3149" s="1149" t="s">
        <v>9805</v>
      </c>
      <c r="D3149" s="1149" t="s">
        <v>9806</v>
      </c>
      <c r="E3149" s="1149" t="s">
        <v>9807</v>
      </c>
      <c r="F3149" s="1163" t="s">
        <v>32736</v>
      </c>
      <c r="G3149" s="150"/>
      <c r="H3149" s="150"/>
    </row>
    <row r="3150" spans="1:8" ht="63.75">
      <c r="A3150" s="150"/>
      <c r="B3150" s="164" t="s">
        <v>32240</v>
      </c>
      <c r="C3150" s="1150"/>
      <c r="D3150" s="1150"/>
      <c r="E3150" s="1150"/>
      <c r="F3150" s="1164"/>
      <c r="G3150" s="150"/>
      <c r="H3150" s="150"/>
    </row>
    <row r="3151" spans="1:8">
      <c r="A3151" s="150"/>
      <c r="B3151" s="1159" t="s">
        <v>31587</v>
      </c>
      <c r="C3151" s="1160"/>
      <c r="D3151" s="1160"/>
      <c r="E3151" s="1160"/>
      <c r="F3151" s="1161"/>
      <c r="G3151" s="150"/>
      <c r="H3151" s="150"/>
    </row>
    <row r="3152" spans="1:8">
      <c r="A3152" s="150"/>
      <c r="B3152" s="162" t="s">
        <v>32241</v>
      </c>
      <c r="C3152" s="1149" t="s">
        <v>9809</v>
      </c>
      <c r="D3152" s="1149" t="s">
        <v>9810</v>
      </c>
      <c r="E3152" s="1149" t="s">
        <v>9811</v>
      </c>
      <c r="F3152" s="1149" t="s">
        <v>9812</v>
      </c>
      <c r="G3152" s="150"/>
      <c r="H3152" s="150"/>
    </row>
    <row r="3153" spans="1:8">
      <c r="A3153" s="150"/>
      <c r="B3153" s="164" t="s">
        <v>9808</v>
      </c>
      <c r="C3153" s="1150"/>
      <c r="D3153" s="1150"/>
      <c r="E3153" s="1150"/>
      <c r="F3153" s="1150"/>
      <c r="G3153" s="150"/>
      <c r="H3153" s="150"/>
    </row>
    <row r="3154" spans="1:8">
      <c r="A3154" s="150"/>
      <c r="B3154" s="1159" t="s">
        <v>31587</v>
      </c>
      <c r="C3154" s="1160"/>
      <c r="D3154" s="1160"/>
      <c r="E3154" s="1160"/>
      <c r="F3154" s="1161"/>
      <c r="G3154" s="150"/>
      <c r="H3154" s="150"/>
    </row>
    <row r="3155" spans="1:8" ht="38.25">
      <c r="A3155" s="150"/>
      <c r="B3155" s="162" t="s">
        <v>32737</v>
      </c>
      <c r="C3155" s="1149" t="s">
        <v>9813</v>
      </c>
      <c r="D3155" s="1149" t="s">
        <v>9814</v>
      </c>
      <c r="E3155" s="1149" t="s">
        <v>9815</v>
      </c>
      <c r="F3155" s="1149" t="s">
        <v>9812</v>
      </c>
      <c r="G3155" s="150"/>
      <c r="H3155" s="150"/>
    </row>
    <row r="3156" spans="1:8">
      <c r="A3156" s="150"/>
      <c r="B3156" s="164" t="s">
        <v>9808</v>
      </c>
      <c r="C3156" s="1150"/>
      <c r="D3156" s="1150"/>
      <c r="E3156" s="1150"/>
      <c r="F3156" s="1150"/>
      <c r="G3156" s="150"/>
      <c r="H3156" s="150"/>
    </row>
    <row r="3157" spans="1:8">
      <c r="A3157" s="150"/>
      <c r="B3157" s="1159" t="s">
        <v>8508</v>
      </c>
      <c r="C3157" s="1160"/>
      <c r="D3157" s="1160"/>
      <c r="E3157" s="1160"/>
      <c r="F3157" s="1161"/>
      <c r="G3157" s="150"/>
      <c r="H3157" s="150"/>
    </row>
    <row r="3158" spans="1:8">
      <c r="A3158" s="150"/>
      <c r="B3158" s="162" t="s">
        <v>9816</v>
      </c>
      <c r="C3158" s="1149" t="s">
        <v>9817</v>
      </c>
      <c r="D3158" s="1149" t="s">
        <v>9818</v>
      </c>
      <c r="E3158" s="1149" t="s">
        <v>9819</v>
      </c>
      <c r="F3158" s="1163" t="s">
        <v>32732</v>
      </c>
      <c r="G3158" s="150"/>
      <c r="H3158" s="150"/>
    </row>
    <row r="3159" spans="1:8" ht="76.5">
      <c r="A3159" s="150"/>
      <c r="B3159" s="164" t="s">
        <v>32243</v>
      </c>
      <c r="C3159" s="1150"/>
      <c r="D3159" s="1150"/>
      <c r="E3159" s="1150"/>
      <c r="F3159" s="1164"/>
      <c r="G3159" s="150"/>
      <c r="H3159" s="150"/>
    </row>
    <row r="3160" spans="1:8" ht="25.5">
      <c r="A3160" s="150"/>
      <c r="B3160" s="162" t="s">
        <v>9820</v>
      </c>
      <c r="C3160" s="1149" t="s">
        <v>9821</v>
      </c>
      <c r="D3160" s="1149" t="s">
        <v>9822</v>
      </c>
      <c r="E3160" s="1149" t="s">
        <v>9823</v>
      </c>
      <c r="F3160" s="1163" t="s">
        <v>32732</v>
      </c>
      <c r="G3160" s="150"/>
      <c r="H3160" s="150"/>
    </row>
    <row r="3161" spans="1:8" ht="63.75">
      <c r="A3161" s="150"/>
      <c r="B3161" s="164" t="s">
        <v>32244</v>
      </c>
      <c r="C3161" s="1150"/>
      <c r="D3161" s="1150"/>
      <c r="E3161" s="1150"/>
      <c r="F3161" s="1164"/>
      <c r="G3161" s="150"/>
      <c r="H3161" s="150"/>
    </row>
    <row r="3162" spans="1:8" ht="25.5">
      <c r="A3162" s="150"/>
      <c r="B3162" s="162" t="s">
        <v>9824</v>
      </c>
      <c r="C3162" s="1149" t="s">
        <v>9825</v>
      </c>
      <c r="D3162" s="1149" t="s">
        <v>9826</v>
      </c>
      <c r="E3162" s="1149" t="s">
        <v>9827</v>
      </c>
      <c r="F3162" s="1163" t="s">
        <v>32732</v>
      </c>
      <c r="G3162" s="150"/>
      <c r="H3162" s="150"/>
    </row>
    <row r="3163" spans="1:8" ht="63.75">
      <c r="A3163" s="150"/>
      <c r="B3163" s="164" t="s">
        <v>32245</v>
      </c>
      <c r="C3163" s="1150"/>
      <c r="D3163" s="1150"/>
      <c r="E3163" s="1150"/>
      <c r="F3163" s="1164"/>
      <c r="G3163" s="150"/>
      <c r="H3163" s="150"/>
    </row>
    <row r="3164" spans="1:8" ht="25.5">
      <c r="A3164" s="150"/>
      <c r="B3164" s="162" t="s">
        <v>9828</v>
      </c>
      <c r="C3164" s="1149" t="s">
        <v>9829</v>
      </c>
      <c r="D3164" s="1149" t="s">
        <v>9830</v>
      </c>
      <c r="E3164" s="1149" t="s">
        <v>9831</v>
      </c>
      <c r="F3164" s="1163" t="s">
        <v>32732</v>
      </c>
      <c r="G3164" s="150"/>
      <c r="H3164" s="150"/>
    </row>
    <row r="3165" spans="1:8" ht="76.5">
      <c r="A3165" s="150"/>
      <c r="B3165" s="164" t="s">
        <v>32246</v>
      </c>
      <c r="C3165" s="1150"/>
      <c r="D3165" s="1150"/>
      <c r="E3165" s="1150"/>
      <c r="F3165" s="1164"/>
      <c r="G3165" s="150"/>
      <c r="H3165" s="150"/>
    </row>
    <row r="3166" spans="1:8" ht="25.5">
      <c r="A3166" s="150"/>
      <c r="B3166" s="162" t="s">
        <v>9832</v>
      </c>
      <c r="C3166" s="1149" t="s">
        <v>9833</v>
      </c>
      <c r="D3166" s="1149" t="s">
        <v>9834</v>
      </c>
      <c r="E3166" s="1149" t="s">
        <v>9835</v>
      </c>
      <c r="F3166" s="1163" t="s">
        <v>32732</v>
      </c>
      <c r="G3166" s="150"/>
      <c r="H3166" s="150"/>
    </row>
    <row r="3167" spans="1:8" ht="51">
      <c r="A3167" s="150"/>
      <c r="B3167" s="164" t="s">
        <v>32247</v>
      </c>
      <c r="C3167" s="1150"/>
      <c r="D3167" s="1150"/>
      <c r="E3167" s="1150"/>
      <c r="F3167" s="1164"/>
      <c r="G3167" s="150"/>
      <c r="H3167" s="150"/>
    </row>
    <row r="3168" spans="1:8" ht="25.5">
      <c r="A3168" s="150"/>
      <c r="B3168" s="162" t="s">
        <v>32248</v>
      </c>
      <c r="C3168" s="1149" t="s">
        <v>9836</v>
      </c>
      <c r="D3168" s="1149" t="s">
        <v>12797</v>
      </c>
      <c r="E3168" s="1149" t="s">
        <v>9838</v>
      </c>
      <c r="F3168" s="1163" t="s">
        <v>32732</v>
      </c>
      <c r="G3168" s="150"/>
      <c r="H3168" s="150"/>
    </row>
    <row r="3169" spans="1:8" ht="89.25">
      <c r="A3169" s="150"/>
      <c r="B3169" s="164" t="s">
        <v>32249</v>
      </c>
      <c r="C3169" s="1150"/>
      <c r="D3169" s="1150"/>
      <c r="E3169" s="1150"/>
      <c r="F3169" s="1164"/>
      <c r="G3169" s="150"/>
      <c r="H3169" s="150"/>
    </row>
    <row r="3170" spans="1:8">
      <c r="A3170" s="150"/>
      <c r="B3170" s="162" t="s">
        <v>32250</v>
      </c>
      <c r="C3170" s="1149" t="s">
        <v>9839</v>
      </c>
      <c r="D3170" s="1149" t="s">
        <v>9840</v>
      </c>
      <c r="E3170" s="1149" t="s">
        <v>9841</v>
      </c>
      <c r="F3170" s="1163" t="s">
        <v>32732</v>
      </c>
      <c r="G3170" s="150"/>
      <c r="H3170" s="150"/>
    </row>
    <row r="3171" spans="1:8" ht="51">
      <c r="A3171" s="150"/>
      <c r="B3171" s="164" t="s">
        <v>32251</v>
      </c>
      <c r="C3171" s="1150"/>
      <c r="D3171" s="1150"/>
      <c r="E3171" s="1150"/>
      <c r="F3171" s="1164"/>
      <c r="G3171" s="150"/>
      <c r="H3171" s="150"/>
    </row>
    <row r="3172" spans="1:8" ht="25.5">
      <c r="A3172" s="150"/>
      <c r="B3172" s="195" t="s">
        <v>32252</v>
      </c>
      <c r="C3172" s="196" t="s">
        <v>9842</v>
      </c>
      <c r="D3172" s="196" t="s">
        <v>9843</v>
      </c>
      <c r="E3172" s="196" t="s">
        <v>9844</v>
      </c>
      <c r="F3172" s="194" t="s">
        <v>32732</v>
      </c>
      <c r="G3172" s="150"/>
      <c r="H3172" s="150"/>
    </row>
    <row r="3173" spans="1:8">
      <c r="A3173" s="150"/>
      <c r="B3173" s="162" t="s">
        <v>32253</v>
      </c>
      <c r="C3173" s="1149" t="s">
        <v>9846</v>
      </c>
      <c r="D3173" s="1149" t="s">
        <v>9847</v>
      </c>
      <c r="E3173" s="1149" t="s">
        <v>9848</v>
      </c>
      <c r="F3173" s="1163" t="s">
        <v>32732</v>
      </c>
      <c r="G3173" s="150"/>
      <c r="H3173" s="150"/>
    </row>
    <row r="3174" spans="1:8" ht="89.25">
      <c r="A3174" s="150"/>
      <c r="B3174" s="164" t="s">
        <v>9845</v>
      </c>
      <c r="C3174" s="1150"/>
      <c r="D3174" s="1150"/>
      <c r="E3174" s="1150"/>
      <c r="F3174" s="1164"/>
      <c r="G3174" s="150"/>
      <c r="H3174" s="150"/>
    </row>
    <row r="3175" spans="1:8" ht="25.5">
      <c r="A3175" s="150"/>
      <c r="B3175" s="162" t="s">
        <v>9849</v>
      </c>
      <c r="C3175" s="1149" t="s">
        <v>9850</v>
      </c>
      <c r="D3175" s="1149" t="s">
        <v>9851</v>
      </c>
      <c r="E3175" s="1149" t="s">
        <v>9852</v>
      </c>
      <c r="F3175" s="1163" t="s">
        <v>32732</v>
      </c>
      <c r="G3175" s="150"/>
      <c r="H3175" s="150"/>
    </row>
    <row r="3176" spans="1:8" ht="51">
      <c r="A3176" s="150"/>
      <c r="B3176" s="164" t="s">
        <v>32254</v>
      </c>
      <c r="C3176" s="1150"/>
      <c r="D3176" s="1150"/>
      <c r="E3176" s="1150"/>
      <c r="F3176" s="1164"/>
      <c r="G3176" s="150"/>
      <c r="H3176" s="150"/>
    </row>
    <row r="3177" spans="1:8" ht="25.5">
      <c r="A3177" s="150"/>
      <c r="B3177" s="162" t="s">
        <v>9853</v>
      </c>
      <c r="C3177" s="1149" t="s">
        <v>9854</v>
      </c>
      <c r="D3177" s="1149" t="s">
        <v>9855</v>
      </c>
      <c r="E3177" s="1149" t="s">
        <v>9856</v>
      </c>
      <c r="F3177" s="1163" t="s">
        <v>32732</v>
      </c>
      <c r="G3177" s="150"/>
      <c r="H3177" s="150"/>
    </row>
    <row r="3178" spans="1:8" ht="76.5">
      <c r="A3178" s="150"/>
      <c r="B3178" s="164" t="s">
        <v>32255</v>
      </c>
      <c r="C3178" s="1150"/>
      <c r="D3178" s="1150"/>
      <c r="E3178" s="1150"/>
      <c r="F3178" s="1164"/>
      <c r="G3178" s="150"/>
      <c r="H3178" s="150"/>
    </row>
    <row r="3179" spans="1:8">
      <c r="A3179" s="150"/>
      <c r="B3179" s="162" t="s">
        <v>9857</v>
      </c>
      <c r="C3179" s="1149" t="s">
        <v>9858</v>
      </c>
      <c r="D3179" s="1149" t="s">
        <v>9859</v>
      </c>
      <c r="E3179" s="1149" t="s">
        <v>9860</v>
      </c>
      <c r="F3179" s="1163" t="s">
        <v>32732</v>
      </c>
      <c r="G3179" s="150"/>
      <c r="H3179" s="150"/>
    </row>
    <row r="3180" spans="1:8" ht="51">
      <c r="A3180" s="150"/>
      <c r="B3180" s="164" t="s">
        <v>32256</v>
      </c>
      <c r="C3180" s="1150"/>
      <c r="D3180" s="1150"/>
      <c r="E3180" s="1150"/>
      <c r="F3180" s="1164"/>
      <c r="G3180" s="150"/>
      <c r="H3180" s="150"/>
    </row>
    <row r="3181" spans="1:8">
      <c r="A3181" s="150"/>
      <c r="B3181" s="162" t="s">
        <v>9861</v>
      </c>
      <c r="C3181" s="1149" t="s">
        <v>9862</v>
      </c>
      <c r="D3181" s="1149" t="s">
        <v>9863</v>
      </c>
      <c r="E3181" s="1149" t="s">
        <v>9864</v>
      </c>
      <c r="F3181" s="1163" t="s">
        <v>32732</v>
      </c>
      <c r="G3181" s="150"/>
      <c r="H3181" s="150"/>
    </row>
    <row r="3182" spans="1:8" ht="51">
      <c r="A3182" s="150"/>
      <c r="B3182" s="164" t="s">
        <v>32257</v>
      </c>
      <c r="C3182" s="1150"/>
      <c r="D3182" s="1150"/>
      <c r="E3182" s="1150"/>
      <c r="F3182" s="1164"/>
      <c r="G3182" s="150"/>
      <c r="H3182" s="150"/>
    </row>
    <row r="3183" spans="1:8" ht="25.5">
      <c r="A3183" s="150"/>
      <c r="B3183" s="162" t="s">
        <v>9865</v>
      </c>
      <c r="C3183" s="1149" t="s">
        <v>9866</v>
      </c>
      <c r="D3183" s="1149" t="s">
        <v>9867</v>
      </c>
      <c r="E3183" s="1149" t="s">
        <v>9868</v>
      </c>
      <c r="F3183" s="1163" t="s">
        <v>32732</v>
      </c>
      <c r="G3183" s="150"/>
      <c r="H3183" s="150"/>
    </row>
    <row r="3184" spans="1:8" ht="76.5">
      <c r="A3184" s="150"/>
      <c r="B3184" s="164" t="s">
        <v>32258</v>
      </c>
      <c r="C3184" s="1150"/>
      <c r="D3184" s="1150"/>
      <c r="E3184" s="1150"/>
      <c r="F3184" s="1164"/>
      <c r="G3184" s="150"/>
      <c r="H3184" s="150"/>
    </row>
    <row r="3185" spans="1:8" ht="25.5">
      <c r="A3185" s="150"/>
      <c r="B3185" s="162" t="s">
        <v>9869</v>
      </c>
      <c r="C3185" s="1149" t="s">
        <v>9870</v>
      </c>
      <c r="D3185" s="1149" t="s">
        <v>9871</v>
      </c>
      <c r="E3185" s="1149" t="s">
        <v>9872</v>
      </c>
      <c r="F3185" s="1163" t="s">
        <v>32732</v>
      </c>
      <c r="G3185" s="150"/>
      <c r="H3185" s="150"/>
    </row>
    <row r="3186" spans="1:8" ht="76.5">
      <c r="A3186" s="150"/>
      <c r="B3186" s="164" t="s">
        <v>32259</v>
      </c>
      <c r="C3186" s="1150"/>
      <c r="D3186" s="1150"/>
      <c r="E3186" s="1150"/>
      <c r="F3186" s="1164"/>
      <c r="G3186" s="150"/>
      <c r="H3186" s="150"/>
    </row>
    <row r="3187" spans="1:8" ht="25.5">
      <c r="A3187" s="150"/>
      <c r="B3187" s="162" t="s">
        <v>9873</v>
      </c>
      <c r="C3187" s="1149" t="s">
        <v>9874</v>
      </c>
      <c r="D3187" s="1149" t="s">
        <v>9875</v>
      </c>
      <c r="E3187" s="1149" t="s">
        <v>9876</v>
      </c>
      <c r="F3187" s="1163" t="s">
        <v>32732</v>
      </c>
      <c r="G3187" s="150"/>
      <c r="H3187" s="150"/>
    </row>
    <row r="3188" spans="1:8" ht="63.75">
      <c r="A3188" s="150"/>
      <c r="B3188" s="164" t="s">
        <v>32260</v>
      </c>
      <c r="C3188" s="1150"/>
      <c r="D3188" s="1150"/>
      <c r="E3188" s="1150"/>
      <c r="F3188" s="1164"/>
      <c r="G3188" s="150"/>
      <c r="H3188" s="150"/>
    </row>
    <row r="3189" spans="1:8" ht="25.5">
      <c r="A3189" s="150"/>
      <c r="B3189" s="162" t="s">
        <v>9877</v>
      </c>
      <c r="C3189" s="1149" t="s">
        <v>9878</v>
      </c>
      <c r="D3189" s="1149" t="s">
        <v>9879</v>
      </c>
      <c r="E3189" s="1149" t="s">
        <v>9880</v>
      </c>
      <c r="F3189" s="1163" t="s">
        <v>32732</v>
      </c>
      <c r="G3189" s="150"/>
      <c r="H3189" s="150"/>
    </row>
    <row r="3190" spans="1:8" ht="76.5">
      <c r="A3190" s="150"/>
      <c r="B3190" s="164" t="s">
        <v>32261</v>
      </c>
      <c r="C3190" s="1150"/>
      <c r="D3190" s="1150"/>
      <c r="E3190" s="1150"/>
      <c r="F3190" s="1164"/>
      <c r="G3190" s="150"/>
      <c r="H3190" s="150"/>
    </row>
    <row r="3191" spans="1:8" ht="25.5">
      <c r="A3191" s="150"/>
      <c r="B3191" s="162" t="s">
        <v>9881</v>
      </c>
      <c r="C3191" s="1149" t="s">
        <v>9882</v>
      </c>
      <c r="D3191" s="1149" t="s">
        <v>9883</v>
      </c>
      <c r="E3191" s="1149" t="s">
        <v>9884</v>
      </c>
      <c r="F3191" s="1163" t="s">
        <v>32732</v>
      </c>
      <c r="G3191" s="150"/>
      <c r="H3191" s="150"/>
    </row>
    <row r="3192" spans="1:8" ht="76.5">
      <c r="A3192" s="150"/>
      <c r="B3192" s="164" t="s">
        <v>32262</v>
      </c>
      <c r="C3192" s="1150"/>
      <c r="D3192" s="1150"/>
      <c r="E3192" s="1150"/>
      <c r="F3192" s="1164"/>
      <c r="G3192" s="150"/>
      <c r="H3192" s="150"/>
    </row>
    <row r="3193" spans="1:8" ht="25.5">
      <c r="A3193" s="150"/>
      <c r="B3193" s="162" t="s">
        <v>9885</v>
      </c>
      <c r="C3193" s="1149" t="s">
        <v>9886</v>
      </c>
      <c r="D3193" s="1149" t="s">
        <v>9887</v>
      </c>
      <c r="E3193" s="1149" t="s">
        <v>9888</v>
      </c>
      <c r="F3193" s="1163" t="s">
        <v>32732</v>
      </c>
      <c r="G3193" s="150"/>
      <c r="H3193" s="150"/>
    </row>
    <row r="3194" spans="1:8" ht="63.75">
      <c r="A3194" s="150"/>
      <c r="B3194" s="164" t="s">
        <v>32263</v>
      </c>
      <c r="C3194" s="1150"/>
      <c r="D3194" s="1150"/>
      <c r="E3194" s="1150"/>
      <c r="F3194" s="1164"/>
      <c r="G3194" s="150"/>
      <c r="H3194" s="150"/>
    </row>
    <row r="3195" spans="1:8" ht="25.5">
      <c r="A3195" s="150"/>
      <c r="B3195" s="162" t="s">
        <v>9889</v>
      </c>
      <c r="C3195" s="1149" t="s">
        <v>9890</v>
      </c>
      <c r="D3195" s="1149" t="s">
        <v>9891</v>
      </c>
      <c r="E3195" s="1149" t="s">
        <v>9892</v>
      </c>
      <c r="F3195" s="1163" t="s">
        <v>32732</v>
      </c>
      <c r="G3195" s="150"/>
      <c r="H3195" s="150"/>
    </row>
    <row r="3196" spans="1:8" ht="63.75">
      <c r="A3196" s="150"/>
      <c r="B3196" s="164" t="s">
        <v>32264</v>
      </c>
      <c r="C3196" s="1150"/>
      <c r="D3196" s="1150"/>
      <c r="E3196" s="1150"/>
      <c r="F3196" s="1164"/>
      <c r="G3196" s="150"/>
      <c r="H3196" s="150"/>
    </row>
    <row r="3197" spans="1:8" ht="25.5">
      <c r="A3197" s="150"/>
      <c r="B3197" s="162" t="s">
        <v>9893</v>
      </c>
      <c r="C3197" s="1149" t="s">
        <v>9894</v>
      </c>
      <c r="D3197" s="1149" t="s">
        <v>9895</v>
      </c>
      <c r="E3197" s="1149" t="s">
        <v>9896</v>
      </c>
      <c r="F3197" s="1163" t="s">
        <v>32732</v>
      </c>
      <c r="G3197" s="150"/>
      <c r="H3197" s="150"/>
    </row>
    <row r="3198" spans="1:8" ht="63.75">
      <c r="A3198" s="150"/>
      <c r="B3198" s="164" t="s">
        <v>32265</v>
      </c>
      <c r="C3198" s="1150"/>
      <c r="D3198" s="1150"/>
      <c r="E3198" s="1150"/>
      <c r="F3198" s="1164"/>
      <c r="G3198" s="150"/>
      <c r="H3198" s="150"/>
    </row>
    <row r="3199" spans="1:8" ht="25.5">
      <c r="A3199" s="150"/>
      <c r="B3199" s="162" t="s">
        <v>9897</v>
      </c>
      <c r="C3199" s="1149" t="s">
        <v>9898</v>
      </c>
      <c r="D3199" s="1149" t="s">
        <v>9899</v>
      </c>
      <c r="E3199" s="1149" t="s">
        <v>9900</v>
      </c>
      <c r="F3199" s="1163" t="s">
        <v>32732</v>
      </c>
      <c r="G3199" s="150"/>
      <c r="H3199" s="150"/>
    </row>
    <row r="3200" spans="1:8" ht="51">
      <c r="A3200" s="150"/>
      <c r="B3200" s="164" t="s">
        <v>32266</v>
      </c>
      <c r="C3200" s="1150"/>
      <c r="D3200" s="1150"/>
      <c r="E3200" s="1150"/>
      <c r="F3200" s="1164"/>
      <c r="G3200" s="150"/>
      <c r="H3200" s="150"/>
    </row>
    <row r="3201" spans="1:8" ht="25.5">
      <c r="A3201" s="150"/>
      <c r="B3201" s="162" t="s">
        <v>9901</v>
      </c>
      <c r="C3201" s="1149" t="s">
        <v>9902</v>
      </c>
      <c r="D3201" s="1149" t="s">
        <v>9903</v>
      </c>
      <c r="E3201" s="1149" t="s">
        <v>9904</v>
      </c>
      <c r="F3201" s="1163" t="s">
        <v>32732</v>
      </c>
      <c r="G3201" s="150"/>
      <c r="H3201" s="150"/>
    </row>
    <row r="3202" spans="1:8" ht="51">
      <c r="A3202" s="150"/>
      <c r="B3202" s="164" t="s">
        <v>32267</v>
      </c>
      <c r="C3202" s="1150"/>
      <c r="D3202" s="1150"/>
      <c r="E3202" s="1150"/>
      <c r="F3202" s="1164"/>
      <c r="G3202" s="150"/>
      <c r="H3202" s="150"/>
    </row>
    <row r="3203" spans="1:8" ht="25.5">
      <c r="A3203" s="150"/>
      <c r="B3203" s="162" t="s">
        <v>9905</v>
      </c>
      <c r="C3203" s="1149" t="s">
        <v>9906</v>
      </c>
      <c r="D3203" s="1149" t="s">
        <v>9907</v>
      </c>
      <c r="E3203" s="1149" t="s">
        <v>9908</v>
      </c>
      <c r="F3203" s="1163" t="s">
        <v>32732</v>
      </c>
      <c r="G3203" s="150"/>
      <c r="H3203" s="150"/>
    </row>
    <row r="3204" spans="1:8" ht="63.75">
      <c r="A3204" s="150"/>
      <c r="B3204" s="164" t="s">
        <v>32268</v>
      </c>
      <c r="C3204" s="1150"/>
      <c r="D3204" s="1150"/>
      <c r="E3204" s="1150"/>
      <c r="F3204" s="1164"/>
      <c r="G3204" s="150"/>
      <c r="H3204" s="150"/>
    </row>
    <row r="3205" spans="1:8" ht="25.5">
      <c r="A3205" s="150"/>
      <c r="B3205" s="162" t="s">
        <v>9909</v>
      </c>
      <c r="C3205" s="1149" t="s">
        <v>9910</v>
      </c>
      <c r="D3205" s="1149" t="s">
        <v>9911</v>
      </c>
      <c r="E3205" s="1149" t="s">
        <v>9912</v>
      </c>
      <c r="F3205" s="1163" t="s">
        <v>32732</v>
      </c>
      <c r="G3205" s="150"/>
      <c r="H3205" s="150"/>
    </row>
    <row r="3206" spans="1:8" ht="63.75">
      <c r="A3206" s="150"/>
      <c r="B3206" s="164" t="s">
        <v>32269</v>
      </c>
      <c r="C3206" s="1150"/>
      <c r="D3206" s="1150"/>
      <c r="E3206" s="1150"/>
      <c r="F3206" s="1164"/>
      <c r="G3206" s="150"/>
      <c r="H3206" s="150"/>
    </row>
    <row r="3207" spans="1:8" ht="25.5">
      <c r="A3207" s="150"/>
      <c r="B3207" s="162" t="s">
        <v>9913</v>
      </c>
      <c r="C3207" s="1149" t="s">
        <v>9915</v>
      </c>
      <c r="D3207" s="1149" t="s">
        <v>9916</v>
      </c>
      <c r="E3207" s="1149" t="s">
        <v>9917</v>
      </c>
      <c r="F3207" s="1163" t="s">
        <v>32732</v>
      </c>
      <c r="G3207" s="150"/>
      <c r="H3207" s="150"/>
    </row>
    <row r="3208" spans="1:8" ht="51">
      <c r="A3208" s="150"/>
      <c r="B3208" s="164" t="s">
        <v>9914</v>
      </c>
      <c r="C3208" s="1150"/>
      <c r="D3208" s="1150"/>
      <c r="E3208" s="1150"/>
      <c r="F3208" s="1164"/>
      <c r="G3208" s="150"/>
      <c r="H3208" s="150"/>
    </row>
    <row r="3209" spans="1:8" ht="25.5">
      <c r="A3209" s="150"/>
      <c r="B3209" s="162" t="s">
        <v>9918</v>
      </c>
      <c r="C3209" s="1149" t="s">
        <v>9920</v>
      </c>
      <c r="D3209" s="1149" t="s">
        <v>9921</v>
      </c>
      <c r="E3209" s="1149" t="s">
        <v>9922</v>
      </c>
      <c r="F3209" s="1163" t="s">
        <v>32732</v>
      </c>
      <c r="G3209" s="150"/>
      <c r="H3209" s="150"/>
    </row>
    <row r="3210" spans="1:8" ht="51">
      <c r="A3210" s="150"/>
      <c r="B3210" s="164" t="s">
        <v>9919</v>
      </c>
      <c r="C3210" s="1150"/>
      <c r="D3210" s="1150"/>
      <c r="E3210" s="1150"/>
      <c r="F3210" s="1164"/>
      <c r="G3210" s="150"/>
      <c r="H3210" s="150"/>
    </row>
    <row r="3211" spans="1:8" ht="25.5">
      <c r="A3211" s="150"/>
      <c r="B3211" s="162" t="s">
        <v>9923</v>
      </c>
      <c r="C3211" s="1149" t="s">
        <v>9925</v>
      </c>
      <c r="D3211" s="1149" t="s">
        <v>9926</v>
      </c>
      <c r="E3211" s="1149" t="s">
        <v>9927</v>
      </c>
      <c r="F3211" s="1163" t="s">
        <v>32732</v>
      </c>
      <c r="G3211" s="150"/>
      <c r="H3211" s="150"/>
    </row>
    <row r="3212" spans="1:8" ht="51">
      <c r="A3212" s="150"/>
      <c r="B3212" s="164" t="s">
        <v>9924</v>
      </c>
      <c r="C3212" s="1150"/>
      <c r="D3212" s="1150"/>
      <c r="E3212" s="1150"/>
      <c r="F3212" s="1164"/>
      <c r="G3212" s="150"/>
      <c r="H3212" s="150"/>
    </row>
    <row r="3213" spans="1:8" ht="25.5">
      <c r="A3213" s="150"/>
      <c r="B3213" s="162" t="s">
        <v>9928</v>
      </c>
      <c r="C3213" s="1149" t="s">
        <v>9929</v>
      </c>
      <c r="D3213" s="1149" t="s">
        <v>9930</v>
      </c>
      <c r="E3213" s="1149" t="s">
        <v>9931</v>
      </c>
      <c r="F3213" s="1163" t="s">
        <v>32732</v>
      </c>
      <c r="G3213" s="150"/>
      <c r="H3213" s="150"/>
    </row>
    <row r="3214" spans="1:8" ht="102">
      <c r="A3214" s="150"/>
      <c r="B3214" s="164" t="s">
        <v>32270</v>
      </c>
      <c r="C3214" s="1150"/>
      <c r="D3214" s="1150"/>
      <c r="E3214" s="1150"/>
      <c r="F3214" s="1164"/>
      <c r="G3214" s="150"/>
      <c r="H3214" s="150"/>
    </row>
    <row r="3215" spans="1:8" ht="25.5">
      <c r="A3215" s="150"/>
      <c r="B3215" s="162" t="s">
        <v>9932</v>
      </c>
      <c r="C3215" s="1149" t="s">
        <v>9933</v>
      </c>
      <c r="D3215" s="1149" t="s">
        <v>9934</v>
      </c>
      <c r="E3215" s="1149" t="s">
        <v>9935</v>
      </c>
      <c r="F3215" s="1163" t="s">
        <v>32732</v>
      </c>
      <c r="G3215" s="150"/>
      <c r="H3215" s="150"/>
    </row>
    <row r="3216" spans="1:8" ht="102">
      <c r="A3216" s="150"/>
      <c r="B3216" s="164" t="s">
        <v>32271</v>
      </c>
      <c r="C3216" s="1150"/>
      <c r="D3216" s="1150"/>
      <c r="E3216" s="1150"/>
      <c r="F3216" s="1164"/>
      <c r="G3216" s="150"/>
      <c r="H3216" s="150"/>
    </row>
    <row r="3217" spans="1:8" ht="25.5">
      <c r="A3217" s="150"/>
      <c r="B3217" s="162" t="s">
        <v>9936</v>
      </c>
      <c r="C3217" s="1149" t="s">
        <v>9937</v>
      </c>
      <c r="D3217" s="1149" t="s">
        <v>9938</v>
      </c>
      <c r="E3217" s="1149" t="s">
        <v>9939</v>
      </c>
      <c r="F3217" s="1163" t="s">
        <v>32732</v>
      </c>
      <c r="G3217" s="150"/>
      <c r="H3217" s="150"/>
    </row>
    <row r="3218" spans="1:8" ht="63.75">
      <c r="A3218" s="150"/>
      <c r="B3218" s="164" t="s">
        <v>32272</v>
      </c>
      <c r="C3218" s="1150"/>
      <c r="D3218" s="1150"/>
      <c r="E3218" s="1150"/>
      <c r="F3218" s="1164"/>
      <c r="G3218" s="150"/>
      <c r="H3218" s="150"/>
    </row>
    <row r="3219" spans="1:8">
      <c r="A3219" s="150"/>
      <c r="B3219" s="1159" t="s">
        <v>31587</v>
      </c>
      <c r="C3219" s="1160"/>
      <c r="D3219" s="1160"/>
      <c r="E3219" s="1160"/>
      <c r="F3219" s="1161"/>
      <c r="G3219" s="150"/>
      <c r="H3219" s="150"/>
    </row>
    <row r="3220" spans="1:8">
      <c r="A3220" s="150"/>
      <c r="B3220" s="162" t="s">
        <v>12798</v>
      </c>
      <c r="C3220" s="1149" t="s">
        <v>9942</v>
      </c>
      <c r="D3220" s="1149" t="s">
        <v>9943</v>
      </c>
      <c r="E3220" s="1149" t="s">
        <v>9944</v>
      </c>
      <c r="F3220" s="1149" t="s">
        <v>9812</v>
      </c>
      <c r="G3220" s="150"/>
      <c r="H3220" s="150"/>
    </row>
    <row r="3221" spans="1:8">
      <c r="A3221" s="150"/>
      <c r="B3221" s="163" t="s">
        <v>12799</v>
      </c>
      <c r="C3221" s="1158"/>
      <c r="D3221" s="1158"/>
      <c r="E3221" s="1158"/>
      <c r="F3221" s="1158"/>
      <c r="G3221" s="150"/>
      <c r="H3221" s="150"/>
    </row>
    <row r="3222" spans="1:8" ht="38.25">
      <c r="A3222" s="150"/>
      <c r="B3222" s="164" t="s">
        <v>12800</v>
      </c>
      <c r="C3222" s="1150"/>
      <c r="D3222" s="1150"/>
      <c r="E3222" s="1150"/>
      <c r="F3222" s="1150"/>
      <c r="G3222" s="150"/>
      <c r="H3222" s="150"/>
    </row>
    <row r="3223" spans="1:8">
      <c r="A3223" s="150"/>
      <c r="B3223" s="1159" t="s">
        <v>8508</v>
      </c>
      <c r="C3223" s="1160"/>
      <c r="D3223" s="1160"/>
      <c r="E3223" s="1160"/>
      <c r="F3223" s="1161"/>
      <c r="G3223" s="150"/>
      <c r="H3223" s="150"/>
    </row>
    <row r="3224" spans="1:8" ht="25.5">
      <c r="A3224" s="150"/>
      <c r="B3224" s="162" t="s">
        <v>9945</v>
      </c>
      <c r="C3224" s="1149" t="s">
        <v>9946</v>
      </c>
      <c r="D3224" s="1149" t="s">
        <v>9947</v>
      </c>
      <c r="E3224" s="1149" t="s">
        <v>9948</v>
      </c>
      <c r="F3224" s="1163" t="s">
        <v>32732</v>
      </c>
      <c r="G3224" s="150"/>
      <c r="H3224" s="150"/>
    </row>
    <row r="3225" spans="1:8" ht="63.75">
      <c r="A3225" s="150"/>
      <c r="B3225" s="164" t="s">
        <v>32273</v>
      </c>
      <c r="C3225" s="1150"/>
      <c r="D3225" s="1150"/>
      <c r="E3225" s="1150"/>
      <c r="F3225" s="1164"/>
      <c r="G3225" s="150"/>
      <c r="H3225" s="150"/>
    </row>
    <row r="3226" spans="1:8">
      <c r="A3226" s="150"/>
      <c r="B3226" s="162" t="s">
        <v>9949</v>
      </c>
      <c r="C3226" s="1149" t="s">
        <v>9950</v>
      </c>
      <c r="D3226" s="1149" t="s">
        <v>9951</v>
      </c>
      <c r="E3226" s="1149" t="s">
        <v>9952</v>
      </c>
      <c r="F3226" s="1163" t="s">
        <v>32732</v>
      </c>
      <c r="G3226" s="150"/>
      <c r="H3226" s="150"/>
    </row>
    <row r="3227" spans="1:8" ht="51">
      <c r="A3227" s="150"/>
      <c r="B3227" s="164" t="s">
        <v>32274</v>
      </c>
      <c r="C3227" s="1150"/>
      <c r="D3227" s="1150"/>
      <c r="E3227" s="1150"/>
      <c r="F3227" s="1164"/>
      <c r="G3227" s="150"/>
      <c r="H3227" s="150"/>
    </row>
    <row r="3228" spans="1:8" ht="25.5">
      <c r="A3228" s="150"/>
      <c r="B3228" s="162" t="s">
        <v>9953</v>
      </c>
      <c r="C3228" s="1149" t="s">
        <v>9954</v>
      </c>
      <c r="D3228" s="1149" t="s">
        <v>9955</v>
      </c>
      <c r="E3228" s="1149" t="s">
        <v>9956</v>
      </c>
      <c r="F3228" s="1163" t="s">
        <v>32732</v>
      </c>
      <c r="G3228" s="150"/>
      <c r="H3228" s="150"/>
    </row>
    <row r="3229" spans="1:8" ht="63.75">
      <c r="A3229" s="150"/>
      <c r="B3229" s="164" t="s">
        <v>32275</v>
      </c>
      <c r="C3229" s="1150"/>
      <c r="D3229" s="1150"/>
      <c r="E3229" s="1150"/>
      <c r="F3229" s="1164"/>
      <c r="G3229" s="150"/>
      <c r="H3229" s="150"/>
    </row>
    <row r="3230" spans="1:8" ht="25.5">
      <c r="A3230" s="150"/>
      <c r="B3230" s="162" t="s">
        <v>9957</v>
      </c>
      <c r="C3230" s="1149" t="s">
        <v>9958</v>
      </c>
      <c r="D3230" s="1149" t="s">
        <v>9959</v>
      </c>
      <c r="E3230" s="1149" t="s">
        <v>9960</v>
      </c>
      <c r="F3230" s="1163" t="s">
        <v>32732</v>
      </c>
      <c r="G3230" s="150"/>
      <c r="H3230" s="150"/>
    </row>
    <row r="3231" spans="1:8" ht="89.25">
      <c r="A3231" s="150"/>
      <c r="B3231" s="164" t="s">
        <v>32276</v>
      </c>
      <c r="C3231" s="1150"/>
      <c r="D3231" s="1150"/>
      <c r="E3231" s="1150"/>
      <c r="F3231" s="1164"/>
      <c r="G3231" s="150"/>
      <c r="H3231" s="150"/>
    </row>
    <row r="3232" spans="1:8" ht="25.5">
      <c r="A3232" s="150"/>
      <c r="B3232" s="162" t="s">
        <v>9961</v>
      </c>
      <c r="C3232" s="1149" t="s">
        <v>9962</v>
      </c>
      <c r="D3232" s="1149" t="s">
        <v>9963</v>
      </c>
      <c r="E3232" s="1149" t="s">
        <v>9964</v>
      </c>
      <c r="F3232" s="1163" t="s">
        <v>32732</v>
      </c>
      <c r="G3232" s="150"/>
      <c r="H3232" s="150"/>
    </row>
    <row r="3233" spans="1:8" ht="76.5">
      <c r="A3233" s="150"/>
      <c r="B3233" s="164" t="s">
        <v>32277</v>
      </c>
      <c r="C3233" s="1150"/>
      <c r="D3233" s="1150"/>
      <c r="E3233" s="1150"/>
      <c r="F3233" s="1164"/>
      <c r="G3233" s="150"/>
      <c r="H3233" s="150"/>
    </row>
    <row r="3234" spans="1:8" ht="25.5">
      <c r="A3234" s="150"/>
      <c r="B3234" s="162" t="s">
        <v>9965</v>
      </c>
      <c r="C3234" s="1149" t="s">
        <v>9967</v>
      </c>
      <c r="D3234" s="1149" t="s">
        <v>9968</v>
      </c>
      <c r="E3234" s="1149" t="s">
        <v>9969</v>
      </c>
      <c r="F3234" s="1163" t="s">
        <v>32732</v>
      </c>
      <c r="G3234" s="150"/>
      <c r="H3234" s="150"/>
    </row>
    <row r="3235" spans="1:8" ht="51">
      <c r="A3235" s="150"/>
      <c r="B3235" s="164" t="s">
        <v>9966</v>
      </c>
      <c r="C3235" s="1150"/>
      <c r="D3235" s="1150"/>
      <c r="E3235" s="1150"/>
      <c r="F3235" s="1164"/>
      <c r="G3235" s="150"/>
      <c r="H3235" s="150"/>
    </row>
    <row r="3236" spans="1:8" ht="25.5">
      <c r="A3236" s="150"/>
      <c r="B3236" s="162" t="s">
        <v>9970</v>
      </c>
      <c r="C3236" s="1149" t="s">
        <v>9971</v>
      </c>
      <c r="D3236" s="1149" t="s">
        <v>9972</v>
      </c>
      <c r="E3236" s="1149" t="s">
        <v>9973</v>
      </c>
      <c r="F3236" s="1163" t="s">
        <v>32732</v>
      </c>
      <c r="G3236" s="150"/>
      <c r="H3236" s="150"/>
    </row>
    <row r="3237" spans="1:8" ht="63.75">
      <c r="A3237" s="150"/>
      <c r="B3237" s="164" t="s">
        <v>32278</v>
      </c>
      <c r="C3237" s="1150"/>
      <c r="D3237" s="1150"/>
      <c r="E3237" s="1150"/>
      <c r="F3237" s="1164"/>
      <c r="G3237" s="150"/>
      <c r="H3237" s="150"/>
    </row>
    <row r="3238" spans="1:8" ht="25.5">
      <c r="A3238" s="150"/>
      <c r="B3238" s="162" t="s">
        <v>9974</v>
      </c>
      <c r="C3238" s="1149" t="s">
        <v>9976</v>
      </c>
      <c r="D3238" s="1149" t="s">
        <v>9977</v>
      </c>
      <c r="E3238" s="1149" t="s">
        <v>9978</v>
      </c>
      <c r="F3238" s="1163" t="s">
        <v>32732</v>
      </c>
      <c r="G3238" s="150"/>
      <c r="H3238" s="150"/>
    </row>
    <row r="3239" spans="1:8" ht="51">
      <c r="A3239" s="150"/>
      <c r="B3239" s="164" t="s">
        <v>9975</v>
      </c>
      <c r="C3239" s="1150"/>
      <c r="D3239" s="1150"/>
      <c r="E3239" s="1150"/>
      <c r="F3239" s="1164"/>
      <c r="G3239" s="150"/>
      <c r="H3239" s="150"/>
    </row>
    <row r="3240" spans="1:8" ht="25.5">
      <c r="A3240" s="150"/>
      <c r="B3240" s="162" t="s">
        <v>9979</v>
      </c>
      <c r="C3240" s="1149" t="s">
        <v>9980</v>
      </c>
      <c r="D3240" s="1149" t="s">
        <v>9981</v>
      </c>
      <c r="E3240" s="1149" t="s">
        <v>9982</v>
      </c>
      <c r="F3240" s="1163" t="s">
        <v>32732</v>
      </c>
      <c r="G3240" s="150"/>
      <c r="H3240" s="150"/>
    </row>
    <row r="3241" spans="1:8" ht="76.5">
      <c r="A3241" s="150"/>
      <c r="B3241" s="164" t="s">
        <v>32279</v>
      </c>
      <c r="C3241" s="1150"/>
      <c r="D3241" s="1150"/>
      <c r="E3241" s="1150"/>
      <c r="F3241" s="1164"/>
      <c r="G3241" s="150"/>
      <c r="H3241" s="150"/>
    </row>
    <row r="3242" spans="1:8" ht="25.5">
      <c r="A3242" s="150"/>
      <c r="B3242" s="162" t="s">
        <v>9983</v>
      </c>
      <c r="C3242" s="1149" t="s">
        <v>9985</v>
      </c>
      <c r="D3242" s="1149" t="s">
        <v>9986</v>
      </c>
      <c r="E3242" s="1149" t="s">
        <v>9987</v>
      </c>
      <c r="F3242" s="1163" t="s">
        <v>32732</v>
      </c>
      <c r="G3242" s="150"/>
      <c r="H3242" s="150"/>
    </row>
    <row r="3243" spans="1:8" ht="51">
      <c r="A3243" s="150"/>
      <c r="B3243" s="164" t="s">
        <v>9984</v>
      </c>
      <c r="C3243" s="1150"/>
      <c r="D3243" s="1150"/>
      <c r="E3243" s="1150"/>
      <c r="F3243" s="1164"/>
      <c r="G3243" s="150"/>
      <c r="H3243" s="150"/>
    </row>
    <row r="3244" spans="1:8" ht="25.5">
      <c r="A3244" s="150"/>
      <c r="B3244" s="162" t="s">
        <v>9988</v>
      </c>
      <c r="C3244" s="1149" t="s">
        <v>9989</v>
      </c>
      <c r="D3244" s="1149" t="s">
        <v>9990</v>
      </c>
      <c r="E3244" s="1149" t="s">
        <v>9991</v>
      </c>
      <c r="F3244" s="1163" t="s">
        <v>32732</v>
      </c>
      <c r="G3244" s="150"/>
      <c r="H3244" s="150"/>
    </row>
    <row r="3245" spans="1:8" ht="63.75">
      <c r="A3245" s="150"/>
      <c r="B3245" s="164" t="s">
        <v>32280</v>
      </c>
      <c r="C3245" s="1150"/>
      <c r="D3245" s="1150"/>
      <c r="E3245" s="1150"/>
      <c r="F3245" s="1164"/>
      <c r="G3245" s="150"/>
      <c r="H3245" s="150"/>
    </row>
    <row r="3246" spans="1:8">
      <c r="A3246" s="150"/>
      <c r="B3246" s="162" t="s">
        <v>9992</v>
      </c>
      <c r="C3246" s="1149" t="s">
        <v>9993</v>
      </c>
      <c r="D3246" s="1149" t="s">
        <v>9994</v>
      </c>
      <c r="E3246" s="1149" t="s">
        <v>9995</v>
      </c>
      <c r="F3246" s="1163" t="s">
        <v>32732</v>
      </c>
      <c r="G3246" s="150"/>
      <c r="H3246" s="150"/>
    </row>
    <row r="3247" spans="1:8" ht="51">
      <c r="A3247" s="150"/>
      <c r="B3247" s="164" t="s">
        <v>32281</v>
      </c>
      <c r="C3247" s="1150"/>
      <c r="D3247" s="1150"/>
      <c r="E3247" s="1150"/>
      <c r="F3247" s="1164"/>
      <c r="G3247" s="150"/>
      <c r="H3247" s="150"/>
    </row>
    <row r="3248" spans="1:8">
      <c r="A3248" s="150"/>
      <c r="B3248" s="162" t="s">
        <v>9996</v>
      </c>
      <c r="C3248" s="1149" t="s">
        <v>9998</v>
      </c>
      <c r="D3248" s="1149" t="s">
        <v>9999</v>
      </c>
      <c r="E3248" s="1149" t="s">
        <v>10000</v>
      </c>
      <c r="F3248" s="1163" t="s">
        <v>32732</v>
      </c>
      <c r="G3248" s="150"/>
      <c r="H3248" s="150"/>
    </row>
    <row r="3249" spans="1:8" ht="25.5">
      <c r="A3249" s="150"/>
      <c r="B3249" s="164" t="s">
        <v>9997</v>
      </c>
      <c r="C3249" s="1150"/>
      <c r="D3249" s="1150"/>
      <c r="E3249" s="1150"/>
      <c r="F3249" s="1164"/>
      <c r="G3249" s="150"/>
      <c r="H3249" s="150"/>
    </row>
    <row r="3250" spans="1:8" ht="25.5">
      <c r="A3250" s="150"/>
      <c r="B3250" s="162" t="s">
        <v>10001</v>
      </c>
      <c r="C3250" s="1149" t="s">
        <v>10003</v>
      </c>
      <c r="D3250" s="1149" t="s">
        <v>10004</v>
      </c>
      <c r="E3250" s="1149" t="s">
        <v>10005</v>
      </c>
      <c r="F3250" s="1163" t="s">
        <v>32732</v>
      </c>
      <c r="G3250" s="150"/>
      <c r="H3250" s="150"/>
    </row>
    <row r="3251" spans="1:8" ht="38.25">
      <c r="A3251" s="150"/>
      <c r="B3251" s="164" t="s">
        <v>10002</v>
      </c>
      <c r="C3251" s="1150"/>
      <c r="D3251" s="1150"/>
      <c r="E3251" s="1150"/>
      <c r="F3251" s="1164"/>
      <c r="G3251" s="150"/>
      <c r="H3251" s="150"/>
    </row>
    <row r="3252" spans="1:8" ht="25.5">
      <c r="A3252" s="150"/>
      <c r="B3252" s="162" t="s">
        <v>10006</v>
      </c>
      <c r="C3252" s="1149" t="s">
        <v>10007</v>
      </c>
      <c r="D3252" s="1149" t="s">
        <v>10008</v>
      </c>
      <c r="E3252" s="1149" t="s">
        <v>10009</v>
      </c>
      <c r="F3252" s="1163" t="s">
        <v>32732</v>
      </c>
      <c r="G3252" s="150"/>
      <c r="H3252" s="150"/>
    </row>
    <row r="3253" spans="1:8" ht="51">
      <c r="A3253" s="150"/>
      <c r="B3253" s="164" t="s">
        <v>32282</v>
      </c>
      <c r="C3253" s="1150"/>
      <c r="D3253" s="1150"/>
      <c r="E3253" s="1150"/>
      <c r="F3253" s="1164"/>
      <c r="G3253" s="150"/>
      <c r="H3253" s="150"/>
    </row>
    <row r="3254" spans="1:8" ht="38.25">
      <c r="A3254" s="150"/>
      <c r="B3254" s="162" t="s">
        <v>10010</v>
      </c>
      <c r="C3254" s="1149" t="s">
        <v>10011</v>
      </c>
      <c r="D3254" s="1149" t="s">
        <v>10012</v>
      </c>
      <c r="E3254" s="1149" t="s">
        <v>10013</v>
      </c>
      <c r="F3254" s="1163" t="s">
        <v>32732</v>
      </c>
      <c r="G3254" s="150"/>
      <c r="H3254" s="150"/>
    </row>
    <row r="3255" spans="1:8" ht="63.75">
      <c r="A3255" s="150"/>
      <c r="B3255" s="164" t="s">
        <v>32283</v>
      </c>
      <c r="C3255" s="1150"/>
      <c r="D3255" s="1150"/>
      <c r="E3255" s="1150"/>
      <c r="F3255" s="1164"/>
      <c r="G3255" s="150"/>
      <c r="H3255" s="150"/>
    </row>
    <row r="3256" spans="1:8" ht="25.5">
      <c r="A3256" s="150"/>
      <c r="B3256" s="162" t="s">
        <v>10014</v>
      </c>
      <c r="C3256" s="1149" t="s">
        <v>10015</v>
      </c>
      <c r="D3256" s="1149" t="s">
        <v>10016</v>
      </c>
      <c r="E3256" s="1149" t="s">
        <v>10017</v>
      </c>
      <c r="F3256" s="1163" t="s">
        <v>32732</v>
      </c>
      <c r="G3256" s="150"/>
      <c r="H3256" s="150"/>
    </row>
    <row r="3257" spans="1:8" ht="76.5">
      <c r="A3257" s="150"/>
      <c r="B3257" s="164" t="s">
        <v>32284</v>
      </c>
      <c r="C3257" s="1150"/>
      <c r="D3257" s="1150"/>
      <c r="E3257" s="1150"/>
      <c r="F3257" s="1164"/>
      <c r="G3257" s="150"/>
      <c r="H3257" s="150"/>
    </row>
    <row r="3258" spans="1:8" ht="25.5">
      <c r="A3258" s="150"/>
      <c r="B3258" s="162" t="s">
        <v>10018</v>
      </c>
      <c r="C3258" s="1149" t="s">
        <v>10019</v>
      </c>
      <c r="D3258" s="1149" t="s">
        <v>10020</v>
      </c>
      <c r="E3258" s="1149" t="s">
        <v>10021</v>
      </c>
      <c r="F3258" s="1163" t="s">
        <v>32732</v>
      </c>
      <c r="G3258" s="150"/>
      <c r="H3258" s="150"/>
    </row>
    <row r="3259" spans="1:8" ht="63.75">
      <c r="A3259" s="150"/>
      <c r="B3259" s="164" t="s">
        <v>32285</v>
      </c>
      <c r="C3259" s="1150"/>
      <c r="D3259" s="1150"/>
      <c r="E3259" s="1150"/>
      <c r="F3259" s="1164"/>
      <c r="G3259" s="150"/>
      <c r="H3259" s="150"/>
    </row>
    <row r="3260" spans="1:8" ht="25.5">
      <c r="A3260" s="150"/>
      <c r="B3260" s="162" t="s">
        <v>10022</v>
      </c>
      <c r="C3260" s="1149" t="s">
        <v>10023</v>
      </c>
      <c r="D3260" s="1149" t="s">
        <v>10024</v>
      </c>
      <c r="E3260" s="1149" t="s">
        <v>10025</v>
      </c>
      <c r="F3260" s="1163" t="s">
        <v>32732</v>
      </c>
      <c r="G3260" s="150"/>
      <c r="H3260" s="150"/>
    </row>
    <row r="3261" spans="1:8" ht="76.5">
      <c r="A3261" s="150"/>
      <c r="B3261" s="164" t="s">
        <v>32286</v>
      </c>
      <c r="C3261" s="1150"/>
      <c r="D3261" s="1150"/>
      <c r="E3261" s="1150"/>
      <c r="F3261" s="1164"/>
      <c r="G3261" s="150"/>
      <c r="H3261" s="150"/>
    </row>
    <row r="3262" spans="1:8" ht="25.5">
      <c r="A3262" s="150"/>
      <c r="B3262" s="162" t="s">
        <v>10026</v>
      </c>
      <c r="C3262" s="1149" t="s">
        <v>10027</v>
      </c>
      <c r="D3262" s="1149" t="s">
        <v>10028</v>
      </c>
      <c r="E3262" s="1149" t="s">
        <v>10029</v>
      </c>
      <c r="F3262" s="1163" t="s">
        <v>32732</v>
      </c>
      <c r="G3262" s="150"/>
      <c r="H3262" s="150"/>
    </row>
    <row r="3263" spans="1:8" ht="63.75">
      <c r="A3263" s="150"/>
      <c r="B3263" s="164" t="s">
        <v>32287</v>
      </c>
      <c r="C3263" s="1150"/>
      <c r="D3263" s="1150"/>
      <c r="E3263" s="1150"/>
      <c r="F3263" s="1164"/>
      <c r="G3263" s="150"/>
      <c r="H3263" s="150"/>
    </row>
    <row r="3264" spans="1:8" ht="25.5">
      <c r="A3264" s="150"/>
      <c r="B3264" s="162" t="s">
        <v>10030</v>
      </c>
      <c r="C3264" s="1149" t="s">
        <v>10031</v>
      </c>
      <c r="D3264" s="1149" t="s">
        <v>10032</v>
      </c>
      <c r="E3264" s="1149" t="s">
        <v>10033</v>
      </c>
      <c r="F3264" s="1163" t="s">
        <v>32732</v>
      </c>
      <c r="G3264" s="150"/>
      <c r="H3264" s="150"/>
    </row>
    <row r="3265" spans="1:8" ht="63.75">
      <c r="A3265" s="150"/>
      <c r="B3265" s="164" t="s">
        <v>32288</v>
      </c>
      <c r="C3265" s="1150"/>
      <c r="D3265" s="1150"/>
      <c r="E3265" s="1150"/>
      <c r="F3265" s="1164"/>
      <c r="G3265" s="150"/>
      <c r="H3265" s="150"/>
    </row>
    <row r="3266" spans="1:8" ht="25.5">
      <c r="A3266" s="150"/>
      <c r="B3266" s="162" t="s">
        <v>10034</v>
      </c>
      <c r="C3266" s="1149" t="s">
        <v>10035</v>
      </c>
      <c r="D3266" s="1149" t="s">
        <v>10036</v>
      </c>
      <c r="E3266" s="1149" t="s">
        <v>10037</v>
      </c>
      <c r="F3266" s="1163" t="s">
        <v>32732</v>
      </c>
      <c r="G3266" s="150"/>
      <c r="H3266" s="150"/>
    </row>
    <row r="3267" spans="1:8" ht="102">
      <c r="A3267" s="150"/>
      <c r="B3267" s="164" t="s">
        <v>32289</v>
      </c>
      <c r="C3267" s="1150"/>
      <c r="D3267" s="1150"/>
      <c r="E3267" s="1150"/>
      <c r="F3267" s="1164"/>
      <c r="G3267" s="150"/>
      <c r="H3267" s="150"/>
    </row>
    <row r="3268" spans="1:8">
      <c r="A3268" s="150"/>
      <c r="B3268" s="162" t="s">
        <v>10038</v>
      </c>
      <c r="C3268" s="1149" t="s">
        <v>10039</v>
      </c>
      <c r="D3268" s="1149" t="s">
        <v>10040</v>
      </c>
      <c r="E3268" s="1149" t="s">
        <v>10041</v>
      </c>
      <c r="F3268" s="1163" t="s">
        <v>32732</v>
      </c>
      <c r="G3268" s="150"/>
      <c r="H3268" s="150"/>
    </row>
    <row r="3269" spans="1:8" ht="63.75">
      <c r="A3269" s="150"/>
      <c r="B3269" s="164" t="s">
        <v>32290</v>
      </c>
      <c r="C3269" s="1150"/>
      <c r="D3269" s="1150"/>
      <c r="E3269" s="1150"/>
      <c r="F3269" s="1164"/>
      <c r="G3269" s="150"/>
      <c r="H3269" s="150"/>
    </row>
    <row r="3270" spans="1:8">
      <c r="A3270" s="150"/>
      <c r="B3270" s="162" t="s">
        <v>32291</v>
      </c>
      <c r="C3270" s="1149" t="s">
        <v>10042</v>
      </c>
      <c r="D3270" s="1149" t="s">
        <v>10043</v>
      </c>
      <c r="E3270" s="1149" t="s">
        <v>10044</v>
      </c>
      <c r="F3270" s="1163" t="s">
        <v>32732</v>
      </c>
      <c r="G3270" s="150"/>
      <c r="H3270" s="150"/>
    </row>
    <row r="3271" spans="1:8" ht="76.5">
      <c r="A3271" s="150"/>
      <c r="B3271" s="164" t="s">
        <v>32292</v>
      </c>
      <c r="C3271" s="1150"/>
      <c r="D3271" s="1150"/>
      <c r="E3271" s="1150"/>
      <c r="F3271" s="1164"/>
      <c r="G3271" s="150"/>
      <c r="H3271" s="150"/>
    </row>
    <row r="3272" spans="1:8" ht="38.25">
      <c r="A3272" s="150"/>
      <c r="B3272" s="162" t="s">
        <v>10045</v>
      </c>
      <c r="C3272" s="1149" t="s">
        <v>10046</v>
      </c>
      <c r="D3272" s="1149" t="s">
        <v>10047</v>
      </c>
      <c r="E3272" s="1149" t="s">
        <v>10048</v>
      </c>
      <c r="F3272" s="1163" t="s">
        <v>32732</v>
      </c>
      <c r="G3272" s="150"/>
      <c r="H3272" s="150"/>
    </row>
    <row r="3273" spans="1:8" ht="63.75">
      <c r="A3273" s="150"/>
      <c r="B3273" s="164" t="s">
        <v>32293</v>
      </c>
      <c r="C3273" s="1150"/>
      <c r="D3273" s="1150"/>
      <c r="E3273" s="1150"/>
      <c r="F3273" s="1164"/>
      <c r="G3273" s="150"/>
      <c r="H3273" s="150"/>
    </row>
    <row r="3274" spans="1:8" ht="25.5">
      <c r="A3274" s="150"/>
      <c r="B3274" s="162" t="s">
        <v>10049</v>
      </c>
      <c r="C3274" s="1149" t="s">
        <v>10050</v>
      </c>
      <c r="D3274" s="1149" t="s">
        <v>10051</v>
      </c>
      <c r="E3274" s="1149" t="s">
        <v>10052</v>
      </c>
      <c r="F3274" s="1163" t="s">
        <v>32732</v>
      </c>
      <c r="G3274" s="150"/>
      <c r="H3274" s="150"/>
    </row>
    <row r="3275" spans="1:8" ht="51">
      <c r="A3275" s="150"/>
      <c r="B3275" s="164" t="s">
        <v>32294</v>
      </c>
      <c r="C3275" s="1150"/>
      <c r="D3275" s="1150"/>
      <c r="E3275" s="1150"/>
      <c r="F3275" s="1164"/>
      <c r="G3275" s="150"/>
      <c r="H3275" s="150"/>
    </row>
    <row r="3276" spans="1:8" ht="38.25">
      <c r="A3276" s="150"/>
      <c r="B3276" s="162" t="s">
        <v>10053</v>
      </c>
      <c r="C3276" s="1149" t="s">
        <v>10054</v>
      </c>
      <c r="D3276" s="1149" t="s">
        <v>10055</v>
      </c>
      <c r="E3276" s="1149" t="s">
        <v>10056</v>
      </c>
      <c r="F3276" s="1163" t="s">
        <v>32732</v>
      </c>
      <c r="G3276" s="150"/>
      <c r="H3276" s="150"/>
    </row>
    <row r="3277" spans="1:8" ht="76.5">
      <c r="A3277" s="150"/>
      <c r="B3277" s="164" t="s">
        <v>32295</v>
      </c>
      <c r="C3277" s="1150"/>
      <c r="D3277" s="1150"/>
      <c r="E3277" s="1150"/>
      <c r="F3277" s="1164"/>
      <c r="G3277" s="150"/>
      <c r="H3277" s="150"/>
    </row>
    <row r="3278" spans="1:8" ht="25.5">
      <c r="A3278" s="150"/>
      <c r="B3278" s="162" t="s">
        <v>10057</v>
      </c>
      <c r="C3278" s="1149" t="s">
        <v>10058</v>
      </c>
      <c r="D3278" s="1149" t="s">
        <v>10059</v>
      </c>
      <c r="E3278" s="1149" t="s">
        <v>10060</v>
      </c>
      <c r="F3278" s="1163" t="s">
        <v>32732</v>
      </c>
      <c r="G3278" s="150"/>
      <c r="H3278" s="150"/>
    </row>
    <row r="3279" spans="1:8" ht="63.75">
      <c r="A3279" s="150"/>
      <c r="B3279" s="164" t="s">
        <v>32296</v>
      </c>
      <c r="C3279" s="1150"/>
      <c r="D3279" s="1150"/>
      <c r="E3279" s="1150"/>
      <c r="F3279" s="1164"/>
      <c r="G3279" s="150"/>
      <c r="H3279" s="150"/>
    </row>
    <row r="3280" spans="1:8" ht="38.25">
      <c r="A3280" s="150"/>
      <c r="B3280" s="162" t="s">
        <v>10061</v>
      </c>
      <c r="C3280" s="1149" t="s">
        <v>10062</v>
      </c>
      <c r="D3280" s="1149" t="s">
        <v>10063</v>
      </c>
      <c r="E3280" s="1149" t="s">
        <v>10064</v>
      </c>
      <c r="F3280" s="1163" t="s">
        <v>32732</v>
      </c>
      <c r="G3280" s="150"/>
      <c r="H3280" s="150"/>
    </row>
    <row r="3281" spans="1:8" ht="76.5">
      <c r="A3281" s="150"/>
      <c r="B3281" s="164" t="s">
        <v>32297</v>
      </c>
      <c r="C3281" s="1150"/>
      <c r="D3281" s="1150"/>
      <c r="E3281" s="1150"/>
      <c r="F3281" s="1164"/>
      <c r="G3281" s="150"/>
      <c r="H3281" s="150"/>
    </row>
    <row r="3282" spans="1:8" ht="25.5">
      <c r="A3282" s="150"/>
      <c r="B3282" s="162" t="s">
        <v>10065</v>
      </c>
      <c r="C3282" s="1149" t="s">
        <v>10066</v>
      </c>
      <c r="D3282" s="1149" t="s">
        <v>10067</v>
      </c>
      <c r="E3282" s="1149" t="s">
        <v>10068</v>
      </c>
      <c r="F3282" s="1163" t="s">
        <v>32732</v>
      </c>
      <c r="G3282" s="150"/>
      <c r="H3282" s="150"/>
    </row>
    <row r="3283" spans="1:8" ht="63.75">
      <c r="A3283" s="150"/>
      <c r="B3283" s="164" t="s">
        <v>32298</v>
      </c>
      <c r="C3283" s="1150"/>
      <c r="D3283" s="1150"/>
      <c r="E3283" s="1150"/>
      <c r="F3283" s="1164"/>
      <c r="G3283" s="150"/>
      <c r="H3283" s="150"/>
    </row>
    <row r="3284" spans="1:8">
      <c r="A3284" s="150"/>
      <c r="B3284" s="162" t="s">
        <v>10069</v>
      </c>
      <c r="C3284" s="1149" t="s">
        <v>10070</v>
      </c>
      <c r="D3284" s="1149" t="s">
        <v>10071</v>
      </c>
      <c r="E3284" s="1149" t="s">
        <v>10072</v>
      </c>
      <c r="F3284" s="1163" t="s">
        <v>32732</v>
      </c>
      <c r="G3284" s="150"/>
      <c r="H3284" s="150"/>
    </row>
    <row r="3285" spans="1:8" ht="63.75">
      <c r="A3285" s="150"/>
      <c r="B3285" s="164" t="s">
        <v>32299</v>
      </c>
      <c r="C3285" s="1150"/>
      <c r="D3285" s="1150"/>
      <c r="E3285" s="1150"/>
      <c r="F3285" s="1164"/>
      <c r="G3285" s="150"/>
      <c r="H3285" s="150"/>
    </row>
    <row r="3286" spans="1:8" ht="25.5">
      <c r="A3286" s="150"/>
      <c r="B3286" s="162" t="s">
        <v>10073</v>
      </c>
      <c r="C3286" s="1149" t="s">
        <v>10074</v>
      </c>
      <c r="D3286" s="1149" t="s">
        <v>10075</v>
      </c>
      <c r="E3286" s="1149" t="s">
        <v>10076</v>
      </c>
      <c r="F3286" s="1163" t="s">
        <v>32732</v>
      </c>
      <c r="G3286" s="150"/>
      <c r="H3286" s="150"/>
    </row>
    <row r="3287" spans="1:8" ht="51">
      <c r="A3287" s="150"/>
      <c r="B3287" s="164" t="s">
        <v>32300</v>
      </c>
      <c r="C3287" s="1150"/>
      <c r="D3287" s="1150"/>
      <c r="E3287" s="1150"/>
      <c r="F3287" s="1164"/>
      <c r="G3287" s="150"/>
      <c r="H3287" s="150"/>
    </row>
    <row r="3288" spans="1:8" ht="38.25">
      <c r="A3288" s="150"/>
      <c r="B3288" s="162" t="s">
        <v>10077</v>
      </c>
      <c r="C3288" s="1149" t="s">
        <v>10078</v>
      </c>
      <c r="D3288" s="1149" t="s">
        <v>10079</v>
      </c>
      <c r="E3288" s="1149" t="s">
        <v>10080</v>
      </c>
      <c r="F3288" s="1163" t="s">
        <v>32732</v>
      </c>
      <c r="G3288" s="150"/>
      <c r="H3288" s="150"/>
    </row>
    <row r="3289" spans="1:8" ht="76.5">
      <c r="A3289" s="150"/>
      <c r="B3289" s="164" t="s">
        <v>32301</v>
      </c>
      <c r="C3289" s="1150"/>
      <c r="D3289" s="1150"/>
      <c r="E3289" s="1150"/>
      <c r="F3289" s="1164"/>
      <c r="G3289" s="150"/>
      <c r="H3289" s="150"/>
    </row>
    <row r="3290" spans="1:8" ht="25.5">
      <c r="A3290" s="150"/>
      <c r="B3290" s="162" t="s">
        <v>10081</v>
      </c>
      <c r="C3290" s="1149" t="s">
        <v>10082</v>
      </c>
      <c r="D3290" s="1149" t="s">
        <v>10083</v>
      </c>
      <c r="E3290" s="1149" t="s">
        <v>10084</v>
      </c>
      <c r="F3290" s="1163" t="s">
        <v>32732</v>
      </c>
      <c r="G3290" s="150"/>
      <c r="H3290" s="150"/>
    </row>
    <row r="3291" spans="1:8" ht="76.5">
      <c r="A3291" s="150"/>
      <c r="B3291" s="164" t="s">
        <v>32302</v>
      </c>
      <c r="C3291" s="1150"/>
      <c r="D3291" s="1150"/>
      <c r="E3291" s="1150"/>
      <c r="F3291" s="1164"/>
      <c r="G3291" s="150"/>
      <c r="H3291" s="150"/>
    </row>
    <row r="3292" spans="1:8" ht="25.5">
      <c r="A3292" s="150"/>
      <c r="B3292" s="162" t="s">
        <v>10085</v>
      </c>
      <c r="C3292" s="1149" t="s">
        <v>10086</v>
      </c>
      <c r="D3292" s="1149" t="s">
        <v>10087</v>
      </c>
      <c r="E3292" s="1149" t="s">
        <v>10088</v>
      </c>
      <c r="F3292" s="1163" t="s">
        <v>32732</v>
      </c>
      <c r="G3292" s="150"/>
      <c r="H3292" s="150"/>
    </row>
    <row r="3293" spans="1:8" ht="76.5">
      <c r="A3293" s="150"/>
      <c r="B3293" s="164" t="s">
        <v>32303</v>
      </c>
      <c r="C3293" s="1150"/>
      <c r="D3293" s="1150"/>
      <c r="E3293" s="1150"/>
      <c r="F3293" s="1164"/>
      <c r="G3293" s="150"/>
      <c r="H3293" s="150"/>
    </row>
    <row r="3294" spans="1:8" ht="25.5">
      <c r="A3294" s="150"/>
      <c r="B3294" s="162" t="s">
        <v>10089</v>
      </c>
      <c r="C3294" s="1149" t="s">
        <v>10090</v>
      </c>
      <c r="D3294" s="1149" t="s">
        <v>10091</v>
      </c>
      <c r="E3294" s="1149" t="s">
        <v>10092</v>
      </c>
      <c r="F3294" s="1163" t="s">
        <v>32732</v>
      </c>
      <c r="G3294" s="150"/>
      <c r="H3294" s="150"/>
    </row>
    <row r="3295" spans="1:8" ht="51">
      <c r="A3295" s="150"/>
      <c r="B3295" s="164" t="s">
        <v>32304</v>
      </c>
      <c r="C3295" s="1150"/>
      <c r="D3295" s="1150"/>
      <c r="E3295" s="1150"/>
      <c r="F3295" s="1164"/>
      <c r="G3295" s="150"/>
      <c r="H3295" s="150"/>
    </row>
    <row r="3296" spans="1:8" ht="38.25">
      <c r="A3296" s="150"/>
      <c r="B3296" s="162" t="s">
        <v>10093</v>
      </c>
      <c r="C3296" s="1149" t="s">
        <v>10094</v>
      </c>
      <c r="D3296" s="1149" t="s">
        <v>10095</v>
      </c>
      <c r="E3296" s="1149" t="s">
        <v>10096</v>
      </c>
      <c r="F3296" s="1163" t="s">
        <v>32732</v>
      </c>
      <c r="G3296" s="150"/>
      <c r="H3296" s="150"/>
    </row>
    <row r="3297" spans="1:8" ht="76.5">
      <c r="A3297" s="150"/>
      <c r="B3297" s="164" t="s">
        <v>32305</v>
      </c>
      <c r="C3297" s="1150"/>
      <c r="D3297" s="1150"/>
      <c r="E3297" s="1150"/>
      <c r="F3297" s="1164"/>
      <c r="G3297" s="150"/>
      <c r="H3297" s="150"/>
    </row>
    <row r="3298" spans="1:8" ht="25.5">
      <c r="A3298" s="150"/>
      <c r="B3298" s="162" t="s">
        <v>10097</v>
      </c>
      <c r="C3298" s="1149" t="s">
        <v>10098</v>
      </c>
      <c r="D3298" s="1149" t="s">
        <v>10099</v>
      </c>
      <c r="E3298" s="1149" t="s">
        <v>10100</v>
      </c>
      <c r="F3298" s="1163" t="s">
        <v>32732</v>
      </c>
      <c r="G3298" s="150"/>
      <c r="H3298" s="150"/>
    </row>
    <row r="3299" spans="1:8" ht="76.5">
      <c r="A3299" s="150"/>
      <c r="B3299" s="164" t="s">
        <v>32306</v>
      </c>
      <c r="C3299" s="1150"/>
      <c r="D3299" s="1150"/>
      <c r="E3299" s="1150"/>
      <c r="F3299" s="1164"/>
      <c r="G3299" s="150"/>
      <c r="H3299" s="150"/>
    </row>
    <row r="3300" spans="1:8">
      <c r="A3300" s="150"/>
      <c r="B3300" s="195" t="s">
        <v>32307</v>
      </c>
      <c r="C3300" s="196" t="s">
        <v>10101</v>
      </c>
      <c r="D3300" s="196" t="s">
        <v>10102</v>
      </c>
      <c r="E3300" s="196" t="s">
        <v>10103</v>
      </c>
      <c r="F3300" s="194" t="s">
        <v>32732</v>
      </c>
      <c r="G3300" s="150"/>
      <c r="H3300" s="150"/>
    </row>
    <row r="3301" spans="1:8">
      <c r="A3301" s="150"/>
      <c r="B3301" s="195" t="s">
        <v>32308</v>
      </c>
      <c r="C3301" s="196" t="s">
        <v>10104</v>
      </c>
      <c r="D3301" s="196" t="s">
        <v>10105</v>
      </c>
      <c r="E3301" s="196" t="s">
        <v>10106</v>
      </c>
      <c r="F3301" s="194" t="s">
        <v>32732</v>
      </c>
      <c r="G3301" s="150"/>
      <c r="H3301" s="150"/>
    </row>
    <row r="3302" spans="1:8">
      <c r="A3302" s="150"/>
      <c r="B3302" s="195" t="s">
        <v>32309</v>
      </c>
      <c r="C3302" s="196" t="s">
        <v>10107</v>
      </c>
      <c r="D3302" s="196" t="s">
        <v>10108</v>
      </c>
      <c r="E3302" s="196" t="s">
        <v>10109</v>
      </c>
      <c r="F3302" s="194" t="s">
        <v>32732</v>
      </c>
      <c r="G3302" s="150"/>
      <c r="H3302" s="150"/>
    </row>
    <row r="3303" spans="1:8">
      <c r="A3303" s="150"/>
      <c r="B3303" s="195" t="s">
        <v>32310</v>
      </c>
      <c r="C3303" s="196" t="s">
        <v>10110</v>
      </c>
      <c r="D3303" s="196" t="s">
        <v>10111</v>
      </c>
      <c r="E3303" s="196" t="s">
        <v>10112</v>
      </c>
      <c r="F3303" s="194" t="s">
        <v>32732</v>
      </c>
      <c r="G3303" s="150"/>
      <c r="H3303" s="150"/>
    </row>
    <row r="3304" spans="1:8">
      <c r="A3304" s="150"/>
      <c r="B3304" s="162" t="s">
        <v>10113</v>
      </c>
      <c r="C3304" s="1149" t="s">
        <v>10115</v>
      </c>
      <c r="D3304" s="1149" t="s">
        <v>10116</v>
      </c>
      <c r="E3304" s="1149" t="s">
        <v>10117</v>
      </c>
      <c r="F3304" s="1163" t="s">
        <v>32732</v>
      </c>
      <c r="G3304" s="150"/>
      <c r="H3304" s="150"/>
    </row>
    <row r="3305" spans="1:8" ht="38.25">
      <c r="A3305" s="150"/>
      <c r="B3305" s="164" t="s">
        <v>10114</v>
      </c>
      <c r="C3305" s="1150"/>
      <c r="D3305" s="1150"/>
      <c r="E3305" s="1150"/>
      <c r="F3305" s="1164"/>
      <c r="G3305" s="150"/>
      <c r="H3305" s="150"/>
    </row>
    <row r="3306" spans="1:8">
      <c r="A3306" s="150"/>
      <c r="B3306" s="162" t="s">
        <v>10118</v>
      </c>
      <c r="C3306" s="1149" t="s">
        <v>10119</v>
      </c>
      <c r="D3306" s="1149" t="s">
        <v>10120</v>
      </c>
      <c r="E3306" s="1149" t="s">
        <v>10121</v>
      </c>
      <c r="F3306" s="1163" t="s">
        <v>32732</v>
      </c>
      <c r="G3306" s="150"/>
      <c r="H3306" s="150"/>
    </row>
    <row r="3307" spans="1:8" ht="76.5">
      <c r="A3307" s="150"/>
      <c r="B3307" s="164" t="s">
        <v>32311</v>
      </c>
      <c r="C3307" s="1150"/>
      <c r="D3307" s="1150"/>
      <c r="E3307" s="1150"/>
      <c r="F3307" s="1164"/>
      <c r="G3307" s="150"/>
      <c r="H3307" s="150"/>
    </row>
    <row r="3308" spans="1:8">
      <c r="A3308" s="150"/>
      <c r="B3308" s="195" t="s">
        <v>32312</v>
      </c>
      <c r="C3308" s="196" t="s">
        <v>10122</v>
      </c>
      <c r="D3308" s="196" t="s">
        <v>10123</v>
      </c>
      <c r="E3308" s="196" t="s">
        <v>10124</v>
      </c>
      <c r="F3308" s="194" t="s">
        <v>32732</v>
      </c>
      <c r="G3308" s="150"/>
      <c r="H3308" s="150"/>
    </row>
    <row r="3309" spans="1:8">
      <c r="A3309" s="150"/>
      <c r="B3309" s="195" t="s">
        <v>32313</v>
      </c>
      <c r="C3309" s="196" t="s">
        <v>10125</v>
      </c>
      <c r="D3309" s="196" t="s">
        <v>10126</v>
      </c>
      <c r="E3309" s="196" t="s">
        <v>10127</v>
      </c>
      <c r="F3309" s="194" t="s">
        <v>32732</v>
      </c>
      <c r="G3309" s="150"/>
      <c r="H3309" s="150"/>
    </row>
    <row r="3310" spans="1:8">
      <c r="A3310" s="150"/>
      <c r="B3310" s="195" t="s">
        <v>32314</v>
      </c>
      <c r="C3310" s="196" t="s">
        <v>10128</v>
      </c>
      <c r="D3310" s="196" t="s">
        <v>10129</v>
      </c>
      <c r="E3310" s="196" t="s">
        <v>10130</v>
      </c>
      <c r="F3310" s="194" t="s">
        <v>32732</v>
      </c>
      <c r="G3310" s="150"/>
      <c r="H3310" s="150"/>
    </row>
    <row r="3311" spans="1:8">
      <c r="A3311" s="150"/>
      <c r="B3311" s="162" t="s">
        <v>10131</v>
      </c>
      <c r="C3311" s="1149" t="s">
        <v>10132</v>
      </c>
      <c r="D3311" s="1149" t="s">
        <v>10133</v>
      </c>
      <c r="E3311" s="1149" t="s">
        <v>10134</v>
      </c>
      <c r="F3311" s="1163" t="s">
        <v>32736</v>
      </c>
      <c r="G3311" s="150"/>
      <c r="H3311" s="150"/>
    </row>
    <row r="3312" spans="1:8" ht="63.75">
      <c r="A3312" s="150"/>
      <c r="B3312" s="164" t="s">
        <v>32738</v>
      </c>
      <c r="C3312" s="1150"/>
      <c r="D3312" s="1150"/>
      <c r="E3312" s="1150"/>
      <c r="F3312" s="1164"/>
      <c r="G3312" s="150"/>
      <c r="H3312" s="150"/>
    </row>
    <row r="3313" spans="1:8">
      <c r="A3313" s="150"/>
      <c r="B3313" s="162" t="s">
        <v>10135</v>
      </c>
      <c r="C3313" s="1149" t="s">
        <v>10136</v>
      </c>
      <c r="D3313" s="1149" t="s">
        <v>10137</v>
      </c>
      <c r="E3313" s="1149" t="s">
        <v>10138</v>
      </c>
      <c r="F3313" s="1163" t="s">
        <v>32736</v>
      </c>
      <c r="G3313" s="150"/>
      <c r="H3313" s="150"/>
    </row>
    <row r="3314" spans="1:8" ht="89.25">
      <c r="A3314" s="150"/>
      <c r="B3314" s="164" t="s">
        <v>32739</v>
      </c>
      <c r="C3314" s="1150"/>
      <c r="D3314" s="1150"/>
      <c r="E3314" s="1150"/>
      <c r="F3314" s="1164"/>
      <c r="G3314" s="150"/>
      <c r="H3314" s="150"/>
    </row>
    <row r="3315" spans="1:8">
      <c r="A3315" s="150"/>
      <c r="B3315" s="162" t="s">
        <v>32318</v>
      </c>
      <c r="C3315" s="1149" t="s">
        <v>10139</v>
      </c>
      <c r="D3315" s="1149" t="s">
        <v>10140</v>
      </c>
      <c r="E3315" s="1149" t="s">
        <v>10141</v>
      </c>
      <c r="F3315" s="1163" t="s">
        <v>32732</v>
      </c>
      <c r="G3315" s="150"/>
      <c r="H3315" s="150"/>
    </row>
    <row r="3316" spans="1:8" ht="89.25">
      <c r="A3316" s="150"/>
      <c r="B3316" s="164" t="s">
        <v>32319</v>
      </c>
      <c r="C3316" s="1150"/>
      <c r="D3316" s="1150"/>
      <c r="E3316" s="1150"/>
      <c r="F3316" s="1164"/>
      <c r="G3316" s="150"/>
      <c r="H3316" s="150"/>
    </row>
    <row r="3317" spans="1:8" ht="25.5">
      <c r="A3317" s="150"/>
      <c r="B3317" s="162" t="s">
        <v>32320</v>
      </c>
      <c r="C3317" s="1149" t="s">
        <v>10142</v>
      </c>
      <c r="D3317" s="1149" t="s">
        <v>10143</v>
      </c>
      <c r="E3317" s="1149" t="s">
        <v>10144</v>
      </c>
      <c r="F3317" s="1163" t="s">
        <v>32732</v>
      </c>
      <c r="G3317" s="150"/>
      <c r="H3317" s="150"/>
    </row>
    <row r="3318" spans="1:8" ht="76.5">
      <c r="A3318" s="150"/>
      <c r="B3318" s="164" t="s">
        <v>32321</v>
      </c>
      <c r="C3318" s="1150"/>
      <c r="D3318" s="1150"/>
      <c r="E3318" s="1150"/>
      <c r="F3318" s="1164"/>
      <c r="G3318" s="150"/>
      <c r="H3318" s="150"/>
    </row>
    <row r="3319" spans="1:8" ht="25.5">
      <c r="A3319" s="150"/>
      <c r="B3319" s="162" t="s">
        <v>10145</v>
      </c>
      <c r="C3319" s="1149" t="s">
        <v>10146</v>
      </c>
      <c r="D3319" s="1149" t="s">
        <v>10147</v>
      </c>
      <c r="E3319" s="1149" t="s">
        <v>10148</v>
      </c>
      <c r="F3319" s="1163" t="s">
        <v>32732</v>
      </c>
      <c r="G3319" s="150"/>
      <c r="H3319" s="150"/>
    </row>
    <row r="3320" spans="1:8" ht="51">
      <c r="A3320" s="150"/>
      <c r="B3320" s="164" t="s">
        <v>32322</v>
      </c>
      <c r="C3320" s="1150"/>
      <c r="D3320" s="1150"/>
      <c r="E3320" s="1150"/>
      <c r="F3320" s="1164"/>
      <c r="G3320" s="150"/>
      <c r="H3320" s="150"/>
    </row>
    <row r="3321" spans="1:8">
      <c r="A3321" s="150"/>
      <c r="B3321" s="162" t="s">
        <v>32323</v>
      </c>
      <c r="C3321" s="1149" t="s">
        <v>10150</v>
      </c>
      <c r="D3321" s="1149" t="s">
        <v>10151</v>
      </c>
      <c r="E3321" s="1149" t="s">
        <v>10152</v>
      </c>
      <c r="F3321" s="1163" t="s">
        <v>32732</v>
      </c>
      <c r="G3321" s="150"/>
      <c r="H3321" s="150"/>
    </row>
    <row r="3322" spans="1:8" ht="51">
      <c r="A3322" s="150"/>
      <c r="B3322" s="164" t="s">
        <v>10149</v>
      </c>
      <c r="C3322" s="1150"/>
      <c r="D3322" s="1150"/>
      <c r="E3322" s="1150"/>
      <c r="F3322" s="1164"/>
      <c r="G3322" s="150"/>
      <c r="H3322" s="150"/>
    </row>
    <row r="3323" spans="1:8" ht="25.5">
      <c r="A3323" s="150"/>
      <c r="B3323" s="162" t="s">
        <v>32324</v>
      </c>
      <c r="C3323" s="1149" t="s">
        <v>10153</v>
      </c>
      <c r="D3323" s="1149" t="s">
        <v>10154</v>
      </c>
      <c r="E3323" s="1149" t="s">
        <v>10155</v>
      </c>
      <c r="F3323" s="1163" t="s">
        <v>32732</v>
      </c>
      <c r="G3323" s="150"/>
      <c r="H3323" s="150"/>
    </row>
    <row r="3324" spans="1:8" ht="76.5">
      <c r="A3324" s="150"/>
      <c r="B3324" s="164" t="s">
        <v>32325</v>
      </c>
      <c r="C3324" s="1150"/>
      <c r="D3324" s="1150"/>
      <c r="E3324" s="1150"/>
      <c r="F3324" s="1164"/>
      <c r="G3324" s="150"/>
      <c r="H3324" s="150"/>
    </row>
    <row r="3325" spans="1:8" ht="25.5">
      <c r="A3325" s="150"/>
      <c r="B3325" s="162" t="s">
        <v>32326</v>
      </c>
      <c r="C3325" s="1149" t="s">
        <v>10156</v>
      </c>
      <c r="D3325" s="1149" t="s">
        <v>10157</v>
      </c>
      <c r="E3325" s="1149" t="s">
        <v>10158</v>
      </c>
      <c r="F3325" s="1163" t="s">
        <v>32732</v>
      </c>
      <c r="G3325" s="150"/>
      <c r="H3325" s="150"/>
    </row>
    <row r="3326" spans="1:8" ht="51">
      <c r="A3326" s="150"/>
      <c r="B3326" s="164" t="s">
        <v>32327</v>
      </c>
      <c r="C3326" s="1150"/>
      <c r="D3326" s="1150"/>
      <c r="E3326" s="1150"/>
      <c r="F3326" s="1164"/>
      <c r="G3326" s="150"/>
      <c r="H3326" s="150"/>
    </row>
    <row r="3327" spans="1:8" ht="25.5">
      <c r="A3327" s="150"/>
      <c r="B3327" s="162" t="s">
        <v>10159</v>
      </c>
      <c r="C3327" s="1149" t="s">
        <v>10160</v>
      </c>
      <c r="D3327" s="1149" t="s">
        <v>10161</v>
      </c>
      <c r="E3327" s="1149" t="s">
        <v>10162</v>
      </c>
      <c r="F3327" s="1163" t="s">
        <v>32732</v>
      </c>
      <c r="G3327" s="150"/>
      <c r="H3327" s="150"/>
    </row>
    <row r="3328" spans="1:8" ht="63.75">
      <c r="A3328" s="150"/>
      <c r="B3328" s="164" t="s">
        <v>32328</v>
      </c>
      <c r="C3328" s="1150"/>
      <c r="D3328" s="1150"/>
      <c r="E3328" s="1150"/>
      <c r="F3328" s="1164"/>
      <c r="G3328" s="150"/>
      <c r="H3328" s="150"/>
    </row>
    <row r="3329" spans="1:8">
      <c r="A3329" s="150"/>
      <c r="B3329" s="1159" t="s">
        <v>31587</v>
      </c>
      <c r="C3329" s="1160"/>
      <c r="D3329" s="1160"/>
      <c r="E3329" s="1160"/>
      <c r="F3329" s="1161"/>
      <c r="G3329" s="150"/>
      <c r="H3329" s="150"/>
    </row>
    <row r="3330" spans="1:8">
      <c r="A3330" s="150"/>
      <c r="B3330" s="162" t="s">
        <v>12801</v>
      </c>
      <c r="C3330" s="1149" t="s">
        <v>11651</v>
      </c>
      <c r="D3330" s="1149" t="s">
        <v>11652</v>
      </c>
      <c r="E3330" s="1149" t="s">
        <v>11653</v>
      </c>
      <c r="F3330" s="1149" t="s">
        <v>643</v>
      </c>
      <c r="G3330" s="150"/>
      <c r="H3330" s="150"/>
    </row>
    <row r="3331" spans="1:8">
      <c r="A3331" s="150"/>
      <c r="B3331" s="163" t="s">
        <v>12802</v>
      </c>
      <c r="C3331" s="1158"/>
      <c r="D3331" s="1158"/>
      <c r="E3331" s="1158"/>
      <c r="F3331" s="1158"/>
      <c r="G3331" s="150"/>
      <c r="H3331" s="150"/>
    </row>
    <row r="3332" spans="1:8" ht="89.25">
      <c r="A3332" s="150"/>
      <c r="B3332" s="164" t="s">
        <v>32740</v>
      </c>
      <c r="C3332" s="1150"/>
      <c r="D3332" s="1150"/>
      <c r="E3332" s="1150"/>
      <c r="F3332" s="1150"/>
      <c r="G3332" s="150"/>
      <c r="H3332" s="150"/>
    </row>
    <row r="3333" spans="1:8">
      <c r="A3333" s="150"/>
      <c r="B3333" s="162" t="s">
        <v>12803</v>
      </c>
      <c r="C3333" s="1149" t="s">
        <v>11655</v>
      </c>
      <c r="D3333" s="1149" t="s">
        <v>11656</v>
      </c>
      <c r="E3333" s="1149" t="s">
        <v>11657</v>
      </c>
      <c r="F3333" s="1149" t="s">
        <v>643</v>
      </c>
      <c r="G3333" s="150"/>
      <c r="H3333" s="150"/>
    </row>
    <row r="3334" spans="1:8">
      <c r="A3334" s="150"/>
      <c r="B3334" s="163" t="s">
        <v>12802</v>
      </c>
      <c r="C3334" s="1158"/>
      <c r="D3334" s="1158"/>
      <c r="E3334" s="1158"/>
      <c r="F3334" s="1158"/>
      <c r="G3334" s="150"/>
      <c r="H3334" s="150"/>
    </row>
    <row r="3335" spans="1:8" ht="63.75">
      <c r="A3335" s="150"/>
      <c r="B3335" s="164" t="s">
        <v>32741</v>
      </c>
      <c r="C3335" s="1150"/>
      <c r="D3335" s="1150"/>
      <c r="E3335" s="1150"/>
      <c r="F3335" s="1150"/>
      <c r="G3335" s="150"/>
      <c r="H3335" s="150"/>
    </row>
    <row r="3336" spans="1:8">
      <c r="A3336" s="150"/>
      <c r="B3336" s="162" t="s">
        <v>12804</v>
      </c>
      <c r="C3336" s="1149" t="s">
        <v>11659</v>
      </c>
      <c r="D3336" s="1149" t="s">
        <v>11660</v>
      </c>
      <c r="E3336" s="1149" t="s">
        <v>11661</v>
      </c>
      <c r="F3336" s="1149" t="s">
        <v>643</v>
      </c>
      <c r="G3336" s="150"/>
      <c r="H3336" s="150"/>
    </row>
    <row r="3337" spans="1:8">
      <c r="A3337" s="150"/>
      <c r="B3337" s="163" t="s">
        <v>12802</v>
      </c>
      <c r="C3337" s="1158"/>
      <c r="D3337" s="1158"/>
      <c r="E3337" s="1158"/>
      <c r="F3337" s="1158"/>
      <c r="G3337" s="150"/>
      <c r="H3337" s="150"/>
    </row>
    <row r="3338" spans="1:8" ht="51">
      <c r="A3338" s="150"/>
      <c r="B3338" s="164" t="s">
        <v>13605</v>
      </c>
      <c r="C3338" s="1150"/>
      <c r="D3338" s="1150"/>
      <c r="E3338" s="1150"/>
      <c r="F3338" s="1150"/>
      <c r="G3338" s="150"/>
      <c r="H3338" s="150"/>
    </row>
    <row r="3339" spans="1:8">
      <c r="A3339" s="150"/>
      <c r="B3339" s="162" t="s">
        <v>12805</v>
      </c>
      <c r="C3339" s="1149" t="s">
        <v>11663</v>
      </c>
      <c r="D3339" s="1149" t="s">
        <v>11664</v>
      </c>
      <c r="E3339" s="1149" t="s">
        <v>11665</v>
      </c>
      <c r="F3339" s="1149" t="s">
        <v>643</v>
      </c>
      <c r="G3339" s="150"/>
      <c r="H3339" s="150"/>
    </row>
    <row r="3340" spans="1:8">
      <c r="A3340" s="150"/>
      <c r="B3340" s="163" t="s">
        <v>12802</v>
      </c>
      <c r="C3340" s="1158"/>
      <c r="D3340" s="1158"/>
      <c r="E3340" s="1158"/>
      <c r="F3340" s="1158"/>
      <c r="G3340" s="150"/>
      <c r="H3340" s="150"/>
    </row>
    <row r="3341" spans="1:8" ht="63.75">
      <c r="A3341" s="150"/>
      <c r="B3341" s="164" t="s">
        <v>32742</v>
      </c>
      <c r="C3341" s="1150"/>
      <c r="D3341" s="1150"/>
      <c r="E3341" s="1150"/>
      <c r="F3341" s="1150"/>
      <c r="G3341" s="150"/>
      <c r="H3341" s="150"/>
    </row>
    <row r="3342" spans="1:8">
      <c r="A3342" s="150"/>
      <c r="B3342" s="162" t="s">
        <v>12806</v>
      </c>
      <c r="C3342" s="1149" t="s">
        <v>11667</v>
      </c>
      <c r="D3342" s="1149" t="s">
        <v>11668</v>
      </c>
      <c r="E3342" s="1149" t="s">
        <v>11669</v>
      </c>
      <c r="F3342" s="1149" t="s">
        <v>643</v>
      </c>
      <c r="G3342" s="150"/>
      <c r="H3342" s="150"/>
    </row>
    <row r="3343" spans="1:8">
      <c r="A3343" s="150"/>
      <c r="B3343" s="163" t="s">
        <v>12802</v>
      </c>
      <c r="C3343" s="1158"/>
      <c r="D3343" s="1158"/>
      <c r="E3343" s="1158"/>
      <c r="F3343" s="1158"/>
      <c r="G3343" s="150"/>
      <c r="H3343" s="150"/>
    </row>
    <row r="3344" spans="1:8" ht="63.75">
      <c r="A3344" s="150"/>
      <c r="B3344" s="164" t="s">
        <v>32743</v>
      </c>
      <c r="C3344" s="1150"/>
      <c r="D3344" s="1150"/>
      <c r="E3344" s="1150"/>
      <c r="F3344" s="1150"/>
      <c r="G3344" s="150"/>
      <c r="H3344" s="150"/>
    </row>
    <row r="3345" spans="1:8">
      <c r="A3345" s="150"/>
      <c r="B3345" s="162" t="s">
        <v>12807</v>
      </c>
      <c r="C3345" s="1149" t="s">
        <v>11671</v>
      </c>
      <c r="D3345" s="1149" t="s">
        <v>11672</v>
      </c>
      <c r="E3345" s="1149" t="s">
        <v>11673</v>
      </c>
      <c r="F3345" s="1149" t="s">
        <v>643</v>
      </c>
      <c r="G3345" s="150"/>
      <c r="H3345" s="150"/>
    </row>
    <row r="3346" spans="1:8">
      <c r="A3346" s="150"/>
      <c r="B3346" s="163" t="s">
        <v>12802</v>
      </c>
      <c r="C3346" s="1158"/>
      <c r="D3346" s="1158"/>
      <c r="E3346" s="1158"/>
      <c r="F3346" s="1158"/>
      <c r="G3346" s="150"/>
      <c r="H3346" s="150"/>
    </row>
    <row r="3347" spans="1:8" ht="76.5">
      <c r="A3347" s="150"/>
      <c r="B3347" s="164" t="s">
        <v>32744</v>
      </c>
      <c r="C3347" s="1150"/>
      <c r="D3347" s="1150"/>
      <c r="E3347" s="1150"/>
      <c r="F3347" s="1150"/>
      <c r="G3347" s="150"/>
      <c r="H3347" s="150"/>
    </row>
    <row r="3348" spans="1:8">
      <c r="A3348" s="150"/>
      <c r="B3348" s="162" t="s">
        <v>12808</v>
      </c>
      <c r="C3348" s="1149" t="s">
        <v>11675</v>
      </c>
      <c r="D3348" s="1149" t="s">
        <v>11676</v>
      </c>
      <c r="E3348" s="1149" t="s">
        <v>11677</v>
      </c>
      <c r="F3348" s="1149" t="s">
        <v>643</v>
      </c>
      <c r="G3348" s="150"/>
      <c r="H3348" s="150"/>
    </row>
    <row r="3349" spans="1:8">
      <c r="A3349" s="150"/>
      <c r="B3349" s="163" t="s">
        <v>12802</v>
      </c>
      <c r="C3349" s="1158"/>
      <c r="D3349" s="1158"/>
      <c r="E3349" s="1158"/>
      <c r="F3349" s="1158"/>
      <c r="G3349" s="150"/>
      <c r="H3349" s="150"/>
    </row>
    <row r="3350" spans="1:8" ht="76.5">
      <c r="A3350" s="150"/>
      <c r="B3350" s="164" t="s">
        <v>32745</v>
      </c>
      <c r="C3350" s="1150"/>
      <c r="D3350" s="1150"/>
      <c r="E3350" s="1150"/>
      <c r="F3350" s="1150"/>
      <c r="G3350" s="150"/>
      <c r="H3350" s="150"/>
    </row>
    <row r="3351" spans="1:8">
      <c r="A3351" s="150"/>
      <c r="B3351" s="162" t="s">
        <v>12809</v>
      </c>
      <c r="C3351" s="1149" t="s">
        <v>11679</v>
      </c>
      <c r="D3351" s="1149" t="s">
        <v>11680</v>
      </c>
      <c r="E3351" s="1149" t="s">
        <v>11681</v>
      </c>
      <c r="F3351" s="1149" t="s">
        <v>643</v>
      </c>
      <c r="G3351" s="150"/>
      <c r="H3351" s="150"/>
    </row>
    <row r="3352" spans="1:8">
      <c r="A3352" s="150"/>
      <c r="B3352" s="163" t="s">
        <v>12802</v>
      </c>
      <c r="C3352" s="1158"/>
      <c r="D3352" s="1158"/>
      <c r="E3352" s="1158"/>
      <c r="F3352" s="1158"/>
      <c r="G3352" s="150"/>
      <c r="H3352" s="150"/>
    </row>
    <row r="3353" spans="1:8" ht="63.75">
      <c r="A3353" s="150"/>
      <c r="B3353" s="164" t="s">
        <v>32746</v>
      </c>
      <c r="C3353" s="1150"/>
      <c r="D3353" s="1150"/>
      <c r="E3353" s="1150"/>
      <c r="F3353" s="1150"/>
      <c r="G3353" s="150"/>
      <c r="H3353" s="150"/>
    </row>
    <row r="3354" spans="1:8">
      <c r="A3354" s="150"/>
      <c r="B3354" s="162" t="s">
        <v>12810</v>
      </c>
      <c r="C3354" s="1149" t="s">
        <v>11683</v>
      </c>
      <c r="D3354" s="1149" t="s">
        <v>11684</v>
      </c>
      <c r="E3354" s="1149" t="s">
        <v>11685</v>
      </c>
      <c r="F3354" s="1149" t="s">
        <v>643</v>
      </c>
      <c r="G3354" s="150"/>
      <c r="H3354" s="150"/>
    </row>
    <row r="3355" spans="1:8">
      <c r="A3355" s="150"/>
      <c r="B3355" s="163" t="s">
        <v>12802</v>
      </c>
      <c r="C3355" s="1158"/>
      <c r="D3355" s="1158"/>
      <c r="E3355" s="1158"/>
      <c r="F3355" s="1158"/>
      <c r="G3355" s="150"/>
      <c r="H3355" s="150"/>
    </row>
    <row r="3356" spans="1:8" ht="76.5">
      <c r="A3356" s="150"/>
      <c r="B3356" s="164" t="s">
        <v>32747</v>
      </c>
      <c r="C3356" s="1150"/>
      <c r="D3356" s="1150"/>
      <c r="E3356" s="1150"/>
      <c r="F3356" s="1150"/>
      <c r="G3356" s="150"/>
      <c r="H3356" s="150"/>
    </row>
    <row r="3357" spans="1:8">
      <c r="A3357" s="150"/>
      <c r="B3357" s="162" t="s">
        <v>12811</v>
      </c>
      <c r="C3357" s="1149" t="s">
        <v>11687</v>
      </c>
      <c r="D3357" s="1149" t="s">
        <v>11688</v>
      </c>
      <c r="E3357" s="1149" t="s">
        <v>11689</v>
      </c>
      <c r="F3357" s="1149" t="s">
        <v>643</v>
      </c>
      <c r="G3357" s="150"/>
      <c r="H3357" s="150"/>
    </row>
    <row r="3358" spans="1:8">
      <c r="A3358" s="150"/>
      <c r="B3358" s="163" t="s">
        <v>12802</v>
      </c>
      <c r="C3358" s="1158"/>
      <c r="D3358" s="1158"/>
      <c r="E3358" s="1158"/>
      <c r="F3358" s="1158"/>
      <c r="G3358" s="150"/>
      <c r="H3358" s="150"/>
    </row>
    <row r="3359" spans="1:8" ht="51">
      <c r="A3359" s="150"/>
      <c r="B3359" s="164" t="s">
        <v>13606</v>
      </c>
      <c r="C3359" s="1150"/>
      <c r="D3359" s="1150"/>
      <c r="E3359" s="1150"/>
      <c r="F3359" s="1150"/>
      <c r="G3359" s="150"/>
      <c r="H3359" s="150"/>
    </row>
    <row r="3360" spans="1:8">
      <c r="A3360" s="150"/>
      <c r="B3360" s="162" t="s">
        <v>12812</v>
      </c>
      <c r="C3360" s="1149" t="s">
        <v>11691</v>
      </c>
      <c r="D3360" s="1149" t="s">
        <v>11692</v>
      </c>
      <c r="E3360" s="1149" t="s">
        <v>11693</v>
      </c>
      <c r="F3360" s="1149" t="s">
        <v>643</v>
      </c>
      <c r="G3360" s="150"/>
      <c r="H3360" s="150"/>
    </row>
    <row r="3361" spans="1:8">
      <c r="A3361" s="150"/>
      <c r="B3361" s="163" t="s">
        <v>12802</v>
      </c>
      <c r="C3361" s="1158"/>
      <c r="D3361" s="1158"/>
      <c r="E3361" s="1158"/>
      <c r="F3361" s="1158"/>
      <c r="G3361" s="150"/>
      <c r="H3361" s="150"/>
    </row>
    <row r="3362" spans="1:8" ht="76.5">
      <c r="A3362" s="150"/>
      <c r="B3362" s="164" t="s">
        <v>32748</v>
      </c>
      <c r="C3362" s="1150"/>
      <c r="D3362" s="1150"/>
      <c r="E3362" s="1150"/>
      <c r="F3362" s="1150"/>
      <c r="G3362" s="150"/>
      <c r="H3362" s="150"/>
    </row>
    <row r="3363" spans="1:8" ht="25.5">
      <c r="A3363" s="150"/>
      <c r="B3363" s="162" t="s">
        <v>12813</v>
      </c>
      <c r="C3363" s="1149" t="s">
        <v>11695</v>
      </c>
      <c r="D3363" s="1149" t="s">
        <v>11696</v>
      </c>
      <c r="E3363" s="1149" t="s">
        <v>11697</v>
      </c>
      <c r="F3363" s="1149" t="s">
        <v>643</v>
      </c>
      <c r="G3363" s="150"/>
      <c r="H3363" s="150"/>
    </row>
    <row r="3364" spans="1:8">
      <c r="A3364" s="150"/>
      <c r="B3364" s="163" t="s">
        <v>12802</v>
      </c>
      <c r="C3364" s="1158"/>
      <c r="D3364" s="1158"/>
      <c r="E3364" s="1158"/>
      <c r="F3364" s="1158"/>
      <c r="G3364" s="150"/>
      <c r="H3364" s="150"/>
    </row>
    <row r="3365" spans="1:8" ht="63.75">
      <c r="A3365" s="150"/>
      <c r="B3365" s="164" t="s">
        <v>32749</v>
      </c>
      <c r="C3365" s="1150"/>
      <c r="D3365" s="1150"/>
      <c r="E3365" s="1150"/>
      <c r="F3365" s="1150"/>
      <c r="G3365" s="150"/>
      <c r="H3365" s="150"/>
    </row>
    <row r="3366" spans="1:8">
      <c r="A3366" s="150"/>
      <c r="B3366" s="162" t="s">
        <v>12814</v>
      </c>
      <c r="C3366" s="1149" t="s">
        <v>11699</v>
      </c>
      <c r="D3366" s="1149" t="s">
        <v>11700</v>
      </c>
      <c r="E3366" s="1149" t="s">
        <v>11701</v>
      </c>
      <c r="F3366" s="1149" t="s">
        <v>643</v>
      </c>
      <c r="G3366" s="150"/>
      <c r="H3366" s="150"/>
    </row>
    <row r="3367" spans="1:8">
      <c r="A3367" s="150"/>
      <c r="B3367" s="163" t="s">
        <v>12802</v>
      </c>
      <c r="C3367" s="1158"/>
      <c r="D3367" s="1158"/>
      <c r="E3367" s="1158"/>
      <c r="F3367" s="1158"/>
      <c r="G3367" s="150"/>
      <c r="H3367" s="150"/>
    </row>
    <row r="3368" spans="1:8" ht="63.75">
      <c r="A3368" s="150"/>
      <c r="B3368" s="164" t="s">
        <v>32750</v>
      </c>
      <c r="C3368" s="1150"/>
      <c r="D3368" s="1150"/>
      <c r="E3368" s="1150"/>
      <c r="F3368" s="1150"/>
      <c r="G3368" s="150"/>
      <c r="H3368" s="150"/>
    </row>
    <row r="3369" spans="1:8">
      <c r="A3369" s="150"/>
      <c r="B3369" s="162" t="s">
        <v>12815</v>
      </c>
      <c r="C3369" s="1149" t="s">
        <v>11703</v>
      </c>
      <c r="D3369" s="1149" t="s">
        <v>11704</v>
      </c>
      <c r="E3369" s="1149" t="s">
        <v>11705</v>
      </c>
      <c r="F3369" s="1149" t="s">
        <v>643</v>
      </c>
      <c r="G3369" s="150"/>
      <c r="H3369" s="150"/>
    </row>
    <row r="3370" spans="1:8">
      <c r="A3370" s="150"/>
      <c r="B3370" s="163" t="s">
        <v>12816</v>
      </c>
      <c r="C3370" s="1158"/>
      <c r="D3370" s="1158"/>
      <c r="E3370" s="1158"/>
      <c r="F3370" s="1158"/>
      <c r="G3370" s="150"/>
      <c r="H3370" s="150"/>
    </row>
    <row r="3371" spans="1:8" ht="102">
      <c r="A3371" s="150"/>
      <c r="B3371" s="164" t="s">
        <v>32751</v>
      </c>
      <c r="C3371" s="1150"/>
      <c r="D3371" s="1150"/>
      <c r="E3371" s="1150"/>
      <c r="F3371" s="1150"/>
      <c r="G3371" s="150"/>
      <c r="H3371" s="150"/>
    </row>
    <row r="3372" spans="1:8">
      <c r="A3372" s="150"/>
      <c r="B3372" s="162" t="s">
        <v>12817</v>
      </c>
      <c r="C3372" s="1149" t="s">
        <v>11707</v>
      </c>
      <c r="D3372" s="1149" t="s">
        <v>11708</v>
      </c>
      <c r="E3372" s="1149" t="s">
        <v>11709</v>
      </c>
      <c r="F3372" s="1149" t="s">
        <v>643</v>
      </c>
      <c r="G3372" s="150"/>
      <c r="H3372" s="150"/>
    </row>
    <row r="3373" spans="1:8">
      <c r="A3373" s="150"/>
      <c r="B3373" s="163" t="s">
        <v>12816</v>
      </c>
      <c r="C3373" s="1158"/>
      <c r="D3373" s="1158"/>
      <c r="E3373" s="1158"/>
      <c r="F3373" s="1158"/>
      <c r="G3373" s="150"/>
      <c r="H3373" s="150"/>
    </row>
    <row r="3374" spans="1:8" ht="102">
      <c r="A3374" s="150"/>
      <c r="B3374" s="164" t="s">
        <v>32752</v>
      </c>
      <c r="C3374" s="1150"/>
      <c r="D3374" s="1150"/>
      <c r="E3374" s="1150"/>
      <c r="F3374" s="1150"/>
      <c r="G3374" s="150"/>
      <c r="H3374" s="150"/>
    </row>
    <row r="3375" spans="1:8">
      <c r="A3375" s="150"/>
      <c r="B3375" s="162" t="s">
        <v>12818</v>
      </c>
      <c r="C3375" s="1149" t="s">
        <v>11711</v>
      </c>
      <c r="D3375" s="1149" t="s">
        <v>11712</v>
      </c>
      <c r="E3375" s="1149" t="s">
        <v>11713</v>
      </c>
      <c r="F3375" s="1149" t="s">
        <v>643</v>
      </c>
      <c r="G3375" s="150"/>
      <c r="H3375" s="150"/>
    </row>
    <row r="3376" spans="1:8">
      <c r="A3376" s="150"/>
      <c r="B3376" s="163" t="s">
        <v>12816</v>
      </c>
      <c r="C3376" s="1158"/>
      <c r="D3376" s="1158"/>
      <c r="E3376" s="1158"/>
      <c r="F3376" s="1158"/>
      <c r="G3376" s="150"/>
      <c r="H3376" s="150"/>
    </row>
    <row r="3377" spans="1:8" ht="102">
      <c r="A3377" s="150"/>
      <c r="B3377" s="164" t="s">
        <v>32753</v>
      </c>
      <c r="C3377" s="1150"/>
      <c r="D3377" s="1150"/>
      <c r="E3377" s="1150"/>
      <c r="F3377" s="1150"/>
      <c r="G3377" s="150"/>
      <c r="H3377" s="150"/>
    </row>
    <row r="3378" spans="1:8">
      <c r="A3378" s="150"/>
      <c r="B3378" s="162" t="s">
        <v>12819</v>
      </c>
      <c r="C3378" s="1149" t="s">
        <v>11715</v>
      </c>
      <c r="D3378" s="1149" t="s">
        <v>11716</v>
      </c>
      <c r="E3378" s="1149" t="s">
        <v>11717</v>
      </c>
      <c r="F3378" s="1149" t="s">
        <v>643</v>
      </c>
      <c r="G3378" s="150"/>
      <c r="H3378" s="150"/>
    </row>
    <row r="3379" spans="1:8">
      <c r="A3379" s="150"/>
      <c r="B3379" s="163" t="s">
        <v>12816</v>
      </c>
      <c r="C3379" s="1158"/>
      <c r="D3379" s="1158"/>
      <c r="E3379" s="1158"/>
      <c r="F3379" s="1158"/>
      <c r="G3379" s="150"/>
      <c r="H3379" s="150"/>
    </row>
    <row r="3380" spans="1:8" ht="76.5">
      <c r="A3380" s="150"/>
      <c r="B3380" s="164" t="s">
        <v>32754</v>
      </c>
      <c r="C3380" s="1150"/>
      <c r="D3380" s="1150"/>
      <c r="E3380" s="1150"/>
      <c r="F3380" s="1150"/>
      <c r="G3380" s="150"/>
      <c r="H3380" s="150"/>
    </row>
    <row r="3381" spans="1:8">
      <c r="A3381" s="150"/>
      <c r="B3381" s="162" t="s">
        <v>12820</v>
      </c>
      <c r="C3381" s="1149" t="s">
        <v>11719</v>
      </c>
      <c r="D3381" s="1149" t="s">
        <v>11720</v>
      </c>
      <c r="E3381" s="1149" t="s">
        <v>11721</v>
      </c>
      <c r="F3381" s="1149" t="s">
        <v>643</v>
      </c>
      <c r="G3381" s="150"/>
      <c r="H3381" s="150"/>
    </row>
    <row r="3382" spans="1:8">
      <c r="A3382" s="150"/>
      <c r="B3382" s="163" t="s">
        <v>12816</v>
      </c>
      <c r="C3382" s="1158"/>
      <c r="D3382" s="1158"/>
      <c r="E3382" s="1158"/>
      <c r="F3382" s="1158"/>
      <c r="G3382" s="150"/>
      <c r="H3382" s="150"/>
    </row>
    <row r="3383" spans="1:8" ht="76.5">
      <c r="A3383" s="150"/>
      <c r="B3383" s="164" t="s">
        <v>32755</v>
      </c>
      <c r="C3383" s="1150"/>
      <c r="D3383" s="1150"/>
      <c r="E3383" s="1150"/>
      <c r="F3383" s="1150"/>
      <c r="G3383" s="150"/>
      <c r="H3383" s="150"/>
    </row>
    <row r="3384" spans="1:8">
      <c r="A3384" s="150"/>
      <c r="B3384" s="162" t="s">
        <v>12821</v>
      </c>
      <c r="C3384" s="1149" t="s">
        <v>11723</v>
      </c>
      <c r="D3384" s="1149" t="s">
        <v>11724</v>
      </c>
      <c r="E3384" s="1149" t="s">
        <v>11725</v>
      </c>
      <c r="F3384" s="1149" t="s">
        <v>643</v>
      </c>
      <c r="G3384" s="150"/>
      <c r="H3384" s="150"/>
    </row>
    <row r="3385" spans="1:8">
      <c r="A3385" s="150"/>
      <c r="B3385" s="163" t="s">
        <v>12816</v>
      </c>
      <c r="C3385" s="1158"/>
      <c r="D3385" s="1158"/>
      <c r="E3385" s="1158"/>
      <c r="F3385" s="1158"/>
      <c r="G3385" s="150"/>
      <c r="H3385" s="150"/>
    </row>
    <row r="3386" spans="1:8" ht="76.5">
      <c r="A3386" s="150"/>
      <c r="B3386" s="164" t="s">
        <v>32756</v>
      </c>
      <c r="C3386" s="1150"/>
      <c r="D3386" s="1150"/>
      <c r="E3386" s="1150"/>
      <c r="F3386" s="1150"/>
      <c r="G3386" s="150"/>
      <c r="H3386" s="150"/>
    </row>
    <row r="3387" spans="1:8" ht="25.5">
      <c r="A3387" s="150"/>
      <c r="B3387" s="162" t="s">
        <v>12822</v>
      </c>
      <c r="C3387" s="1149" t="s">
        <v>11727</v>
      </c>
      <c r="D3387" s="1149" t="s">
        <v>11728</v>
      </c>
      <c r="E3387" s="1149" t="s">
        <v>11729</v>
      </c>
      <c r="F3387" s="1149" t="s">
        <v>643</v>
      </c>
      <c r="G3387" s="150"/>
      <c r="H3387" s="150"/>
    </row>
    <row r="3388" spans="1:8">
      <c r="A3388" s="150"/>
      <c r="B3388" s="163" t="s">
        <v>12816</v>
      </c>
      <c r="C3388" s="1158"/>
      <c r="D3388" s="1158"/>
      <c r="E3388" s="1158"/>
      <c r="F3388" s="1158"/>
      <c r="G3388" s="150"/>
      <c r="H3388" s="150"/>
    </row>
    <row r="3389" spans="1:8" ht="63.75">
      <c r="A3389" s="150"/>
      <c r="B3389" s="164" t="s">
        <v>32757</v>
      </c>
      <c r="C3389" s="1150"/>
      <c r="D3389" s="1150"/>
      <c r="E3389" s="1150"/>
      <c r="F3389" s="1150"/>
      <c r="G3389" s="150"/>
      <c r="H3389" s="150"/>
    </row>
    <row r="3390" spans="1:8">
      <c r="A3390" s="150"/>
      <c r="B3390" s="162" t="s">
        <v>12823</v>
      </c>
      <c r="C3390" s="1149" t="s">
        <v>11731</v>
      </c>
      <c r="D3390" s="1149" t="s">
        <v>11732</v>
      </c>
      <c r="E3390" s="1149" t="s">
        <v>11733</v>
      </c>
      <c r="F3390" s="1149" t="s">
        <v>643</v>
      </c>
      <c r="G3390" s="150"/>
      <c r="H3390" s="150"/>
    </row>
    <row r="3391" spans="1:8">
      <c r="A3391" s="150"/>
      <c r="B3391" s="163" t="s">
        <v>12816</v>
      </c>
      <c r="C3391" s="1158"/>
      <c r="D3391" s="1158"/>
      <c r="E3391" s="1158"/>
      <c r="F3391" s="1158"/>
      <c r="G3391" s="150"/>
      <c r="H3391" s="150"/>
    </row>
    <row r="3392" spans="1:8" ht="76.5">
      <c r="A3392" s="150"/>
      <c r="B3392" s="164" t="s">
        <v>32758</v>
      </c>
      <c r="C3392" s="1150"/>
      <c r="D3392" s="1150"/>
      <c r="E3392" s="1150"/>
      <c r="F3392" s="1150"/>
      <c r="G3392" s="150"/>
      <c r="H3392" s="150"/>
    </row>
    <row r="3393" spans="1:8">
      <c r="A3393" s="150"/>
      <c r="B3393" s="162" t="s">
        <v>12824</v>
      </c>
      <c r="C3393" s="1149" t="s">
        <v>11735</v>
      </c>
      <c r="D3393" s="1149" t="s">
        <v>11736</v>
      </c>
      <c r="E3393" s="1149" t="s">
        <v>11737</v>
      </c>
      <c r="F3393" s="1149" t="s">
        <v>643</v>
      </c>
      <c r="G3393" s="150"/>
      <c r="H3393" s="150"/>
    </row>
    <row r="3394" spans="1:8">
      <c r="A3394" s="150"/>
      <c r="B3394" s="163" t="s">
        <v>12816</v>
      </c>
      <c r="C3394" s="1158"/>
      <c r="D3394" s="1158"/>
      <c r="E3394" s="1158"/>
      <c r="F3394" s="1158"/>
      <c r="G3394" s="150"/>
      <c r="H3394" s="150"/>
    </row>
    <row r="3395" spans="1:8" ht="102">
      <c r="A3395" s="150"/>
      <c r="B3395" s="164" t="s">
        <v>32759</v>
      </c>
      <c r="C3395" s="1150"/>
      <c r="D3395" s="1150"/>
      <c r="E3395" s="1150"/>
      <c r="F3395" s="1150"/>
      <c r="G3395" s="150"/>
      <c r="H3395" s="150"/>
    </row>
    <row r="3396" spans="1:8" ht="25.5">
      <c r="A3396" s="150"/>
      <c r="B3396" s="162" t="s">
        <v>12825</v>
      </c>
      <c r="C3396" s="1149" t="s">
        <v>11740</v>
      </c>
      <c r="D3396" s="1149" t="s">
        <v>11741</v>
      </c>
      <c r="E3396" s="1149" t="s">
        <v>11742</v>
      </c>
      <c r="F3396" s="1149" t="s">
        <v>643</v>
      </c>
      <c r="G3396" s="150"/>
      <c r="H3396" s="150"/>
    </row>
    <row r="3397" spans="1:8">
      <c r="A3397" s="150"/>
      <c r="B3397" s="163" t="s">
        <v>12816</v>
      </c>
      <c r="C3397" s="1158"/>
      <c r="D3397" s="1158"/>
      <c r="E3397" s="1158"/>
      <c r="F3397" s="1158"/>
      <c r="G3397" s="150"/>
      <c r="H3397" s="150"/>
    </row>
    <row r="3398" spans="1:8" ht="51">
      <c r="A3398" s="150"/>
      <c r="B3398" s="164" t="s">
        <v>12826</v>
      </c>
      <c r="C3398" s="1150"/>
      <c r="D3398" s="1150"/>
      <c r="E3398" s="1150"/>
      <c r="F3398" s="1150"/>
      <c r="G3398" s="150"/>
      <c r="H3398" s="150"/>
    </row>
    <row r="3399" spans="1:8" ht="25.5">
      <c r="A3399" s="150"/>
      <c r="B3399" s="162" t="s">
        <v>32760</v>
      </c>
      <c r="C3399" s="1149" t="s">
        <v>11743</v>
      </c>
      <c r="D3399" s="1149" t="s">
        <v>11744</v>
      </c>
      <c r="E3399" s="1149" t="s">
        <v>11745</v>
      </c>
      <c r="F3399" s="1149" t="s">
        <v>643</v>
      </c>
      <c r="G3399" s="150"/>
      <c r="H3399" s="150"/>
    </row>
    <row r="3400" spans="1:8">
      <c r="A3400" s="150"/>
      <c r="B3400" s="163" t="s">
        <v>12816</v>
      </c>
      <c r="C3400" s="1158"/>
      <c r="D3400" s="1158"/>
      <c r="E3400" s="1158"/>
      <c r="F3400" s="1158"/>
      <c r="G3400" s="150"/>
      <c r="H3400" s="150"/>
    </row>
    <row r="3401" spans="1:8" ht="76.5">
      <c r="A3401" s="150"/>
      <c r="B3401" s="164" t="s">
        <v>32761</v>
      </c>
      <c r="C3401" s="1150"/>
      <c r="D3401" s="1150"/>
      <c r="E3401" s="1150"/>
      <c r="F3401" s="1150"/>
      <c r="G3401" s="150"/>
      <c r="H3401" s="150"/>
    </row>
    <row r="3402" spans="1:8" ht="25.5">
      <c r="A3402" s="150"/>
      <c r="B3402" s="162" t="s">
        <v>12827</v>
      </c>
      <c r="C3402" s="1149" t="s">
        <v>11747</v>
      </c>
      <c r="D3402" s="1149" t="s">
        <v>11748</v>
      </c>
      <c r="E3402" s="1149" t="s">
        <v>11749</v>
      </c>
      <c r="F3402" s="1149" t="s">
        <v>643</v>
      </c>
      <c r="G3402" s="150"/>
      <c r="H3402" s="150"/>
    </row>
    <row r="3403" spans="1:8">
      <c r="A3403" s="150"/>
      <c r="B3403" s="163" t="s">
        <v>12816</v>
      </c>
      <c r="C3403" s="1158"/>
      <c r="D3403" s="1158"/>
      <c r="E3403" s="1158"/>
      <c r="F3403" s="1158"/>
      <c r="G3403" s="150"/>
      <c r="H3403" s="150"/>
    </row>
    <row r="3404" spans="1:8" ht="76.5">
      <c r="A3404" s="150"/>
      <c r="B3404" s="164" t="s">
        <v>13607</v>
      </c>
      <c r="C3404" s="1150"/>
      <c r="D3404" s="1150"/>
      <c r="E3404" s="1150"/>
      <c r="F3404" s="1150"/>
      <c r="G3404" s="150"/>
      <c r="H3404" s="150"/>
    </row>
    <row r="3405" spans="1:8">
      <c r="A3405" s="150"/>
      <c r="B3405" s="162" t="s">
        <v>32762</v>
      </c>
      <c r="C3405" s="1149" t="s">
        <v>11750</v>
      </c>
      <c r="D3405" s="1149" t="s">
        <v>11751</v>
      </c>
      <c r="E3405" s="1149" t="s">
        <v>11752</v>
      </c>
      <c r="F3405" s="1149" t="s">
        <v>643</v>
      </c>
      <c r="G3405" s="150"/>
      <c r="H3405" s="150"/>
    </row>
    <row r="3406" spans="1:8">
      <c r="A3406" s="150"/>
      <c r="B3406" s="163" t="s">
        <v>12816</v>
      </c>
      <c r="C3406" s="1158"/>
      <c r="D3406" s="1158"/>
      <c r="E3406" s="1158"/>
      <c r="F3406" s="1158"/>
      <c r="G3406" s="150"/>
      <c r="H3406" s="150"/>
    </row>
    <row r="3407" spans="1:8" ht="63.75">
      <c r="A3407" s="150"/>
      <c r="B3407" s="164" t="s">
        <v>13608</v>
      </c>
      <c r="C3407" s="1150"/>
      <c r="D3407" s="1150"/>
      <c r="E3407" s="1150"/>
      <c r="F3407" s="1150"/>
      <c r="G3407" s="150"/>
      <c r="H3407" s="150"/>
    </row>
    <row r="3408" spans="1:8">
      <c r="A3408" s="150"/>
      <c r="B3408" s="162" t="s">
        <v>32763</v>
      </c>
      <c r="C3408" s="1149" t="s">
        <v>11753</v>
      </c>
      <c r="D3408" s="1149" t="s">
        <v>11754</v>
      </c>
      <c r="E3408" s="1149" t="s">
        <v>11755</v>
      </c>
      <c r="F3408" s="1149" t="s">
        <v>643</v>
      </c>
      <c r="G3408" s="150"/>
      <c r="H3408" s="150"/>
    </row>
    <row r="3409" spans="1:8">
      <c r="A3409" s="150"/>
      <c r="B3409" s="163" t="s">
        <v>12816</v>
      </c>
      <c r="C3409" s="1158"/>
      <c r="D3409" s="1158"/>
      <c r="E3409" s="1158"/>
      <c r="F3409" s="1158"/>
      <c r="G3409" s="150"/>
      <c r="H3409" s="150"/>
    </row>
    <row r="3410" spans="1:8" ht="114.75">
      <c r="A3410" s="150"/>
      <c r="B3410" s="164" t="s">
        <v>32764</v>
      </c>
      <c r="C3410" s="1150"/>
      <c r="D3410" s="1150"/>
      <c r="E3410" s="1150"/>
      <c r="F3410" s="1150"/>
      <c r="G3410" s="150"/>
      <c r="H3410" s="150"/>
    </row>
    <row r="3411" spans="1:8" ht="25.5">
      <c r="A3411" s="150"/>
      <c r="B3411" s="162" t="s">
        <v>32765</v>
      </c>
      <c r="C3411" s="1149" t="s">
        <v>11756</v>
      </c>
      <c r="D3411" s="1149" t="s">
        <v>11757</v>
      </c>
      <c r="E3411" s="1149" t="s">
        <v>11758</v>
      </c>
      <c r="F3411" s="1149" t="s">
        <v>643</v>
      </c>
      <c r="G3411" s="150"/>
      <c r="H3411" s="150"/>
    </row>
    <row r="3412" spans="1:8">
      <c r="A3412" s="150"/>
      <c r="B3412" s="163" t="s">
        <v>12816</v>
      </c>
      <c r="C3412" s="1158"/>
      <c r="D3412" s="1158"/>
      <c r="E3412" s="1158"/>
      <c r="F3412" s="1158"/>
      <c r="G3412" s="150"/>
      <c r="H3412" s="150"/>
    </row>
    <row r="3413" spans="1:8" ht="63.75">
      <c r="A3413" s="150"/>
      <c r="B3413" s="164" t="s">
        <v>13609</v>
      </c>
      <c r="C3413" s="1150"/>
      <c r="D3413" s="1150"/>
      <c r="E3413" s="1150"/>
      <c r="F3413" s="1150"/>
      <c r="G3413" s="150"/>
      <c r="H3413" s="150"/>
    </row>
    <row r="3414" spans="1:8">
      <c r="A3414" s="150"/>
      <c r="B3414" s="162" t="s">
        <v>12828</v>
      </c>
      <c r="C3414" s="1149" t="s">
        <v>11760</v>
      </c>
      <c r="D3414" s="1149" t="s">
        <v>11761</v>
      </c>
      <c r="E3414" s="1149" t="s">
        <v>11762</v>
      </c>
      <c r="F3414" s="1149" t="s">
        <v>643</v>
      </c>
      <c r="G3414" s="150"/>
      <c r="H3414" s="150"/>
    </row>
    <row r="3415" spans="1:8">
      <c r="A3415" s="150"/>
      <c r="B3415" s="163" t="s">
        <v>12829</v>
      </c>
      <c r="C3415" s="1158"/>
      <c r="D3415" s="1158"/>
      <c r="E3415" s="1158"/>
      <c r="F3415" s="1158"/>
      <c r="G3415" s="150"/>
      <c r="H3415" s="150"/>
    </row>
    <row r="3416" spans="1:8" ht="89.25">
      <c r="A3416" s="150"/>
      <c r="B3416" s="164" t="s">
        <v>32766</v>
      </c>
      <c r="C3416" s="1150"/>
      <c r="D3416" s="1150"/>
      <c r="E3416" s="1150"/>
      <c r="F3416" s="1150"/>
      <c r="G3416" s="150"/>
      <c r="H3416" s="150"/>
    </row>
    <row r="3417" spans="1:8">
      <c r="A3417" s="150"/>
      <c r="B3417" s="162" t="s">
        <v>12830</v>
      </c>
      <c r="C3417" s="1149" t="s">
        <v>11764</v>
      </c>
      <c r="D3417" s="1149" t="s">
        <v>11765</v>
      </c>
      <c r="E3417" s="1149" t="s">
        <v>11766</v>
      </c>
      <c r="F3417" s="1149" t="s">
        <v>643</v>
      </c>
      <c r="G3417" s="150"/>
      <c r="H3417" s="150"/>
    </row>
    <row r="3418" spans="1:8">
      <c r="A3418" s="150"/>
      <c r="B3418" s="163" t="s">
        <v>12829</v>
      </c>
      <c r="C3418" s="1158"/>
      <c r="D3418" s="1158"/>
      <c r="E3418" s="1158"/>
      <c r="F3418" s="1158"/>
      <c r="G3418" s="150"/>
      <c r="H3418" s="150"/>
    </row>
    <row r="3419" spans="1:8" ht="89.25">
      <c r="A3419" s="150"/>
      <c r="B3419" s="164" t="s">
        <v>32767</v>
      </c>
      <c r="C3419" s="1150"/>
      <c r="D3419" s="1150"/>
      <c r="E3419" s="1150"/>
      <c r="F3419" s="1150"/>
      <c r="G3419" s="150"/>
      <c r="H3419" s="150"/>
    </row>
    <row r="3420" spans="1:8">
      <c r="A3420" s="150"/>
      <c r="B3420" s="162" t="s">
        <v>32768</v>
      </c>
      <c r="C3420" s="1149" t="s">
        <v>11767</v>
      </c>
      <c r="D3420" s="1149" t="s">
        <v>11768</v>
      </c>
      <c r="E3420" s="1149" t="s">
        <v>11769</v>
      </c>
      <c r="F3420" s="1149" t="s">
        <v>643</v>
      </c>
      <c r="G3420" s="150"/>
      <c r="H3420" s="150"/>
    </row>
    <row r="3421" spans="1:8">
      <c r="A3421" s="150"/>
      <c r="B3421" s="163" t="s">
        <v>12829</v>
      </c>
      <c r="C3421" s="1158"/>
      <c r="D3421" s="1158"/>
      <c r="E3421" s="1158"/>
      <c r="F3421" s="1158"/>
      <c r="G3421" s="150"/>
      <c r="H3421" s="150"/>
    </row>
    <row r="3422" spans="1:8" ht="76.5">
      <c r="A3422" s="150"/>
      <c r="B3422" s="164" t="s">
        <v>32769</v>
      </c>
      <c r="C3422" s="1150"/>
      <c r="D3422" s="1150"/>
      <c r="E3422" s="1150"/>
      <c r="F3422" s="1150"/>
      <c r="G3422" s="150"/>
      <c r="H3422" s="150"/>
    </row>
    <row r="3423" spans="1:8">
      <c r="A3423" s="150"/>
      <c r="B3423" s="162" t="s">
        <v>12831</v>
      </c>
      <c r="C3423" s="1149" t="s">
        <v>11771</v>
      </c>
      <c r="D3423" s="1149" t="s">
        <v>11772</v>
      </c>
      <c r="E3423" s="1149" t="s">
        <v>11773</v>
      </c>
      <c r="F3423" s="1149" t="s">
        <v>643</v>
      </c>
      <c r="G3423" s="150"/>
      <c r="H3423" s="150"/>
    </row>
    <row r="3424" spans="1:8">
      <c r="A3424" s="150"/>
      <c r="B3424" s="163" t="s">
        <v>12829</v>
      </c>
      <c r="C3424" s="1158"/>
      <c r="D3424" s="1158"/>
      <c r="E3424" s="1158"/>
      <c r="F3424" s="1158"/>
      <c r="G3424" s="150"/>
      <c r="H3424" s="150"/>
    </row>
    <row r="3425" spans="1:8" ht="51">
      <c r="A3425" s="150"/>
      <c r="B3425" s="164" t="s">
        <v>32770</v>
      </c>
      <c r="C3425" s="1150"/>
      <c r="D3425" s="1150"/>
      <c r="E3425" s="1150"/>
      <c r="F3425" s="1150"/>
      <c r="G3425" s="150"/>
      <c r="H3425" s="150"/>
    </row>
    <row r="3426" spans="1:8" ht="25.5">
      <c r="A3426" s="150"/>
      <c r="B3426" s="162" t="s">
        <v>12832</v>
      </c>
      <c r="C3426" s="1149" t="s">
        <v>11776</v>
      </c>
      <c r="D3426" s="1149" t="s">
        <v>11777</v>
      </c>
      <c r="E3426" s="1149" t="s">
        <v>11778</v>
      </c>
      <c r="F3426" s="1149" t="s">
        <v>643</v>
      </c>
      <c r="G3426" s="150"/>
      <c r="H3426" s="150"/>
    </row>
    <row r="3427" spans="1:8">
      <c r="A3427" s="150"/>
      <c r="B3427" s="163" t="s">
        <v>12829</v>
      </c>
      <c r="C3427" s="1158"/>
      <c r="D3427" s="1158"/>
      <c r="E3427" s="1158"/>
      <c r="F3427" s="1158"/>
      <c r="G3427" s="150"/>
      <c r="H3427" s="150"/>
    </row>
    <row r="3428" spans="1:8" ht="38.25">
      <c r="A3428" s="150"/>
      <c r="B3428" s="164" t="s">
        <v>12833</v>
      </c>
      <c r="C3428" s="1150"/>
      <c r="D3428" s="1150"/>
      <c r="E3428" s="1150"/>
      <c r="F3428" s="1150"/>
      <c r="G3428" s="150"/>
      <c r="H3428" s="150"/>
    </row>
    <row r="3429" spans="1:8" ht="25.5">
      <c r="A3429" s="150"/>
      <c r="B3429" s="162" t="s">
        <v>12834</v>
      </c>
      <c r="C3429" s="1149" t="s">
        <v>11780</v>
      </c>
      <c r="D3429" s="1149" t="s">
        <v>11781</v>
      </c>
      <c r="E3429" s="1149" t="s">
        <v>11782</v>
      </c>
      <c r="F3429" s="1149" t="s">
        <v>643</v>
      </c>
      <c r="G3429" s="150"/>
      <c r="H3429" s="150"/>
    </row>
    <row r="3430" spans="1:8">
      <c r="A3430" s="150"/>
      <c r="B3430" s="163" t="s">
        <v>12829</v>
      </c>
      <c r="C3430" s="1158"/>
      <c r="D3430" s="1158"/>
      <c r="E3430" s="1158"/>
      <c r="F3430" s="1158"/>
      <c r="G3430" s="150"/>
      <c r="H3430" s="150"/>
    </row>
    <row r="3431" spans="1:8" ht="89.25">
      <c r="A3431" s="150"/>
      <c r="B3431" s="164" t="s">
        <v>32771</v>
      </c>
      <c r="C3431" s="1150"/>
      <c r="D3431" s="1150"/>
      <c r="E3431" s="1150"/>
      <c r="F3431" s="1150"/>
      <c r="G3431" s="150"/>
      <c r="H3431" s="150"/>
    </row>
    <row r="3432" spans="1:8" ht="25.5">
      <c r="A3432" s="150"/>
      <c r="B3432" s="162" t="s">
        <v>12835</v>
      </c>
      <c r="C3432" s="1149" t="s">
        <v>11784</v>
      </c>
      <c r="D3432" s="1149" t="s">
        <v>11785</v>
      </c>
      <c r="E3432" s="1149" t="s">
        <v>11786</v>
      </c>
      <c r="F3432" s="1149" t="s">
        <v>643</v>
      </c>
      <c r="G3432" s="150"/>
      <c r="H3432" s="150"/>
    </row>
    <row r="3433" spans="1:8">
      <c r="A3433" s="150"/>
      <c r="B3433" s="163" t="s">
        <v>12829</v>
      </c>
      <c r="C3433" s="1158"/>
      <c r="D3433" s="1158"/>
      <c r="E3433" s="1158"/>
      <c r="F3433" s="1158"/>
      <c r="G3433" s="150"/>
      <c r="H3433" s="150"/>
    </row>
    <row r="3434" spans="1:8" ht="76.5">
      <c r="A3434" s="150"/>
      <c r="B3434" s="164" t="s">
        <v>13610</v>
      </c>
      <c r="C3434" s="1150"/>
      <c r="D3434" s="1150"/>
      <c r="E3434" s="1150"/>
      <c r="F3434" s="1150"/>
      <c r="G3434" s="150"/>
      <c r="H3434" s="150"/>
    </row>
    <row r="3435" spans="1:8" ht="25.5">
      <c r="A3435" s="150"/>
      <c r="B3435" s="162" t="s">
        <v>32772</v>
      </c>
      <c r="C3435" s="1149" t="s">
        <v>11787</v>
      </c>
      <c r="D3435" s="1149" t="s">
        <v>11788</v>
      </c>
      <c r="E3435" s="1149" t="s">
        <v>11789</v>
      </c>
      <c r="F3435" s="1149" t="s">
        <v>643</v>
      </c>
      <c r="G3435" s="150"/>
      <c r="H3435" s="150"/>
    </row>
    <row r="3436" spans="1:8">
      <c r="A3436" s="150"/>
      <c r="B3436" s="163" t="s">
        <v>12829</v>
      </c>
      <c r="C3436" s="1158"/>
      <c r="D3436" s="1158"/>
      <c r="E3436" s="1158"/>
      <c r="F3436" s="1158"/>
      <c r="G3436" s="150"/>
      <c r="H3436" s="150"/>
    </row>
    <row r="3437" spans="1:8" ht="89.25">
      <c r="A3437" s="150"/>
      <c r="B3437" s="164" t="s">
        <v>32773</v>
      </c>
      <c r="C3437" s="1150"/>
      <c r="D3437" s="1150"/>
      <c r="E3437" s="1150"/>
      <c r="F3437" s="1150"/>
      <c r="G3437" s="150"/>
      <c r="H3437" s="150"/>
    </row>
    <row r="3438" spans="1:8">
      <c r="A3438" s="150"/>
      <c r="B3438" s="162" t="s">
        <v>32774</v>
      </c>
      <c r="C3438" s="1149" t="s">
        <v>11790</v>
      </c>
      <c r="D3438" s="1149" t="s">
        <v>11791</v>
      </c>
      <c r="E3438" s="1149" t="s">
        <v>11792</v>
      </c>
      <c r="F3438" s="1149" t="s">
        <v>643</v>
      </c>
      <c r="G3438" s="150"/>
      <c r="H3438" s="150"/>
    </row>
    <row r="3439" spans="1:8">
      <c r="A3439" s="150"/>
      <c r="B3439" s="163" t="s">
        <v>12829</v>
      </c>
      <c r="C3439" s="1158"/>
      <c r="D3439" s="1158"/>
      <c r="E3439" s="1158"/>
      <c r="F3439" s="1158"/>
      <c r="G3439" s="150"/>
      <c r="H3439" s="150"/>
    </row>
    <row r="3440" spans="1:8" ht="76.5">
      <c r="A3440" s="150"/>
      <c r="B3440" s="164" t="s">
        <v>32775</v>
      </c>
      <c r="C3440" s="1150"/>
      <c r="D3440" s="1150"/>
      <c r="E3440" s="1150"/>
      <c r="F3440" s="1150"/>
      <c r="G3440" s="150"/>
      <c r="H3440" s="150"/>
    </row>
    <row r="3441" spans="1:8" ht="25.5">
      <c r="A3441" s="150"/>
      <c r="B3441" s="162" t="s">
        <v>32776</v>
      </c>
      <c r="C3441" s="1149" t="s">
        <v>11793</v>
      </c>
      <c r="D3441" s="1149" t="s">
        <v>11794</v>
      </c>
      <c r="E3441" s="1149" t="s">
        <v>11795</v>
      </c>
      <c r="F3441" s="1149" t="s">
        <v>643</v>
      </c>
      <c r="G3441" s="150"/>
      <c r="H3441" s="150"/>
    </row>
    <row r="3442" spans="1:8">
      <c r="A3442" s="150"/>
      <c r="B3442" s="164" t="s">
        <v>12836</v>
      </c>
      <c r="C3442" s="1150"/>
      <c r="D3442" s="1150"/>
      <c r="E3442" s="1150"/>
      <c r="F3442" s="1150"/>
      <c r="G3442" s="150"/>
      <c r="H3442" s="150"/>
    </row>
    <row r="3443" spans="1:8">
      <c r="A3443" s="150"/>
      <c r="B3443" s="162" t="s">
        <v>12837</v>
      </c>
      <c r="C3443" s="1149" t="s">
        <v>11797</v>
      </c>
      <c r="D3443" s="1149" t="s">
        <v>11798</v>
      </c>
      <c r="E3443" s="1149" t="s">
        <v>11799</v>
      </c>
      <c r="F3443" s="1149" t="s">
        <v>643</v>
      </c>
      <c r="G3443" s="150"/>
      <c r="H3443" s="150"/>
    </row>
    <row r="3444" spans="1:8">
      <c r="A3444" s="150"/>
      <c r="B3444" s="163" t="s">
        <v>12838</v>
      </c>
      <c r="C3444" s="1158"/>
      <c r="D3444" s="1158"/>
      <c r="E3444" s="1158"/>
      <c r="F3444" s="1158"/>
      <c r="G3444" s="150"/>
      <c r="H3444" s="150"/>
    </row>
    <row r="3445" spans="1:8" ht="114.75">
      <c r="A3445" s="150"/>
      <c r="B3445" s="164" t="s">
        <v>32777</v>
      </c>
      <c r="C3445" s="1150"/>
      <c r="D3445" s="1150"/>
      <c r="E3445" s="1150"/>
      <c r="F3445" s="1150"/>
      <c r="G3445" s="150"/>
      <c r="H3445" s="150"/>
    </row>
    <row r="3446" spans="1:8">
      <c r="A3446" s="150"/>
      <c r="B3446" s="162" t="s">
        <v>12839</v>
      </c>
      <c r="C3446" s="1149" t="s">
        <v>11801</v>
      </c>
      <c r="D3446" s="1149" t="s">
        <v>11802</v>
      </c>
      <c r="E3446" s="1149" t="s">
        <v>11803</v>
      </c>
      <c r="F3446" s="1149" t="s">
        <v>643</v>
      </c>
      <c r="G3446" s="150"/>
      <c r="H3446" s="150"/>
    </row>
    <row r="3447" spans="1:8">
      <c r="A3447" s="150"/>
      <c r="B3447" s="163" t="s">
        <v>12838</v>
      </c>
      <c r="C3447" s="1158"/>
      <c r="D3447" s="1158"/>
      <c r="E3447" s="1158"/>
      <c r="F3447" s="1158"/>
      <c r="G3447" s="150"/>
      <c r="H3447" s="150"/>
    </row>
    <row r="3448" spans="1:8" ht="89.25">
      <c r="A3448" s="150"/>
      <c r="B3448" s="164" t="s">
        <v>32778</v>
      </c>
      <c r="C3448" s="1150"/>
      <c r="D3448" s="1150"/>
      <c r="E3448" s="1150"/>
      <c r="F3448" s="1150"/>
      <c r="G3448" s="150"/>
      <c r="H3448" s="150"/>
    </row>
    <row r="3449" spans="1:8">
      <c r="A3449" s="150"/>
      <c r="B3449" s="162" t="s">
        <v>12840</v>
      </c>
      <c r="C3449" s="1149" t="s">
        <v>11805</v>
      </c>
      <c r="D3449" s="1149" t="s">
        <v>11806</v>
      </c>
      <c r="E3449" s="1149" t="s">
        <v>11807</v>
      </c>
      <c r="F3449" s="1149" t="s">
        <v>643</v>
      </c>
      <c r="G3449" s="150"/>
      <c r="H3449" s="150"/>
    </row>
    <row r="3450" spans="1:8">
      <c r="A3450" s="150"/>
      <c r="B3450" s="163" t="s">
        <v>12838</v>
      </c>
      <c r="C3450" s="1158"/>
      <c r="D3450" s="1158"/>
      <c r="E3450" s="1158"/>
      <c r="F3450" s="1158"/>
      <c r="G3450" s="150"/>
      <c r="H3450" s="150"/>
    </row>
    <row r="3451" spans="1:8" ht="76.5">
      <c r="A3451" s="150"/>
      <c r="B3451" s="164" t="s">
        <v>32779</v>
      </c>
      <c r="C3451" s="1150"/>
      <c r="D3451" s="1150"/>
      <c r="E3451" s="1150"/>
      <c r="F3451" s="1150"/>
      <c r="G3451" s="150"/>
      <c r="H3451" s="150"/>
    </row>
    <row r="3452" spans="1:8">
      <c r="A3452" s="150"/>
      <c r="B3452" s="162" t="s">
        <v>32780</v>
      </c>
      <c r="C3452" s="1149" t="s">
        <v>11808</v>
      </c>
      <c r="D3452" s="1149" t="s">
        <v>11809</v>
      </c>
      <c r="E3452" s="1149" t="s">
        <v>11810</v>
      </c>
      <c r="F3452" s="1149" t="s">
        <v>643</v>
      </c>
      <c r="G3452" s="150"/>
      <c r="H3452" s="150"/>
    </row>
    <row r="3453" spans="1:8">
      <c r="A3453" s="150"/>
      <c r="B3453" s="164" t="s">
        <v>12838</v>
      </c>
      <c r="C3453" s="1150"/>
      <c r="D3453" s="1150"/>
      <c r="E3453" s="1150"/>
      <c r="F3453" s="1150"/>
      <c r="G3453" s="150"/>
      <c r="H3453" s="150"/>
    </row>
    <row r="3454" spans="1:8">
      <c r="A3454" s="150"/>
      <c r="B3454" s="162" t="s">
        <v>32781</v>
      </c>
      <c r="C3454" s="1149" t="s">
        <v>11811</v>
      </c>
      <c r="D3454" s="1149" t="s">
        <v>11812</v>
      </c>
      <c r="E3454" s="1149" t="s">
        <v>11813</v>
      </c>
      <c r="F3454" s="1149" t="s">
        <v>643</v>
      </c>
      <c r="G3454" s="150"/>
      <c r="H3454" s="150"/>
    </row>
    <row r="3455" spans="1:8">
      <c r="A3455" s="150"/>
      <c r="B3455" s="163" t="s">
        <v>12838</v>
      </c>
      <c r="C3455" s="1158"/>
      <c r="D3455" s="1158"/>
      <c r="E3455" s="1158"/>
      <c r="F3455" s="1158"/>
      <c r="G3455" s="150"/>
      <c r="H3455" s="150"/>
    </row>
    <row r="3456" spans="1:8" ht="38.25">
      <c r="A3456" s="150"/>
      <c r="B3456" s="164" t="s">
        <v>32782</v>
      </c>
      <c r="C3456" s="1150"/>
      <c r="D3456" s="1150"/>
      <c r="E3456" s="1150"/>
      <c r="F3456" s="1150"/>
      <c r="G3456" s="150"/>
      <c r="H3456" s="150"/>
    </row>
    <row r="3457" spans="1:8" ht="25.5">
      <c r="A3457" s="150"/>
      <c r="B3457" s="162" t="s">
        <v>12841</v>
      </c>
      <c r="C3457" s="1149" t="s">
        <v>11815</v>
      </c>
      <c r="D3457" s="1149" t="s">
        <v>11816</v>
      </c>
      <c r="E3457" s="1149" t="s">
        <v>11817</v>
      </c>
      <c r="F3457" s="1149" t="s">
        <v>643</v>
      </c>
      <c r="G3457" s="150"/>
      <c r="H3457" s="150"/>
    </row>
    <row r="3458" spans="1:8">
      <c r="A3458" s="150"/>
      <c r="B3458" s="163" t="s">
        <v>12838</v>
      </c>
      <c r="C3458" s="1158"/>
      <c r="D3458" s="1158"/>
      <c r="E3458" s="1158"/>
      <c r="F3458" s="1158"/>
      <c r="G3458" s="150"/>
      <c r="H3458" s="150"/>
    </row>
    <row r="3459" spans="1:8" ht="102">
      <c r="A3459" s="150"/>
      <c r="B3459" s="164" t="s">
        <v>32783</v>
      </c>
      <c r="C3459" s="1150"/>
      <c r="D3459" s="1150"/>
      <c r="E3459" s="1150"/>
      <c r="F3459" s="1150"/>
      <c r="G3459" s="150"/>
      <c r="H3459" s="150"/>
    </row>
    <row r="3460" spans="1:8" ht="25.5">
      <c r="A3460" s="150"/>
      <c r="B3460" s="162" t="s">
        <v>12842</v>
      </c>
      <c r="C3460" s="1149" t="s">
        <v>11819</v>
      </c>
      <c r="D3460" s="1149" t="s">
        <v>11820</v>
      </c>
      <c r="E3460" s="1149" t="s">
        <v>11821</v>
      </c>
      <c r="F3460" s="1149" t="s">
        <v>643</v>
      </c>
      <c r="G3460" s="150"/>
      <c r="H3460" s="150"/>
    </row>
    <row r="3461" spans="1:8">
      <c r="A3461" s="150"/>
      <c r="B3461" s="163" t="s">
        <v>12838</v>
      </c>
      <c r="C3461" s="1158"/>
      <c r="D3461" s="1158"/>
      <c r="E3461" s="1158"/>
      <c r="F3461" s="1158"/>
      <c r="G3461" s="150"/>
      <c r="H3461" s="150"/>
    </row>
    <row r="3462" spans="1:8" ht="63.75">
      <c r="A3462" s="150"/>
      <c r="B3462" s="164" t="s">
        <v>32784</v>
      </c>
      <c r="C3462" s="1150"/>
      <c r="D3462" s="1150"/>
      <c r="E3462" s="1150"/>
      <c r="F3462" s="1150"/>
      <c r="G3462" s="150"/>
      <c r="H3462" s="150"/>
    </row>
    <row r="3463" spans="1:8">
      <c r="A3463" s="150"/>
      <c r="B3463" s="162" t="s">
        <v>12843</v>
      </c>
      <c r="C3463" s="1149" t="s">
        <v>11823</v>
      </c>
      <c r="D3463" s="1149" t="s">
        <v>11824</v>
      </c>
      <c r="E3463" s="1149" t="s">
        <v>11825</v>
      </c>
      <c r="F3463" s="1149" t="s">
        <v>643</v>
      </c>
      <c r="G3463" s="150"/>
      <c r="H3463" s="150"/>
    </row>
    <row r="3464" spans="1:8">
      <c r="A3464" s="150"/>
      <c r="B3464" s="163" t="s">
        <v>12838</v>
      </c>
      <c r="C3464" s="1158"/>
      <c r="D3464" s="1158"/>
      <c r="E3464" s="1158"/>
      <c r="F3464" s="1158"/>
      <c r="G3464" s="150"/>
      <c r="H3464" s="150"/>
    </row>
    <row r="3465" spans="1:8" ht="38.25">
      <c r="A3465" s="150"/>
      <c r="B3465" s="164" t="s">
        <v>13611</v>
      </c>
      <c r="C3465" s="1150"/>
      <c r="D3465" s="1150"/>
      <c r="E3465" s="1150"/>
      <c r="F3465" s="1150"/>
      <c r="G3465" s="150"/>
      <c r="H3465" s="150"/>
    </row>
    <row r="3466" spans="1:8">
      <c r="A3466" s="150"/>
      <c r="B3466" s="162" t="s">
        <v>12844</v>
      </c>
      <c r="C3466" s="1149" t="s">
        <v>11827</v>
      </c>
      <c r="D3466" s="1149" t="s">
        <v>11828</v>
      </c>
      <c r="E3466" s="1149" t="s">
        <v>11829</v>
      </c>
      <c r="F3466" s="1149" t="s">
        <v>643</v>
      </c>
      <c r="G3466" s="150"/>
      <c r="H3466" s="150"/>
    </row>
    <row r="3467" spans="1:8">
      <c r="A3467" s="150"/>
      <c r="B3467" s="163" t="s">
        <v>12838</v>
      </c>
      <c r="C3467" s="1158"/>
      <c r="D3467" s="1158"/>
      <c r="E3467" s="1158"/>
      <c r="F3467" s="1158"/>
      <c r="G3467" s="150"/>
      <c r="H3467" s="150"/>
    </row>
    <row r="3468" spans="1:8" ht="76.5">
      <c r="A3468" s="150"/>
      <c r="B3468" s="164" t="s">
        <v>32785</v>
      </c>
      <c r="C3468" s="1150"/>
      <c r="D3468" s="1150"/>
      <c r="E3468" s="1150"/>
      <c r="F3468" s="1150"/>
      <c r="G3468" s="150"/>
      <c r="H3468" s="150"/>
    </row>
    <row r="3469" spans="1:8">
      <c r="A3469" s="150"/>
      <c r="B3469" s="162" t="s">
        <v>12845</v>
      </c>
      <c r="C3469" s="1149" t="s">
        <v>11831</v>
      </c>
      <c r="D3469" s="1149" t="s">
        <v>11832</v>
      </c>
      <c r="E3469" s="1149" t="s">
        <v>11833</v>
      </c>
      <c r="F3469" s="1149" t="s">
        <v>643</v>
      </c>
      <c r="G3469" s="150"/>
      <c r="H3469" s="150"/>
    </row>
    <row r="3470" spans="1:8">
      <c r="A3470" s="150"/>
      <c r="B3470" s="163" t="s">
        <v>12838</v>
      </c>
      <c r="C3470" s="1158"/>
      <c r="D3470" s="1158"/>
      <c r="E3470" s="1158"/>
      <c r="F3470" s="1158"/>
      <c r="G3470" s="150"/>
      <c r="H3470" s="150"/>
    </row>
    <row r="3471" spans="1:8" ht="114.75">
      <c r="A3471" s="150"/>
      <c r="B3471" s="164" t="s">
        <v>32786</v>
      </c>
      <c r="C3471" s="1150"/>
      <c r="D3471" s="1150"/>
      <c r="E3471" s="1150"/>
      <c r="F3471" s="1150"/>
      <c r="G3471" s="150"/>
      <c r="H3471" s="150"/>
    </row>
    <row r="3472" spans="1:8" ht="25.5">
      <c r="A3472" s="150"/>
      <c r="B3472" s="162" t="s">
        <v>32787</v>
      </c>
      <c r="C3472" s="1149" t="s">
        <v>11834</v>
      </c>
      <c r="D3472" s="1149" t="s">
        <v>11835</v>
      </c>
      <c r="E3472" s="1149" t="s">
        <v>11836</v>
      </c>
      <c r="F3472" s="1149" t="s">
        <v>643</v>
      </c>
      <c r="G3472" s="150"/>
      <c r="H3472" s="150"/>
    </row>
    <row r="3473" spans="1:8">
      <c r="A3473" s="150"/>
      <c r="B3473" s="163" t="s">
        <v>12838</v>
      </c>
      <c r="C3473" s="1158"/>
      <c r="D3473" s="1158"/>
      <c r="E3473" s="1158"/>
      <c r="F3473" s="1158"/>
      <c r="G3473" s="150"/>
      <c r="H3473" s="150"/>
    </row>
    <row r="3474" spans="1:8" ht="76.5">
      <c r="A3474" s="150"/>
      <c r="B3474" s="164" t="s">
        <v>32788</v>
      </c>
      <c r="C3474" s="1150"/>
      <c r="D3474" s="1150"/>
      <c r="E3474" s="1150"/>
      <c r="F3474" s="1150"/>
      <c r="G3474" s="150"/>
      <c r="H3474" s="150"/>
    </row>
    <row r="3475" spans="1:8">
      <c r="A3475" s="150"/>
      <c r="B3475" s="162" t="s">
        <v>32789</v>
      </c>
      <c r="C3475" s="1149" t="s">
        <v>11837</v>
      </c>
      <c r="D3475" s="1149" t="s">
        <v>11838</v>
      </c>
      <c r="E3475" s="1149" t="s">
        <v>11839</v>
      </c>
      <c r="F3475" s="1149" t="s">
        <v>643</v>
      </c>
      <c r="G3475" s="150"/>
      <c r="H3475" s="150"/>
    </row>
    <row r="3476" spans="1:8">
      <c r="A3476" s="150"/>
      <c r="B3476" s="164" t="s">
        <v>12846</v>
      </c>
      <c r="C3476" s="1150"/>
      <c r="D3476" s="1150"/>
      <c r="E3476" s="1150"/>
      <c r="F3476" s="1150"/>
      <c r="G3476" s="150"/>
      <c r="H3476" s="150"/>
    </row>
    <row r="3477" spans="1:8">
      <c r="A3477" s="150"/>
      <c r="B3477" s="162" t="s">
        <v>32790</v>
      </c>
      <c r="C3477" s="1149" t="s">
        <v>11840</v>
      </c>
      <c r="D3477" s="1149" t="s">
        <v>11841</v>
      </c>
      <c r="E3477" s="1149" t="s">
        <v>11842</v>
      </c>
      <c r="F3477" s="1149" t="s">
        <v>643</v>
      </c>
      <c r="G3477" s="150"/>
      <c r="H3477" s="150"/>
    </row>
    <row r="3478" spans="1:8">
      <c r="A3478" s="150"/>
      <c r="B3478" s="163" t="s">
        <v>12838</v>
      </c>
      <c r="C3478" s="1158"/>
      <c r="D3478" s="1158"/>
      <c r="E3478" s="1158"/>
      <c r="F3478" s="1158"/>
      <c r="G3478" s="150"/>
      <c r="H3478" s="150"/>
    </row>
    <row r="3479" spans="1:8" ht="89.25">
      <c r="A3479" s="150"/>
      <c r="B3479" s="164" t="s">
        <v>32791</v>
      </c>
      <c r="C3479" s="1150"/>
      <c r="D3479" s="1150"/>
      <c r="E3479" s="1150"/>
      <c r="F3479" s="1150"/>
      <c r="G3479" s="150"/>
      <c r="H3479" s="150"/>
    </row>
    <row r="3480" spans="1:8">
      <c r="A3480" s="150"/>
      <c r="B3480" s="162" t="s">
        <v>32792</v>
      </c>
      <c r="C3480" s="1149" t="s">
        <v>11843</v>
      </c>
      <c r="D3480" s="1149" t="s">
        <v>11844</v>
      </c>
      <c r="E3480" s="1149" t="s">
        <v>11845</v>
      </c>
      <c r="F3480" s="1149" t="s">
        <v>643</v>
      </c>
      <c r="G3480" s="150"/>
      <c r="H3480" s="150"/>
    </row>
    <row r="3481" spans="1:8">
      <c r="A3481" s="150"/>
      <c r="B3481" s="163" t="s">
        <v>12838</v>
      </c>
      <c r="C3481" s="1158"/>
      <c r="D3481" s="1158"/>
      <c r="E3481" s="1158"/>
      <c r="F3481" s="1158"/>
      <c r="G3481" s="150"/>
      <c r="H3481" s="150"/>
    </row>
    <row r="3482" spans="1:8" ht="89.25">
      <c r="A3482" s="150"/>
      <c r="B3482" s="164" t="s">
        <v>32793</v>
      </c>
      <c r="C3482" s="1150"/>
      <c r="D3482" s="1150"/>
      <c r="E3482" s="1150"/>
      <c r="F3482" s="1150"/>
      <c r="G3482" s="150"/>
      <c r="H3482" s="150"/>
    </row>
    <row r="3483" spans="1:8" ht="25.5">
      <c r="A3483" s="150"/>
      <c r="B3483" s="162" t="s">
        <v>32794</v>
      </c>
      <c r="C3483" s="1149" t="s">
        <v>11846</v>
      </c>
      <c r="D3483" s="1149" t="s">
        <v>11847</v>
      </c>
      <c r="E3483" s="1149" t="s">
        <v>11848</v>
      </c>
      <c r="F3483" s="1149" t="s">
        <v>643</v>
      </c>
      <c r="G3483" s="150"/>
      <c r="H3483" s="150"/>
    </row>
    <row r="3484" spans="1:8">
      <c r="A3484" s="150"/>
      <c r="B3484" s="163" t="s">
        <v>12838</v>
      </c>
      <c r="C3484" s="1158"/>
      <c r="D3484" s="1158"/>
      <c r="E3484" s="1158"/>
      <c r="F3484" s="1158"/>
      <c r="G3484" s="150"/>
      <c r="H3484" s="150"/>
    </row>
    <row r="3485" spans="1:8" ht="89.25">
      <c r="A3485" s="150"/>
      <c r="B3485" s="164" t="s">
        <v>32795</v>
      </c>
      <c r="C3485" s="1150"/>
      <c r="D3485" s="1150"/>
      <c r="E3485" s="1150"/>
      <c r="F3485" s="1150"/>
      <c r="G3485" s="150"/>
      <c r="H3485" s="150"/>
    </row>
    <row r="3486" spans="1:8" ht="25.5">
      <c r="A3486" s="150"/>
      <c r="B3486" s="162" t="s">
        <v>32796</v>
      </c>
      <c r="C3486" s="1149" t="s">
        <v>11849</v>
      </c>
      <c r="D3486" s="1149" t="s">
        <v>11850</v>
      </c>
      <c r="E3486" s="1149" t="s">
        <v>11851</v>
      </c>
      <c r="F3486" s="1149" t="s">
        <v>643</v>
      </c>
      <c r="G3486" s="150"/>
      <c r="H3486" s="150"/>
    </row>
    <row r="3487" spans="1:8">
      <c r="A3487" s="150"/>
      <c r="B3487" s="163" t="s">
        <v>12838</v>
      </c>
      <c r="C3487" s="1158"/>
      <c r="D3487" s="1158"/>
      <c r="E3487" s="1158"/>
      <c r="F3487" s="1158"/>
      <c r="G3487" s="150"/>
      <c r="H3487" s="150"/>
    </row>
    <row r="3488" spans="1:8" ht="89.25">
      <c r="A3488" s="150"/>
      <c r="B3488" s="164" t="s">
        <v>32797</v>
      </c>
      <c r="C3488" s="1150"/>
      <c r="D3488" s="1150"/>
      <c r="E3488" s="1150"/>
      <c r="F3488" s="1150"/>
      <c r="G3488" s="150"/>
      <c r="H3488" s="150"/>
    </row>
    <row r="3489" spans="1:8">
      <c r="A3489" s="150"/>
      <c r="B3489" s="162" t="s">
        <v>12847</v>
      </c>
      <c r="C3489" s="1149" t="s">
        <v>11857</v>
      </c>
      <c r="D3489" s="1149" t="s">
        <v>11858</v>
      </c>
      <c r="E3489" s="1149" t="s">
        <v>11859</v>
      </c>
      <c r="F3489" s="1149" t="s">
        <v>643</v>
      </c>
      <c r="G3489" s="150"/>
      <c r="H3489" s="150"/>
    </row>
    <row r="3490" spans="1:8">
      <c r="A3490" s="150"/>
      <c r="B3490" s="163" t="s">
        <v>12848</v>
      </c>
      <c r="C3490" s="1158"/>
      <c r="D3490" s="1158"/>
      <c r="E3490" s="1158"/>
      <c r="F3490" s="1158"/>
      <c r="G3490" s="150"/>
      <c r="H3490" s="150"/>
    </row>
    <row r="3491" spans="1:8" ht="76.5">
      <c r="A3491" s="150"/>
      <c r="B3491" s="164" t="s">
        <v>32798</v>
      </c>
      <c r="C3491" s="1150"/>
      <c r="D3491" s="1150"/>
      <c r="E3491" s="1150"/>
      <c r="F3491" s="1150"/>
      <c r="G3491" s="150"/>
      <c r="H3491" s="150"/>
    </row>
    <row r="3492" spans="1:8">
      <c r="A3492" s="150"/>
      <c r="B3492" s="162" t="s">
        <v>12849</v>
      </c>
      <c r="C3492" s="1149" t="s">
        <v>11861</v>
      </c>
      <c r="D3492" s="1149" t="s">
        <v>11862</v>
      </c>
      <c r="E3492" s="1149" t="s">
        <v>11863</v>
      </c>
      <c r="F3492" s="1149" t="s">
        <v>643</v>
      </c>
      <c r="G3492" s="150"/>
      <c r="H3492" s="150"/>
    </row>
    <row r="3493" spans="1:8">
      <c r="A3493" s="150"/>
      <c r="B3493" s="163" t="s">
        <v>12848</v>
      </c>
      <c r="C3493" s="1158"/>
      <c r="D3493" s="1158"/>
      <c r="E3493" s="1158"/>
      <c r="F3493" s="1158"/>
      <c r="G3493" s="150"/>
      <c r="H3493" s="150"/>
    </row>
    <row r="3494" spans="1:8" ht="76.5">
      <c r="A3494" s="150"/>
      <c r="B3494" s="164" t="s">
        <v>32799</v>
      </c>
      <c r="C3494" s="1150"/>
      <c r="D3494" s="1150"/>
      <c r="E3494" s="1150"/>
      <c r="F3494" s="1150"/>
      <c r="G3494" s="150"/>
      <c r="H3494" s="150"/>
    </row>
    <row r="3495" spans="1:8">
      <c r="A3495" s="150"/>
      <c r="B3495" s="162" t="s">
        <v>12850</v>
      </c>
      <c r="C3495" s="1149" t="s">
        <v>11865</v>
      </c>
      <c r="D3495" s="1149" t="s">
        <v>11866</v>
      </c>
      <c r="E3495" s="1149" t="s">
        <v>11867</v>
      </c>
      <c r="F3495" s="1149" t="s">
        <v>643</v>
      </c>
      <c r="G3495" s="150"/>
      <c r="H3495" s="150"/>
    </row>
    <row r="3496" spans="1:8">
      <c r="A3496" s="150"/>
      <c r="B3496" s="163" t="s">
        <v>12848</v>
      </c>
      <c r="C3496" s="1158"/>
      <c r="D3496" s="1158"/>
      <c r="E3496" s="1158"/>
      <c r="F3496" s="1158"/>
      <c r="G3496" s="150"/>
      <c r="H3496" s="150"/>
    </row>
    <row r="3497" spans="1:8" ht="89.25">
      <c r="A3497" s="150"/>
      <c r="B3497" s="164" t="s">
        <v>32800</v>
      </c>
      <c r="C3497" s="1150"/>
      <c r="D3497" s="1150"/>
      <c r="E3497" s="1150"/>
      <c r="F3497" s="1150"/>
      <c r="G3497" s="150"/>
      <c r="H3497" s="150"/>
    </row>
    <row r="3498" spans="1:8">
      <c r="A3498" s="150"/>
      <c r="B3498" s="162" t="s">
        <v>12851</v>
      </c>
      <c r="C3498" s="1149" t="s">
        <v>11869</v>
      </c>
      <c r="D3498" s="1149" t="s">
        <v>11870</v>
      </c>
      <c r="E3498" s="1149" t="s">
        <v>11871</v>
      </c>
      <c r="F3498" s="1149" t="s">
        <v>643</v>
      </c>
      <c r="G3498" s="150"/>
      <c r="H3498" s="150"/>
    </row>
    <row r="3499" spans="1:8">
      <c r="A3499" s="150"/>
      <c r="B3499" s="163" t="s">
        <v>12848</v>
      </c>
      <c r="C3499" s="1158"/>
      <c r="D3499" s="1158"/>
      <c r="E3499" s="1158"/>
      <c r="F3499" s="1158"/>
      <c r="G3499" s="150"/>
      <c r="H3499" s="150"/>
    </row>
    <row r="3500" spans="1:8" ht="89.25">
      <c r="A3500" s="150"/>
      <c r="B3500" s="164" t="s">
        <v>32801</v>
      </c>
      <c r="C3500" s="1150"/>
      <c r="D3500" s="1150"/>
      <c r="E3500" s="1150"/>
      <c r="F3500" s="1150"/>
      <c r="G3500" s="150"/>
      <c r="H3500" s="150"/>
    </row>
    <row r="3501" spans="1:8" ht="25.5">
      <c r="A3501" s="150"/>
      <c r="B3501" s="162" t="s">
        <v>12852</v>
      </c>
      <c r="C3501" s="1149" t="s">
        <v>11873</v>
      </c>
      <c r="D3501" s="1149" t="s">
        <v>11874</v>
      </c>
      <c r="E3501" s="1149" t="s">
        <v>11875</v>
      </c>
      <c r="F3501" s="1149" t="s">
        <v>643</v>
      </c>
      <c r="G3501" s="150"/>
      <c r="H3501" s="150"/>
    </row>
    <row r="3502" spans="1:8">
      <c r="A3502" s="150"/>
      <c r="B3502" s="163" t="s">
        <v>12848</v>
      </c>
      <c r="C3502" s="1158"/>
      <c r="D3502" s="1158"/>
      <c r="E3502" s="1158"/>
      <c r="F3502" s="1158"/>
      <c r="G3502" s="150"/>
      <c r="H3502" s="150"/>
    </row>
    <row r="3503" spans="1:8" ht="63.75">
      <c r="A3503" s="150"/>
      <c r="B3503" s="164" t="s">
        <v>32802</v>
      </c>
      <c r="C3503" s="1150"/>
      <c r="D3503" s="1150"/>
      <c r="E3503" s="1150"/>
      <c r="F3503" s="1150"/>
      <c r="G3503" s="150"/>
      <c r="H3503" s="150"/>
    </row>
    <row r="3504" spans="1:8" ht="25.5">
      <c r="A3504" s="150"/>
      <c r="B3504" s="162" t="s">
        <v>32803</v>
      </c>
      <c r="C3504" s="1149" t="s">
        <v>11876</v>
      </c>
      <c r="D3504" s="1149" t="s">
        <v>11877</v>
      </c>
      <c r="E3504" s="1149" t="s">
        <v>11878</v>
      </c>
      <c r="F3504" s="1149" t="s">
        <v>643</v>
      </c>
      <c r="G3504" s="150"/>
      <c r="H3504" s="150"/>
    </row>
    <row r="3505" spans="1:8">
      <c r="A3505" s="150"/>
      <c r="B3505" s="163" t="s">
        <v>12848</v>
      </c>
      <c r="C3505" s="1158"/>
      <c r="D3505" s="1158"/>
      <c r="E3505" s="1158"/>
      <c r="F3505" s="1158"/>
      <c r="G3505" s="150"/>
      <c r="H3505" s="150"/>
    </row>
    <row r="3506" spans="1:8" ht="76.5">
      <c r="A3506" s="150"/>
      <c r="B3506" s="164" t="s">
        <v>32804</v>
      </c>
      <c r="C3506" s="1150"/>
      <c r="D3506" s="1150"/>
      <c r="E3506" s="1150"/>
      <c r="F3506" s="1150"/>
      <c r="G3506" s="150"/>
      <c r="H3506" s="150"/>
    </row>
    <row r="3507" spans="1:8" ht="25.5">
      <c r="A3507" s="150"/>
      <c r="B3507" s="162" t="s">
        <v>12853</v>
      </c>
      <c r="C3507" s="1149" t="s">
        <v>11880</v>
      </c>
      <c r="D3507" s="1149" t="s">
        <v>11881</v>
      </c>
      <c r="E3507" s="1149" t="s">
        <v>11882</v>
      </c>
      <c r="F3507" s="1149" t="s">
        <v>643</v>
      </c>
      <c r="G3507" s="150"/>
      <c r="H3507" s="150"/>
    </row>
    <row r="3508" spans="1:8">
      <c r="A3508" s="150"/>
      <c r="B3508" s="163" t="s">
        <v>12848</v>
      </c>
      <c r="C3508" s="1158"/>
      <c r="D3508" s="1158"/>
      <c r="E3508" s="1158"/>
      <c r="F3508" s="1158"/>
      <c r="G3508" s="150"/>
      <c r="H3508" s="150"/>
    </row>
    <row r="3509" spans="1:8" ht="63.75">
      <c r="A3509" s="150"/>
      <c r="B3509" s="164" t="s">
        <v>32805</v>
      </c>
      <c r="C3509" s="1150"/>
      <c r="D3509" s="1150"/>
      <c r="E3509" s="1150"/>
      <c r="F3509" s="1150"/>
      <c r="G3509" s="150"/>
      <c r="H3509" s="150"/>
    </row>
    <row r="3510" spans="1:8" ht="25.5">
      <c r="A3510" s="150"/>
      <c r="B3510" s="162" t="s">
        <v>32806</v>
      </c>
      <c r="C3510" s="1149" t="s">
        <v>11883</v>
      </c>
      <c r="D3510" s="1149" t="s">
        <v>11884</v>
      </c>
      <c r="E3510" s="1149" t="s">
        <v>11885</v>
      </c>
      <c r="F3510" s="1149" t="s">
        <v>643</v>
      </c>
      <c r="G3510" s="150"/>
      <c r="H3510" s="150"/>
    </row>
    <row r="3511" spans="1:8">
      <c r="A3511" s="150"/>
      <c r="B3511" s="163" t="s">
        <v>12848</v>
      </c>
      <c r="C3511" s="1158"/>
      <c r="D3511" s="1158"/>
      <c r="E3511" s="1158"/>
      <c r="F3511" s="1158"/>
      <c r="G3511" s="150"/>
      <c r="H3511" s="150"/>
    </row>
    <row r="3512" spans="1:8" ht="76.5">
      <c r="A3512" s="150"/>
      <c r="B3512" s="164" t="s">
        <v>32807</v>
      </c>
      <c r="C3512" s="1150"/>
      <c r="D3512" s="1150"/>
      <c r="E3512" s="1150"/>
      <c r="F3512" s="1150"/>
      <c r="G3512" s="150"/>
      <c r="H3512" s="150"/>
    </row>
    <row r="3513" spans="1:8" ht="25.5">
      <c r="A3513" s="150"/>
      <c r="B3513" s="162" t="s">
        <v>12854</v>
      </c>
      <c r="C3513" s="1149" t="s">
        <v>11887</v>
      </c>
      <c r="D3513" s="1149" t="s">
        <v>11888</v>
      </c>
      <c r="E3513" s="1149" t="s">
        <v>11889</v>
      </c>
      <c r="F3513" s="1149" t="s">
        <v>643</v>
      </c>
      <c r="G3513" s="150"/>
      <c r="H3513" s="150"/>
    </row>
    <row r="3514" spans="1:8">
      <c r="A3514" s="150"/>
      <c r="B3514" s="163" t="s">
        <v>12848</v>
      </c>
      <c r="C3514" s="1158"/>
      <c r="D3514" s="1158"/>
      <c r="E3514" s="1158"/>
      <c r="F3514" s="1158"/>
      <c r="G3514" s="150"/>
      <c r="H3514" s="150"/>
    </row>
    <row r="3515" spans="1:8" ht="89.25">
      <c r="A3515" s="150"/>
      <c r="B3515" s="164" t="s">
        <v>13612</v>
      </c>
      <c r="C3515" s="1150"/>
      <c r="D3515" s="1150"/>
      <c r="E3515" s="1150"/>
      <c r="F3515" s="1150"/>
      <c r="G3515" s="150"/>
      <c r="H3515" s="150"/>
    </row>
    <row r="3516" spans="1:8" ht="25.5">
      <c r="A3516" s="150"/>
      <c r="B3516" s="162" t="s">
        <v>12855</v>
      </c>
      <c r="C3516" s="1149" t="s">
        <v>11892</v>
      </c>
      <c r="D3516" s="1149" t="s">
        <v>11893</v>
      </c>
      <c r="E3516" s="1149" t="s">
        <v>11894</v>
      </c>
      <c r="F3516" s="1149" t="s">
        <v>643</v>
      </c>
      <c r="G3516" s="150"/>
      <c r="H3516" s="150"/>
    </row>
    <row r="3517" spans="1:8">
      <c r="A3517" s="150"/>
      <c r="B3517" s="163" t="s">
        <v>12848</v>
      </c>
      <c r="C3517" s="1158"/>
      <c r="D3517" s="1158"/>
      <c r="E3517" s="1158"/>
      <c r="F3517" s="1158"/>
      <c r="G3517" s="150"/>
      <c r="H3517" s="150"/>
    </row>
    <row r="3518" spans="1:8" ht="51">
      <c r="A3518" s="150"/>
      <c r="B3518" s="164" t="s">
        <v>12856</v>
      </c>
      <c r="C3518" s="1150"/>
      <c r="D3518" s="1150"/>
      <c r="E3518" s="1150"/>
      <c r="F3518" s="1150"/>
      <c r="G3518" s="150"/>
      <c r="H3518" s="150"/>
    </row>
    <row r="3519" spans="1:8">
      <c r="A3519" s="150"/>
      <c r="B3519" s="162" t="s">
        <v>12857</v>
      </c>
      <c r="C3519" s="1149" t="s">
        <v>11896</v>
      </c>
      <c r="D3519" s="1149" t="s">
        <v>11897</v>
      </c>
      <c r="E3519" s="1149" t="s">
        <v>11898</v>
      </c>
      <c r="F3519" s="1149" t="s">
        <v>643</v>
      </c>
      <c r="G3519" s="150"/>
      <c r="H3519" s="150"/>
    </row>
    <row r="3520" spans="1:8">
      <c r="A3520" s="150"/>
      <c r="B3520" s="163" t="s">
        <v>12848</v>
      </c>
      <c r="C3520" s="1158"/>
      <c r="D3520" s="1158"/>
      <c r="E3520" s="1158"/>
      <c r="F3520" s="1158"/>
      <c r="G3520" s="150"/>
      <c r="H3520" s="150"/>
    </row>
    <row r="3521" spans="1:8" ht="89.25">
      <c r="A3521" s="150"/>
      <c r="B3521" s="164" t="s">
        <v>13613</v>
      </c>
      <c r="C3521" s="1150"/>
      <c r="D3521" s="1150"/>
      <c r="E3521" s="1150"/>
      <c r="F3521" s="1150"/>
      <c r="G3521" s="150"/>
      <c r="H3521" s="150"/>
    </row>
    <row r="3522" spans="1:8">
      <c r="A3522" s="150"/>
      <c r="B3522" s="162" t="s">
        <v>12858</v>
      </c>
      <c r="C3522" s="1149" t="s">
        <v>11900</v>
      </c>
      <c r="D3522" s="1149" t="s">
        <v>11901</v>
      </c>
      <c r="E3522" s="1149" t="s">
        <v>11902</v>
      </c>
      <c r="F3522" s="1149" t="s">
        <v>643</v>
      </c>
      <c r="G3522" s="150"/>
      <c r="H3522" s="150"/>
    </row>
    <row r="3523" spans="1:8">
      <c r="A3523" s="150"/>
      <c r="B3523" s="163" t="s">
        <v>12859</v>
      </c>
      <c r="C3523" s="1158"/>
      <c r="D3523" s="1158"/>
      <c r="E3523" s="1158"/>
      <c r="F3523" s="1158"/>
      <c r="G3523" s="150"/>
      <c r="H3523" s="150"/>
    </row>
    <row r="3524" spans="1:8" ht="76.5">
      <c r="A3524" s="150"/>
      <c r="B3524" s="164" t="s">
        <v>32808</v>
      </c>
      <c r="C3524" s="1150"/>
      <c r="D3524" s="1150"/>
      <c r="E3524" s="1150"/>
      <c r="F3524" s="1150"/>
      <c r="G3524" s="150"/>
      <c r="H3524" s="150"/>
    </row>
    <row r="3525" spans="1:8">
      <c r="A3525" s="150"/>
      <c r="B3525" s="162" t="s">
        <v>12860</v>
      </c>
      <c r="C3525" s="1149" t="s">
        <v>11904</v>
      </c>
      <c r="D3525" s="1149" t="s">
        <v>11905</v>
      </c>
      <c r="E3525" s="1149" t="s">
        <v>11906</v>
      </c>
      <c r="F3525" s="1149" t="s">
        <v>643</v>
      </c>
      <c r="G3525" s="150"/>
      <c r="H3525" s="150"/>
    </row>
    <row r="3526" spans="1:8">
      <c r="A3526" s="150"/>
      <c r="B3526" s="163" t="s">
        <v>12859</v>
      </c>
      <c r="C3526" s="1158"/>
      <c r="D3526" s="1158"/>
      <c r="E3526" s="1158"/>
      <c r="F3526" s="1158"/>
      <c r="G3526" s="150"/>
      <c r="H3526" s="150"/>
    </row>
    <row r="3527" spans="1:8" ht="76.5">
      <c r="A3527" s="150"/>
      <c r="B3527" s="164" t="s">
        <v>32809</v>
      </c>
      <c r="C3527" s="1150"/>
      <c r="D3527" s="1150"/>
      <c r="E3527" s="1150"/>
      <c r="F3527" s="1150"/>
      <c r="G3527" s="150"/>
      <c r="H3527" s="150"/>
    </row>
    <row r="3528" spans="1:8">
      <c r="A3528" s="150"/>
      <c r="B3528" s="162" t="s">
        <v>12861</v>
      </c>
      <c r="C3528" s="1149" t="s">
        <v>11908</v>
      </c>
      <c r="D3528" s="1149" t="s">
        <v>11909</v>
      </c>
      <c r="E3528" s="1149" t="s">
        <v>11910</v>
      </c>
      <c r="F3528" s="1149" t="s">
        <v>643</v>
      </c>
      <c r="G3528" s="150"/>
      <c r="H3528" s="150"/>
    </row>
    <row r="3529" spans="1:8">
      <c r="A3529" s="150"/>
      <c r="B3529" s="163" t="s">
        <v>12859</v>
      </c>
      <c r="C3529" s="1158"/>
      <c r="D3529" s="1158"/>
      <c r="E3529" s="1158"/>
      <c r="F3529" s="1158"/>
      <c r="G3529" s="150"/>
      <c r="H3529" s="150"/>
    </row>
    <row r="3530" spans="1:8" ht="63.75">
      <c r="A3530" s="150"/>
      <c r="B3530" s="164" t="s">
        <v>32810</v>
      </c>
      <c r="C3530" s="1150"/>
      <c r="D3530" s="1150"/>
      <c r="E3530" s="1150"/>
      <c r="F3530" s="1150"/>
      <c r="G3530" s="150"/>
      <c r="H3530" s="150"/>
    </row>
    <row r="3531" spans="1:8">
      <c r="A3531" s="150"/>
      <c r="B3531" s="162" t="s">
        <v>12862</v>
      </c>
      <c r="C3531" s="1149" t="s">
        <v>11912</v>
      </c>
      <c r="D3531" s="1149" t="s">
        <v>11913</v>
      </c>
      <c r="E3531" s="1149" t="s">
        <v>11914</v>
      </c>
      <c r="F3531" s="1149" t="s">
        <v>643</v>
      </c>
      <c r="G3531" s="150"/>
      <c r="H3531" s="150"/>
    </row>
    <row r="3532" spans="1:8">
      <c r="A3532" s="150"/>
      <c r="B3532" s="163" t="s">
        <v>12859</v>
      </c>
      <c r="C3532" s="1158"/>
      <c r="D3532" s="1158"/>
      <c r="E3532" s="1158"/>
      <c r="F3532" s="1158"/>
      <c r="G3532" s="150"/>
      <c r="H3532" s="150"/>
    </row>
    <row r="3533" spans="1:8" ht="63.75">
      <c r="A3533" s="150"/>
      <c r="B3533" s="164" t="s">
        <v>32811</v>
      </c>
      <c r="C3533" s="1150"/>
      <c r="D3533" s="1150"/>
      <c r="E3533" s="1150"/>
      <c r="F3533" s="1150"/>
      <c r="G3533" s="150"/>
      <c r="H3533" s="150"/>
    </row>
    <row r="3534" spans="1:8" ht="25.5">
      <c r="A3534" s="150"/>
      <c r="B3534" s="162" t="s">
        <v>12863</v>
      </c>
      <c r="C3534" s="1149" t="s">
        <v>11916</v>
      </c>
      <c r="D3534" s="1149" t="s">
        <v>11917</v>
      </c>
      <c r="E3534" s="1149" t="s">
        <v>11918</v>
      </c>
      <c r="F3534" s="1149" t="s">
        <v>643</v>
      </c>
      <c r="G3534" s="150"/>
      <c r="H3534" s="150"/>
    </row>
    <row r="3535" spans="1:8">
      <c r="A3535" s="150"/>
      <c r="B3535" s="163" t="s">
        <v>12859</v>
      </c>
      <c r="C3535" s="1158"/>
      <c r="D3535" s="1158"/>
      <c r="E3535" s="1158"/>
      <c r="F3535" s="1158"/>
      <c r="G3535" s="150"/>
      <c r="H3535" s="150"/>
    </row>
    <row r="3536" spans="1:8" ht="76.5">
      <c r="A3536" s="150"/>
      <c r="B3536" s="164" t="s">
        <v>32812</v>
      </c>
      <c r="C3536" s="1150"/>
      <c r="D3536" s="1150"/>
      <c r="E3536" s="1150"/>
      <c r="F3536" s="1150"/>
      <c r="G3536" s="150"/>
      <c r="H3536" s="150"/>
    </row>
    <row r="3537" spans="1:8" ht="25.5">
      <c r="A3537" s="150"/>
      <c r="B3537" s="162" t="s">
        <v>12864</v>
      </c>
      <c r="C3537" s="1149" t="s">
        <v>11920</v>
      </c>
      <c r="D3537" s="1149" t="s">
        <v>11921</v>
      </c>
      <c r="E3537" s="1149" t="s">
        <v>11922</v>
      </c>
      <c r="F3537" s="1149" t="s">
        <v>643</v>
      </c>
      <c r="G3537" s="150"/>
      <c r="H3537" s="150"/>
    </row>
    <row r="3538" spans="1:8">
      <c r="A3538" s="150"/>
      <c r="B3538" s="163" t="s">
        <v>12859</v>
      </c>
      <c r="C3538" s="1158"/>
      <c r="D3538" s="1158"/>
      <c r="E3538" s="1158"/>
      <c r="F3538" s="1158"/>
      <c r="G3538" s="150"/>
      <c r="H3538" s="150"/>
    </row>
    <row r="3539" spans="1:8" ht="76.5">
      <c r="A3539" s="150"/>
      <c r="B3539" s="164" t="s">
        <v>32813</v>
      </c>
      <c r="C3539" s="1150"/>
      <c r="D3539" s="1150"/>
      <c r="E3539" s="1150"/>
      <c r="F3539" s="1150"/>
      <c r="G3539" s="150"/>
      <c r="H3539" s="150"/>
    </row>
    <row r="3540" spans="1:8" ht="25.5">
      <c r="A3540" s="150"/>
      <c r="B3540" s="162" t="s">
        <v>12865</v>
      </c>
      <c r="C3540" s="1149" t="s">
        <v>11924</v>
      </c>
      <c r="D3540" s="1149" t="s">
        <v>11925</v>
      </c>
      <c r="E3540" s="1149" t="s">
        <v>11926</v>
      </c>
      <c r="F3540" s="1149" t="s">
        <v>643</v>
      </c>
      <c r="G3540" s="150"/>
      <c r="H3540" s="150"/>
    </row>
    <row r="3541" spans="1:8">
      <c r="A3541" s="150"/>
      <c r="B3541" s="163" t="s">
        <v>12859</v>
      </c>
      <c r="C3541" s="1158"/>
      <c r="D3541" s="1158"/>
      <c r="E3541" s="1158"/>
      <c r="F3541" s="1158"/>
      <c r="G3541" s="150"/>
      <c r="H3541" s="150"/>
    </row>
    <row r="3542" spans="1:8" ht="76.5">
      <c r="A3542" s="150"/>
      <c r="B3542" s="164" t="s">
        <v>32814</v>
      </c>
      <c r="C3542" s="1150"/>
      <c r="D3542" s="1150"/>
      <c r="E3542" s="1150"/>
      <c r="F3542" s="1150"/>
      <c r="G3542" s="150"/>
      <c r="H3542" s="150"/>
    </row>
    <row r="3543" spans="1:8">
      <c r="A3543" s="150"/>
      <c r="B3543" s="162" t="s">
        <v>12866</v>
      </c>
      <c r="C3543" s="1149" t="s">
        <v>11928</v>
      </c>
      <c r="D3543" s="1149" t="s">
        <v>11929</v>
      </c>
      <c r="E3543" s="1149" t="s">
        <v>11930</v>
      </c>
      <c r="F3543" s="1149" t="s">
        <v>643</v>
      </c>
      <c r="G3543" s="150"/>
      <c r="H3543" s="150"/>
    </row>
    <row r="3544" spans="1:8">
      <c r="A3544" s="150"/>
      <c r="B3544" s="163" t="s">
        <v>12859</v>
      </c>
      <c r="C3544" s="1158"/>
      <c r="D3544" s="1158"/>
      <c r="E3544" s="1158"/>
      <c r="F3544" s="1158"/>
      <c r="G3544" s="150"/>
      <c r="H3544" s="150"/>
    </row>
    <row r="3545" spans="1:8" ht="89.25">
      <c r="A3545" s="150"/>
      <c r="B3545" s="164" t="s">
        <v>32815</v>
      </c>
      <c r="C3545" s="1150"/>
      <c r="D3545" s="1150"/>
      <c r="E3545" s="1150"/>
      <c r="F3545" s="1150"/>
      <c r="G3545" s="150"/>
      <c r="H3545" s="150"/>
    </row>
    <row r="3546" spans="1:8" ht="25.5">
      <c r="A3546" s="150"/>
      <c r="B3546" s="162" t="s">
        <v>12867</v>
      </c>
      <c r="C3546" s="1149" t="s">
        <v>11932</v>
      </c>
      <c r="D3546" s="1149" t="s">
        <v>11933</v>
      </c>
      <c r="E3546" s="1149" t="s">
        <v>11934</v>
      </c>
      <c r="F3546" s="1149" t="s">
        <v>643</v>
      </c>
      <c r="G3546" s="150"/>
      <c r="H3546" s="150"/>
    </row>
    <row r="3547" spans="1:8">
      <c r="A3547" s="150"/>
      <c r="B3547" s="163" t="s">
        <v>12859</v>
      </c>
      <c r="C3547" s="1158"/>
      <c r="D3547" s="1158"/>
      <c r="E3547" s="1158"/>
      <c r="F3547" s="1158"/>
      <c r="G3547" s="150"/>
      <c r="H3547" s="150"/>
    </row>
    <row r="3548" spans="1:8" ht="76.5">
      <c r="A3548" s="150"/>
      <c r="B3548" s="164" t="s">
        <v>32816</v>
      </c>
      <c r="C3548" s="1150"/>
      <c r="D3548" s="1150"/>
      <c r="E3548" s="1150"/>
      <c r="F3548" s="1150"/>
      <c r="G3548" s="150"/>
      <c r="H3548" s="150"/>
    </row>
    <row r="3549" spans="1:8" ht="25.5">
      <c r="A3549" s="150"/>
      <c r="B3549" s="162" t="s">
        <v>12868</v>
      </c>
      <c r="C3549" s="1149" t="s">
        <v>11936</v>
      </c>
      <c r="D3549" s="1149" t="s">
        <v>11937</v>
      </c>
      <c r="E3549" s="1149" t="s">
        <v>11938</v>
      </c>
      <c r="F3549" s="1149" t="s">
        <v>643</v>
      </c>
      <c r="G3549" s="150"/>
      <c r="H3549" s="150"/>
    </row>
    <row r="3550" spans="1:8">
      <c r="A3550" s="150"/>
      <c r="B3550" s="163" t="s">
        <v>12859</v>
      </c>
      <c r="C3550" s="1158"/>
      <c r="D3550" s="1158"/>
      <c r="E3550" s="1158"/>
      <c r="F3550" s="1158"/>
      <c r="G3550" s="150"/>
      <c r="H3550" s="150"/>
    </row>
    <row r="3551" spans="1:8" ht="63.75">
      <c r="A3551" s="150"/>
      <c r="B3551" s="164" t="s">
        <v>13614</v>
      </c>
      <c r="C3551" s="1150"/>
      <c r="D3551" s="1150"/>
      <c r="E3551" s="1150"/>
      <c r="F3551" s="1150"/>
      <c r="G3551" s="150"/>
      <c r="H3551" s="150"/>
    </row>
    <row r="3552" spans="1:8" ht="25.5">
      <c r="A3552" s="150"/>
      <c r="B3552" s="162" t="s">
        <v>12869</v>
      </c>
      <c r="C3552" s="1149" t="s">
        <v>11940</v>
      </c>
      <c r="D3552" s="1149" t="s">
        <v>11941</v>
      </c>
      <c r="E3552" s="1149" t="s">
        <v>11942</v>
      </c>
      <c r="F3552" s="1149" t="s">
        <v>643</v>
      </c>
      <c r="G3552" s="150"/>
      <c r="H3552" s="150"/>
    </row>
    <row r="3553" spans="1:8">
      <c r="A3553" s="150"/>
      <c r="B3553" s="164" t="s">
        <v>12870</v>
      </c>
      <c r="C3553" s="1150"/>
      <c r="D3553" s="1150"/>
      <c r="E3553" s="1150"/>
      <c r="F3553" s="1150"/>
      <c r="G3553" s="150"/>
      <c r="H3553" s="150"/>
    </row>
    <row r="3554" spans="1:8">
      <c r="A3554" s="150"/>
      <c r="B3554" s="162" t="s">
        <v>12871</v>
      </c>
      <c r="C3554" s="1149" t="s">
        <v>11944</v>
      </c>
      <c r="D3554" s="1149" t="s">
        <v>11945</v>
      </c>
      <c r="E3554" s="1149" t="s">
        <v>11946</v>
      </c>
      <c r="F3554" s="1149" t="s">
        <v>643</v>
      </c>
      <c r="G3554" s="150"/>
      <c r="H3554" s="150"/>
    </row>
    <row r="3555" spans="1:8">
      <c r="A3555" s="150"/>
      <c r="B3555" s="163" t="s">
        <v>12859</v>
      </c>
      <c r="C3555" s="1158"/>
      <c r="D3555" s="1158"/>
      <c r="E3555" s="1158"/>
      <c r="F3555" s="1158"/>
      <c r="G3555" s="150"/>
      <c r="H3555" s="150"/>
    </row>
    <row r="3556" spans="1:8" ht="76.5">
      <c r="A3556" s="150"/>
      <c r="B3556" s="164" t="s">
        <v>32817</v>
      </c>
      <c r="C3556" s="1150"/>
      <c r="D3556" s="1150"/>
      <c r="E3556" s="1150"/>
      <c r="F3556" s="1150"/>
      <c r="G3556" s="150"/>
      <c r="H3556" s="150"/>
    </row>
    <row r="3557" spans="1:8">
      <c r="A3557" s="150"/>
      <c r="B3557" s="162" t="s">
        <v>12872</v>
      </c>
      <c r="C3557" s="1149" t="s">
        <v>11948</v>
      </c>
      <c r="D3557" s="1149" t="s">
        <v>11949</v>
      </c>
      <c r="E3557" s="1149" t="s">
        <v>11950</v>
      </c>
      <c r="F3557" s="1149" t="s">
        <v>643</v>
      </c>
      <c r="G3557" s="150"/>
      <c r="H3557" s="150"/>
    </row>
    <row r="3558" spans="1:8">
      <c r="A3558" s="150"/>
      <c r="B3558" s="163" t="s">
        <v>12859</v>
      </c>
      <c r="C3558" s="1158"/>
      <c r="D3558" s="1158"/>
      <c r="E3558" s="1158"/>
      <c r="F3558" s="1158"/>
      <c r="G3558" s="150"/>
      <c r="H3558" s="150"/>
    </row>
    <row r="3559" spans="1:8" ht="89.25">
      <c r="A3559" s="150"/>
      <c r="B3559" s="164" t="s">
        <v>32818</v>
      </c>
      <c r="C3559" s="1150"/>
      <c r="D3559" s="1150"/>
      <c r="E3559" s="1150"/>
      <c r="F3559" s="1150"/>
      <c r="G3559" s="150"/>
      <c r="H3559" s="150"/>
    </row>
    <row r="3560" spans="1:8">
      <c r="A3560" s="150"/>
      <c r="B3560" s="162" t="s">
        <v>32819</v>
      </c>
      <c r="C3560" s="1149" t="s">
        <v>11951</v>
      </c>
      <c r="D3560" s="1149" t="s">
        <v>11952</v>
      </c>
      <c r="E3560" s="1149" t="s">
        <v>11953</v>
      </c>
      <c r="F3560" s="1149" t="s">
        <v>643</v>
      </c>
      <c r="G3560" s="150"/>
      <c r="H3560" s="150"/>
    </row>
    <row r="3561" spans="1:8">
      <c r="A3561" s="150"/>
      <c r="B3561" s="163" t="s">
        <v>12859</v>
      </c>
      <c r="C3561" s="1158"/>
      <c r="D3561" s="1158"/>
      <c r="E3561" s="1158"/>
      <c r="F3561" s="1158"/>
      <c r="G3561" s="150"/>
      <c r="H3561" s="150"/>
    </row>
    <row r="3562" spans="1:8" ht="89.25">
      <c r="A3562" s="150"/>
      <c r="B3562" s="164" t="s">
        <v>32820</v>
      </c>
      <c r="C3562" s="1150"/>
      <c r="D3562" s="1150"/>
      <c r="E3562" s="1150"/>
      <c r="F3562" s="1150"/>
      <c r="G3562" s="150"/>
      <c r="H3562" s="150"/>
    </row>
    <row r="3563" spans="1:8" ht="25.5">
      <c r="A3563" s="150"/>
      <c r="B3563" s="162" t="s">
        <v>12873</v>
      </c>
      <c r="C3563" s="1149" t="s">
        <v>11955</v>
      </c>
      <c r="D3563" s="1149" t="s">
        <v>11956</v>
      </c>
      <c r="E3563" s="1149" t="s">
        <v>11957</v>
      </c>
      <c r="F3563" s="1149" t="s">
        <v>643</v>
      </c>
      <c r="G3563" s="150"/>
      <c r="H3563" s="150"/>
    </row>
    <row r="3564" spans="1:8">
      <c r="A3564" s="150"/>
      <c r="B3564" s="163" t="s">
        <v>12859</v>
      </c>
      <c r="C3564" s="1158"/>
      <c r="D3564" s="1158"/>
      <c r="E3564" s="1158"/>
      <c r="F3564" s="1158"/>
      <c r="G3564" s="150"/>
      <c r="H3564" s="150"/>
    </row>
    <row r="3565" spans="1:8" ht="89.25">
      <c r="A3565" s="150"/>
      <c r="B3565" s="164" t="s">
        <v>32821</v>
      </c>
      <c r="C3565" s="1150"/>
      <c r="D3565" s="1150"/>
      <c r="E3565" s="1150"/>
      <c r="F3565" s="1150"/>
      <c r="G3565" s="150"/>
      <c r="H3565" s="150"/>
    </row>
    <row r="3566" spans="1:8" ht="25.5">
      <c r="A3566" s="150"/>
      <c r="B3566" s="162" t="s">
        <v>12874</v>
      </c>
      <c r="C3566" s="1149" t="s">
        <v>11959</v>
      </c>
      <c r="D3566" s="1149" t="s">
        <v>11960</v>
      </c>
      <c r="E3566" s="1149" t="s">
        <v>11961</v>
      </c>
      <c r="F3566" s="1149" t="s">
        <v>643</v>
      </c>
      <c r="G3566" s="150"/>
      <c r="H3566" s="150"/>
    </row>
    <row r="3567" spans="1:8">
      <c r="A3567" s="150"/>
      <c r="B3567" s="163" t="s">
        <v>12859</v>
      </c>
      <c r="C3567" s="1158"/>
      <c r="D3567" s="1158"/>
      <c r="E3567" s="1158"/>
      <c r="F3567" s="1158"/>
      <c r="G3567" s="150"/>
      <c r="H3567" s="150"/>
    </row>
    <row r="3568" spans="1:8" ht="153">
      <c r="A3568" s="150"/>
      <c r="B3568" s="164" t="s">
        <v>32822</v>
      </c>
      <c r="C3568" s="1150"/>
      <c r="D3568" s="1150"/>
      <c r="E3568" s="1150"/>
      <c r="F3568" s="1150"/>
      <c r="G3568" s="150"/>
      <c r="H3568" s="150"/>
    </row>
    <row r="3569" spans="1:8">
      <c r="A3569" s="150"/>
      <c r="B3569" s="162" t="s">
        <v>32823</v>
      </c>
      <c r="C3569" s="1149" t="s">
        <v>11963</v>
      </c>
      <c r="D3569" s="1149" t="s">
        <v>11964</v>
      </c>
      <c r="E3569" s="1149" t="s">
        <v>11965</v>
      </c>
      <c r="F3569" s="1149" t="s">
        <v>643</v>
      </c>
      <c r="G3569" s="150"/>
      <c r="H3569" s="150"/>
    </row>
    <row r="3570" spans="1:8">
      <c r="A3570" s="150"/>
      <c r="B3570" s="163" t="s">
        <v>12859</v>
      </c>
      <c r="C3570" s="1158"/>
      <c r="D3570" s="1158"/>
      <c r="E3570" s="1158"/>
      <c r="F3570" s="1158"/>
      <c r="G3570" s="150"/>
      <c r="H3570" s="150"/>
    </row>
    <row r="3571" spans="1:8" ht="51">
      <c r="A3571" s="150"/>
      <c r="B3571" s="164" t="s">
        <v>12875</v>
      </c>
      <c r="C3571" s="1150"/>
      <c r="D3571" s="1150"/>
      <c r="E3571" s="1150"/>
      <c r="F3571" s="1150"/>
      <c r="G3571" s="150"/>
      <c r="H3571" s="150"/>
    </row>
    <row r="3572" spans="1:8">
      <c r="A3572" s="150"/>
      <c r="B3572" s="162" t="s">
        <v>32824</v>
      </c>
      <c r="C3572" s="1149" t="s">
        <v>11966</v>
      </c>
      <c r="D3572" s="1149" t="s">
        <v>11967</v>
      </c>
      <c r="E3572" s="1149" t="s">
        <v>11968</v>
      </c>
      <c r="F3572" s="1149" t="s">
        <v>643</v>
      </c>
      <c r="G3572" s="150"/>
      <c r="H3572" s="150"/>
    </row>
    <row r="3573" spans="1:8">
      <c r="A3573" s="150"/>
      <c r="B3573" s="163" t="s">
        <v>12859</v>
      </c>
      <c r="C3573" s="1158"/>
      <c r="D3573" s="1158"/>
      <c r="E3573" s="1158"/>
      <c r="F3573" s="1158"/>
      <c r="G3573" s="150"/>
      <c r="H3573" s="150"/>
    </row>
    <row r="3574" spans="1:8" ht="51">
      <c r="A3574" s="150"/>
      <c r="B3574" s="164" t="s">
        <v>12875</v>
      </c>
      <c r="C3574" s="1150"/>
      <c r="D3574" s="1150"/>
      <c r="E3574" s="1150"/>
      <c r="F3574" s="1150"/>
      <c r="G3574" s="150"/>
      <c r="H3574" s="150"/>
    </row>
    <row r="3575" spans="1:8">
      <c r="A3575" s="150"/>
      <c r="B3575" s="162" t="s">
        <v>12876</v>
      </c>
      <c r="C3575" s="1149" t="s">
        <v>11970</v>
      </c>
      <c r="D3575" s="1149" t="s">
        <v>11971</v>
      </c>
      <c r="E3575" s="1149" t="s">
        <v>11972</v>
      </c>
      <c r="F3575" s="1149" t="s">
        <v>643</v>
      </c>
      <c r="G3575" s="150"/>
      <c r="H3575" s="150"/>
    </row>
    <row r="3576" spans="1:8">
      <c r="A3576" s="150"/>
      <c r="B3576" s="163" t="s">
        <v>12877</v>
      </c>
      <c r="C3576" s="1158"/>
      <c r="D3576" s="1158"/>
      <c r="E3576" s="1158"/>
      <c r="F3576" s="1158"/>
      <c r="G3576" s="150"/>
      <c r="H3576" s="150"/>
    </row>
    <row r="3577" spans="1:8" ht="51">
      <c r="A3577" s="150"/>
      <c r="B3577" s="164" t="s">
        <v>13615</v>
      </c>
      <c r="C3577" s="1150"/>
      <c r="D3577" s="1150"/>
      <c r="E3577" s="1150"/>
      <c r="F3577" s="1150"/>
      <c r="G3577" s="150"/>
      <c r="H3577" s="150"/>
    </row>
    <row r="3578" spans="1:8">
      <c r="A3578" s="150"/>
      <c r="B3578" s="162" t="s">
        <v>12878</v>
      </c>
      <c r="C3578" s="1149" t="s">
        <v>11974</v>
      </c>
      <c r="D3578" s="1149" t="s">
        <v>11975</v>
      </c>
      <c r="E3578" s="1149" t="s">
        <v>11976</v>
      </c>
      <c r="F3578" s="1149" t="s">
        <v>643</v>
      </c>
      <c r="G3578" s="150"/>
      <c r="H3578" s="150"/>
    </row>
    <row r="3579" spans="1:8">
      <c r="A3579" s="150"/>
      <c r="B3579" s="163" t="s">
        <v>12877</v>
      </c>
      <c r="C3579" s="1158"/>
      <c r="D3579" s="1158"/>
      <c r="E3579" s="1158"/>
      <c r="F3579" s="1158"/>
      <c r="G3579" s="150"/>
      <c r="H3579" s="150"/>
    </row>
    <row r="3580" spans="1:8" ht="76.5">
      <c r="A3580" s="150"/>
      <c r="B3580" s="164" t="s">
        <v>32825</v>
      </c>
      <c r="C3580" s="1150"/>
      <c r="D3580" s="1150"/>
      <c r="E3580" s="1150"/>
      <c r="F3580" s="1150"/>
      <c r="G3580" s="150"/>
      <c r="H3580" s="150"/>
    </row>
    <row r="3581" spans="1:8">
      <c r="A3581" s="150"/>
      <c r="B3581" s="162" t="s">
        <v>12879</v>
      </c>
      <c r="C3581" s="1149" t="s">
        <v>11978</v>
      </c>
      <c r="D3581" s="1149" t="s">
        <v>11979</v>
      </c>
      <c r="E3581" s="1149" t="s">
        <v>11980</v>
      </c>
      <c r="F3581" s="1149" t="s">
        <v>643</v>
      </c>
      <c r="G3581" s="150"/>
      <c r="H3581" s="150"/>
    </row>
    <row r="3582" spans="1:8">
      <c r="A3582" s="150"/>
      <c r="B3582" s="163" t="s">
        <v>12877</v>
      </c>
      <c r="C3582" s="1158"/>
      <c r="D3582" s="1158"/>
      <c r="E3582" s="1158"/>
      <c r="F3582" s="1158"/>
      <c r="G3582" s="150"/>
      <c r="H3582" s="150"/>
    </row>
    <row r="3583" spans="1:8" ht="63.75">
      <c r="A3583" s="150"/>
      <c r="B3583" s="164" t="s">
        <v>32826</v>
      </c>
      <c r="C3583" s="1150"/>
      <c r="D3583" s="1150"/>
      <c r="E3583" s="1150"/>
      <c r="F3583" s="1150"/>
      <c r="G3583" s="150"/>
      <c r="H3583" s="150"/>
    </row>
    <row r="3584" spans="1:8">
      <c r="A3584" s="150"/>
      <c r="B3584" s="162" t="s">
        <v>12880</v>
      </c>
      <c r="C3584" s="1149" t="s">
        <v>11982</v>
      </c>
      <c r="D3584" s="1149" t="s">
        <v>11983</v>
      </c>
      <c r="E3584" s="1149" t="s">
        <v>11984</v>
      </c>
      <c r="F3584" s="1149" t="s">
        <v>643</v>
      </c>
      <c r="G3584" s="150"/>
      <c r="H3584" s="150"/>
    </row>
    <row r="3585" spans="1:8">
      <c r="A3585" s="150"/>
      <c r="B3585" s="163" t="s">
        <v>12881</v>
      </c>
      <c r="C3585" s="1158"/>
      <c r="D3585" s="1158"/>
      <c r="E3585" s="1158"/>
      <c r="F3585" s="1158"/>
      <c r="G3585" s="150"/>
      <c r="H3585" s="150"/>
    </row>
    <row r="3586" spans="1:8" ht="76.5">
      <c r="A3586" s="150"/>
      <c r="B3586" s="164" t="s">
        <v>32827</v>
      </c>
      <c r="C3586" s="1150"/>
      <c r="D3586" s="1150"/>
      <c r="E3586" s="1150"/>
      <c r="F3586" s="1150"/>
      <c r="G3586" s="150"/>
      <c r="H3586" s="150"/>
    </row>
    <row r="3587" spans="1:8">
      <c r="A3587" s="150"/>
      <c r="B3587" s="162" t="s">
        <v>12882</v>
      </c>
      <c r="C3587" s="1149" t="s">
        <v>11986</v>
      </c>
      <c r="D3587" s="1149" t="s">
        <v>11987</v>
      </c>
      <c r="E3587" s="1149" t="s">
        <v>11988</v>
      </c>
      <c r="F3587" s="1149" t="s">
        <v>643</v>
      </c>
      <c r="G3587" s="150"/>
      <c r="H3587" s="150"/>
    </row>
    <row r="3588" spans="1:8">
      <c r="A3588" s="150"/>
      <c r="B3588" s="163" t="s">
        <v>12877</v>
      </c>
      <c r="C3588" s="1158"/>
      <c r="D3588" s="1158"/>
      <c r="E3588" s="1158"/>
      <c r="F3588" s="1158"/>
      <c r="G3588" s="150"/>
      <c r="H3588" s="150"/>
    </row>
    <row r="3589" spans="1:8" ht="76.5">
      <c r="A3589" s="150"/>
      <c r="B3589" s="164" t="s">
        <v>32828</v>
      </c>
      <c r="C3589" s="1150"/>
      <c r="D3589" s="1150"/>
      <c r="E3589" s="1150"/>
      <c r="F3589" s="1150"/>
      <c r="G3589" s="150"/>
      <c r="H3589" s="150"/>
    </row>
    <row r="3590" spans="1:8">
      <c r="A3590" s="150"/>
      <c r="B3590" s="162" t="s">
        <v>12883</v>
      </c>
      <c r="C3590" s="1149" t="s">
        <v>11990</v>
      </c>
      <c r="D3590" s="1149" t="s">
        <v>11991</v>
      </c>
      <c r="E3590" s="1149" t="s">
        <v>11992</v>
      </c>
      <c r="F3590" s="1149" t="s">
        <v>643</v>
      </c>
      <c r="G3590" s="150"/>
      <c r="H3590" s="150"/>
    </row>
    <row r="3591" spans="1:8">
      <c r="A3591" s="150"/>
      <c r="B3591" s="163" t="s">
        <v>12877</v>
      </c>
      <c r="C3591" s="1158"/>
      <c r="D3591" s="1158"/>
      <c r="E3591" s="1158"/>
      <c r="F3591" s="1158"/>
      <c r="G3591" s="150"/>
      <c r="H3591" s="150"/>
    </row>
    <row r="3592" spans="1:8" ht="89.25">
      <c r="A3592" s="150"/>
      <c r="B3592" s="164" t="s">
        <v>32829</v>
      </c>
      <c r="C3592" s="1150"/>
      <c r="D3592" s="1150"/>
      <c r="E3592" s="1150"/>
      <c r="F3592" s="1150"/>
      <c r="G3592" s="150"/>
      <c r="H3592" s="150"/>
    </row>
    <row r="3593" spans="1:8">
      <c r="A3593" s="150"/>
      <c r="B3593" s="162" t="s">
        <v>12884</v>
      </c>
      <c r="C3593" s="1149" t="s">
        <v>11994</v>
      </c>
      <c r="D3593" s="1149" t="s">
        <v>11995</v>
      </c>
      <c r="E3593" s="1149" t="s">
        <v>11996</v>
      </c>
      <c r="F3593" s="1149" t="s">
        <v>643</v>
      </c>
      <c r="G3593" s="150"/>
      <c r="H3593" s="150"/>
    </row>
    <row r="3594" spans="1:8">
      <c r="A3594" s="150"/>
      <c r="B3594" s="163" t="s">
        <v>12877</v>
      </c>
      <c r="C3594" s="1158"/>
      <c r="D3594" s="1158"/>
      <c r="E3594" s="1158"/>
      <c r="F3594" s="1158"/>
      <c r="G3594" s="150"/>
      <c r="H3594" s="150"/>
    </row>
    <row r="3595" spans="1:8" ht="76.5">
      <c r="A3595" s="150"/>
      <c r="B3595" s="164" t="s">
        <v>32830</v>
      </c>
      <c r="C3595" s="1150"/>
      <c r="D3595" s="1150"/>
      <c r="E3595" s="1150"/>
      <c r="F3595" s="1150"/>
      <c r="G3595" s="150"/>
      <c r="H3595" s="150"/>
    </row>
    <row r="3596" spans="1:8">
      <c r="A3596" s="150"/>
      <c r="B3596" s="162" t="s">
        <v>12885</v>
      </c>
      <c r="C3596" s="1149" t="s">
        <v>11998</v>
      </c>
      <c r="D3596" s="1149" t="s">
        <v>11999</v>
      </c>
      <c r="E3596" s="1149" t="s">
        <v>12000</v>
      </c>
      <c r="F3596" s="1149" t="s">
        <v>643</v>
      </c>
      <c r="G3596" s="150"/>
      <c r="H3596" s="150"/>
    </row>
    <row r="3597" spans="1:8">
      <c r="A3597" s="150"/>
      <c r="B3597" s="163" t="s">
        <v>12877</v>
      </c>
      <c r="C3597" s="1158"/>
      <c r="D3597" s="1158"/>
      <c r="E3597" s="1158"/>
      <c r="F3597" s="1158"/>
      <c r="G3597" s="150"/>
      <c r="H3597" s="150"/>
    </row>
    <row r="3598" spans="1:8" ht="76.5">
      <c r="A3598" s="150"/>
      <c r="B3598" s="164" t="s">
        <v>32831</v>
      </c>
      <c r="C3598" s="1150"/>
      <c r="D3598" s="1150"/>
      <c r="E3598" s="1150"/>
      <c r="F3598" s="1150"/>
      <c r="G3598" s="150"/>
      <c r="H3598" s="150"/>
    </row>
    <row r="3599" spans="1:8">
      <c r="A3599" s="150"/>
      <c r="B3599" s="162" t="s">
        <v>12886</v>
      </c>
      <c r="C3599" s="1149" t="s">
        <v>12002</v>
      </c>
      <c r="D3599" s="1149" t="s">
        <v>12003</v>
      </c>
      <c r="E3599" s="1149" t="s">
        <v>12004</v>
      </c>
      <c r="F3599" s="1149" t="s">
        <v>643</v>
      </c>
      <c r="G3599" s="150"/>
      <c r="H3599" s="150"/>
    </row>
    <row r="3600" spans="1:8">
      <c r="A3600" s="150"/>
      <c r="B3600" s="163" t="s">
        <v>12877</v>
      </c>
      <c r="C3600" s="1158"/>
      <c r="D3600" s="1158"/>
      <c r="E3600" s="1158"/>
      <c r="F3600" s="1158"/>
      <c r="G3600" s="150"/>
      <c r="H3600" s="150"/>
    </row>
    <row r="3601" spans="1:8" ht="76.5">
      <c r="A3601" s="150"/>
      <c r="B3601" s="164" t="s">
        <v>32832</v>
      </c>
      <c r="C3601" s="1150"/>
      <c r="D3601" s="1150"/>
      <c r="E3601" s="1150"/>
      <c r="F3601" s="1150"/>
      <c r="G3601" s="150"/>
      <c r="H3601" s="150"/>
    </row>
    <row r="3602" spans="1:8">
      <c r="A3602" s="150"/>
      <c r="B3602" s="162" t="s">
        <v>12887</v>
      </c>
      <c r="C3602" s="1149" t="s">
        <v>12006</v>
      </c>
      <c r="D3602" s="1149" t="s">
        <v>12007</v>
      </c>
      <c r="E3602" s="1149" t="s">
        <v>12008</v>
      </c>
      <c r="F3602" s="1149" t="s">
        <v>643</v>
      </c>
      <c r="G3602" s="150"/>
      <c r="H3602" s="150"/>
    </row>
    <row r="3603" spans="1:8">
      <c r="A3603" s="150"/>
      <c r="B3603" s="163" t="s">
        <v>12877</v>
      </c>
      <c r="C3603" s="1158"/>
      <c r="D3603" s="1158"/>
      <c r="E3603" s="1158"/>
      <c r="F3603" s="1158"/>
      <c r="G3603" s="150"/>
      <c r="H3603" s="150"/>
    </row>
    <row r="3604" spans="1:8" ht="76.5">
      <c r="A3604" s="150"/>
      <c r="B3604" s="164" t="s">
        <v>32833</v>
      </c>
      <c r="C3604" s="1150"/>
      <c r="D3604" s="1150"/>
      <c r="E3604" s="1150"/>
      <c r="F3604" s="1150"/>
      <c r="G3604" s="150"/>
      <c r="H3604" s="150"/>
    </row>
    <row r="3605" spans="1:8">
      <c r="A3605" s="150"/>
      <c r="B3605" s="162" t="s">
        <v>12888</v>
      </c>
      <c r="C3605" s="1149" t="s">
        <v>12010</v>
      </c>
      <c r="D3605" s="1149" t="s">
        <v>12011</v>
      </c>
      <c r="E3605" s="1149" t="s">
        <v>12012</v>
      </c>
      <c r="F3605" s="1149" t="s">
        <v>643</v>
      </c>
      <c r="G3605" s="150"/>
      <c r="H3605" s="150"/>
    </row>
    <row r="3606" spans="1:8">
      <c r="A3606" s="150"/>
      <c r="B3606" s="163" t="s">
        <v>12877</v>
      </c>
      <c r="C3606" s="1158"/>
      <c r="D3606" s="1158"/>
      <c r="E3606" s="1158"/>
      <c r="F3606" s="1158"/>
      <c r="G3606" s="150"/>
      <c r="H3606" s="150"/>
    </row>
    <row r="3607" spans="1:8" ht="102">
      <c r="A3607" s="150"/>
      <c r="B3607" s="164" t="s">
        <v>32834</v>
      </c>
      <c r="C3607" s="1150"/>
      <c r="D3607" s="1150"/>
      <c r="E3607" s="1150"/>
      <c r="F3607" s="1150"/>
      <c r="G3607" s="150"/>
      <c r="H3607" s="150"/>
    </row>
    <row r="3608" spans="1:8">
      <c r="A3608" s="150"/>
      <c r="B3608" s="162" t="s">
        <v>12889</v>
      </c>
      <c r="C3608" s="1149" t="s">
        <v>12014</v>
      </c>
      <c r="D3608" s="1149" t="s">
        <v>12015</v>
      </c>
      <c r="E3608" s="1149" t="s">
        <v>12016</v>
      </c>
      <c r="F3608" s="1149" t="s">
        <v>643</v>
      </c>
      <c r="G3608" s="150"/>
      <c r="H3608" s="150"/>
    </row>
    <row r="3609" spans="1:8">
      <c r="A3609" s="150"/>
      <c r="B3609" s="163" t="s">
        <v>12877</v>
      </c>
      <c r="C3609" s="1158"/>
      <c r="D3609" s="1158"/>
      <c r="E3609" s="1158"/>
      <c r="F3609" s="1158"/>
      <c r="G3609" s="150"/>
      <c r="H3609" s="150"/>
    </row>
    <row r="3610" spans="1:8" ht="76.5">
      <c r="A3610" s="150"/>
      <c r="B3610" s="164" t="s">
        <v>32835</v>
      </c>
      <c r="C3610" s="1150"/>
      <c r="D3610" s="1150"/>
      <c r="E3610" s="1150"/>
      <c r="F3610" s="1150"/>
      <c r="G3610" s="150"/>
      <c r="H3610" s="150"/>
    </row>
    <row r="3611" spans="1:8">
      <c r="A3611" s="150"/>
      <c r="B3611" s="162" t="s">
        <v>32836</v>
      </c>
      <c r="C3611" s="1149" t="s">
        <v>12017</v>
      </c>
      <c r="D3611" s="1149" t="s">
        <v>12018</v>
      </c>
      <c r="E3611" s="1149" t="s">
        <v>12019</v>
      </c>
      <c r="F3611" s="1149" t="s">
        <v>643</v>
      </c>
      <c r="G3611" s="150"/>
      <c r="H3611" s="150"/>
    </row>
    <row r="3612" spans="1:8">
      <c r="A3612" s="150"/>
      <c r="B3612" s="164" t="s">
        <v>12890</v>
      </c>
      <c r="C3612" s="1150"/>
      <c r="D3612" s="1150"/>
      <c r="E3612" s="1150"/>
      <c r="F3612" s="1150"/>
      <c r="G3612" s="150"/>
      <c r="H3612" s="150"/>
    </row>
    <row r="3613" spans="1:8">
      <c r="A3613" s="150"/>
      <c r="B3613" s="162" t="s">
        <v>32837</v>
      </c>
      <c r="C3613" s="1149" t="s">
        <v>12020</v>
      </c>
      <c r="D3613" s="1149" t="s">
        <v>12021</v>
      </c>
      <c r="E3613" s="1149" t="s">
        <v>12022</v>
      </c>
      <c r="F3613" s="1149" t="s">
        <v>643</v>
      </c>
      <c r="G3613" s="150"/>
      <c r="H3613" s="150"/>
    </row>
    <row r="3614" spans="1:8">
      <c r="A3614" s="150"/>
      <c r="B3614" s="163" t="s">
        <v>12877</v>
      </c>
      <c r="C3614" s="1158"/>
      <c r="D3614" s="1158"/>
      <c r="E3614" s="1158"/>
      <c r="F3614" s="1158"/>
      <c r="G3614" s="150"/>
      <c r="H3614" s="150"/>
    </row>
    <row r="3615" spans="1:8" ht="89.25">
      <c r="A3615" s="150"/>
      <c r="B3615" s="164" t="s">
        <v>32838</v>
      </c>
      <c r="C3615" s="1150"/>
      <c r="D3615" s="1150"/>
      <c r="E3615" s="1150"/>
      <c r="F3615" s="1150"/>
      <c r="G3615" s="150"/>
      <c r="H3615" s="150"/>
    </row>
    <row r="3616" spans="1:8" ht="25.5">
      <c r="A3616" s="150"/>
      <c r="B3616" s="162" t="s">
        <v>32839</v>
      </c>
      <c r="C3616" s="1149" t="s">
        <v>12023</v>
      </c>
      <c r="D3616" s="1149" t="s">
        <v>12024</v>
      </c>
      <c r="E3616" s="1149" t="s">
        <v>12025</v>
      </c>
      <c r="F3616" s="1149" t="s">
        <v>643</v>
      </c>
      <c r="G3616" s="150"/>
      <c r="H3616" s="150"/>
    </row>
    <row r="3617" spans="1:8">
      <c r="A3617" s="150"/>
      <c r="B3617" s="163" t="s">
        <v>12877</v>
      </c>
      <c r="C3617" s="1158"/>
      <c r="D3617" s="1158"/>
      <c r="E3617" s="1158"/>
      <c r="F3617" s="1158"/>
      <c r="G3617" s="150"/>
      <c r="H3617" s="150"/>
    </row>
    <row r="3618" spans="1:8" ht="63.75">
      <c r="A3618" s="150"/>
      <c r="B3618" s="164" t="s">
        <v>32840</v>
      </c>
      <c r="C3618" s="1150"/>
      <c r="D3618" s="1150"/>
      <c r="E3618" s="1150"/>
      <c r="F3618" s="1150"/>
      <c r="G3618" s="150"/>
      <c r="H3618" s="150"/>
    </row>
    <row r="3619" spans="1:8">
      <c r="A3619" s="150"/>
      <c r="B3619" s="162" t="s">
        <v>32841</v>
      </c>
      <c r="C3619" s="1149" t="s">
        <v>12026</v>
      </c>
      <c r="D3619" s="1149" t="s">
        <v>12027</v>
      </c>
      <c r="E3619" s="1149" t="s">
        <v>12028</v>
      </c>
      <c r="F3619" s="1149" t="s">
        <v>643</v>
      </c>
      <c r="G3619" s="150"/>
      <c r="H3619" s="150"/>
    </row>
    <row r="3620" spans="1:8">
      <c r="A3620" s="150"/>
      <c r="B3620" s="163" t="s">
        <v>12877</v>
      </c>
      <c r="C3620" s="1158"/>
      <c r="D3620" s="1158"/>
      <c r="E3620" s="1158"/>
      <c r="F3620" s="1158"/>
      <c r="G3620" s="150"/>
      <c r="H3620" s="150"/>
    </row>
    <row r="3621" spans="1:8" ht="63.75">
      <c r="A3621" s="150"/>
      <c r="B3621" s="164" t="s">
        <v>32842</v>
      </c>
      <c r="C3621" s="1150"/>
      <c r="D3621" s="1150"/>
      <c r="E3621" s="1150"/>
      <c r="F3621" s="1150"/>
      <c r="G3621" s="150"/>
      <c r="H3621" s="150"/>
    </row>
    <row r="3622" spans="1:8" ht="38.25">
      <c r="A3622" s="150"/>
      <c r="B3622" s="162" t="s">
        <v>32843</v>
      </c>
      <c r="C3622" s="1149" t="s">
        <v>12029</v>
      </c>
      <c r="D3622" s="1149" t="s">
        <v>12030</v>
      </c>
      <c r="E3622" s="1149" t="s">
        <v>12031</v>
      </c>
      <c r="F3622" s="1149" t="s">
        <v>643</v>
      </c>
      <c r="G3622" s="150"/>
      <c r="H3622" s="150"/>
    </row>
    <row r="3623" spans="1:8">
      <c r="A3623" s="150"/>
      <c r="B3623" s="164" t="s">
        <v>12890</v>
      </c>
      <c r="C3623" s="1150"/>
      <c r="D3623" s="1150"/>
      <c r="E3623" s="1150"/>
      <c r="F3623" s="1150"/>
      <c r="G3623" s="150"/>
      <c r="H3623" s="150"/>
    </row>
    <row r="3624" spans="1:8">
      <c r="A3624" s="150"/>
      <c r="B3624" s="162" t="s">
        <v>32844</v>
      </c>
      <c r="C3624" s="1149" t="s">
        <v>12032</v>
      </c>
      <c r="D3624" s="1149" t="s">
        <v>12033</v>
      </c>
      <c r="E3624" s="1149" t="s">
        <v>12034</v>
      </c>
      <c r="F3624" s="1149" t="s">
        <v>643</v>
      </c>
      <c r="G3624" s="150"/>
      <c r="H3624" s="150"/>
    </row>
    <row r="3625" spans="1:8">
      <c r="A3625" s="150"/>
      <c r="B3625" s="163" t="s">
        <v>12877</v>
      </c>
      <c r="C3625" s="1158"/>
      <c r="D3625" s="1158"/>
      <c r="E3625" s="1158"/>
      <c r="F3625" s="1158"/>
      <c r="G3625" s="150"/>
      <c r="H3625" s="150"/>
    </row>
    <row r="3626" spans="1:8" ht="102">
      <c r="A3626" s="150"/>
      <c r="B3626" s="164" t="s">
        <v>32845</v>
      </c>
      <c r="C3626" s="1150"/>
      <c r="D3626" s="1150"/>
      <c r="E3626" s="1150"/>
      <c r="F3626" s="1150"/>
      <c r="G3626" s="150"/>
      <c r="H3626" s="150"/>
    </row>
    <row r="3627" spans="1:8">
      <c r="A3627" s="150"/>
      <c r="B3627" s="162" t="s">
        <v>12891</v>
      </c>
      <c r="C3627" s="1149" t="s">
        <v>12036</v>
      </c>
      <c r="D3627" s="1149" t="s">
        <v>12037</v>
      </c>
      <c r="E3627" s="1149" t="s">
        <v>12892</v>
      </c>
      <c r="F3627" s="1149" t="s">
        <v>643</v>
      </c>
      <c r="G3627" s="150"/>
      <c r="H3627" s="150"/>
    </row>
    <row r="3628" spans="1:8">
      <c r="A3628" s="150"/>
      <c r="B3628" s="163" t="s">
        <v>12877</v>
      </c>
      <c r="C3628" s="1158"/>
      <c r="D3628" s="1158"/>
      <c r="E3628" s="1158"/>
      <c r="F3628" s="1158"/>
      <c r="G3628" s="150"/>
      <c r="H3628" s="150"/>
    </row>
    <row r="3629" spans="1:8" ht="51">
      <c r="A3629" s="150"/>
      <c r="B3629" s="164" t="s">
        <v>32846</v>
      </c>
      <c r="C3629" s="1150"/>
      <c r="D3629" s="1150"/>
      <c r="E3629" s="1150"/>
      <c r="F3629" s="1150"/>
      <c r="G3629" s="150"/>
      <c r="H3629" s="150"/>
    </row>
    <row r="3630" spans="1:8">
      <c r="A3630" s="150"/>
      <c r="B3630" s="162" t="s">
        <v>12893</v>
      </c>
      <c r="C3630" s="1149" t="s">
        <v>12040</v>
      </c>
      <c r="D3630" s="1149" t="s">
        <v>12041</v>
      </c>
      <c r="E3630" s="1149" t="s">
        <v>12042</v>
      </c>
      <c r="F3630" s="1149" t="s">
        <v>643</v>
      </c>
      <c r="G3630" s="150"/>
      <c r="H3630" s="150"/>
    </row>
    <row r="3631" spans="1:8">
      <c r="A3631" s="150"/>
      <c r="B3631" s="163" t="s">
        <v>12877</v>
      </c>
      <c r="C3631" s="1158"/>
      <c r="D3631" s="1158"/>
      <c r="E3631" s="1158"/>
      <c r="F3631" s="1158"/>
      <c r="G3631" s="150"/>
      <c r="H3631" s="150"/>
    </row>
    <row r="3632" spans="1:8" ht="51">
      <c r="A3632" s="150"/>
      <c r="B3632" s="164" t="s">
        <v>32847</v>
      </c>
      <c r="C3632" s="1150"/>
      <c r="D3632" s="1150"/>
      <c r="E3632" s="1150"/>
      <c r="F3632" s="1150"/>
      <c r="G3632" s="150"/>
      <c r="H3632" s="150"/>
    </row>
    <row r="3633" spans="1:8">
      <c r="A3633" s="150"/>
      <c r="B3633" s="162" t="s">
        <v>12894</v>
      </c>
      <c r="C3633" s="1149" t="s">
        <v>12044</v>
      </c>
      <c r="D3633" s="1149" t="s">
        <v>12045</v>
      </c>
      <c r="E3633" s="1149" t="s">
        <v>12046</v>
      </c>
      <c r="F3633" s="1149" t="s">
        <v>643</v>
      </c>
      <c r="G3633" s="150"/>
      <c r="H3633" s="150"/>
    </row>
    <row r="3634" spans="1:8">
      <c r="A3634" s="150"/>
      <c r="B3634" s="163" t="s">
        <v>12877</v>
      </c>
      <c r="C3634" s="1158"/>
      <c r="D3634" s="1158"/>
      <c r="E3634" s="1158"/>
      <c r="F3634" s="1158"/>
      <c r="G3634" s="150"/>
      <c r="H3634" s="150"/>
    </row>
    <row r="3635" spans="1:8" ht="51">
      <c r="A3635" s="150"/>
      <c r="B3635" s="164" t="s">
        <v>32848</v>
      </c>
      <c r="C3635" s="1150"/>
      <c r="D3635" s="1150"/>
      <c r="E3635" s="1150"/>
      <c r="F3635" s="1150"/>
      <c r="G3635" s="150"/>
      <c r="H3635" s="150"/>
    </row>
    <row r="3636" spans="1:8">
      <c r="A3636" s="150"/>
      <c r="B3636" s="162" t="s">
        <v>12895</v>
      </c>
      <c r="C3636" s="1149" t="s">
        <v>12048</v>
      </c>
      <c r="D3636" s="1149" t="s">
        <v>12049</v>
      </c>
      <c r="E3636" s="1149" t="s">
        <v>12050</v>
      </c>
      <c r="F3636" s="1149" t="s">
        <v>643</v>
      </c>
      <c r="G3636" s="150"/>
      <c r="H3636" s="150"/>
    </row>
    <row r="3637" spans="1:8">
      <c r="A3637" s="150"/>
      <c r="B3637" s="163" t="s">
        <v>12877</v>
      </c>
      <c r="C3637" s="1158"/>
      <c r="D3637" s="1158"/>
      <c r="E3637" s="1158"/>
      <c r="F3637" s="1158"/>
      <c r="G3637" s="150"/>
      <c r="H3637" s="150"/>
    </row>
    <row r="3638" spans="1:8" ht="76.5">
      <c r="A3638" s="150"/>
      <c r="B3638" s="164" t="s">
        <v>32849</v>
      </c>
      <c r="C3638" s="1150"/>
      <c r="D3638" s="1150"/>
      <c r="E3638" s="1150"/>
      <c r="F3638" s="1150"/>
      <c r="G3638" s="150"/>
      <c r="H3638" s="150"/>
    </row>
    <row r="3639" spans="1:8">
      <c r="A3639" s="150"/>
      <c r="B3639" s="162" t="s">
        <v>12896</v>
      </c>
      <c r="C3639" s="1149" t="s">
        <v>12052</v>
      </c>
      <c r="D3639" s="1149" t="s">
        <v>12053</v>
      </c>
      <c r="E3639" s="1149" t="s">
        <v>12054</v>
      </c>
      <c r="F3639" s="1149" t="s">
        <v>643</v>
      </c>
      <c r="G3639" s="150"/>
      <c r="H3639" s="150"/>
    </row>
    <row r="3640" spans="1:8">
      <c r="A3640" s="150"/>
      <c r="B3640" s="163" t="s">
        <v>12877</v>
      </c>
      <c r="C3640" s="1158"/>
      <c r="D3640" s="1158"/>
      <c r="E3640" s="1158"/>
      <c r="F3640" s="1158"/>
      <c r="G3640" s="150"/>
      <c r="H3640" s="150"/>
    </row>
    <row r="3641" spans="1:8" ht="76.5">
      <c r="A3641" s="150"/>
      <c r="B3641" s="164" t="s">
        <v>32850</v>
      </c>
      <c r="C3641" s="1150"/>
      <c r="D3641" s="1150"/>
      <c r="E3641" s="1150"/>
      <c r="F3641" s="1150"/>
      <c r="G3641" s="150"/>
      <c r="H3641" s="150"/>
    </row>
    <row r="3642" spans="1:8" ht="25.5">
      <c r="A3642" s="150"/>
      <c r="B3642" s="162" t="s">
        <v>12897</v>
      </c>
      <c r="C3642" s="1149" t="s">
        <v>12056</v>
      </c>
      <c r="D3642" s="1149" t="s">
        <v>12057</v>
      </c>
      <c r="E3642" s="1149" t="s">
        <v>12058</v>
      </c>
      <c r="F3642" s="1149" t="s">
        <v>643</v>
      </c>
      <c r="G3642" s="150"/>
      <c r="H3642" s="150"/>
    </row>
    <row r="3643" spans="1:8">
      <c r="A3643" s="150"/>
      <c r="B3643" s="163" t="s">
        <v>12877</v>
      </c>
      <c r="C3643" s="1158"/>
      <c r="D3643" s="1158"/>
      <c r="E3643" s="1158"/>
      <c r="F3643" s="1158"/>
      <c r="G3643" s="150"/>
      <c r="H3643" s="150"/>
    </row>
    <row r="3644" spans="1:8" ht="102">
      <c r="A3644" s="150"/>
      <c r="B3644" s="164" t="s">
        <v>32851</v>
      </c>
      <c r="C3644" s="1150"/>
      <c r="D3644" s="1150"/>
      <c r="E3644" s="1150"/>
      <c r="F3644" s="1150"/>
      <c r="G3644" s="150"/>
      <c r="H3644" s="150"/>
    </row>
    <row r="3645" spans="1:8">
      <c r="A3645" s="150"/>
      <c r="B3645" s="162" t="s">
        <v>12898</v>
      </c>
      <c r="C3645" s="1149" t="s">
        <v>12060</v>
      </c>
      <c r="D3645" s="1149" t="s">
        <v>12061</v>
      </c>
      <c r="E3645" s="1149" t="s">
        <v>12062</v>
      </c>
      <c r="F3645" s="1149" t="s">
        <v>643</v>
      </c>
      <c r="G3645" s="150"/>
      <c r="H3645" s="150"/>
    </row>
    <row r="3646" spans="1:8">
      <c r="A3646" s="150"/>
      <c r="B3646" s="163" t="s">
        <v>12877</v>
      </c>
      <c r="C3646" s="1158"/>
      <c r="D3646" s="1158"/>
      <c r="E3646" s="1158"/>
      <c r="F3646" s="1158"/>
      <c r="G3646" s="150"/>
      <c r="H3646" s="150"/>
    </row>
    <row r="3647" spans="1:8" ht="102">
      <c r="A3647" s="150"/>
      <c r="B3647" s="164" t="s">
        <v>32852</v>
      </c>
      <c r="C3647" s="1150"/>
      <c r="D3647" s="1150"/>
      <c r="E3647" s="1150"/>
      <c r="F3647" s="1150"/>
      <c r="G3647" s="150"/>
      <c r="H3647" s="150"/>
    </row>
    <row r="3648" spans="1:8">
      <c r="A3648" s="150"/>
      <c r="B3648" s="162" t="s">
        <v>12899</v>
      </c>
      <c r="C3648" s="1149" t="s">
        <v>12064</v>
      </c>
      <c r="D3648" s="1149" t="s">
        <v>12065</v>
      </c>
      <c r="E3648" s="1149" t="s">
        <v>12066</v>
      </c>
      <c r="F3648" s="1149" t="s">
        <v>643</v>
      </c>
      <c r="G3648" s="150"/>
      <c r="H3648" s="150"/>
    </row>
    <row r="3649" spans="1:8">
      <c r="A3649" s="150"/>
      <c r="B3649" s="163" t="s">
        <v>12877</v>
      </c>
      <c r="C3649" s="1158"/>
      <c r="D3649" s="1158"/>
      <c r="E3649" s="1158"/>
      <c r="F3649" s="1158"/>
      <c r="G3649" s="150"/>
      <c r="H3649" s="150"/>
    </row>
    <row r="3650" spans="1:8" ht="76.5">
      <c r="A3650" s="150"/>
      <c r="B3650" s="164" t="s">
        <v>32853</v>
      </c>
      <c r="C3650" s="1150"/>
      <c r="D3650" s="1150"/>
      <c r="E3650" s="1150"/>
      <c r="F3650" s="1150"/>
      <c r="G3650" s="150"/>
      <c r="H3650" s="150"/>
    </row>
    <row r="3651" spans="1:8" ht="25.5">
      <c r="A3651" s="150"/>
      <c r="B3651" s="162" t="s">
        <v>12900</v>
      </c>
      <c r="C3651" s="1149" t="s">
        <v>12068</v>
      </c>
      <c r="D3651" s="1149" t="s">
        <v>12069</v>
      </c>
      <c r="E3651" s="1149" t="s">
        <v>12070</v>
      </c>
      <c r="F3651" s="1149" t="s">
        <v>643</v>
      </c>
      <c r="G3651" s="150"/>
      <c r="H3651" s="150"/>
    </row>
    <row r="3652" spans="1:8">
      <c r="A3652" s="150"/>
      <c r="B3652" s="163" t="s">
        <v>12877</v>
      </c>
      <c r="C3652" s="1158"/>
      <c r="D3652" s="1158"/>
      <c r="E3652" s="1158"/>
      <c r="F3652" s="1158"/>
      <c r="G3652" s="150"/>
      <c r="H3652" s="150"/>
    </row>
    <row r="3653" spans="1:8" ht="76.5">
      <c r="A3653" s="150"/>
      <c r="B3653" s="164" t="s">
        <v>32854</v>
      </c>
      <c r="C3653" s="1150"/>
      <c r="D3653" s="1150"/>
      <c r="E3653" s="1150"/>
      <c r="F3653" s="1150"/>
      <c r="G3653" s="150"/>
      <c r="H3653" s="150"/>
    </row>
    <row r="3654" spans="1:8">
      <c r="A3654" s="150"/>
      <c r="B3654" s="162" t="s">
        <v>12901</v>
      </c>
      <c r="C3654" s="1149" t="s">
        <v>12072</v>
      </c>
      <c r="D3654" s="1149" t="s">
        <v>12073</v>
      </c>
      <c r="E3654" s="1149" t="s">
        <v>12074</v>
      </c>
      <c r="F3654" s="1149" t="s">
        <v>643</v>
      </c>
      <c r="G3654" s="150"/>
      <c r="H3654" s="150"/>
    </row>
    <row r="3655" spans="1:8">
      <c r="A3655" s="150"/>
      <c r="B3655" s="164" t="s">
        <v>12890</v>
      </c>
      <c r="C3655" s="1150"/>
      <c r="D3655" s="1150"/>
      <c r="E3655" s="1150"/>
      <c r="F3655" s="1150"/>
      <c r="G3655" s="150"/>
      <c r="H3655" s="150"/>
    </row>
    <row r="3656" spans="1:8">
      <c r="A3656" s="150"/>
      <c r="B3656" s="162" t="s">
        <v>12902</v>
      </c>
      <c r="C3656" s="1149" t="s">
        <v>12076</v>
      </c>
      <c r="D3656" s="1149" t="s">
        <v>12077</v>
      </c>
      <c r="E3656" s="1149" t="s">
        <v>12078</v>
      </c>
      <c r="F3656" s="1149" t="s">
        <v>643</v>
      </c>
      <c r="G3656" s="150"/>
      <c r="H3656" s="150"/>
    </row>
    <row r="3657" spans="1:8">
      <c r="A3657" s="150"/>
      <c r="B3657" s="163" t="s">
        <v>12877</v>
      </c>
      <c r="C3657" s="1158"/>
      <c r="D3657" s="1158"/>
      <c r="E3657" s="1158"/>
      <c r="F3657" s="1158"/>
      <c r="G3657" s="150"/>
      <c r="H3657" s="150"/>
    </row>
    <row r="3658" spans="1:8" ht="51">
      <c r="A3658" s="150"/>
      <c r="B3658" s="164" t="s">
        <v>32855</v>
      </c>
      <c r="C3658" s="1150"/>
      <c r="D3658" s="1150"/>
      <c r="E3658" s="1150"/>
      <c r="F3658" s="1150"/>
      <c r="G3658" s="150"/>
      <c r="H3658" s="150"/>
    </row>
    <row r="3659" spans="1:8">
      <c r="A3659" s="150"/>
      <c r="B3659" s="162" t="s">
        <v>12903</v>
      </c>
      <c r="C3659" s="1149" t="s">
        <v>12080</v>
      </c>
      <c r="D3659" s="1149" t="s">
        <v>12081</v>
      </c>
      <c r="E3659" s="1149" t="s">
        <v>12082</v>
      </c>
      <c r="F3659" s="1149" t="s">
        <v>643</v>
      </c>
      <c r="G3659" s="150"/>
      <c r="H3659" s="150"/>
    </row>
    <row r="3660" spans="1:8">
      <c r="A3660" s="150"/>
      <c r="B3660" s="163" t="s">
        <v>12877</v>
      </c>
      <c r="C3660" s="1158"/>
      <c r="D3660" s="1158"/>
      <c r="E3660" s="1158"/>
      <c r="F3660" s="1158"/>
      <c r="G3660" s="150"/>
      <c r="H3660" s="150"/>
    </row>
    <row r="3661" spans="1:8" ht="102">
      <c r="A3661" s="150"/>
      <c r="B3661" s="164" t="s">
        <v>32856</v>
      </c>
      <c r="C3661" s="1150"/>
      <c r="D3661" s="1150"/>
      <c r="E3661" s="1150"/>
      <c r="F3661" s="1150"/>
      <c r="G3661" s="150"/>
      <c r="H3661" s="150"/>
    </row>
    <row r="3662" spans="1:8">
      <c r="A3662" s="150"/>
      <c r="B3662" s="162" t="s">
        <v>12904</v>
      </c>
      <c r="C3662" s="1149" t="s">
        <v>12084</v>
      </c>
      <c r="D3662" s="1149" t="s">
        <v>12085</v>
      </c>
      <c r="E3662" s="1149" t="s">
        <v>12086</v>
      </c>
      <c r="F3662" s="1149" t="s">
        <v>10670</v>
      </c>
      <c r="G3662" s="150"/>
      <c r="H3662" s="150"/>
    </row>
    <row r="3663" spans="1:8">
      <c r="A3663" s="150"/>
      <c r="B3663" s="163" t="s">
        <v>12877</v>
      </c>
      <c r="C3663" s="1158"/>
      <c r="D3663" s="1158"/>
      <c r="E3663" s="1158"/>
      <c r="F3663" s="1158"/>
      <c r="G3663" s="150"/>
      <c r="H3663" s="150"/>
    </row>
    <row r="3664" spans="1:8" ht="89.25">
      <c r="A3664" s="150"/>
      <c r="B3664" s="164" t="s">
        <v>32857</v>
      </c>
      <c r="C3664" s="1150"/>
      <c r="D3664" s="1150"/>
      <c r="E3664" s="1150"/>
      <c r="F3664" s="1150"/>
      <c r="G3664" s="150"/>
      <c r="H3664" s="150"/>
    </row>
    <row r="3665" spans="1:8">
      <c r="A3665" s="150"/>
      <c r="B3665" s="162" t="s">
        <v>12905</v>
      </c>
      <c r="C3665" s="1149" t="s">
        <v>12088</v>
      </c>
      <c r="D3665" s="1149" t="s">
        <v>12089</v>
      </c>
      <c r="E3665" s="1149" t="s">
        <v>12090</v>
      </c>
      <c r="F3665" s="1149" t="s">
        <v>643</v>
      </c>
      <c r="G3665" s="150"/>
      <c r="H3665" s="150"/>
    </row>
    <row r="3666" spans="1:8">
      <c r="A3666" s="150"/>
      <c r="B3666" s="163" t="s">
        <v>12877</v>
      </c>
      <c r="C3666" s="1158"/>
      <c r="D3666" s="1158"/>
      <c r="E3666" s="1158"/>
      <c r="F3666" s="1158"/>
      <c r="G3666" s="150"/>
      <c r="H3666" s="150"/>
    </row>
    <row r="3667" spans="1:8" ht="63.75">
      <c r="A3667" s="150"/>
      <c r="B3667" s="164" t="s">
        <v>32858</v>
      </c>
      <c r="C3667" s="1150"/>
      <c r="D3667" s="1150"/>
      <c r="E3667" s="1150"/>
      <c r="F3667" s="1150"/>
      <c r="G3667" s="150"/>
      <c r="H3667" s="150"/>
    </row>
    <row r="3668" spans="1:8" ht="25.5">
      <c r="A3668" s="150"/>
      <c r="B3668" s="162" t="s">
        <v>12906</v>
      </c>
      <c r="C3668" s="1149" t="s">
        <v>12092</v>
      </c>
      <c r="D3668" s="1149" t="s">
        <v>12093</v>
      </c>
      <c r="E3668" s="1149" t="s">
        <v>12094</v>
      </c>
      <c r="F3668" s="1149" t="s">
        <v>643</v>
      </c>
      <c r="G3668" s="150"/>
      <c r="H3668" s="150"/>
    </row>
    <row r="3669" spans="1:8">
      <c r="A3669" s="150"/>
      <c r="B3669" s="163" t="s">
        <v>12877</v>
      </c>
      <c r="C3669" s="1158"/>
      <c r="D3669" s="1158"/>
      <c r="E3669" s="1158"/>
      <c r="F3669" s="1158"/>
      <c r="G3669" s="150"/>
      <c r="H3669" s="150"/>
    </row>
    <row r="3670" spans="1:8" ht="102">
      <c r="A3670" s="150"/>
      <c r="B3670" s="164" t="s">
        <v>32859</v>
      </c>
      <c r="C3670" s="1150"/>
      <c r="D3670" s="1150"/>
      <c r="E3670" s="1150"/>
      <c r="F3670" s="1150"/>
      <c r="G3670" s="150"/>
      <c r="H3670" s="150"/>
    </row>
    <row r="3671" spans="1:8">
      <c r="A3671" s="150"/>
      <c r="B3671" s="162" t="s">
        <v>12907</v>
      </c>
      <c r="C3671" s="1149" t="s">
        <v>12096</v>
      </c>
      <c r="D3671" s="1149" t="s">
        <v>12097</v>
      </c>
      <c r="E3671" s="1149" t="s">
        <v>12098</v>
      </c>
      <c r="F3671" s="1149" t="s">
        <v>643</v>
      </c>
      <c r="G3671" s="150"/>
      <c r="H3671" s="150"/>
    </row>
    <row r="3672" spans="1:8">
      <c r="A3672" s="150"/>
      <c r="B3672" s="163" t="s">
        <v>12877</v>
      </c>
      <c r="C3672" s="1158"/>
      <c r="D3672" s="1158"/>
      <c r="E3672" s="1158"/>
      <c r="F3672" s="1158"/>
      <c r="G3672" s="150"/>
      <c r="H3672" s="150"/>
    </row>
    <row r="3673" spans="1:8" ht="63.75">
      <c r="A3673" s="150"/>
      <c r="B3673" s="164" t="s">
        <v>32860</v>
      </c>
      <c r="C3673" s="1150"/>
      <c r="D3673" s="1150"/>
      <c r="E3673" s="1150"/>
      <c r="F3673" s="1150"/>
      <c r="G3673" s="150"/>
      <c r="H3673" s="150"/>
    </row>
    <row r="3674" spans="1:8" ht="25.5">
      <c r="A3674" s="150"/>
      <c r="B3674" s="162" t="s">
        <v>32861</v>
      </c>
      <c r="C3674" s="1149" t="s">
        <v>12099</v>
      </c>
      <c r="D3674" s="1149" t="s">
        <v>12100</v>
      </c>
      <c r="E3674" s="1149" t="s">
        <v>12101</v>
      </c>
      <c r="F3674" s="1149" t="s">
        <v>643</v>
      </c>
      <c r="G3674" s="150"/>
      <c r="H3674" s="150"/>
    </row>
    <row r="3675" spans="1:8">
      <c r="A3675" s="150"/>
      <c r="B3675" s="164" t="s">
        <v>12890</v>
      </c>
      <c r="C3675" s="1150"/>
      <c r="D3675" s="1150"/>
      <c r="E3675" s="1150"/>
      <c r="F3675" s="1150"/>
      <c r="G3675" s="150"/>
      <c r="H3675" s="150"/>
    </row>
    <row r="3676" spans="1:8" ht="25.5">
      <c r="A3676" s="150"/>
      <c r="B3676" s="162" t="s">
        <v>32862</v>
      </c>
      <c r="C3676" s="1149" t="s">
        <v>12102</v>
      </c>
      <c r="D3676" s="1149" t="s">
        <v>12103</v>
      </c>
      <c r="E3676" s="1149" t="s">
        <v>12104</v>
      </c>
      <c r="F3676" s="1149" t="s">
        <v>643</v>
      </c>
      <c r="G3676" s="150"/>
      <c r="H3676" s="150"/>
    </row>
    <row r="3677" spans="1:8">
      <c r="A3677" s="150"/>
      <c r="B3677" s="163" t="s">
        <v>12877</v>
      </c>
      <c r="C3677" s="1158"/>
      <c r="D3677" s="1158"/>
      <c r="E3677" s="1158"/>
      <c r="F3677" s="1158"/>
      <c r="G3677" s="150"/>
      <c r="H3677" s="150"/>
    </row>
    <row r="3678" spans="1:8" ht="102">
      <c r="A3678" s="150"/>
      <c r="B3678" s="164" t="s">
        <v>32863</v>
      </c>
      <c r="C3678" s="1150"/>
      <c r="D3678" s="1150"/>
      <c r="E3678" s="1150"/>
      <c r="F3678" s="1150"/>
      <c r="G3678" s="150"/>
      <c r="H3678" s="150"/>
    </row>
    <row r="3679" spans="1:8" ht="25.5">
      <c r="A3679" s="150"/>
      <c r="B3679" s="162" t="s">
        <v>32864</v>
      </c>
      <c r="C3679" s="1149" t="s">
        <v>12105</v>
      </c>
      <c r="D3679" s="1149" t="s">
        <v>12106</v>
      </c>
      <c r="E3679" s="1149" t="s">
        <v>12107</v>
      </c>
      <c r="F3679" s="1149" t="s">
        <v>643</v>
      </c>
      <c r="G3679" s="150"/>
      <c r="H3679" s="150"/>
    </row>
    <row r="3680" spans="1:8">
      <c r="A3680" s="150"/>
      <c r="B3680" s="163" t="s">
        <v>12877</v>
      </c>
      <c r="C3680" s="1158"/>
      <c r="D3680" s="1158"/>
      <c r="E3680" s="1158"/>
      <c r="F3680" s="1158"/>
      <c r="G3680" s="150"/>
      <c r="H3680" s="150"/>
    </row>
    <row r="3681" spans="1:8" ht="63.75">
      <c r="A3681" s="150"/>
      <c r="B3681" s="164" t="s">
        <v>32865</v>
      </c>
      <c r="C3681" s="1150"/>
      <c r="D3681" s="1150"/>
      <c r="E3681" s="1150"/>
      <c r="F3681" s="1150"/>
      <c r="G3681" s="150"/>
      <c r="H3681" s="150"/>
    </row>
    <row r="3682" spans="1:8" ht="25.5">
      <c r="A3682" s="150"/>
      <c r="B3682" s="162" t="s">
        <v>12908</v>
      </c>
      <c r="C3682" s="1149" t="s">
        <v>12109</v>
      </c>
      <c r="D3682" s="1149" t="s">
        <v>12110</v>
      </c>
      <c r="E3682" s="1149" t="s">
        <v>12111</v>
      </c>
      <c r="F3682" s="1149" t="s">
        <v>643</v>
      </c>
      <c r="G3682" s="150"/>
      <c r="H3682" s="150"/>
    </row>
    <row r="3683" spans="1:8">
      <c r="A3683" s="150"/>
      <c r="B3683" s="163" t="s">
        <v>12877</v>
      </c>
      <c r="C3683" s="1158"/>
      <c r="D3683" s="1158"/>
      <c r="E3683" s="1158"/>
      <c r="F3683" s="1158"/>
      <c r="G3683" s="150"/>
      <c r="H3683" s="150"/>
    </row>
    <row r="3684" spans="1:8" ht="89.25">
      <c r="A3684" s="150"/>
      <c r="B3684" s="164" t="s">
        <v>32866</v>
      </c>
      <c r="C3684" s="1150"/>
      <c r="D3684" s="1150"/>
      <c r="E3684" s="1150"/>
      <c r="F3684" s="1150"/>
      <c r="G3684" s="150"/>
      <c r="H3684" s="150"/>
    </row>
    <row r="3685" spans="1:8" ht="25.5">
      <c r="A3685" s="150"/>
      <c r="B3685" s="162" t="s">
        <v>12909</v>
      </c>
      <c r="C3685" s="1149" t="s">
        <v>12113</v>
      </c>
      <c r="D3685" s="1149" t="s">
        <v>12114</v>
      </c>
      <c r="E3685" s="1149" t="s">
        <v>12115</v>
      </c>
      <c r="F3685" s="1149" t="s">
        <v>643</v>
      </c>
      <c r="G3685" s="150"/>
      <c r="H3685" s="150"/>
    </row>
    <row r="3686" spans="1:8">
      <c r="A3686" s="150"/>
      <c r="B3686" s="163" t="s">
        <v>12877</v>
      </c>
      <c r="C3686" s="1158"/>
      <c r="D3686" s="1158"/>
      <c r="E3686" s="1158"/>
      <c r="F3686" s="1158"/>
      <c r="G3686" s="150"/>
      <c r="H3686" s="150"/>
    </row>
    <row r="3687" spans="1:8" ht="63.75">
      <c r="A3687" s="150"/>
      <c r="B3687" s="164" t="s">
        <v>32867</v>
      </c>
      <c r="C3687" s="1150"/>
      <c r="D3687" s="1150"/>
      <c r="E3687" s="1150"/>
      <c r="F3687" s="1150"/>
      <c r="G3687" s="150"/>
      <c r="H3687" s="150"/>
    </row>
    <row r="3688" spans="1:8">
      <c r="A3688" s="150"/>
      <c r="B3688" s="162" t="s">
        <v>32868</v>
      </c>
      <c r="C3688" s="1149" t="s">
        <v>12116</v>
      </c>
      <c r="D3688" s="1149" t="s">
        <v>12117</v>
      </c>
      <c r="E3688" s="1149" t="s">
        <v>12118</v>
      </c>
      <c r="F3688" s="1149" t="s">
        <v>643</v>
      </c>
      <c r="G3688" s="150"/>
      <c r="H3688" s="150"/>
    </row>
    <row r="3689" spans="1:8">
      <c r="A3689" s="150"/>
      <c r="B3689" s="163" t="s">
        <v>12877</v>
      </c>
      <c r="C3689" s="1158"/>
      <c r="D3689" s="1158"/>
      <c r="E3689" s="1158"/>
      <c r="F3689" s="1158"/>
      <c r="G3689" s="150"/>
      <c r="H3689" s="150"/>
    </row>
    <row r="3690" spans="1:8" ht="89.25">
      <c r="A3690" s="150"/>
      <c r="B3690" s="164" t="s">
        <v>32869</v>
      </c>
      <c r="C3690" s="1150"/>
      <c r="D3690" s="1150"/>
      <c r="E3690" s="1150"/>
      <c r="F3690" s="1150"/>
      <c r="G3690" s="150"/>
      <c r="H3690" s="150"/>
    </row>
    <row r="3691" spans="1:8">
      <c r="A3691" s="150"/>
      <c r="B3691" s="162" t="s">
        <v>32870</v>
      </c>
      <c r="C3691" s="1149" t="s">
        <v>12119</v>
      </c>
      <c r="D3691" s="1149" t="s">
        <v>12120</v>
      </c>
      <c r="E3691" s="1149" t="s">
        <v>12121</v>
      </c>
      <c r="F3691" s="1149" t="s">
        <v>643</v>
      </c>
      <c r="G3691" s="150"/>
      <c r="H3691" s="150"/>
    </row>
    <row r="3692" spans="1:8">
      <c r="A3692" s="150"/>
      <c r="B3692" s="163" t="s">
        <v>12877</v>
      </c>
      <c r="C3692" s="1158"/>
      <c r="D3692" s="1158"/>
      <c r="E3692" s="1158"/>
      <c r="F3692" s="1158"/>
      <c r="G3692" s="150"/>
      <c r="H3692" s="150"/>
    </row>
    <row r="3693" spans="1:8" ht="76.5">
      <c r="A3693" s="150"/>
      <c r="B3693" s="164" t="s">
        <v>32871</v>
      </c>
      <c r="C3693" s="1150"/>
      <c r="D3693" s="1150"/>
      <c r="E3693" s="1150"/>
      <c r="F3693" s="1150"/>
      <c r="G3693" s="150"/>
      <c r="H3693" s="150"/>
    </row>
    <row r="3694" spans="1:8">
      <c r="A3694" s="150"/>
      <c r="B3694" s="162" t="s">
        <v>32872</v>
      </c>
      <c r="C3694" s="1149" t="s">
        <v>12122</v>
      </c>
      <c r="D3694" s="1149" t="s">
        <v>12123</v>
      </c>
      <c r="E3694" s="1149" t="s">
        <v>12124</v>
      </c>
      <c r="F3694" s="1149" t="s">
        <v>643</v>
      </c>
      <c r="G3694" s="150"/>
      <c r="H3694" s="150"/>
    </row>
    <row r="3695" spans="1:8">
      <c r="A3695" s="150"/>
      <c r="B3695" s="163" t="s">
        <v>12877</v>
      </c>
      <c r="C3695" s="1158"/>
      <c r="D3695" s="1158"/>
      <c r="E3695" s="1158"/>
      <c r="F3695" s="1158"/>
      <c r="G3695" s="150"/>
      <c r="H3695" s="150"/>
    </row>
    <row r="3696" spans="1:8" ht="102">
      <c r="A3696" s="150"/>
      <c r="B3696" s="164" t="s">
        <v>32873</v>
      </c>
      <c r="C3696" s="1150"/>
      <c r="D3696" s="1150"/>
      <c r="E3696" s="1150"/>
      <c r="F3696" s="1150"/>
      <c r="G3696" s="150"/>
      <c r="H3696" s="150"/>
    </row>
    <row r="3697" spans="1:8" ht="25.5">
      <c r="A3697" s="150"/>
      <c r="B3697" s="162" t="s">
        <v>12910</v>
      </c>
      <c r="C3697" s="1149" t="s">
        <v>12126</v>
      </c>
      <c r="D3697" s="1149" t="s">
        <v>12127</v>
      </c>
      <c r="E3697" s="1149" t="s">
        <v>12128</v>
      </c>
      <c r="F3697" s="1149" t="s">
        <v>643</v>
      </c>
      <c r="G3697" s="150"/>
      <c r="H3697" s="150"/>
    </row>
    <row r="3698" spans="1:8">
      <c r="A3698" s="150"/>
      <c r="B3698" s="163" t="s">
        <v>12877</v>
      </c>
      <c r="C3698" s="1158"/>
      <c r="D3698" s="1158"/>
      <c r="E3698" s="1158"/>
      <c r="F3698" s="1158"/>
      <c r="G3698" s="150"/>
      <c r="H3698" s="150"/>
    </row>
    <row r="3699" spans="1:8" ht="89.25">
      <c r="A3699" s="150"/>
      <c r="B3699" s="164" t="s">
        <v>32874</v>
      </c>
      <c r="C3699" s="1150"/>
      <c r="D3699" s="1150"/>
      <c r="E3699" s="1150"/>
      <c r="F3699" s="1150"/>
      <c r="G3699" s="150"/>
      <c r="H3699" s="150"/>
    </row>
    <row r="3700" spans="1:8">
      <c r="A3700" s="150"/>
      <c r="B3700" s="162" t="s">
        <v>32875</v>
      </c>
      <c r="C3700" s="1149" t="s">
        <v>12129</v>
      </c>
      <c r="D3700" s="1149" t="s">
        <v>12130</v>
      </c>
      <c r="E3700" s="1149" t="s">
        <v>12131</v>
      </c>
      <c r="F3700" s="1149" t="s">
        <v>643</v>
      </c>
      <c r="G3700" s="150"/>
      <c r="H3700" s="150"/>
    </row>
    <row r="3701" spans="1:8">
      <c r="A3701" s="150"/>
      <c r="B3701" s="163" t="s">
        <v>12877</v>
      </c>
      <c r="C3701" s="1158"/>
      <c r="D3701" s="1158"/>
      <c r="E3701" s="1158"/>
      <c r="F3701" s="1158"/>
      <c r="G3701" s="150"/>
      <c r="H3701" s="150"/>
    </row>
    <row r="3702" spans="1:8" ht="63.75">
      <c r="A3702" s="150"/>
      <c r="B3702" s="164" t="s">
        <v>32876</v>
      </c>
      <c r="C3702" s="1150"/>
      <c r="D3702" s="1150"/>
      <c r="E3702" s="1150"/>
      <c r="F3702" s="1150"/>
      <c r="G3702" s="150"/>
      <c r="H3702" s="150"/>
    </row>
    <row r="3703" spans="1:8">
      <c r="A3703" s="150"/>
      <c r="B3703" s="162" t="s">
        <v>12911</v>
      </c>
      <c r="C3703" s="1149" t="s">
        <v>12133</v>
      </c>
      <c r="D3703" s="1149" t="s">
        <v>12134</v>
      </c>
      <c r="E3703" s="1149" t="s">
        <v>12135</v>
      </c>
      <c r="F3703" s="1149" t="s">
        <v>643</v>
      </c>
      <c r="G3703" s="150"/>
      <c r="H3703" s="150"/>
    </row>
    <row r="3704" spans="1:8">
      <c r="A3704" s="150"/>
      <c r="B3704" s="163" t="s">
        <v>12912</v>
      </c>
      <c r="C3704" s="1158"/>
      <c r="D3704" s="1158"/>
      <c r="E3704" s="1158"/>
      <c r="F3704" s="1158"/>
      <c r="G3704" s="150"/>
      <c r="H3704" s="150"/>
    </row>
    <row r="3705" spans="1:8" ht="38.25">
      <c r="A3705" s="150"/>
      <c r="B3705" s="164" t="s">
        <v>13616</v>
      </c>
      <c r="C3705" s="1150"/>
      <c r="D3705" s="1150"/>
      <c r="E3705" s="1150"/>
      <c r="F3705" s="1150"/>
      <c r="G3705" s="150"/>
      <c r="H3705" s="150"/>
    </row>
    <row r="3706" spans="1:8" ht="25.5">
      <c r="A3706" s="150"/>
      <c r="B3706" s="162" t="s">
        <v>32877</v>
      </c>
      <c r="C3706" s="1149" t="s">
        <v>12136</v>
      </c>
      <c r="D3706" s="1149" t="s">
        <v>12137</v>
      </c>
      <c r="E3706" s="1149" t="s">
        <v>12138</v>
      </c>
      <c r="F3706" s="1149" t="s">
        <v>643</v>
      </c>
      <c r="G3706" s="150"/>
      <c r="H3706" s="150"/>
    </row>
    <row r="3707" spans="1:8">
      <c r="A3707" s="150"/>
      <c r="B3707" s="163" t="s">
        <v>12877</v>
      </c>
      <c r="C3707" s="1158"/>
      <c r="D3707" s="1158"/>
      <c r="E3707" s="1158"/>
      <c r="F3707" s="1158"/>
      <c r="G3707" s="150"/>
      <c r="H3707" s="150"/>
    </row>
    <row r="3708" spans="1:8" ht="63.75">
      <c r="A3708" s="150"/>
      <c r="B3708" s="164" t="s">
        <v>32878</v>
      </c>
      <c r="C3708" s="1150"/>
      <c r="D3708" s="1150"/>
      <c r="E3708" s="1150"/>
      <c r="F3708" s="1150"/>
      <c r="G3708" s="150"/>
      <c r="H3708" s="150"/>
    </row>
    <row r="3709" spans="1:8" ht="25.5">
      <c r="A3709" s="150"/>
      <c r="B3709" s="162" t="s">
        <v>12913</v>
      </c>
      <c r="C3709" s="1149" t="s">
        <v>12140</v>
      </c>
      <c r="D3709" s="1149" t="s">
        <v>12141</v>
      </c>
      <c r="E3709" s="1149" t="s">
        <v>12142</v>
      </c>
      <c r="F3709" s="1149" t="s">
        <v>643</v>
      </c>
      <c r="G3709" s="150"/>
      <c r="H3709" s="150"/>
    </row>
    <row r="3710" spans="1:8">
      <c r="A3710" s="150"/>
      <c r="B3710" s="163" t="s">
        <v>12877</v>
      </c>
      <c r="C3710" s="1158"/>
      <c r="D3710" s="1158"/>
      <c r="E3710" s="1158"/>
      <c r="F3710" s="1158"/>
      <c r="G3710" s="150"/>
      <c r="H3710" s="150"/>
    </row>
    <row r="3711" spans="1:8" ht="76.5">
      <c r="A3711" s="150"/>
      <c r="B3711" s="164" t="s">
        <v>32879</v>
      </c>
      <c r="C3711" s="1150"/>
      <c r="D3711" s="1150"/>
      <c r="E3711" s="1150"/>
      <c r="F3711" s="1150"/>
      <c r="G3711" s="150"/>
      <c r="H3711" s="150"/>
    </row>
    <row r="3712" spans="1:8" ht="25.5">
      <c r="A3712" s="150"/>
      <c r="B3712" s="162" t="s">
        <v>12914</v>
      </c>
      <c r="C3712" s="1149" t="s">
        <v>12144</v>
      </c>
      <c r="D3712" s="1149" t="s">
        <v>12145</v>
      </c>
      <c r="E3712" s="1149" t="s">
        <v>12146</v>
      </c>
      <c r="F3712" s="1149" t="s">
        <v>643</v>
      </c>
      <c r="G3712" s="150"/>
      <c r="H3712" s="150"/>
    </row>
    <row r="3713" spans="1:8">
      <c r="A3713" s="150"/>
      <c r="B3713" s="163" t="s">
        <v>12877</v>
      </c>
      <c r="C3713" s="1158"/>
      <c r="D3713" s="1158"/>
      <c r="E3713" s="1158"/>
      <c r="F3713" s="1158"/>
      <c r="G3713" s="150"/>
      <c r="H3713" s="150"/>
    </row>
    <row r="3714" spans="1:8" ht="89.25">
      <c r="A3714" s="150"/>
      <c r="B3714" s="164" t="s">
        <v>32880</v>
      </c>
      <c r="C3714" s="1150"/>
      <c r="D3714" s="1150"/>
      <c r="E3714" s="1150"/>
      <c r="F3714" s="1150"/>
      <c r="G3714" s="150"/>
      <c r="H3714" s="150"/>
    </row>
    <row r="3715" spans="1:8" ht="25.5">
      <c r="A3715" s="150"/>
      <c r="B3715" s="162" t="s">
        <v>12915</v>
      </c>
      <c r="C3715" s="1149" t="s">
        <v>12148</v>
      </c>
      <c r="D3715" s="1149" t="s">
        <v>12149</v>
      </c>
      <c r="E3715" s="1149" t="s">
        <v>12150</v>
      </c>
      <c r="F3715" s="1149" t="s">
        <v>643</v>
      </c>
      <c r="G3715" s="150"/>
      <c r="H3715" s="150"/>
    </row>
    <row r="3716" spans="1:8">
      <c r="A3716" s="150"/>
      <c r="B3716" s="163" t="s">
        <v>12877</v>
      </c>
      <c r="C3716" s="1158"/>
      <c r="D3716" s="1158"/>
      <c r="E3716" s="1158"/>
      <c r="F3716" s="1158"/>
      <c r="G3716" s="150"/>
      <c r="H3716" s="150"/>
    </row>
    <row r="3717" spans="1:8" ht="76.5">
      <c r="A3717" s="150"/>
      <c r="B3717" s="164" t="s">
        <v>32881</v>
      </c>
      <c r="C3717" s="1150"/>
      <c r="D3717" s="1150"/>
      <c r="E3717" s="1150"/>
      <c r="F3717" s="1150"/>
      <c r="G3717" s="150"/>
      <c r="H3717" s="150"/>
    </row>
    <row r="3718" spans="1:8" ht="25.5">
      <c r="A3718" s="150"/>
      <c r="B3718" s="162" t="s">
        <v>32882</v>
      </c>
      <c r="C3718" s="1149" t="s">
        <v>12151</v>
      </c>
      <c r="D3718" s="1149" t="s">
        <v>12152</v>
      </c>
      <c r="E3718" s="1149" t="s">
        <v>12153</v>
      </c>
      <c r="F3718" s="1149" t="s">
        <v>643</v>
      </c>
      <c r="G3718" s="150"/>
      <c r="H3718" s="150"/>
    </row>
    <row r="3719" spans="1:8">
      <c r="A3719" s="150"/>
      <c r="B3719" s="163" t="s">
        <v>12877</v>
      </c>
      <c r="C3719" s="1158"/>
      <c r="D3719" s="1158"/>
      <c r="E3719" s="1158"/>
      <c r="F3719" s="1158"/>
      <c r="G3719" s="150"/>
      <c r="H3719" s="150"/>
    </row>
    <row r="3720" spans="1:8" ht="89.25">
      <c r="A3720" s="150"/>
      <c r="B3720" s="164" t="s">
        <v>32883</v>
      </c>
      <c r="C3720" s="1150"/>
      <c r="D3720" s="1150"/>
      <c r="E3720" s="1150"/>
      <c r="F3720" s="1150"/>
      <c r="G3720" s="150"/>
      <c r="H3720" s="150"/>
    </row>
    <row r="3721" spans="1:8" ht="25.5">
      <c r="A3721" s="150"/>
      <c r="B3721" s="162" t="s">
        <v>32884</v>
      </c>
      <c r="C3721" s="1149" t="s">
        <v>12154</v>
      </c>
      <c r="D3721" s="1149" t="s">
        <v>12155</v>
      </c>
      <c r="E3721" s="1149" t="s">
        <v>12156</v>
      </c>
      <c r="F3721" s="1149" t="s">
        <v>643</v>
      </c>
      <c r="G3721" s="150"/>
      <c r="H3721" s="150"/>
    </row>
    <row r="3722" spans="1:8">
      <c r="A3722" s="150"/>
      <c r="B3722" s="163" t="s">
        <v>12877</v>
      </c>
      <c r="C3722" s="1158"/>
      <c r="D3722" s="1158"/>
      <c r="E3722" s="1158"/>
      <c r="F3722" s="1158"/>
      <c r="G3722" s="150"/>
      <c r="H3722" s="150"/>
    </row>
    <row r="3723" spans="1:8" ht="89.25">
      <c r="A3723" s="150"/>
      <c r="B3723" s="164" t="s">
        <v>32885</v>
      </c>
      <c r="C3723" s="1150"/>
      <c r="D3723" s="1150"/>
      <c r="E3723" s="1150"/>
      <c r="F3723" s="1150"/>
      <c r="G3723" s="150"/>
      <c r="H3723" s="150"/>
    </row>
    <row r="3724" spans="1:8" ht="25.5">
      <c r="A3724" s="150"/>
      <c r="B3724" s="162" t="s">
        <v>12916</v>
      </c>
      <c r="C3724" s="1149" t="s">
        <v>12158</v>
      </c>
      <c r="D3724" s="1149" t="s">
        <v>12159</v>
      </c>
      <c r="E3724" s="1149" t="s">
        <v>12160</v>
      </c>
      <c r="F3724" s="1149" t="s">
        <v>643</v>
      </c>
      <c r="G3724" s="150"/>
      <c r="H3724" s="150"/>
    </row>
    <row r="3725" spans="1:8">
      <c r="A3725" s="150"/>
      <c r="B3725" s="163" t="s">
        <v>12877</v>
      </c>
      <c r="C3725" s="1158"/>
      <c r="D3725" s="1158"/>
      <c r="E3725" s="1158"/>
      <c r="F3725" s="1158"/>
      <c r="G3725" s="150"/>
      <c r="H3725" s="150"/>
    </row>
    <row r="3726" spans="1:8" ht="76.5">
      <c r="A3726" s="150"/>
      <c r="B3726" s="164" t="s">
        <v>32886</v>
      </c>
      <c r="C3726" s="1150"/>
      <c r="D3726" s="1150"/>
      <c r="E3726" s="1150"/>
      <c r="F3726" s="1150"/>
      <c r="G3726" s="150"/>
      <c r="H3726" s="150"/>
    </row>
    <row r="3727" spans="1:8">
      <c r="A3727" s="150"/>
      <c r="B3727" s="162" t="s">
        <v>12917</v>
      </c>
      <c r="C3727" s="1149" t="s">
        <v>12162</v>
      </c>
      <c r="D3727" s="1149" t="s">
        <v>12163</v>
      </c>
      <c r="E3727" s="1149" t="s">
        <v>12164</v>
      </c>
      <c r="F3727" s="1149" t="s">
        <v>643</v>
      </c>
      <c r="G3727" s="150"/>
      <c r="H3727" s="150"/>
    </row>
    <row r="3728" spans="1:8">
      <c r="A3728" s="150"/>
      <c r="B3728" s="163" t="s">
        <v>12877</v>
      </c>
      <c r="C3728" s="1158"/>
      <c r="D3728" s="1158"/>
      <c r="E3728" s="1158"/>
      <c r="F3728" s="1158"/>
      <c r="G3728" s="150"/>
      <c r="H3728" s="150"/>
    </row>
    <row r="3729" spans="1:8" ht="89.25">
      <c r="A3729" s="150"/>
      <c r="B3729" s="164" t="s">
        <v>32887</v>
      </c>
      <c r="C3729" s="1150"/>
      <c r="D3729" s="1150"/>
      <c r="E3729" s="1150"/>
      <c r="F3729" s="1150"/>
      <c r="G3729" s="150"/>
      <c r="H3729" s="150"/>
    </row>
    <row r="3730" spans="1:8">
      <c r="A3730" s="150"/>
      <c r="B3730" s="162" t="s">
        <v>32888</v>
      </c>
      <c r="C3730" s="1149" t="s">
        <v>12165</v>
      </c>
      <c r="D3730" s="1149" t="s">
        <v>12166</v>
      </c>
      <c r="E3730" s="1149" t="s">
        <v>12167</v>
      </c>
      <c r="F3730" s="1149" t="s">
        <v>643</v>
      </c>
      <c r="G3730" s="150"/>
      <c r="H3730" s="150"/>
    </row>
    <row r="3731" spans="1:8">
      <c r="A3731" s="150"/>
      <c r="B3731" s="163" t="s">
        <v>12877</v>
      </c>
      <c r="C3731" s="1158"/>
      <c r="D3731" s="1158"/>
      <c r="E3731" s="1158"/>
      <c r="F3731" s="1158"/>
      <c r="G3731" s="150"/>
      <c r="H3731" s="150"/>
    </row>
    <row r="3732" spans="1:8" ht="51">
      <c r="A3732" s="150"/>
      <c r="B3732" s="164" t="s">
        <v>32889</v>
      </c>
      <c r="C3732" s="1150"/>
      <c r="D3732" s="1150"/>
      <c r="E3732" s="1150"/>
      <c r="F3732" s="1150"/>
      <c r="G3732" s="150"/>
      <c r="H3732" s="150"/>
    </row>
    <row r="3733" spans="1:8">
      <c r="A3733" s="150"/>
      <c r="B3733" s="162" t="s">
        <v>32890</v>
      </c>
      <c r="C3733" s="1149" t="s">
        <v>12168</v>
      </c>
      <c r="D3733" s="1149" t="s">
        <v>12169</v>
      </c>
      <c r="E3733" s="1149" t="s">
        <v>12170</v>
      </c>
      <c r="F3733" s="1149" t="s">
        <v>643</v>
      </c>
      <c r="G3733" s="150"/>
      <c r="H3733" s="150"/>
    </row>
    <row r="3734" spans="1:8">
      <c r="A3734" s="150"/>
      <c r="B3734" s="163" t="s">
        <v>12877</v>
      </c>
      <c r="C3734" s="1158"/>
      <c r="D3734" s="1158"/>
      <c r="E3734" s="1158"/>
      <c r="F3734" s="1158"/>
      <c r="G3734" s="150"/>
      <c r="H3734" s="150"/>
    </row>
    <row r="3735" spans="1:8" ht="76.5">
      <c r="A3735" s="150"/>
      <c r="B3735" s="164" t="s">
        <v>32891</v>
      </c>
      <c r="C3735" s="1150"/>
      <c r="D3735" s="1150"/>
      <c r="E3735" s="1150"/>
      <c r="F3735" s="1150"/>
      <c r="G3735" s="150"/>
      <c r="H3735" s="150"/>
    </row>
    <row r="3736" spans="1:8">
      <c r="A3736" s="150"/>
      <c r="B3736" s="162" t="s">
        <v>12918</v>
      </c>
      <c r="C3736" s="1149" t="s">
        <v>12172</v>
      </c>
      <c r="D3736" s="1149" t="s">
        <v>12173</v>
      </c>
      <c r="E3736" s="1149" t="s">
        <v>12174</v>
      </c>
      <c r="F3736" s="1149" t="s">
        <v>643</v>
      </c>
      <c r="G3736" s="150"/>
      <c r="H3736" s="150"/>
    </row>
    <row r="3737" spans="1:8">
      <c r="A3737" s="150"/>
      <c r="B3737" s="163" t="s">
        <v>12877</v>
      </c>
      <c r="C3737" s="1158"/>
      <c r="D3737" s="1158"/>
      <c r="E3737" s="1158"/>
      <c r="F3737" s="1158"/>
      <c r="G3737" s="150"/>
      <c r="H3737" s="150"/>
    </row>
    <row r="3738" spans="1:8" ht="102">
      <c r="A3738" s="150"/>
      <c r="B3738" s="164" t="s">
        <v>32892</v>
      </c>
      <c r="C3738" s="1150"/>
      <c r="D3738" s="1150"/>
      <c r="E3738" s="1150"/>
      <c r="F3738" s="1150"/>
      <c r="G3738" s="150"/>
      <c r="H3738" s="150"/>
    </row>
    <row r="3739" spans="1:8">
      <c r="A3739" s="150"/>
      <c r="B3739" s="162" t="s">
        <v>32893</v>
      </c>
      <c r="C3739" s="1149" t="s">
        <v>12175</v>
      </c>
      <c r="D3739" s="1149" t="s">
        <v>12176</v>
      </c>
      <c r="E3739" s="1149" t="s">
        <v>12177</v>
      </c>
      <c r="F3739" s="1149" t="s">
        <v>643</v>
      </c>
      <c r="G3739" s="150"/>
      <c r="H3739" s="150"/>
    </row>
    <row r="3740" spans="1:8">
      <c r="A3740" s="150"/>
      <c r="B3740" s="164" t="s">
        <v>12890</v>
      </c>
      <c r="C3740" s="1150"/>
      <c r="D3740" s="1150"/>
      <c r="E3740" s="1150"/>
      <c r="F3740" s="1150"/>
      <c r="G3740" s="150"/>
      <c r="H3740" s="150"/>
    </row>
    <row r="3741" spans="1:8">
      <c r="A3741" s="150"/>
      <c r="B3741" s="162" t="s">
        <v>32894</v>
      </c>
      <c r="C3741" s="1149" t="s">
        <v>12178</v>
      </c>
      <c r="D3741" s="1149" t="s">
        <v>12179</v>
      </c>
      <c r="E3741" s="1149" t="s">
        <v>12180</v>
      </c>
      <c r="F3741" s="1149" t="s">
        <v>643</v>
      </c>
      <c r="G3741" s="150"/>
      <c r="H3741" s="150"/>
    </row>
    <row r="3742" spans="1:8">
      <c r="A3742" s="150"/>
      <c r="B3742" s="164" t="s">
        <v>12890</v>
      </c>
      <c r="C3742" s="1150"/>
      <c r="D3742" s="1150"/>
      <c r="E3742" s="1150"/>
      <c r="F3742" s="1150"/>
      <c r="G3742" s="150"/>
      <c r="H3742" s="150"/>
    </row>
    <row r="3743" spans="1:8">
      <c r="A3743" s="150"/>
      <c r="B3743" s="162" t="s">
        <v>32895</v>
      </c>
      <c r="C3743" s="1149" t="s">
        <v>12181</v>
      </c>
      <c r="D3743" s="1149" t="s">
        <v>12182</v>
      </c>
      <c r="E3743" s="1149" t="s">
        <v>12183</v>
      </c>
      <c r="F3743" s="1149" t="s">
        <v>643</v>
      </c>
      <c r="G3743" s="150"/>
      <c r="H3743" s="150"/>
    </row>
    <row r="3744" spans="1:8">
      <c r="A3744" s="150"/>
      <c r="B3744" s="164" t="s">
        <v>12890</v>
      </c>
      <c r="C3744" s="1150"/>
      <c r="D3744" s="1150"/>
      <c r="E3744" s="1150"/>
      <c r="F3744" s="1150"/>
      <c r="G3744" s="150"/>
      <c r="H3744" s="150"/>
    </row>
    <row r="3745" spans="1:8">
      <c r="A3745" s="150"/>
      <c r="B3745" s="1159" t="s">
        <v>8508</v>
      </c>
      <c r="C3745" s="1160"/>
      <c r="D3745" s="1160"/>
      <c r="E3745" s="1160"/>
      <c r="F3745" s="1161"/>
      <c r="G3745" s="150"/>
      <c r="H3745" s="150"/>
    </row>
    <row r="3746" spans="1:8">
      <c r="A3746" s="150"/>
      <c r="B3746" s="183"/>
      <c r="C3746" s="150"/>
      <c r="D3746" s="150"/>
      <c r="E3746" s="150"/>
      <c r="F3746" s="150"/>
      <c r="G3746" s="150"/>
      <c r="H3746" s="150"/>
    </row>
    <row r="3747" spans="1:8">
      <c r="A3747" s="150"/>
      <c r="B3747" s="183"/>
      <c r="C3747" s="150"/>
      <c r="D3747" s="150"/>
      <c r="E3747" s="150"/>
      <c r="F3747" s="150"/>
      <c r="G3747" s="150"/>
      <c r="H3747" s="150"/>
    </row>
    <row r="3748" spans="1:8">
      <c r="A3748" s="150"/>
      <c r="B3748" s="183"/>
      <c r="C3748" s="150"/>
      <c r="D3748" s="150"/>
      <c r="E3748" s="150"/>
      <c r="F3748" s="150"/>
      <c r="G3748" s="150"/>
      <c r="H3748" s="150"/>
    </row>
    <row r="3749" spans="1:8" ht="15.75">
      <c r="A3749" s="150"/>
      <c r="B3749" s="151" t="s">
        <v>12919</v>
      </c>
      <c r="C3749" s="150"/>
      <c r="D3749" s="150"/>
      <c r="E3749" s="150"/>
      <c r="F3749" s="150"/>
      <c r="G3749" s="150"/>
      <c r="H3749" s="150"/>
    </row>
    <row r="3750" spans="1:8" ht="15.75">
      <c r="A3750" s="150"/>
      <c r="B3750" s="152" t="s">
        <v>31942</v>
      </c>
      <c r="C3750" s="150"/>
      <c r="D3750" s="150"/>
      <c r="E3750" s="150"/>
      <c r="F3750" s="150"/>
      <c r="G3750" s="150"/>
      <c r="H3750" s="150"/>
    </row>
    <row r="3751" spans="1:8" ht="15.75">
      <c r="A3751" s="150"/>
      <c r="B3751" s="199" t="s">
        <v>31946</v>
      </c>
      <c r="C3751" s="150"/>
      <c r="D3751" s="150"/>
      <c r="E3751" s="150"/>
      <c r="F3751" s="150"/>
      <c r="G3751" s="150"/>
      <c r="H3751" s="150"/>
    </row>
    <row r="3752" spans="1:8" ht="15.75">
      <c r="A3752" s="150"/>
      <c r="B3752" s="152" t="s">
        <v>8508</v>
      </c>
      <c r="C3752" s="150"/>
      <c r="D3752" s="150"/>
      <c r="E3752" s="150"/>
      <c r="F3752" s="150"/>
      <c r="G3752" s="150"/>
      <c r="H3752" s="150"/>
    </row>
    <row r="3753" spans="1:8" ht="15">
      <c r="A3753" s="150"/>
      <c r="B3753" s="154"/>
      <c r="C3753" s="150"/>
      <c r="D3753" s="150"/>
      <c r="E3753" s="150"/>
      <c r="F3753" s="150"/>
      <c r="G3753" s="150"/>
      <c r="H3753" s="150"/>
    </row>
    <row r="3754" spans="1:8" ht="15">
      <c r="A3754" s="150"/>
      <c r="B3754" s="154"/>
      <c r="C3754" s="150"/>
      <c r="D3754" s="150"/>
      <c r="E3754" s="150"/>
      <c r="F3754" s="150"/>
      <c r="G3754" s="150"/>
      <c r="H3754" s="150"/>
    </row>
    <row r="3755" spans="1:8">
      <c r="A3755" s="150"/>
      <c r="B3755" s="193" t="s">
        <v>9044</v>
      </c>
      <c r="C3755" s="194" t="s">
        <v>9045</v>
      </c>
      <c r="D3755" s="194" t="s">
        <v>8</v>
      </c>
      <c r="E3755" s="194" t="s">
        <v>8349</v>
      </c>
      <c r="F3755" s="194" t="s">
        <v>9046</v>
      </c>
      <c r="G3755" s="150"/>
      <c r="H3755" s="150"/>
    </row>
    <row r="3756" spans="1:8">
      <c r="A3756" s="150"/>
      <c r="B3756" s="195" t="s">
        <v>12920</v>
      </c>
      <c r="C3756" s="196" t="s">
        <v>12921</v>
      </c>
      <c r="D3756" s="196" t="s">
        <v>12922</v>
      </c>
      <c r="E3756" s="196" t="s">
        <v>12923</v>
      </c>
      <c r="F3756" s="196"/>
      <c r="G3756" s="150"/>
      <c r="H3756" s="150"/>
    </row>
    <row r="3757" spans="1:8">
      <c r="A3757" s="150"/>
      <c r="B3757" s="195" t="s">
        <v>4265</v>
      </c>
      <c r="C3757" s="196" t="s">
        <v>12924</v>
      </c>
      <c r="D3757" s="196" t="s">
        <v>12925</v>
      </c>
      <c r="E3757" s="196" t="s">
        <v>4260</v>
      </c>
      <c r="F3757" s="196"/>
      <c r="G3757" s="150"/>
      <c r="H3757" s="150"/>
    </row>
    <row r="3758" spans="1:8">
      <c r="A3758" s="150"/>
      <c r="B3758" s="1159" t="s">
        <v>31587</v>
      </c>
      <c r="C3758" s="1160"/>
      <c r="D3758" s="1160"/>
      <c r="E3758" s="1160"/>
      <c r="F3758" s="1161"/>
      <c r="G3758" s="150"/>
      <c r="H3758" s="150"/>
    </row>
    <row r="3759" spans="1:8" ht="25.5">
      <c r="A3759" s="150"/>
      <c r="B3759" s="195" t="s">
        <v>9124</v>
      </c>
      <c r="C3759" s="196" t="s">
        <v>9125</v>
      </c>
      <c r="D3759" s="196" t="s">
        <v>9126</v>
      </c>
      <c r="E3759" s="196" t="s">
        <v>9127</v>
      </c>
      <c r="F3759" s="196"/>
      <c r="G3759" s="150"/>
      <c r="H3759" s="150"/>
    </row>
    <row r="3760" spans="1:8">
      <c r="A3760" s="150"/>
      <c r="B3760" s="195" t="s">
        <v>4659</v>
      </c>
      <c r="C3760" s="196" t="s">
        <v>9298</v>
      </c>
      <c r="D3760" s="196" t="s">
        <v>8356</v>
      </c>
      <c r="E3760" s="196" t="s">
        <v>4660</v>
      </c>
      <c r="F3760" s="196"/>
      <c r="G3760" s="150"/>
      <c r="H3760" s="150"/>
    </row>
    <row r="3761" spans="1:8">
      <c r="A3761" s="150"/>
      <c r="B3761" s="1159" t="s">
        <v>8508</v>
      </c>
      <c r="C3761" s="1160"/>
      <c r="D3761" s="1160"/>
      <c r="E3761" s="1160"/>
      <c r="F3761" s="1161"/>
      <c r="G3761" s="150"/>
      <c r="H3761" s="150"/>
    </row>
    <row r="3762" spans="1:8" ht="25.5">
      <c r="A3762" s="150"/>
      <c r="B3762" s="195" t="s">
        <v>12926</v>
      </c>
      <c r="C3762" s="196" t="s">
        <v>12927</v>
      </c>
      <c r="D3762" s="196"/>
      <c r="E3762" s="196"/>
      <c r="F3762" s="196" t="s">
        <v>32896</v>
      </c>
      <c r="G3762" s="150"/>
      <c r="H3762" s="150"/>
    </row>
    <row r="3763" spans="1:8">
      <c r="A3763" s="150"/>
      <c r="B3763" s="195" t="s">
        <v>4</v>
      </c>
      <c r="C3763" s="196" t="s">
        <v>12928</v>
      </c>
      <c r="D3763" s="196"/>
      <c r="E3763" s="196"/>
      <c r="F3763" s="196" t="s">
        <v>32896</v>
      </c>
      <c r="G3763" s="150"/>
      <c r="H3763" s="150"/>
    </row>
    <row r="3764" spans="1:8">
      <c r="A3764" s="150"/>
      <c r="B3764" s="195" t="s">
        <v>4174</v>
      </c>
      <c r="C3764" s="196" t="s">
        <v>12929</v>
      </c>
      <c r="D3764" s="196" t="s">
        <v>398</v>
      </c>
      <c r="E3764" s="196" t="s">
        <v>399</v>
      </c>
      <c r="F3764" s="196"/>
      <c r="G3764" s="150"/>
      <c r="H3764" s="150"/>
    </row>
    <row r="3765" spans="1:8">
      <c r="A3765" s="150"/>
      <c r="B3765" s="195" t="s">
        <v>512</v>
      </c>
      <c r="C3765" s="196" t="s">
        <v>10259</v>
      </c>
      <c r="D3765" s="196" t="s">
        <v>513</v>
      </c>
      <c r="E3765" s="196" t="s">
        <v>514</v>
      </c>
      <c r="F3765" s="196"/>
      <c r="G3765" s="150"/>
      <c r="H3765" s="150"/>
    </row>
    <row r="3766" spans="1:8">
      <c r="A3766" s="150"/>
      <c r="B3766" s="195" t="s">
        <v>148</v>
      </c>
      <c r="C3766" s="196" t="s">
        <v>12930</v>
      </c>
      <c r="D3766" s="196" t="s">
        <v>149</v>
      </c>
      <c r="E3766" s="196" t="s">
        <v>150</v>
      </c>
      <c r="F3766" s="196"/>
      <c r="G3766" s="150"/>
      <c r="H3766" s="150"/>
    </row>
    <row r="3767" spans="1:8">
      <c r="A3767" s="150"/>
      <c r="B3767" s="195" t="s">
        <v>12931</v>
      </c>
      <c r="C3767" s="196" t="s">
        <v>12932</v>
      </c>
      <c r="D3767" s="196" t="s">
        <v>12933</v>
      </c>
      <c r="E3767" s="196" t="s">
        <v>4337</v>
      </c>
      <c r="F3767" s="196"/>
      <c r="G3767" s="150"/>
      <c r="H3767" s="150"/>
    </row>
    <row r="3768" spans="1:8">
      <c r="A3768" s="150"/>
      <c r="B3768" s="195" t="s">
        <v>4162</v>
      </c>
      <c r="C3768" s="196" t="s">
        <v>12934</v>
      </c>
      <c r="D3768" s="196" t="s">
        <v>12935</v>
      </c>
      <c r="E3768" s="196" t="s">
        <v>4368</v>
      </c>
      <c r="F3768" s="196"/>
      <c r="G3768" s="150"/>
      <c r="H3768" s="150"/>
    </row>
    <row r="3769" spans="1:8">
      <c r="A3769" s="150"/>
      <c r="B3769" s="195" t="s">
        <v>12936</v>
      </c>
      <c r="C3769" s="196" t="s">
        <v>12937</v>
      </c>
      <c r="D3769" s="196" t="s">
        <v>356</v>
      </c>
      <c r="E3769" s="196" t="s">
        <v>357</v>
      </c>
      <c r="F3769" s="196"/>
      <c r="G3769" s="150"/>
      <c r="H3769" s="150"/>
    </row>
    <row r="3770" spans="1:8">
      <c r="A3770" s="150"/>
      <c r="B3770" s="162" t="s">
        <v>10261</v>
      </c>
      <c r="C3770" s="1149" t="s">
        <v>10263</v>
      </c>
      <c r="D3770" s="1149" t="s">
        <v>519</v>
      </c>
      <c r="E3770" s="1149" t="s">
        <v>520</v>
      </c>
      <c r="F3770" s="1149"/>
      <c r="G3770" s="150"/>
      <c r="H3770" s="150"/>
    </row>
    <row r="3771" spans="1:8" ht="25.5">
      <c r="A3771" s="150"/>
      <c r="B3771" s="164" t="s">
        <v>12938</v>
      </c>
      <c r="C3771" s="1150"/>
      <c r="D3771" s="1150"/>
      <c r="E3771" s="1150"/>
      <c r="F3771" s="1150"/>
      <c r="G3771" s="150"/>
      <c r="H3771" s="150"/>
    </row>
    <row r="3772" spans="1:8">
      <c r="A3772" s="150"/>
      <c r="B3772" s="162" t="s">
        <v>10265</v>
      </c>
      <c r="C3772" s="1149" t="s">
        <v>10267</v>
      </c>
      <c r="D3772" s="1149" t="s">
        <v>516</v>
      </c>
      <c r="E3772" s="1149" t="s">
        <v>517</v>
      </c>
      <c r="F3772" s="1149"/>
      <c r="G3772" s="150"/>
      <c r="H3772" s="150"/>
    </row>
    <row r="3773" spans="1:8" ht="25.5">
      <c r="A3773" s="150"/>
      <c r="B3773" s="164" t="s">
        <v>12939</v>
      </c>
      <c r="C3773" s="1150"/>
      <c r="D3773" s="1150"/>
      <c r="E3773" s="1150"/>
      <c r="F3773" s="1150"/>
      <c r="G3773" s="150"/>
      <c r="H3773" s="150"/>
    </row>
    <row r="3774" spans="1:8">
      <c r="A3774" s="150"/>
      <c r="B3774" s="195" t="s">
        <v>563</v>
      </c>
      <c r="C3774" s="196" t="s">
        <v>9492</v>
      </c>
      <c r="D3774" s="196" t="s">
        <v>564</v>
      </c>
      <c r="E3774" s="196" t="s">
        <v>565</v>
      </c>
      <c r="F3774" s="196"/>
      <c r="G3774" s="150"/>
      <c r="H3774" s="150"/>
    </row>
    <row r="3775" spans="1:8">
      <c r="A3775" s="150"/>
      <c r="B3775" s="1159" t="s">
        <v>31593</v>
      </c>
      <c r="C3775" s="1160"/>
      <c r="D3775" s="1160"/>
      <c r="E3775" s="1160"/>
      <c r="F3775" s="1161"/>
      <c r="G3775" s="150"/>
      <c r="H3775" s="150"/>
    </row>
    <row r="3776" spans="1:8">
      <c r="A3776" s="150"/>
      <c r="B3776" s="162" t="s">
        <v>13900</v>
      </c>
      <c r="C3776" s="1149" t="s">
        <v>13739</v>
      </c>
      <c r="D3776" s="1149" t="s">
        <v>13740</v>
      </c>
      <c r="E3776" s="1149" t="s">
        <v>4145</v>
      </c>
      <c r="F3776" s="1149"/>
      <c r="G3776" s="150"/>
      <c r="H3776" s="150"/>
    </row>
    <row r="3777" spans="1:8">
      <c r="A3777" s="150"/>
      <c r="B3777" s="164" t="s">
        <v>14166</v>
      </c>
      <c r="C3777" s="1150"/>
      <c r="D3777" s="1150"/>
      <c r="E3777" s="1150"/>
      <c r="F3777" s="1150"/>
      <c r="G3777" s="150"/>
      <c r="H3777" s="150"/>
    </row>
    <row r="3778" spans="1:8">
      <c r="A3778" s="150"/>
      <c r="B3778" s="162" t="s">
        <v>13901</v>
      </c>
      <c r="C3778" s="1149" t="s">
        <v>13741</v>
      </c>
      <c r="D3778" s="1149" t="s">
        <v>13740</v>
      </c>
      <c r="E3778" s="1149" t="s">
        <v>4145</v>
      </c>
      <c r="F3778" s="1149"/>
      <c r="G3778" s="150"/>
      <c r="H3778" s="150"/>
    </row>
    <row r="3779" spans="1:8">
      <c r="A3779" s="150"/>
      <c r="B3779" s="164" t="s">
        <v>28855</v>
      </c>
      <c r="C3779" s="1150"/>
      <c r="D3779" s="1150"/>
      <c r="E3779" s="1150"/>
      <c r="F3779" s="1150"/>
      <c r="G3779" s="150"/>
      <c r="H3779" s="150"/>
    </row>
    <row r="3780" spans="1:8">
      <c r="A3780" s="150"/>
      <c r="B3780" s="1159" t="s">
        <v>8508</v>
      </c>
      <c r="C3780" s="1160"/>
      <c r="D3780" s="1160"/>
      <c r="E3780" s="1160"/>
      <c r="F3780" s="1161"/>
      <c r="G3780" s="150"/>
      <c r="H3780" s="150"/>
    </row>
    <row r="3781" spans="1:8">
      <c r="A3781" s="150"/>
      <c r="B3781" s="195" t="s">
        <v>10298</v>
      </c>
      <c r="C3781" s="196" t="s">
        <v>10299</v>
      </c>
      <c r="D3781" s="196" t="s">
        <v>10300</v>
      </c>
      <c r="E3781" s="198">
        <v>35407</v>
      </c>
      <c r="F3781" s="196"/>
      <c r="G3781" s="150"/>
      <c r="H3781" s="150"/>
    </row>
    <row r="3782" spans="1:8">
      <c r="A3782" s="150"/>
      <c r="B3782" s="195" t="s">
        <v>12940</v>
      </c>
      <c r="C3782" s="196" t="s">
        <v>12941</v>
      </c>
      <c r="D3782" s="196" t="s">
        <v>12942</v>
      </c>
      <c r="E3782" s="196" t="s">
        <v>12943</v>
      </c>
      <c r="F3782" s="194" t="s">
        <v>32154</v>
      </c>
      <c r="G3782" s="150"/>
      <c r="H3782" s="150"/>
    </row>
    <row r="3783" spans="1:8">
      <c r="A3783" s="150"/>
      <c r="B3783" s="1159" t="s">
        <v>31593</v>
      </c>
      <c r="C3783" s="1160"/>
      <c r="D3783" s="1160"/>
      <c r="E3783" s="1160"/>
      <c r="F3783" s="1161"/>
      <c r="G3783" s="150"/>
      <c r="H3783" s="150"/>
    </row>
    <row r="3784" spans="1:8">
      <c r="A3784" s="150"/>
      <c r="B3784" s="162" t="s">
        <v>13902</v>
      </c>
      <c r="C3784" s="1149" t="s">
        <v>12944</v>
      </c>
      <c r="D3784" s="159" t="s">
        <v>13745</v>
      </c>
      <c r="E3784" s="159" t="s">
        <v>13748</v>
      </c>
      <c r="F3784" s="1149"/>
      <c r="G3784" s="150"/>
      <c r="H3784" s="150"/>
    </row>
    <row r="3785" spans="1:8" ht="25.5">
      <c r="A3785" s="150"/>
      <c r="B3785" s="163" t="s">
        <v>13742</v>
      </c>
      <c r="C3785" s="1158"/>
      <c r="D3785" s="160" t="s">
        <v>13746</v>
      </c>
      <c r="E3785" s="160" t="s">
        <v>13749</v>
      </c>
      <c r="F3785" s="1158"/>
      <c r="G3785" s="150"/>
      <c r="H3785" s="150"/>
    </row>
    <row r="3786" spans="1:8" ht="25.5">
      <c r="A3786" s="150"/>
      <c r="B3786" s="163" t="s">
        <v>13743</v>
      </c>
      <c r="C3786" s="1158"/>
      <c r="D3786" s="160" t="s">
        <v>13747</v>
      </c>
      <c r="E3786" s="160" t="s">
        <v>13903</v>
      </c>
      <c r="F3786" s="1158"/>
      <c r="G3786" s="150"/>
      <c r="H3786" s="150"/>
    </row>
    <row r="3787" spans="1:8" ht="25.5">
      <c r="A3787" s="150"/>
      <c r="B3787" s="164" t="s">
        <v>13744</v>
      </c>
      <c r="C3787" s="1150"/>
      <c r="D3787" s="165"/>
      <c r="E3787" s="165"/>
      <c r="F3787" s="1150"/>
      <c r="G3787" s="150"/>
      <c r="H3787" s="150"/>
    </row>
    <row r="3788" spans="1:8">
      <c r="A3788" s="150"/>
      <c r="B3788" s="1159" t="s">
        <v>31593</v>
      </c>
      <c r="C3788" s="1160"/>
      <c r="D3788" s="1160"/>
      <c r="E3788" s="1160"/>
      <c r="F3788" s="1161"/>
      <c r="G3788" s="150"/>
      <c r="H3788" s="150"/>
    </row>
    <row r="3789" spans="1:8">
      <c r="A3789" s="150"/>
      <c r="B3789" s="162" t="s">
        <v>13904</v>
      </c>
      <c r="C3789" s="1149" t="s">
        <v>13736</v>
      </c>
      <c r="D3789" s="1149" t="s">
        <v>13737</v>
      </c>
      <c r="E3789" s="1149" t="s">
        <v>13738</v>
      </c>
      <c r="F3789" s="1149"/>
      <c r="G3789" s="150"/>
      <c r="H3789" s="150"/>
    </row>
    <row r="3790" spans="1:8" ht="25.5">
      <c r="A3790" s="150"/>
      <c r="B3790" s="164" t="s">
        <v>13735</v>
      </c>
      <c r="C3790" s="1150"/>
      <c r="D3790" s="1150"/>
      <c r="E3790" s="1150"/>
      <c r="F3790" s="1150"/>
      <c r="G3790" s="150"/>
      <c r="H3790" s="150"/>
    </row>
    <row r="3791" spans="1:8">
      <c r="A3791" s="150"/>
      <c r="B3791" s="1159" t="s">
        <v>8508</v>
      </c>
      <c r="C3791" s="1160"/>
      <c r="D3791" s="1160"/>
      <c r="E3791" s="1160"/>
      <c r="F3791" s="1161"/>
      <c r="G3791" s="150"/>
      <c r="H3791" s="150"/>
    </row>
    <row r="3792" spans="1:8">
      <c r="A3792" s="150"/>
      <c r="B3792" s="195" t="s">
        <v>12945</v>
      </c>
      <c r="C3792" s="196" t="s">
        <v>12946</v>
      </c>
      <c r="D3792" s="196" t="s">
        <v>404</v>
      </c>
      <c r="E3792" s="196" t="s">
        <v>405</v>
      </c>
      <c r="F3792" s="196"/>
      <c r="G3792" s="150"/>
      <c r="H3792" s="150"/>
    </row>
    <row r="3793" spans="1:8">
      <c r="A3793" s="150"/>
      <c r="B3793" s="183"/>
      <c r="C3793" s="150"/>
      <c r="D3793" s="150"/>
      <c r="E3793" s="150"/>
      <c r="F3793" s="150"/>
      <c r="G3793" s="150"/>
      <c r="H3793" s="150"/>
    </row>
    <row r="3794" spans="1:8">
      <c r="A3794" s="150"/>
      <c r="B3794" s="183"/>
      <c r="C3794" s="150"/>
      <c r="D3794" s="150"/>
      <c r="E3794" s="150"/>
      <c r="F3794" s="150"/>
      <c r="G3794" s="150"/>
      <c r="H3794" s="150"/>
    </row>
    <row r="3795" spans="1:8">
      <c r="A3795" s="150"/>
      <c r="B3795" s="183"/>
      <c r="C3795" s="150"/>
      <c r="D3795" s="150"/>
      <c r="E3795" s="150"/>
      <c r="F3795" s="150"/>
      <c r="G3795" s="150"/>
      <c r="H3795" s="150"/>
    </row>
    <row r="3796" spans="1:8" ht="15.75">
      <c r="A3796" s="150"/>
      <c r="B3796" s="151" t="s">
        <v>27363</v>
      </c>
      <c r="C3796" s="150"/>
      <c r="D3796" s="150"/>
      <c r="E3796" s="150"/>
      <c r="F3796" s="150"/>
      <c r="G3796" s="150"/>
      <c r="H3796" s="150"/>
    </row>
    <row r="3797" spans="1:8" ht="15.75">
      <c r="A3797" s="150"/>
      <c r="B3797" s="152" t="s">
        <v>31942</v>
      </c>
      <c r="C3797" s="150"/>
      <c r="D3797" s="150"/>
      <c r="E3797" s="150"/>
      <c r="F3797" s="150"/>
      <c r="G3797" s="150"/>
      <c r="H3797" s="150"/>
    </row>
    <row r="3798" spans="1:8" ht="15.75">
      <c r="A3798" s="150"/>
      <c r="B3798" s="199" t="s">
        <v>31947</v>
      </c>
      <c r="C3798" s="150"/>
      <c r="D3798" s="150"/>
      <c r="E3798" s="150"/>
      <c r="F3798" s="150"/>
      <c r="G3798" s="150"/>
      <c r="H3798" s="150"/>
    </row>
    <row r="3799" spans="1:8" ht="15.75">
      <c r="A3799" s="150"/>
      <c r="B3799" s="152" t="s">
        <v>8508</v>
      </c>
      <c r="C3799" s="150"/>
      <c r="D3799" s="150"/>
      <c r="E3799" s="150"/>
      <c r="F3799" s="150"/>
      <c r="G3799" s="150"/>
      <c r="H3799" s="150"/>
    </row>
    <row r="3800" spans="1:8" ht="15">
      <c r="A3800" s="150"/>
      <c r="B3800" s="154"/>
      <c r="C3800" s="150"/>
      <c r="D3800" s="150"/>
      <c r="E3800" s="150"/>
      <c r="F3800" s="150"/>
      <c r="G3800" s="150"/>
      <c r="H3800" s="150"/>
    </row>
    <row r="3801" spans="1:8" ht="15">
      <c r="A3801" s="150"/>
      <c r="B3801" s="154"/>
      <c r="C3801" s="150"/>
      <c r="D3801" s="150"/>
      <c r="E3801" s="150"/>
      <c r="F3801" s="150"/>
      <c r="G3801" s="150"/>
      <c r="H3801" s="150"/>
    </row>
    <row r="3802" spans="1:8">
      <c r="A3802" s="150"/>
      <c r="B3802" s="193" t="s">
        <v>9044</v>
      </c>
      <c r="C3802" s="194" t="s">
        <v>9045</v>
      </c>
      <c r="D3802" s="194" t="s">
        <v>8</v>
      </c>
      <c r="E3802" s="194" t="s">
        <v>8349</v>
      </c>
      <c r="F3802" s="194" t="s">
        <v>9046</v>
      </c>
      <c r="G3802" s="150"/>
      <c r="H3802" s="150"/>
    </row>
    <row r="3803" spans="1:8">
      <c r="A3803" s="150"/>
      <c r="B3803" s="1159" t="s">
        <v>31587</v>
      </c>
      <c r="C3803" s="1160"/>
      <c r="D3803" s="1160"/>
      <c r="E3803" s="1160"/>
      <c r="F3803" s="1161"/>
      <c r="G3803" s="150"/>
      <c r="H3803" s="150"/>
    </row>
    <row r="3804" spans="1:8">
      <c r="A3804" s="150"/>
      <c r="B3804" s="195" t="s">
        <v>3406</v>
      </c>
      <c r="C3804" s="196" t="s">
        <v>12947</v>
      </c>
      <c r="D3804" s="196" t="s">
        <v>12948</v>
      </c>
      <c r="E3804" s="196" t="s">
        <v>3407</v>
      </c>
      <c r="F3804" s="196"/>
      <c r="G3804" s="150"/>
      <c r="H3804" s="150"/>
    </row>
    <row r="3805" spans="1:8">
      <c r="A3805" s="150"/>
      <c r="B3805" s="195" t="s">
        <v>12949</v>
      </c>
      <c r="C3805" s="1149" t="s">
        <v>12950</v>
      </c>
      <c r="D3805" s="196" t="s">
        <v>12951</v>
      </c>
      <c r="E3805" s="196" t="s">
        <v>12952</v>
      </c>
      <c r="F3805" s="1149"/>
      <c r="G3805" s="150"/>
      <c r="H3805" s="150"/>
    </row>
    <row r="3806" spans="1:8" ht="25.5">
      <c r="A3806" s="150"/>
      <c r="B3806" s="195" t="s">
        <v>32897</v>
      </c>
      <c r="C3806" s="1150"/>
      <c r="D3806" s="196" t="s">
        <v>12953</v>
      </c>
      <c r="E3806" s="196" t="s">
        <v>12954</v>
      </c>
      <c r="F3806" s="1150"/>
      <c r="G3806" s="150"/>
      <c r="H3806" s="150"/>
    </row>
    <row r="3807" spans="1:8">
      <c r="A3807" s="150"/>
      <c r="B3807" s="162" t="s">
        <v>12955</v>
      </c>
      <c r="C3807" s="1149" t="s">
        <v>12957</v>
      </c>
      <c r="D3807" s="1149" t="s">
        <v>351</v>
      </c>
      <c r="E3807" s="1149" t="s">
        <v>352</v>
      </c>
      <c r="F3807" s="1149"/>
      <c r="G3807" s="150"/>
      <c r="H3807" s="150"/>
    </row>
    <row r="3808" spans="1:8">
      <c r="A3808" s="150"/>
      <c r="B3808" s="164" t="s">
        <v>12956</v>
      </c>
      <c r="C3808" s="1150"/>
      <c r="D3808" s="1150"/>
      <c r="E3808" s="1150"/>
      <c r="F3808" s="1150"/>
      <c r="G3808" s="150"/>
      <c r="H3808" s="150"/>
    </row>
    <row r="3809" spans="1:8">
      <c r="A3809" s="150"/>
      <c r="B3809" s="195" t="s">
        <v>12958</v>
      </c>
      <c r="C3809" s="1149" t="s">
        <v>12959</v>
      </c>
      <c r="D3809" s="196"/>
      <c r="E3809" s="196"/>
      <c r="F3809" s="1149"/>
      <c r="G3809" s="150"/>
      <c r="H3809" s="150"/>
    </row>
    <row r="3810" spans="1:8">
      <c r="A3810" s="150"/>
      <c r="B3810" s="195" t="s">
        <v>12960</v>
      </c>
      <c r="C3810" s="1158"/>
      <c r="D3810" s="196" t="s">
        <v>12961</v>
      </c>
      <c r="E3810" s="196" t="s">
        <v>12962</v>
      </c>
      <c r="F3810" s="1158"/>
      <c r="G3810" s="150"/>
      <c r="H3810" s="150"/>
    </row>
    <row r="3811" spans="1:8">
      <c r="A3811" s="150"/>
      <c r="B3811" s="195" t="s">
        <v>12963</v>
      </c>
      <c r="C3811" s="1158"/>
      <c r="D3811" s="196" t="s">
        <v>12964</v>
      </c>
      <c r="E3811" s="196" t="s">
        <v>12965</v>
      </c>
      <c r="F3811" s="1158"/>
      <c r="G3811" s="150"/>
      <c r="H3811" s="150"/>
    </row>
    <row r="3812" spans="1:8">
      <c r="A3812" s="150"/>
      <c r="B3812" s="195" t="s">
        <v>12966</v>
      </c>
      <c r="C3812" s="1150"/>
      <c r="D3812" s="196" t="s">
        <v>12967</v>
      </c>
      <c r="E3812" s="196" t="s">
        <v>12968</v>
      </c>
      <c r="F3812" s="1150"/>
      <c r="G3812" s="150"/>
      <c r="H3812" s="150"/>
    </row>
    <row r="3813" spans="1:8">
      <c r="A3813" s="150"/>
      <c r="B3813" s="162" t="s">
        <v>12969</v>
      </c>
      <c r="C3813" s="1149" t="s">
        <v>12971</v>
      </c>
      <c r="D3813" s="1149" t="s">
        <v>472</v>
      </c>
      <c r="E3813" s="1149" t="s">
        <v>1773</v>
      </c>
      <c r="F3813" s="1149"/>
      <c r="G3813" s="150"/>
      <c r="H3813" s="150"/>
    </row>
    <row r="3814" spans="1:8">
      <c r="A3814" s="150"/>
      <c r="B3814" s="164" t="s">
        <v>12970</v>
      </c>
      <c r="C3814" s="1150"/>
      <c r="D3814" s="1150"/>
      <c r="E3814" s="1150"/>
      <c r="F3814" s="1150"/>
      <c r="G3814" s="150"/>
      <c r="H3814" s="150"/>
    </row>
    <row r="3815" spans="1:8">
      <c r="A3815" s="150"/>
      <c r="B3815" s="162" t="s">
        <v>12972</v>
      </c>
      <c r="C3815" s="1149" t="s">
        <v>12974</v>
      </c>
      <c r="D3815" s="1149" t="s">
        <v>472</v>
      </c>
      <c r="E3815" s="1149" t="s">
        <v>1775</v>
      </c>
      <c r="F3815" s="1149"/>
      <c r="G3815" s="150"/>
      <c r="H3815" s="150"/>
    </row>
    <row r="3816" spans="1:8">
      <c r="A3816" s="150"/>
      <c r="B3816" s="164" t="s">
        <v>12973</v>
      </c>
      <c r="C3816" s="1150"/>
      <c r="D3816" s="1150"/>
      <c r="E3816" s="1150"/>
      <c r="F3816" s="1150"/>
      <c r="G3816" s="150"/>
      <c r="H3816" s="150"/>
    </row>
    <row r="3817" spans="1:8">
      <c r="A3817" s="150"/>
      <c r="B3817" s="195" t="s">
        <v>12975</v>
      </c>
      <c r="C3817" s="1149" t="s">
        <v>12976</v>
      </c>
      <c r="D3817" s="196" t="s">
        <v>12977</v>
      </c>
      <c r="E3817" s="196" t="s">
        <v>12978</v>
      </c>
      <c r="F3817" s="1149"/>
      <c r="G3817" s="150"/>
      <c r="H3817" s="150"/>
    </row>
    <row r="3818" spans="1:8">
      <c r="A3818" s="150"/>
      <c r="B3818" s="195" t="s">
        <v>12979</v>
      </c>
      <c r="C3818" s="1158"/>
      <c r="D3818" s="196" t="s">
        <v>12980</v>
      </c>
      <c r="E3818" s="196" t="s">
        <v>12981</v>
      </c>
      <c r="F3818" s="1158"/>
      <c r="G3818" s="150"/>
      <c r="H3818" s="150"/>
    </row>
    <row r="3819" spans="1:8">
      <c r="A3819" s="150"/>
      <c r="B3819" s="162" t="s">
        <v>12982</v>
      </c>
      <c r="C3819" s="1158"/>
      <c r="D3819" s="1149"/>
      <c r="E3819" s="1149"/>
      <c r="F3819" s="1158"/>
      <c r="G3819" s="150"/>
      <c r="H3819" s="150"/>
    </row>
    <row r="3820" spans="1:8" ht="25.5">
      <c r="A3820" s="150"/>
      <c r="B3820" s="164" t="s">
        <v>13617</v>
      </c>
      <c r="C3820" s="1150"/>
      <c r="D3820" s="1150"/>
      <c r="E3820" s="1150"/>
      <c r="F3820" s="1150"/>
      <c r="G3820" s="150"/>
      <c r="H3820" s="150"/>
    </row>
    <row r="3821" spans="1:8">
      <c r="A3821" s="150"/>
      <c r="B3821" s="195" t="s">
        <v>12975</v>
      </c>
      <c r="C3821" s="1149" t="s">
        <v>12983</v>
      </c>
      <c r="D3821" s="196" t="s">
        <v>12977</v>
      </c>
      <c r="E3821" s="196" t="s">
        <v>12978</v>
      </c>
      <c r="F3821" s="1149"/>
      <c r="G3821" s="150"/>
      <c r="H3821" s="150"/>
    </row>
    <row r="3822" spans="1:8">
      <c r="A3822" s="150"/>
      <c r="B3822" s="195" t="s">
        <v>12979</v>
      </c>
      <c r="C3822" s="1158"/>
      <c r="D3822" s="196" t="s">
        <v>12980</v>
      </c>
      <c r="E3822" s="196" t="s">
        <v>12981</v>
      </c>
      <c r="F3822" s="1158"/>
      <c r="G3822" s="150"/>
      <c r="H3822" s="150"/>
    </row>
    <row r="3823" spans="1:8">
      <c r="A3823" s="150"/>
      <c r="B3823" s="162" t="s">
        <v>12982</v>
      </c>
      <c r="C3823" s="1158"/>
      <c r="D3823" s="1149"/>
      <c r="E3823" s="1149"/>
      <c r="F3823" s="1158"/>
      <c r="G3823" s="150"/>
      <c r="H3823" s="150"/>
    </row>
    <row r="3824" spans="1:8" ht="25.5">
      <c r="A3824" s="150"/>
      <c r="B3824" s="164" t="s">
        <v>28538</v>
      </c>
      <c r="C3824" s="1150"/>
      <c r="D3824" s="1150"/>
      <c r="E3824" s="1150"/>
      <c r="F3824" s="1150"/>
      <c r="G3824" s="150"/>
      <c r="H3824" s="150"/>
    </row>
    <row r="3825" spans="1:8" ht="25.5">
      <c r="A3825" s="150"/>
      <c r="B3825" s="195" t="s">
        <v>32898</v>
      </c>
      <c r="C3825" s="1149" t="s">
        <v>12984</v>
      </c>
      <c r="D3825" s="196" t="s">
        <v>12977</v>
      </c>
      <c r="E3825" s="196" t="s">
        <v>12985</v>
      </c>
      <c r="F3825" s="1149"/>
      <c r="G3825" s="150"/>
      <c r="H3825" s="150"/>
    </row>
    <row r="3826" spans="1:8">
      <c r="A3826" s="150"/>
      <c r="B3826" s="195" t="s">
        <v>12986</v>
      </c>
      <c r="C3826" s="1158"/>
      <c r="D3826" s="196" t="s">
        <v>12987</v>
      </c>
      <c r="E3826" s="196" t="s">
        <v>12988</v>
      </c>
      <c r="F3826" s="1158"/>
      <c r="G3826" s="150"/>
      <c r="H3826" s="150"/>
    </row>
    <row r="3827" spans="1:8">
      <c r="A3827" s="150"/>
      <c r="B3827" s="195" t="s">
        <v>32899</v>
      </c>
      <c r="C3827" s="1158"/>
      <c r="D3827" s="196" t="s">
        <v>12989</v>
      </c>
      <c r="E3827" s="196" t="s">
        <v>12990</v>
      </c>
      <c r="F3827" s="1158"/>
      <c r="G3827" s="150"/>
      <c r="H3827" s="150"/>
    </row>
    <row r="3828" spans="1:8">
      <c r="A3828" s="150"/>
      <c r="B3828" s="162" t="s">
        <v>12991</v>
      </c>
      <c r="C3828" s="1158"/>
      <c r="D3828" s="1149"/>
      <c r="E3828" s="1149"/>
      <c r="F3828" s="1158"/>
      <c r="G3828" s="150"/>
      <c r="H3828" s="150"/>
    </row>
    <row r="3829" spans="1:8" ht="25.5">
      <c r="A3829" s="150"/>
      <c r="B3829" s="164" t="s">
        <v>13617</v>
      </c>
      <c r="C3829" s="1150"/>
      <c r="D3829" s="1150"/>
      <c r="E3829" s="1150"/>
      <c r="F3829" s="1150"/>
      <c r="G3829" s="150"/>
      <c r="H3829" s="150"/>
    </row>
    <row r="3830" spans="1:8" ht="25.5">
      <c r="A3830" s="150"/>
      <c r="B3830" s="195" t="s">
        <v>32900</v>
      </c>
      <c r="C3830" s="1149" t="s">
        <v>12992</v>
      </c>
      <c r="D3830" s="196" t="s">
        <v>12977</v>
      </c>
      <c r="E3830" s="196" t="s">
        <v>12985</v>
      </c>
      <c r="F3830" s="1149"/>
      <c r="G3830" s="150"/>
      <c r="H3830" s="150"/>
    </row>
    <row r="3831" spans="1:8">
      <c r="A3831" s="150"/>
      <c r="B3831" s="195" t="s">
        <v>12986</v>
      </c>
      <c r="C3831" s="1158"/>
      <c r="D3831" s="196" t="s">
        <v>12987</v>
      </c>
      <c r="E3831" s="196" t="s">
        <v>12988</v>
      </c>
      <c r="F3831" s="1158"/>
      <c r="G3831" s="150"/>
      <c r="H3831" s="150"/>
    </row>
    <row r="3832" spans="1:8">
      <c r="A3832" s="150"/>
      <c r="B3832" s="195" t="s">
        <v>32899</v>
      </c>
      <c r="C3832" s="1158"/>
      <c r="D3832" s="196" t="s">
        <v>12989</v>
      </c>
      <c r="E3832" s="196" t="s">
        <v>12990</v>
      </c>
      <c r="F3832" s="1158"/>
      <c r="G3832" s="150"/>
      <c r="H3832" s="150"/>
    </row>
    <row r="3833" spans="1:8">
      <c r="A3833" s="150"/>
      <c r="B3833" s="162" t="s">
        <v>12991</v>
      </c>
      <c r="C3833" s="1158"/>
      <c r="D3833" s="1149"/>
      <c r="E3833" s="1149"/>
      <c r="F3833" s="1158"/>
      <c r="G3833" s="150"/>
      <c r="H3833" s="150"/>
    </row>
    <row r="3834" spans="1:8" ht="25.5">
      <c r="A3834" s="150"/>
      <c r="B3834" s="164" t="s">
        <v>28538</v>
      </c>
      <c r="C3834" s="1150"/>
      <c r="D3834" s="1150"/>
      <c r="E3834" s="1150"/>
      <c r="F3834" s="1150"/>
      <c r="G3834" s="150"/>
      <c r="H3834" s="150"/>
    </row>
    <row r="3835" spans="1:8">
      <c r="A3835" s="150"/>
      <c r="B3835" s="195" t="s">
        <v>12993</v>
      </c>
      <c r="C3835" s="1149" t="s">
        <v>12994</v>
      </c>
      <c r="D3835" s="196" t="s">
        <v>12995</v>
      </c>
      <c r="E3835" s="196" t="s">
        <v>12996</v>
      </c>
      <c r="F3835" s="1149"/>
      <c r="G3835" s="150"/>
      <c r="H3835" s="150"/>
    </row>
    <row r="3836" spans="1:8">
      <c r="A3836" s="150"/>
      <c r="B3836" s="195" t="s">
        <v>12997</v>
      </c>
      <c r="C3836" s="1158"/>
      <c r="D3836" s="196" t="s">
        <v>12987</v>
      </c>
      <c r="E3836" s="196" t="s">
        <v>12998</v>
      </c>
      <c r="F3836" s="1158"/>
      <c r="G3836" s="150"/>
      <c r="H3836" s="150"/>
    </row>
    <row r="3837" spans="1:8" ht="25.5">
      <c r="A3837" s="150"/>
      <c r="B3837" s="195" t="s">
        <v>32901</v>
      </c>
      <c r="C3837" s="1158"/>
      <c r="D3837" s="196" t="s">
        <v>12989</v>
      </c>
      <c r="E3837" s="196" t="s">
        <v>12999</v>
      </c>
      <c r="F3837" s="1158"/>
      <c r="G3837" s="150"/>
      <c r="H3837" s="150"/>
    </row>
    <row r="3838" spans="1:8">
      <c r="A3838" s="150"/>
      <c r="B3838" s="162" t="s">
        <v>12982</v>
      </c>
      <c r="C3838" s="1158"/>
      <c r="D3838" s="1149"/>
      <c r="E3838" s="1149"/>
      <c r="F3838" s="1158"/>
      <c r="G3838" s="150"/>
      <c r="H3838" s="150"/>
    </row>
    <row r="3839" spans="1:8" ht="25.5">
      <c r="A3839" s="150"/>
      <c r="B3839" s="164" t="s">
        <v>13617</v>
      </c>
      <c r="C3839" s="1150"/>
      <c r="D3839" s="1150"/>
      <c r="E3839" s="1150"/>
      <c r="F3839" s="1150"/>
      <c r="G3839" s="150"/>
      <c r="H3839" s="150"/>
    </row>
    <row r="3840" spans="1:8">
      <c r="A3840" s="150"/>
      <c r="B3840" s="195" t="s">
        <v>12993</v>
      </c>
      <c r="C3840" s="1149" t="s">
        <v>13000</v>
      </c>
      <c r="D3840" s="196" t="s">
        <v>12995</v>
      </c>
      <c r="E3840" s="196" t="s">
        <v>12996</v>
      </c>
      <c r="F3840" s="1149"/>
      <c r="G3840" s="150"/>
      <c r="H3840" s="150"/>
    </row>
    <row r="3841" spans="1:8">
      <c r="A3841" s="150"/>
      <c r="B3841" s="195" t="s">
        <v>12997</v>
      </c>
      <c r="C3841" s="1158"/>
      <c r="D3841" s="196" t="s">
        <v>12987</v>
      </c>
      <c r="E3841" s="196" t="s">
        <v>12998</v>
      </c>
      <c r="F3841" s="1158"/>
      <c r="G3841" s="150"/>
      <c r="H3841" s="150"/>
    </row>
    <row r="3842" spans="1:8" ht="25.5">
      <c r="A3842" s="150"/>
      <c r="B3842" s="195" t="s">
        <v>32901</v>
      </c>
      <c r="C3842" s="1158"/>
      <c r="D3842" s="196" t="s">
        <v>12989</v>
      </c>
      <c r="E3842" s="196" t="s">
        <v>12999</v>
      </c>
      <c r="F3842" s="1158"/>
      <c r="G3842" s="150"/>
      <c r="H3842" s="150"/>
    </row>
    <row r="3843" spans="1:8">
      <c r="A3843" s="150"/>
      <c r="B3843" s="162" t="s">
        <v>12982</v>
      </c>
      <c r="C3843" s="1158"/>
      <c r="D3843" s="1149"/>
      <c r="E3843" s="1149"/>
      <c r="F3843" s="1158"/>
      <c r="G3843" s="150"/>
      <c r="H3843" s="150"/>
    </row>
    <row r="3844" spans="1:8" ht="25.5">
      <c r="A3844" s="150"/>
      <c r="B3844" s="164" t="s">
        <v>28538</v>
      </c>
      <c r="C3844" s="1158"/>
      <c r="D3844" s="1150"/>
      <c r="E3844" s="1150"/>
      <c r="F3844" s="1158"/>
      <c r="G3844" s="150"/>
      <c r="H3844" s="150"/>
    </row>
    <row r="3845" spans="1:8">
      <c r="A3845" s="150"/>
      <c r="B3845" s="197" t="s">
        <v>31593</v>
      </c>
      <c r="C3845" s="1150"/>
      <c r="D3845" s="150"/>
      <c r="E3845" s="150"/>
      <c r="F3845" s="1150"/>
      <c r="G3845" s="150"/>
      <c r="H3845" s="150"/>
    </row>
    <row r="3846" spans="1:8">
      <c r="A3846" s="150"/>
      <c r="B3846" s="162" t="s">
        <v>13905</v>
      </c>
      <c r="C3846" s="1149" t="s">
        <v>13769</v>
      </c>
      <c r="D3846" s="159" t="s">
        <v>13770</v>
      </c>
      <c r="E3846" s="159" t="s">
        <v>13772</v>
      </c>
      <c r="F3846" s="1149"/>
      <c r="G3846" s="150"/>
      <c r="H3846" s="150"/>
    </row>
    <row r="3847" spans="1:8">
      <c r="A3847" s="150"/>
      <c r="B3847" s="164" t="s">
        <v>13906</v>
      </c>
      <c r="C3847" s="1150"/>
      <c r="D3847" s="161" t="s">
        <v>13771</v>
      </c>
      <c r="E3847" s="161" t="s">
        <v>13773</v>
      </c>
      <c r="F3847" s="1150"/>
      <c r="G3847" s="150"/>
      <c r="H3847" s="150"/>
    </row>
    <row r="3848" spans="1:8">
      <c r="A3848" s="150"/>
      <c r="B3848" s="1159" t="s">
        <v>8508</v>
      </c>
      <c r="C3848" s="1160"/>
      <c r="D3848" s="1160"/>
      <c r="E3848" s="1160"/>
      <c r="F3848" s="1161"/>
      <c r="G3848" s="150"/>
      <c r="H3848" s="150"/>
    </row>
    <row r="3849" spans="1:8">
      <c r="A3849" s="150"/>
      <c r="B3849" s="162" t="s">
        <v>13001</v>
      </c>
      <c r="C3849" s="1149" t="s">
        <v>13003</v>
      </c>
      <c r="D3849" s="1149" t="s">
        <v>13004</v>
      </c>
      <c r="E3849" s="1149" t="s">
        <v>13005</v>
      </c>
      <c r="F3849" s="1163" t="s">
        <v>32154</v>
      </c>
      <c r="G3849" s="150"/>
      <c r="H3849" s="150"/>
    </row>
    <row r="3850" spans="1:8">
      <c r="A3850" s="150"/>
      <c r="B3850" s="164" t="s">
        <v>13002</v>
      </c>
      <c r="C3850" s="1150"/>
      <c r="D3850" s="1150"/>
      <c r="E3850" s="1150"/>
      <c r="F3850" s="1164"/>
      <c r="G3850" s="150"/>
      <c r="H3850" s="150"/>
    </row>
    <row r="3851" spans="1:8" ht="25.5">
      <c r="A3851" s="150"/>
      <c r="B3851" s="195" t="s">
        <v>13006</v>
      </c>
      <c r="C3851" s="196" t="s">
        <v>13007</v>
      </c>
      <c r="D3851" s="196" t="s">
        <v>13008</v>
      </c>
      <c r="E3851" s="196" t="s">
        <v>13009</v>
      </c>
      <c r="F3851" s="196"/>
      <c r="G3851" s="150"/>
      <c r="H3851" s="150"/>
    </row>
    <row r="3852" spans="1:8" ht="25.5">
      <c r="A3852" s="150"/>
      <c r="B3852" s="195" t="s">
        <v>13010</v>
      </c>
      <c r="C3852" s="196" t="s">
        <v>13011</v>
      </c>
      <c r="D3852" s="196" t="s">
        <v>8356</v>
      </c>
      <c r="E3852" s="196" t="s">
        <v>13012</v>
      </c>
      <c r="F3852" s="194" t="s">
        <v>32154</v>
      </c>
      <c r="G3852" s="150"/>
      <c r="H3852" s="150"/>
    </row>
    <row r="3853" spans="1:8" ht="38.25">
      <c r="A3853" s="150"/>
      <c r="B3853" s="195" t="s">
        <v>13013</v>
      </c>
      <c r="C3853" s="196" t="s">
        <v>13014</v>
      </c>
      <c r="D3853" s="196" t="s">
        <v>10</v>
      </c>
      <c r="E3853" s="196" t="s">
        <v>8356</v>
      </c>
      <c r="F3853" s="194" t="s">
        <v>32154</v>
      </c>
      <c r="G3853" s="150"/>
      <c r="H3853" s="150"/>
    </row>
    <row r="3854" spans="1:8">
      <c r="A3854" s="150"/>
      <c r="B3854" s="1159" t="s">
        <v>31587</v>
      </c>
      <c r="C3854" s="1160"/>
      <c r="D3854" s="1160"/>
      <c r="E3854" s="1160"/>
      <c r="F3854" s="1161"/>
      <c r="G3854" s="150"/>
      <c r="H3854" s="150"/>
    </row>
    <row r="3855" spans="1:8" ht="25.5">
      <c r="A3855" s="150"/>
      <c r="B3855" s="195" t="s">
        <v>13015</v>
      </c>
      <c r="C3855" s="196" t="s">
        <v>13016</v>
      </c>
      <c r="D3855" s="196" t="s">
        <v>13017</v>
      </c>
      <c r="E3855" s="196" t="s">
        <v>13018</v>
      </c>
      <c r="F3855" s="196"/>
      <c r="G3855" s="150"/>
      <c r="H3855" s="150"/>
    </row>
    <row r="3856" spans="1:8">
      <c r="A3856" s="150"/>
      <c r="B3856" s="195" t="s">
        <v>6801</v>
      </c>
      <c r="C3856" s="196" t="s">
        <v>13019</v>
      </c>
      <c r="D3856" s="196" t="s">
        <v>525</v>
      </c>
      <c r="E3856" s="196" t="s">
        <v>526</v>
      </c>
      <c r="F3856" s="196"/>
      <c r="G3856" s="150"/>
      <c r="H3856" s="150"/>
    </row>
    <row r="3857" spans="1:8">
      <c r="A3857" s="150"/>
      <c r="B3857" s="162" t="s">
        <v>13020</v>
      </c>
      <c r="C3857" s="1149" t="s">
        <v>13022</v>
      </c>
      <c r="D3857" s="1149" t="s">
        <v>13023</v>
      </c>
      <c r="E3857" s="1149" t="s">
        <v>13024</v>
      </c>
      <c r="F3857" s="1149"/>
      <c r="G3857" s="150"/>
      <c r="H3857" s="150"/>
    </row>
    <row r="3858" spans="1:8" ht="25.5">
      <c r="A3858" s="150"/>
      <c r="B3858" s="164" t="s">
        <v>13021</v>
      </c>
      <c r="C3858" s="1150"/>
      <c r="D3858" s="1150"/>
      <c r="E3858" s="1150"/>
      <c r="F3858" s="1150"/>
      <c r="G3858" s="150"/>
      <c r="H3858" s="150"/>
    </row>
    <row r="3859" spans="1:8">
      <c r="A3859" s="150"/>
      <c r="B3859" s="1159" t="s">
        <v>31592</v>
      </c>
      <c r="C3859" s="1160"/>
      <c r="D3859" s="1160"/>
      <c r="E3859" s="1160"/>
      <c r="F3859" s="1161"/>
      <c r="G3859" s="150"/>
      <c r="H3859" s="150"/>
    </row>
    <row r="3860" spans="1:8">
      <c r="A3860" s="150"/>
      <c r="B3860" s="195" t="s">
        <v>151</v>
      </c>
      <c r="C3860" s="196" t="s">
        <v>13025</v>
      </c>
      <c r="D3860" s="196" t="s">
        <v>152</v>
      </c>
      <c r="E3860" s="196" t="s">
        <v>153</v>
      </c>
      <c r="F3860" s="196"/>
      <c r="G3860" s="150"/>
      <c r="H3860" s="150"/>
    </row>
    <row r="3861" spans="1:8">
      <c r="A3861" s="150"/>
      <c r="B3861" s="1159" t="s">
        <v>8508</v>
      </c>
      <c r="C3861" s="1160"/>
      <c r="D3861" s="1160"/>
      <c r="E3861" s="1160"/>
      <c r="F3861" s="1161"/>
      <c r="G3861" s="150"/>
      <c r="H3861" s="150"/>
    </row>
    <row r="3862" spans="1:8">
      <c r="A3862" s="150"/>
      <c r="B3862" s="195" t="s">
        <v>477</v>
      </c>
      <c r="C3862" s="196" t="s">
        <v>10226</v>
      </c>
      <c r="D3862" s="196" t="s">
        <v>478</v>
      </c>
      <c r="E3862" s="196" t="s">
        <v>479</v>
      </c>
      <c r="F3862" s="194" t="s">
        <v>32154</v>
      </c>
      <c r="G3862" s="150"/>
      <c r="H3862" s="150"/>
    </row>
    <row r="3863" spans="1:8">
      <c r="A3863" s="150"/>
      <c r="B3863" s="195" t="s">
        <v>466</v>
      </c>
      <c r="C3863" s="196" t="s">
        <v>10227</v>
      </c>
      <c r="D3863" s="196" t="s">
        <v>467</v>
      </c>
      <c r="E3863" s="198">
        <v>2151163</v>
      </c>
      <c r="F3863" s="194" t="s">
        <v>32154</v>
      </c>
      <c r="G3863" s="150"/>
      <c r="H3863" s="150"/>
    </row>
    <row r="3864" spans="1:8">
      <c r="A3864" s="150"/>
      <c r="B3864" s="1159" t="s">
        <v>31587</v>
      </c>
      <c r="C3864" s="1160"/>
      <c r="D3864" s="1160"/>
      <c r="E3864" s="1160"/>
      <c r="F3864" s="1161"/>
      <c r="G3864" s="150"/>
      <c r="H3864" s="150"/>
    </row>
    <row r="3865" spans="1:8">
      <c r="A3865" s="150"/>
      <c r="B3865" s="195" t="s">
        <v>566</v>
      </c>
      <c r="C3865" s="196" t="s">
        <v>10228</v>
      </c>
      <c r="D3865" s="196" t="s">
        <v>567</v>
      </c>
      <c r="E3865" s="196" t="s">
        <v>1960</v>
      </c>
      <c r="F3865" s="196"/>
      <c r="G3865" s="150"/>
      <c r="H3865" s="150"/>
    </row>
    <row r="3866" spans="1:8">
      <c r="A3866" s="150"/>
      <c r="B3866" s="1159" t="s">
        <v>31594</v>
      </c>
      <c r="C3866" s="1160"/>
      <c r="D3866" s="1160"/>
      <c r="E3866" s="1160"/>
      <c r="F3866" s="1161"/>
      <c r="G3866" s="150"/>
      <c r="H3866" s="150"/>
    </row>
    <row r="3867" spans="1:8">
      <c r="A3867" s="150"/>
      <c r="B3867" s="1159" t="s">
        <v>8508</v>
      </c>
      <c r="C3867" s="1160"/>
      <c r="D3867" s="1160"/>
      <c r="E3867" s="1160"/>
      <c r="F3867" s="1161"/>
      <c r="G3867" s="150"/>
      <c r="H3867" s="150"/>
    </row>
    <row r="3868" spans="1:8">
      <c r="A3868" s="150"/>
      <c r="B3868" s="195" t="s">
        <v>480</v>
      </c>
      <c r="C3868" s="196" t="s">
        <v>10239</v>
      </c>
      <c r="D3868" s="196" t="s">
        <v>481</v>
      </c>
      <c r="E3868" s="198">
        <v>2146108</v>
      </c>
      <c r="F3868" s="194" t="s">
        <v>32154</v>
      </c>
      <c r="G3868" s="150"/>
      <c r="H3868" s="150"/>
    </row>
    <row r="3869" spans="1:8">
      <c r="A3869" s="150"/>
      <c r="B3869" s="1159" t="s">
        <v>31587</v>
      </c>
      <c r="C3869" s="1160"/>
      <c r="D3869" s="1160"/>
      <c r="E3869" s="1160"/>
      <c r="F3869" s="1161"/>
      <c r="G3869" s="150"/>
      <c r="H3869" s="150"/>
    </row>
    <row r="3870" spans="1:8">
      <c r="A3870" s="150"/>
      <c r="B3870" s="195" t="s">
        <v>549</v>
      </c>
      <c r="C3870" s="196" t="s">
        <v>10240</v>
      </c>
      <c r="D3870" s="196" t="s">
        <v>550</v>
      </c>
      <c r="E3870" s="196" t="s">
        <v>551</v>
      </c>
      <c r="F3870" s="196"/>
      <c r="G3870" s="150"/>
      <c r="H3870" s="150"/>
    </row>
    <row r="3871" spans="1:8">
      <c r="A3871" s="150"/>
      <c r="B3871" s="195" t="s">
        <v>13026</v>
      </c>
      <c r="C3871" s="196" t="s">
        <v>10242</v>
      </c>
      <c r="D3871" s="196" t="s">
        <v>464</v>
      </c>
      <c r="E3871" s="196" t="s">
        <v>465</v>
      </c>
      <c r="F3871" s="196"/>
      <c r="G3871" s="150"/>
      <c r="H3871" s="150"/>
    </row>
    <row r="3872" spans="1:8">
      <c r="A3872" s="150"/>
      <c r="B3872" s="195" t="s">
        <v>10243</v>
      </c>
      <c r="C3872" s="196" t="s">
        <v>10244</v>
      </c>
      <c r="D3872" s="196" t="s">
        <v>458</v>
      </c>
      <c r="E3872" s="196" t="s">
        <v>459</v>
      </c>
      <c r="F3872" s="196"/>
      <c r="G3872" s="150"/>
      <c r="H3872" s="150"/>
    </row>
    <row r="3873" spans="1:8">
      <c r="A3873" s="150"/>
      <c r="B3873" s="195" t="s">
        <v>2567</v>
      </c>
      <c r="C3873" s="196" t="s">
        <v>10245</v>
      </c>
      <c r="D3873" s="196" t="s">
        <v>461</v>
      </c>
      <c r="E3873" s="196" t="s">
        <v>462</v>
      </c>
      <c r="F3873" s="196"/>
      <c r="G3873" s="150"/>
      <c r="H3873" s="150"/>
    </row>
    <row r="3874" spans="1:8">
      <c r="A3874" s="150"/>
      <c r="B3874" s="195" t="s">
        <v>2511</v>
      </c>
      <c r="C3874" s="196" t="s">
        <v>10246</v>
      </c>
      <c r="D3874" s="196" t="s">
        <v>455</v>
      </c>
      <c r="E3874" s="196" t="s">
        <v>456</v>
      </c>
      <c r="F3874" s="196"/>
      <c r="G3874" s="150"/>
      <c r="H3874" s="150"/>
    </row>
    <row r="3875" spans="1:8">
      <c r="A3875" s="150"/>
      <c r="B3875" s="1159" t="s">
        <v>8508</v>
      </c>
      <c r="C3875" s="1160"/>
      <c r="D3875" s="1160"/>
      <c r="E3875" s="1160"/>
      <c r="F3875" s="1161"/>
      <c r="G3875" s="150"/>
      <c r="H3875" s="150"/>
    </row>
    <row r="3876" spans="1:8">
      <c r="A3876" s="150"/>
      <c r="B3876" s="195" t="s">
        <v>13027</v>
      </c>
      <c r="C3876" s="196" t="s">
        <v>13028</v>
      </c>
      <c r="D3876" s="196" t="s">
        <v>13029</v>
      </c>
      <c r="E3876" s="196" t="s">
        <v>5384</v>
      </c>
      <c r="F3876" s="196"/>
      <c r="G3876" s="150"/>
      <c r="H3876" s="150"/>
    </row>
    <row r="3877" spans="1:8">
      <c r="A3877" s="150"/>
      <c r="B3877" s="1159" t="s">
        <v>31587</v>
      </c>
      <c r="C3877" s="1160"/>
      <c r="D3877" s="1160"/>
      <c r="E3877" s="1160"/>
      <c r="F3877" s="1161"/>
      <c r="G3877" s="150"/>
      <c r="H3877" s="150"/>
    </row>
    <row r="3878" spans="1:8">
      <c r="A3878" s="150"/>
      <c r="B3878" s="195" t="s">
        <v>9083</v>
      </c>
      <c r="C3878" s="1149" t="s">
        <v>9084</v>
      </c>
      <c r="D3878" s="196" t="s">
        <v>9085</v>
      </c>
      <c r="E3878" s="196" t="s">
        <v>9086</v>
      </c>
      <c r="F3878" s="1149"/>
      <c r="G3878" s="150"/>
      <c r="H3878" s="150"/>
    </row>
    <row r="3879" spans="1:8">
      <c r="A3879" s="150"/>
      <c r="B3879" s="195" t="s">
        <v>9087</v>
      </c>
      <c r="C3879" s="1150"/>
      <c r="D3879" s="196" t="s">
        <v>9088</v>
      </c>
      <c r="E3879" s="196" t="s">
        <v>9089</v>
      </c>
      <c r="F3879" s="1150"/>
      <c r="G3879" s="150"/>
      <c r="H3879" s="150"/>
    </row>
    <row r="3880" spans="1:8">
      <c r="A3880" s="150"/>
      <c r="B3880" s="195" t="s">
        <v>5446</v>
      </c>
      <c r="C3880" s="196" t="s">
        <v>9090</v>
      </c>
      <c r="D3880" s="196" t="s">
        <v>9091</v>
      </c>
      <c r="E3880" s="196" t="s">
        <v>5447</v>
      </c>
      <c r="F3880" s="196"/>
      <c r="G3880" s="150"/>
      <c r="H3880" s="150"/>
    </row>
    <row r="3881" spans="1:8">
      <c r="A3881" s="150"/>
      <c r="B3881" s="195" t="s">
        <v>9092</v>
      </c>
      <c r="C3881" s="1149" t="s">
        <v>9093</v>
      </c>
      <c r="D3881" s="196"/>
      <c r="E3881" s="196"/>
      <c r="F3881" s="1149"/>
      <c r="G3881" s="150"/>
      <c r="H3881" s="150"/>
    </row>
    <row r="3882" spans="1:8">
      <c r="A3882" s="150"/>
      <c r="B3882" s="195" t="s">
        <v>9094</v>
      </c>
      <c r="C3882" s="1158"/>
      <c r="D3882" s="196"/>
      <c r="E3882" s="196"/>
      <c r="F3882" s="1158"/>
      <c r="G3882" s="150"/>
      <c r="H3882" s="150"/>
    </row>
    <row r="3883" spans="1:8">
      <c r="A3883" s="150"/>
      <c r="B3883" s="195" t="s">
        <v>9095</v>
      </c>
      <c r="C3883" s="1158"/>
      <c r="D3883" s="196" t="s">
        <v>9096</v>
      </c>
      <c r="E3883" s="196" t="s">
        <v>9097</v>
      </c>
      <c r="F3883" s="1158"/>
      <c r="G3883" s="150"/>
      <c r="H3883" s="150"/>
    </row>
    <row r="3884" spans="1:8">
      <c r="A3884" s="150"/>
      <c r="B3884" s="195" t="s">
        <v>9098</v>
      </c>
      <c r="C3884" s="1158"/>
      <c r="D3884" s="196" t="s">
        <v>9099</v>
      </c>
      <c r="E3884" s="196" t="s">
        <v>9100</v>
      </c>
      <c r="F3884" s="1158"/>
      <c r="G3884" s="150"/>
      <c r="H3884" s="150"/>
    </row>
    <row r="3885" spans="1:8">
      <c r="A3885" s="150"/>
      <c r="B3885" s="195" t="s">
        <v>31620</v>
      </c>
      <c r="C3885" s="1158"/>
      <c r="D3885" s="196" t="s">
        <v>9101</v>
      </c>
      <c r="E3885" s="196" t="s">
        <v>9102</v>
      </c>
      <c r="F3885" s="1158"/>
      <c r="G3885" s="150"/>
      <c r="H3885" s="150"/>
    </row>
    <row r="3886" spans="1:8">
      <c r="A3886" s="150"/>
      <c r="B3886" s="195" t="s">
        <v>13030</v>
      </c>
      <c r="C3886" s="1150"/>
      <c r="D3886" s="196" t="s">
        <v>9104</v>
      </c>
      <c r="E3886" s="196" t="s">
        <v>9105</v>
      </c>
      <c r="F3886" s="1150"/>
      <c r="G3886" s="150"/>
      <c r="H3886" s="150"/>
    </row>
    <row r="3887" spans="1:8">
      <c r="A3887" s="150"/>
      <c r="B3887" s="195" t="s">
        <v>9106</v>
      </c>
      <c r="C3887" s="196" t="s">
        <v>9107</v>
      </c>
      <c r="D3887" s="196" t="s">
        <v>9108</v>
      </c>
      <c r="E3887" s="196" t="s">
        <v>5512</v>
      </c>
      <c r="F3887" s="196"/>
      <c r="G3887" s="150"/>
      <c r="H3887" s="150"/>
    </row>
    <row r="3888" spans="1:8">
      <c r="A3888" s="150"/>
      <c r="B3888" s="195" t="s">
        <v>9109</v>
      </c>
      <c r="C3888" s="1149" t="s">
        <v>9110</v>
      </c>
      <c r="D3888" s="196" t="s">
        <v>9111</v>
      </c>
      <c r="E3888" s="196" t="s">
        <v>9112</v>
      </c>
      <c r="F3888" s="1149"/>
      <c r="G3888" s="150"/>
      <c r="H3888" s="150"/>
    </row>
    <row r="3889" spans="1:8">
      <c r="A3889" s="150"/>
      <c r="B3889" s="195" t="s">
        <v>9113</v>
      </c>
      <c r="C3889" s="1150"/>
      <c r="D3889" s="196" t="s">
        <v>9114</v>
      </c>
      <c r="E3889" s="196" t="s">
        <v>9115</v>
      </c>
      <c r="F3889" s="1150"/>
      <c r="G3889" s="150"/>
      <c r="H3889" s="150"/>
    </row>
    <row r="3890" spans="1:8" ht="25.5">
      <c r="A3890" s="150"/>
      <c r="B3890" s="195" t="s">
        <v>13031</v>
      </c>
      <c r="C3890" s="196" t="s">
        <v>9121</v>
      </c>
      <c r="D3890" s="196" t="s">
        <v>9122</v>
      </c>
      <c r="E3890" s="196" t="s">
        <v>9123</v>
      </c>
      <c r="F3890" s="196"/>
      <c r="G3890" s="150"/>
      <c r="H3890" s="150"/>
    </row>
    <row r="3891" spans="1:8">
      <c r="A3891" s="150"/>
      <c r="B3891" s="162" t="s">
        <v>9128</v>
      </c>
      <c r="C3891" s="1149" t="s">
        <v>9130</v>
      </c>
      <c r="D3891" s="1149" t="s">
        <v>9131</v>
      </c>
      <c r="E3891" s="1149" t="s">
        <v>5429</v>
      </c>
      <c r="F3891" s="1149"/>
      <c r="G3891" s="150"/>
      <c r="H3891" s="150"/>
    </row>
    <row r="3892" spans="1:8">
      <c r="A3892" s="150"/>
      <c r="B3892" s="164" t="s">
        <v>9129</v>
      </c>
      <c r="C3892" s="1150"/>
      <c r="D3892" s="1150"/>
      <c r="E3892" s="1150"/>
      <c r="F3892" s="1150"/>
      <c r="G3892" s="150"/>
      <c r="H3892" s="150"/>
    </row>
    <row r="3893" spans="1:8">
      <c r="A3893" s="150"/>
      <c r="B3893" s="195" t="s">
        <v>9132</v>
      </c>
      <c r="C3893" s="1149" t="s">
        <v>9133</v>
      </c>
      <c r="D3893" s="196" t="s">
        <v>9134</v>
      </c>
      <c r="E3893" s="196" t="s">
        <v>9135</v>
      </c>
      <c r="F3893" s="1149"/>
      <c r="G3893" s="150"/>
      <c r="H3893" s="150"/>
    </row>
    <row r="3894" spans="1:8">
      <c r="A3894" s="150"/>
      <c r="B3894" s="195" t="s">
        <v>9136</v>
      </c>
      <c r="C3894" s="1150"/>
      <c r="D3894" s="196" t="s">
        <v>9137</v>
      </c>
      <c r="E3894" s="196" t="s">
        <v>9138</v>
      </c>
      <c r="F3894" s="1150"/>
      <c r="G3894" s="150"/>
      <c r="H3894" s="150"/>
    </row>
    <row r="3895" spans="1:8">
      <c r="A3895" s="150"/>
      <c r="B3895" s="162" t="s">
        <v>9139</v>
      </c>
      <c r="C3895" s="1149" t="s">
        <v>9141</v>
      </c>
      <c r="D3895" s="1149" t="s">
        <v>9142</v>
      </c>
      <c r="E3895" s="1149" t="s">
        <v>5724</v>
      </c>
      <c r="F3895" s="1149"/>
      <c r="G3895" s="150"/>
      <c r="H3895" s="150"/>
    </row>
    <row r="3896" spans="1:8">
      <c r="A3896" s="150"/>
      <c r="B3896" s="164" t="s">
        <v>9140</v>
      </c>
      <c r="C3896" s="1150"/>
      <c r="D3896" s="1150"/>
      <c r="E3896" s="1150"/>
      <c r="F3896" s="1150"/>
      <c r="G3896" s="150"/>
      <c r="H3896" s="150"/>
    </row>
    <row r="3897" spans="1:8">
      <c r="A3897" s="150"/>
      <c r="B3897" s="195" t="s">
        <v>9143</v>
      </c>
      <c r="C3897" s="196" t="s">
        <v>9144</v>
      </c>
      <c r="D3897" s="196" t="s">
        <v>9145</v>
      </c>
      <c r="E3897" s="196" t="s">
        <v>5516</v>
      </c>
      <c r="F3897" s="196"/>
      <c r="G3897" s="150"/>
      <c r="H3897" s="150"/>
    </row>
    <row r="3898" spans="1:8">
      <c r="A3898" s="150"/>
      <c r="B3898" s="195" t="s">
        <v>9146</v>
      </c>
      <c r="C3898" s="1149" t="s">
        <v>9147</v>
      </c>
      <c r="D3898" s="196" t="s">
        <v>9148</v>
      </c>
      <c r="E3898" s="196" t="s">
        <v>9149</v>
      </c>
      <c r="F3898" s="1149"/>
      <c r="G3898" s="150"/>
      <c r="H3898" s="150"/>
    </row>
    <row r="3899" spans="1:8">
      <c r="A3899" s="150"/>
      <c r="B3899" s="195" t="s">
        <v>9150</v>
      </c>
      <c r="C3899" s="1158"/>
      <c r="D3899" s="196" t="s">
        <v>9151</v>
      </c>
      <c r="E3899" s="196" t="s">
        <v>9152</v>
      </c>
      <c r="F3899" s="1158"/>
      <c r="G3899" s="150"/>
      <c r="H3899" s="150"/>
    </row>
    <row r="3900" spans="1:8">
      <c r="A3900" s="150"/>
      <c r="B3900" s="195" t="s">
        <v>9153</v>
      </c>
      <c r="C3900" s="1150"/>
      <c r="D3900" s="196" t="s">
        <v>9154</v>
      </c>
      <c r="E3900" s="196" t="s">
        <v>9155</v>
      </c>
      <c r="F3900" s="1150"/>
      <c r="G3900" s="150"/>
      <c r="H3900" s="150"/>
    </row>
    <row r="3901" spans="1:8">
      <c r="A3901" s="150"/>
      <c r="B3901" s="195" t="s">
        <v>9156</v>
      </c>
      <c r="C3901" s="1149" t="s">
        <v>9157</v>
      </c>
      <c r="D3901" s="196" t="s">
        <v>9158</v>
      </c>
      <c r="E3901" s="196" t="s">
        <v>9159</v>
      </c>
      <c r="F3901" s="1149"/>
      <c r="G3901" s="150"/>
      <c r="H3901" s="150"/>
    </row>
    <row r="3902" spans="1:8">
      <c r="A3902" s="150"/>
      <c r="B3902" s="195" t="s">
        <v>9160</v>
      </c>
      <c r="C3902" s="1150"/>
      <c r="D3902" s="196" t="s">
        <v>9161</v>
      </c>
      <c r="E3902" s="196" t="s">
        <v>9162</v>
      </c>
      <c r="F3902" s="1150"/>
      <c r="G3902" s="150"/>
      <c r="H3902" s="150"/>
    </row>
    <row r="3903" spans="1:8">
      <c r="A3903" s="150"/>
      <c r="B3903" s="195" t="s">
        <v>5389</v>
      </c>
      <c r="C3903" s="196" t="s">
        <v>9163</v>
      </c>
      <c r="D3903" s="196" t="s">
        <v>9164</v>
      </c>
      <c r="E3903" s="196" t="s">
        <v>5390</v>
      </c>
      <c r="F3903" s="196"/>
      <c r="G3903" s="150"/>
      <c r="H3903" s="150"/>
    </row>
    <row r="3904" spans="1:8">
      <c r="A3904" s="150"/>
      <c r="B3904" s="195" t="s">
        <v>9165</v>
      </c>
      <c r="C3904" s="196" t="s">
        <v>9166</v>
      </c>
      <c r="D3904" s="196" t="s">
        <v>9167</v>
      </c>
      <c r="E3904" s="196" t="s">
        <v>5293</v>
      </c>
      <c r="F3904" s="196"/>
      <c r="G3904" s="150"/>
      <c r="H3904" s="150"/>
    </row>
    <row r="3905" spans="1:8">
      <c r="A3905" s="150"/>
      <c r="B3905" s="162" t="s">
        <v>9168</v>
      </c>
      <c r="C3905" s="1149" t="s">
        <v>9170</v>
      </c>
      <c r="D3905" s="1149" t="s">
        <v>9171</v>
      </c>
      <c r="E3905" s="1149" t="s">
        <v>5706</v>
      </c>
      <c r="F3905" s="1149"/>
      <c r="G3905" s="150"/>
      <c r="H3905" s="150"/>
    </row>
    <row r="3906" spans="1:8">
      <c r="A3906" s="150"/>
      <c r="B3906" s="164" t="s">
        <v>9169</v>
      </c>
      <c r="C3906" s="1150"/>
      <c r="D3906" s="1150"/>
      <c r="E3906" s="1150"/>
      <c r="F3906" s="1150"/>
      <c r="G3906" s="150"/>
      <c r="H3906" s="150"/>
    </row>
    <row r="3907" spans="1:8">
      <c r="A3907" s="150"/>
      <c r="B3907" s="195" t="s">
        <v>9172</v>
      </c>
      <c r="C3907" s="196" t="s">
        <v>9173</v>
      </c>
      <c r="D3907" s="196" t="s">
        <v>8356</v>
      </c>
      <c r="E3907" s="196" t="s">
        <v>9174</v>
      </c>
      <c r="F3907" s="196"/>
      <c r="G3907" s="150"/>
      <c r="H3907" s="150"/>
    </row>
    <row r="3908" spans="1:8">
      <c r="A3908" s="150"/>
      <c r="B3908" s="195" t="s">
        <v>9175</v>
      </c>
      <c r="C3908" s="196" t="s">
        <v>9176</v>
      </c>
      <c r="D3908" s="196" t="s">
        <v>9177</v>
      </c>
      <c r="E3908" s="196" t="s">
        <v>5708</v>
      </c>
      <c r="F3908" s="196"/>
      <c r="G3908" s="150"/>
      <c r="H3908" s="150"/>
    </row>
    <row r="3909" spans="1:8">
      <c r="A3909" s="150"/>
      <c r="B3909" s="195" t="s">
        <v>9178</v>
      </c>
      <c r="C3909" s="1149" t="s">
        <v>9179</v>
      </c>
      <c r="D3909" s="196" t="s">
        <v>9180</v>
      </c>
      <c r="E3909" s="196" t="s">
        <v>9181</v>
      </c>
      <c r="F3909" s="1149"/>
      <c r="G3909" s="150"/>
      <c r="H3909" s="150"/>
    </row>
    <row r="3910" spans="1:8">
      <c r="A3910" s="150"/>
      <c r="B3910" s="195" t="s">
        <v>9182</v>
      </c>
      <c r="C3910" s="1158"/>
      <c r="D3910" s="196" t="s">
        <v>9183</v>
      </c>
      <c r="E3910" s="196" t="s">
        <v>9184</v>
      </c>
      <c r="F3910" s="1158"/>
      <c r="G3910" s="150"/>
      <c r="H3910" s="150"/>
    </row>
    <row r="3911" spans="1:8">
      <c r="A3911" s="150"/>
      <c r="B3911" s="195" t="s">
        <v>9185</v>
      </c>
      <c r="C3911" s="1158"/>
      <c r="D3911" s="196" t="s">
        <v>9186</v>
      </c>
      <c r="E3911" s="196" t="s">
        <v>9187</v>
      </c>
      <c r="F3911" s="1158"/>
      <c r="G3911" s="150"/>
      <c r="H3911" s="150"/>
    </row>
    <row r="3912" spans="1:8">
      <c r="A3912" s="150"/>
      <c r="B3912" s="195" t="s">
        <v>9188</v>
      </c>
      <c r="C3912" s="1150"/>
      <c r="D3912" s="196" t="s">
        <v>9189</v>
      </c>
      <c r="E3912" s="196" t="s">
        <v>9190</v>
      </c>
      <c r="F3912" s="1150"/>
      <c r="G3912" s="150"/>
      <c r="H3912" s="150"/>
    </row>
    <row r="3913" spans="1:8">
      <c r="A3913" s="150"/>
      <c r="B3913" s="195" t="s">
        <v>9191</v>
      </c>
      <c r="C3913" s="196" t="s">
        <v>9192</v>
      </c>
      <c r="D3913" s="196" t="s">
        <v>9193</v>
      </c>
      <c r="E3913" s="196" t="s">
        <v>9194</v>
      </c>
      <c r="F3913" s="196"/>
      <c r="G3913" s="150"/>
      <c r="H3913" s="150"/>
    </row>
    <row r="3914" spans="1:8">
      <c r="A3914" s="150"/>
      <c r="B3914" s="195" t="s">
        <v>5434</v>
      </c>
      <c r="C3914" s="196" t="s">
        <v>9195</v>
      </c>
      <c r="D3914" s="196" t="s">
        <v>9196</v>
      </c>
      <c r="E3914" s="196" t="s">
        <v>5435</v>
      </c>
      <c r="F3914" s="196"/>
      <c r="G3914" s="150"/>
      <c r="H3914" s="150"/>
    </row>
    <row r="3915" spans="1:8">
      <c r="A3915" s="150"/>
      <c r="B3915" s="195" t="s">
        <v>5399</v>
      </c>
      <c r="C3915" s="196" t="s">
        <v>9288</v>
      </c>
      <c r="D3915" s="196" t="s">
        <v>9289</v>
      </c>
      <c r="E3915" s="196" t="s">
        <v>5400</v>
      </c>
      <c r="F3915" s="196"/>
      <c r="G3915" s="150"/>
      <c r="H3915" s="150"/>
    </row>
    <row r="3916" spans="1:8">
      <c r="A3916" s="150"/>
      <c r="B3916" s="195" t="s">
        <v>9290</v>
      </c>
      <c r="C3916" s="196" t="s">
        <v>9291</v>
      </c>
      <c r="D3916" s="196" t="s">
        <v>9292</v>
      </c>
      <c r="E3916" s="196" t="s">
        <v>2324</v>
      </c>
      <c r="F3916" s="196"/>
      <c r="G3916" s="150"/>
      <c r="H3916" s="150"/>
    </row>
    <row r="3917" spans="1:8">
      <c r="A3917" s="150"/>
      <c r="B3917" s="195" t="s">
        <v>9311</v>
      </c>
      <c r="C3917" s="1149" t="s">
        <v>9312</v>
      </c>
      <c r="D3917" s="196" t="s">
        <v>9313</v>
      </c>
      <c r="E3917" s="196" t="s">
        <v>9314</v>
      </c>
      <c r="F3917" s="1149"/>
      <c r="G3917" s="150"/>
      <c r="H3917" s="150"/>
    </row>
    <row r="3918" spans="1:8">
      <c r="A3918" s="150"/>
      <c r="B3918" s="195" t="s">
        <v>9315</v>
      </c>
      <c r="C3918" s="1158"/>
      <c r="D3918" s="196" t="s">
        <v>9316</v>
      </c>
      <c r="E3918" s="196" t="s">
        <v>9317</v>
      </c>
      <c r="F3918" s="1158"/>
      <c r="G3918" s="150"/>
      <c r="H3918" s="150"/>
    </row>
    <row r="3919" spans="1:8">
      <c r="A3919" s="150"/>
      <c r="B3919" s="195" t="s">
        <v>9318</v>
      </c>
      <c r="C3919" s="1150"/>
      <c r="D3919" s="196" t="s">
        <v>9319</v>
      </c>
      <c r="E3919" s="196" t="s">
        <v>9320</v>
      </c>
      <c r="F3919" s="1150"/>
      <c r="G3919" s="150"/>
      <c r="H3919" s="150"/>
    </row>
    <row r="3920" spans="1:8">
      <c r="A3920" s="150"/>
      <c r="B3920" s="195" t="s">
        <v>9321</v>
      </c>
      <c r="C3920" s="1149" t="s">
        <v>9322</v>
      </c>
      <c r="D3920" s="196" t="s">
        <v>9323</v>
      </c>
      <c r="E3920" s="196" t="s">
        <v>9324</v>
      </c>
      <c r="F3920" s="1149"/>
      <c r="G3920" s="150"/>
      <c r="H3920" s="150"/>
    </row>
    <row r="3921" spans="1:8">
      <c r="A3921" s="150"/>
      <c r="B3921" s="195" t="s">
        <v>9325</v>
      </c>
      <c r="C3921" s="1158"/>
      <c r="D3921" s="196" t="s">
        <v>9326</v>
      </c>
      <c r="E3921" s="196" t="s">
        <v>9327</v>
      </c>
      <c r="F3921" s="1158"/>
      <c r="G3921" s="150"/>
      <c r="H3921" s="150"/>
    </row>
    <row r="3922" spans="1:8">
      <c r="A3922" s="150"/>
      <c r="B3922" s="195" t="s">
        <v>9328</v>
      </c>
      <c r="C3922" s="1158"/>
      <c r="D3922" s="196" t="s">
        <v>9329</v>
      </c>
      <c r="E3922" s="196" t="s">
        <v>9330</v>
      </c>
      <c r="F3922" s="1158"/>
      <c r="G3922" s="150"/>
      <c r="H3922" s="150"/>
    </row>
    <row r="3923" spans="1:8">
      <c r="A3923" s="150"/>
      <c r="B3923" s="195" t="s">
        <v>9331</v>
      </c>
      <c r="C3923" s="1158"/>
      <c r="D3923" s="196" t="s">
        <v>9332</v>
      </c>
      <c r="E3923" s="196" t="s">
        <v>9333</v>
      </c>
      <c r="F3923" s="1158"/>
      <c r="G3923" s="150"/>
      <c r="H3923" s="150"/>
    </row>
    <row r="3924" spans="1:8">
      <c r="A3924" s="150"/>
      <c r="B3924" s="195" t="s">
        <v>9334</v>
      </c>
      <c r="C3924" s="1158"/>
      <c r="D3924" s="196" t="s">
        <v>9335</v>
      </c>
      <c r="E3924" s="196" t="s">
        <v>9336</v>
      </c>
      <c r="F3924" s="1158"/>
      <c r="G3924" s="150"/>
      <c r="H3924" s="150"/>
    </row>
    <row r="3925" spans="1:8">
      <c r="A3925" s="150"/>
      <c r="B3925" s="195" t="s">
        <v>9337</v>
      </c>
      <c r="C3925" s="1158"/>
      <c r="D3925" s="196" t="s">
        <v>9338</v>
      </c>
      <c r="E3925" s="196" t="s">
        <v>9339</v>
      </c>
      <c r="F3925" s="1158"/>
      <c r="G3925" s="150"/>
      <c r="H3925" s="150"/>
    </row>
    <row r="3926" spans="1:8">
      <c r="A3926" s="150"/>
      <c r="B3926" s="195" t="s">
        <v>9340</v>
      </c>
      <c r="C3926" s="1158"/>
      <c r="D3926" s="196" t="s">
        <v>9341</v>
      </c>
      <c r="E3926" s="196" t="s">
        <v>9342</v>
      </c>
      <c r="F3926" s="1158"/>
      <c r="G3926" s="150"/>
      <c r="H3926" s="150"/>
    </row>
    <row r="3927" spans="1:8">
      <c r="A3927" s="150"/>
      <c r="B3927" s="195" t="s">
        <v>9343</v>
      </c>
      <c r="C3927" s="1158"/>
      <c r="D3927" s="196" t="s">
        <v>9344</v>
      </c>
      <c r="E3927" s="196" t="s">
        <v>9345</v>
      </c>
      <c r="F3927" s="1158"/>
      <c r="G3927" s="150"/>
      <c r="H3927" s="150"/>
    </row>
    <row r="3928" spans="1:8">
      <c r="A3928" s="150"/>
      <c r="B3928" s="195" t="s">
        <v>9346</v>
      </c>
      <c r="C3928" s="1158"/>
      <c r="D3928" s="196" t="s">
        <v>9347</v>
      </c>
      <c r="E3928" s="196" t="s">
        <v>9348</v>
      </c>
      <c r="F3928" s="1158"/>
      <c r="G3928" s="150"/>
      <c r="H3928" s="150"/>
    </row>
    <row r="3929" spans="1:8">
      <c r="A3929" s="150"/>
      <c r="B3929" s="195" t="s">
        <v>9349</v>
      </c>
      <c r="C3929" s="1158"/>
      <c r="D3929" s="196" t="s">
        <v>9350</v>
      </c>
      <c r="E3929" s="196" t="s">
        <v>9351</v>
      </c>
      <c r="F3929" s="1158"/>
      <c r="G3929" s="150"/>
      <c r="H3929" s="150"/>
    </row>
    <row r="3930" spans="1:8">
      <c r="A3930" s="150"/>
      <c r="B3930" s="195" t="s">
        <v>9352</v>
      </c>
      <c r="C3930" s="1158"/>
      <c r="D3930" s="196" t="s">
        <v>9353</v>
      </c>
      <c r="E3930" s="196" t="s">
        <v>9354</v>
      </c>
      <c r="F3930" s="1158"/>
      <c r="G3930" s="150"/>
      <c r="H3930" s="150"/>
    </row>
    <row r="3931" spans="1:8">
      <c r="A3931" s="150"/>
      <c r="B3931" s="195" t="s">
        <v>9355</v>
      </c>
      <c r="C3931" s="1158"/>
      <c r="D3931" s="196" t="s">
        <v>9356</v>
      </c>
      <c r="E3931" s="196" t="s">
        <v>9357</v>
      </c>
      <c r="F3931" s="1158"/>
      <c r="G3931" s="150"/>
      <c r="H3931" s="150"/>
    </row>
    <row r="3932" spans="1:8">
      <c r="A3932" s="150"/>
      <c r="B3932" s="195" t="s">
        <v>9358</v>
      </c>
      <c r="C3932" s="1158"/>
      <c r="D3932" s="196" t="s">
        <v>9359</v>
      </c>
      <c r="E3932" s="196" t="s">
        <v>9360</v>
      </c>
      <c r="F3932" s="1158"/>
      <c r="G3932" s="150"/>
      <c r="H3932" s="150"/>
    </row>
    <row r="3933" spans="1:8">
      <c r="A3933" s="150"/>
      <c r="B3933" s="195" t="s">
        <v>9361</v>
      </c>
      <c r="C3933" s="1158"/>
      <c r="D3933" s="196" t="s">
        <v>9362</v>
      </c>
      <c r="E3933" s="196" t="s">
        <v>9363</v>
      </c>
      <c r="F3933" s="1158"/>
      <c r="G3933" s="150"/>
      <c r="H3933" s="150"/>
    </row>
    <row r="3934" spans="1:8">
      <c r="A3934" s="150"/>
      <c r="B3934" s="195" t="s">
        <v>9364</v>
      </c>
      <c r="C3934" s="1158"/>
      <c r="D3934" s="196" t="s">
        <v>9365</v>
      </c>
      <c r="E3934" s="196" t="s">
        <v>9366</v>
      </c>
      <c r="F3934" s="1158"/>
      <c r="G3934" s="150"/>
      <c r="H3934" s="150"/>
    </row>
    <row r="3935" spans="1:8">
      <c r="A3935" s="150"/>
      <c r="B3935" s="195" t="s">
        <v>9367</v>
      </c>
      <c r="C3935" s="1158"/>
      <c r="D3935" s="196" t="s">
        <v>9368</v>
      </c>
      <c r="E3935" s="196" t="s">
        <v>9369</v>
      </c>
      <c r="F3935" s="1158"/>
      <c r="G3935" s="150"/>
      <c r="H3935" s="150"/>
    </row>
    <row r="3936" spans="1:8">
      <c r="A3936" s="150"/>
      <c r="B3936" s="195" t="s">
        <v>9370</v>
      </c>
      <c r="C3936" s="1158"/>
      <c r="D3936" s="196" t="s">
        <v>9371</v>
      </c>
      <c r="E3936" s="196" t="s">
        <v>9372</v>
      </c>
      <c r="F3936" s="1158"/>
      <c r="G3936" s="150"/>
      <c r="H3936" s="150"/>
    </row>
    <row r="3937" spans="1:8">
      <c r="A3937" s="150"/>
      <c r="B3937" s="195" t="s">
        <v>32902</v>
      </c>
      <c r="C3937" s="1158"/>
      <c r="D3937" s="196" t="s">
        <v>9373</v>
      </c>
      <c r="E3937" s="196" t="s">
        <v>9374</v>
      </c>
      <c r="F3937" s="1158"/>
      <c r="G3937" s="150"/>
      <c r="H3937" s="150"/>
    </row>
    <row r="3938" spans="1:8">
      <c r="A3938" s="150"/>
      <c r="B3938" s="195" t="s">
        <v>9375</v>
      </c>
      <c r="C3938" s="1158"/>
      <c r="D3938" s="196" t="s">
        <v>9376</v>
      </c>
      <c r="E3938" s="196" t="s">
        <v>9377</v>
      </c>
      <c r="F3938" s="1158"/>
      <c r="G3938" s="150"/>
      <c r="H3938" s="150"/>
    </row>
    <row r="3939" spans="1:8">
      <c r="A3939" s="150"/>
      <c r="B3939" s="195" t="s">
        <v>9378</v>
      </c>
      <c r="C3939" s="1158"/>
      <c r="D3939" s="196" t="s">
        <v>9379</v>
      </c>
      <c r="E3939" s="196" t="s">
        <v>9380</v>
      </c>
      <c r="F3939" s="1158"/>
      <c r="G3939" s="150"/>
      <c r="H3939" s="150"/>
    </row>
    <row r="3940" spans="1:8">
      <c r="A3940" s="150"/>
      <c r="B3940" s="195" t="s">
        <v>9381</v>
      </c>
      <c r="C3940" s="1158"/>
      <c r="D3940" s="196" t="s">
        <v>9382</v>
      </c>
      <c r="E3940" s="196" t="s">
        <v>9383</v>
      </c>
      <c r="F3940" s="1158"/>
      <c r="G3940" s="150"/>
      <c r="H3940" s="150"/>
    </row>
    <row r="3941" spans="1:8">
      <c r="A3941" s="150"/>
      <c r="B3941" s="195" t="s">
        <v>9384</v>
      </c>
      <c r="C3941" s="1158"/>
      <c r="D3941" s="196" t="s">
        <v>9385</v>
      </c>
      <c r="E3941" s="196" t="s">
        <v>9386</v>
      </c>
      <c r="F3941" s="1158"/>
      <c r="G3941" s="150"/>
      <c r="H3941" s="150"/>
    </row>
    <row r="3942" spans="1:8">
      <c r="A3942" s="150"/>
      <c r="B3942" s="195" t="s">
        <v>9387</v>
      </c>
      <c r="C3942" s="1158"/>
      <c r="D3942" s="196" t="s">
        <v>9388</v>
      </c>
      <c r="E3942" s="196" t="s">
        <v>9389</v>
      </c>
      <c r="F3942" s="1158"/>
      <c r="G3942" s="150"/>
      <c r="H3942" s="150"/>
    </row>
    <row r="3943" spans="1:8">
      <c r="A3943" s="150"/>
      <c r="B3943" s="195" t="s">
        <v>13032</v>
      </c>
      <c r="C3943" s="1158"/>
      <c r="D3943" s="196" t="s">
        <v>9391</v>
      </c>
      <c r="E3943" s="196" t="s">
        <v>9392</v>
      </c>
      <c r="F3943" s="1158"/>
      <c r="G3943" s="150"/>
      <c r="H3943" s="150"/>
    </row>
    <row r="3944" spans="1:8">
      <c r="A3944" s="150"/>
      <c r="B3944" s="195" t="s">
        <v>9393</v>
      </c>
      <c r="C3944" s="1158"/>
      <c r="D3944" s="196" t="s">
        <v>9394</v>
      </c>
      <c r="E3944" s="196" t="s">
        <v>9395</v>
      </c>
      <c r="F3944" s="1158"/>
      <c r="G3944" s="150"/>
      <c r="H3944" s="150"/>
    </row>
    <row r="3945" spans="1:8">
      <c r="A3945" s="150"/>
      <c r="B3945" s="195" t="s">
        <v>9396</v>
      </c>
      <c r="C3945" s="1158"/>
      <c r="D3945" s="196" t="s">
        <v>9397</v>
      </c>
      <c r="E3945" s="196" t="s">
        <v>9398</v>
      </c>
      <c r="F3945" s="1158"/>
      <c r="G3945" s="150"/>
      <c r="H3945" s="150"/>
    </row>
    <row r="3946" spans="1:8">
      <c r="A3946" s="150"/>
      <c r="B3946" s="195" t="s">
        <v>9399</v>
      </c>
      <c r="C3946" s="1158"/>
      <c r="D3946" s="196" t="s">
        <v>9400</v>
      </c>
      <c r="E3946" s="196" t="s">
        <v>9401</v>
      </c>
      <c r="F3946" s="1158"/>
      <c r="G3946" s="150"/>
      <c r="H3946" s="150"/>
    </row>
    <row r="3947" spans="1:8">
      <c r="A3947" s="150"/>
      <c r="B3947" s="195" t="s">
        <v>9402</v>
      </c>
      <c r="C3947" s="1158"/>
      <c r="D3947" s="196" t="s">
        <v>9403</v>
      </c>
      <c r="E3947" s="196" t="s">
        <v>9404</v>
      </c>
      <c r="F3947" s="1158"/>
      <c r="G3947" s="150"/>
      <c r="H3947" s="150"/>
    </row>
    <row r="3948" spans="1:8">
      <c r="A3948" s="150"/>
      <c r="B3948" s="195" t="s">
        <v>32156</v>
      </c>
      <c r="C3948" s="1158"/>
      <c r="D3948" s="196" t="s">
        <v>9405</v>
      </c>
      <c r="E3948" s="196" t="s">
        <v>9406</v>
      </c>
      <c r="F3948" s="1158"/>
      <c r="G3948" s="150"/>
      <c r="H3948" s="150"/>
    </row>
    <row r="3949" spans="1:8">
      <c r="A3949" s="150"/>
      <c r="B3949" s="195" t="s">
        <v>32157</v>
      </c>
      <c r="C3949" s="1158"/>
      <c r="D3949" s="196" t="s">
        <v>9407</v>
      </c>
      <c r="E3949" s="196" t="s">
        <v>9408</v>
      </c>
      <c r="F3949" s="1158"/>
      <c r="G3949" s="150"/>
      <c r="H3949" s="150"/>
    </row>
    <row r="3950" spans="1:8">
      <c r="A3950" s="150"/>
      <c r="B3950" s="195" t="s">
        <v>13033</v>
      </c>
      <c r="C3950" s="1158"/>
      <c r="D3950" s="196" t="s">
        <v>9410</v>
      </c>
      <c r="E3950" s="196" t="s">
        <v>9411</v>
      </c>
      <c r="F3950" s="1158"/>
      <c r="G3950" s="150"/>
      <c r="H3950" s="150"/>
    </row>
    <row r="3951" spans="1:8">
      <c r="A3951" s="150"/>
      <c r="B3951" s="197" t="s">
        <v>31593</v>
      </c>
      <c r="C3951" s="1150"/>
      <c r="D3951" s="150"/>
      <c r="E3951" s="150"/>
      <c r="F3951" s="1150"/>
      <c r="G3951" s="150"/>
      <c r="H3951" s="150"/>
    </row>
    <row r="3952" spans="1:8">
      <c r="A3952" s="150"/>
      <c r="B3952" s="195" t="s">
        <v>888</v>
      </c>
      <c r="C3952" s="196" t="s">
        <v>10247</v>
      </c>
      <c r="D3952" s="196" t="s">
        <v>10248</v>
      </c>
      <c r="E3952" s="196" t="s">
        <v>889</v>
      </c>
      <c r="F3952" s="196"/>
      <c r="G3952" s="150"/>
      <c r="H3952" s="150"/>
    </row>
    <row r="3953" spans="1:8">
      <c r="A3953" s="150"/>
      <c r="B3953" s="1159" t="s">
        <v>8508</v>
      </c>
      <c r="C3953" s="1160"/>
      <c r="D3953" s="1160"/>
      <c r="E3953" s="1160"/>
      <c r="F3953" s="1161"/>
      <c r="G3953" s="150"/>
      <c r="H3953" s="150"/>
    </row>
    <row r="3954" spans="1:8">
      <c r="A3954" s="150"/>
      <c r="B3954" s="195" t="s">
        <v>116</v>
      </c>
      <c r="C3954" s="196" t="s">
        <v>10253</v>
      </c>
      <c r="D3954" s="196" t="s">
        <v>117</v>
      </c>
      <c r="E3954" s="196" t="s">
        <v>118</v>
      </c>
      <c r="F3954" s="194" t="s">
        <v>32154</v>
      </c>
      <c r="G3954" s="150"/>
      <c r="H3954" s="150"/>
    </row>
    <row r="3955" spans="1:8">
      <c r="A3955" s="150"/>
      <c r="B3955" s="195" t="s">
        <v>126</v>
      </c>
      <c r="C3955" s="196" t="s">
        <v>10254</v>
      </c>
      <c r="D3955" s="196" t="s">
        <v>127</v>
      </c>
      <c r="E3955" s="196" t="s">
        <v>128</v>
      </c>
      <c r="F3955" s="194" t="s">
        <v>32154</v>
      </c>
      <c r="G3955" s="150"/>
      <c r="H3955" s="150"/>
    </row>
    <row r="3956" spans="1:8">
      <c r="A3956" s="150"/>
      <c r="B3956" s="195" t="s">
        <v>119</v>
      </c>
      <c r="C3956" s="196" t="s">
        <v>10255</v>
      </c>
      <c r="D3956" s="196" t="s">
        <v>120</v>
      </c>
      <c r="E3956" s="196" t="s">
        <v>2139</v>
      </c>
      <c r="F3956" s="194" t="s">
        <v>32154</v>
      </c>
      <c r="G3956" s="150"/>
      <c r="H3956" s="150"/>
    </row>
    <row r="3957" spans="1:8">
      <c r="A3957" s="150"/>
      <c r="B3957" s="1159" t="s">
        <v>31593</v>
      </c>
      <c r="C3957" s="1160"/>
      <c r="D3957" s="1160"/>
      <c r="E3957" s="1160"/>
      <c r="F3957" s="1161"/>
      <c r="G3957" s="150"/>
      <c r="H3957" s="150"/>
    </row>
    <row r="3958" spans="1:8" ht="25.5">
      <c r="A3958" s="150"/>
      <c r="B3958" s="195" t="s">
        <v>13618</v>
      </c>
      <c r="C3958" s="196" t="s">
        <v>13619</v>
      </c>
      <c r="D3958" s="196" t="s">
        <v>8356</v>
      </c>
      <c r="E3958" s="196" t="s">
        <v>8356</v>
      </c>
      <c r="F3958" s="196"/>
      <c r="G3958" s="150"/>
      <c r="H3958" s="150"/>
    </row>
    <row r="3959" spans="1:8">
      <c r="A3959" s="150"/>
      <c r="B3959" s="1159" t="s">
        <v>31587</v>
      </c>
      <c r="C3959" s="1160"/>
      <c r="D3959" s="1160"/>
      <c r="E3959" s="1160"/>
      <c r="F3959" s="1161"/>
      <c r="G3959" s="150"/>
      <c r="H3959" s="150"/>
    </row>
    <row r="3960" spans="1:8">
      <c r="A3960" s="150"/>
      <c r="B3960" s="162" t="s">
        <v>13034</v>
      </c>
      <c r="C3960" s="1149" t="s">
        <v>13036</v>
      </c>
      <c r="D3960" s="1149" t="s">
        <v>219</v>
      </c>
      <c r="E3960" s="1149" t="s">
        <v>220</v>
      </c>
      <c r="F3960" s="1149"/>
      <c r="G3960" s="150"/>
      <c r="H3960" s="150"/>
    </row>
    <row r="3961" spans="1:8">
      <c r="A3961" s="150"/>
      <c r="B3961" s="164" t="s">
        <v>13035</v>
      </c>
      <c r="C3961" s="1150"/>
      <c r="D3961" s="1150"/>
      <c r="E3961" s="1150"/>
      <c r="F3961" s="1150"/>
      <c r="G3961" s="150"/>
      <c r="H3961" s="150"/>
    </row>
    <row r="3962" spans="1:8">
      <c r="A3962" s="150"/>
      <c r="B3962" s="1159" t="s">
        <v>31592</v>
      </c>
      <c r="C3962" s="1160"/>
      <c r="D3962" s="1160"/>
      <c r="E3962" s="1160"/>
      <c r="F3962" s="1161"/>
      <c r="G3962" s="150"/>
      <c r="H3962" s="150"/>
    </row>
    <row r="3963" spans="1:8" ht="25.5">
      <c r="A3963" s="150"/>
      <c r="B3963" s="195" t="s">
        <v>13037</v>
      </c>
      <c r="C3963" s="196" t="s">
        <v>13038</v>
      </c>
      <c r="D3963" s="196" t="s">
        <v>114</v>
      </c>
      <c r="E3963" s="196" t="s">
        <v>115</v>
      </c>
      <c r="F3963" s="196"/>
      <c r="G3963" s="150"/>
      <c r="H3963" s="150"/>
    </row>
    <row r="3964" spans="1:8">
      <c r="A3964" s="150"/>
      <c r="B3964" s="1159" t="s">
        <v>31595</v>
      </c>
      <c r="C3964" s="1160"/>
      <c r="D3964" s="1160"/>
      <c r="E3964" s="1160"/>
      <c r="F3964" s="1161"/>
      <c r="G3964" s="150"/>
      <c r="H3964" s="150"/>
    </row>
    <row r="3965" spans="1:8" ht="25.5">
      <c r="A3965" s="150"/>
      <c r="B3965" s="195" t="s">
        <v>14167</v>
      </c>
      <c r="C3965" s="196" t="s">
        <v>13953</v>
      </c>
      <c r="D3965" s="196" t="s">
        <v>13954</v>
      </c>
      <c r="E3965" s="196" t="s">
        <v>3389</v>
      </c>
      <c r="F3965" s="196"/>
      <c r="G3965" s="150"/>
      <c r="H3965" s="150"/>
    </row>
    <row r="3966" spans="1:8">
      <c r="A3966" s="150"/>
      <c r="B3966" s="1159" t="s">
        <v>31587</v>
      </c>
      <c r="C3966" s="1160"/>
      <c r="D3966" s="1160"/>
      <c r="E3966" s="1160"/>
      <c r="F3966" s="1161"/>
      <c r="G3966" s="150"/>
      <c r="H3966" s="150"/>
    </row>
    <row r="3967" spans="1:8">
      <c r="A3967" s="150"/>
      <c r="B3967" s="195" t="s">
        <v>4914</v>
      </c>
      <c r="C3967" s="196" t="s">
        <v>13039</v>
      </c>
      <c r="D3967" s="196" t="s">
        <v>13040</v>
      </c>
      <c r="E3967" s="196" t="s">
        <v>4915</v>
      </c>
      <c r="F3967" s="196"/>
      <c r="G3967" s="150"/>
      <c r="H3967" s="150"/>
    </row>
    <row r="3968" spans="1:8">
      <c r="A3968" s="150"/>
      <c r="B3968" s="1159" t="s">
        <v>8508</v>
      </c>
      <c r="C3968" s="1160"/>
      <c r="D3968" s="1160"/>
      <c r="E3968" s="1160"/>
      <c r="F3968" s="1161"/>
      <c r="G3968" s="150"/>
      <c r="H3968" s="150"/>
    </row>
    <row r="3969" spans="1:8">
      <c r="A3969" s="150"/>
      <c r="B3969" s="195" t="s">
        <v>10273</v>
      </c>
      <c r="C3969" s="196" t="s">
        <v>10274</v>
      </c>
      <c r="D3969" s="196" t="s">
        <v>83</v>
      </c>
      <c r="E3969" s="196" t="s">
        <v>84</v>
      </c>
      <c r="F3969" s="196"/>
      <c r="G3969" s="150"/>
      <c r="H3969" s="150"/>
    </row>
    <row r="3970" spans="1:8">
      <c r="A3970" s="150"/>
      <c r="B3970" s="162" t="s">
        <v>7613</v>
      </c>
      <c r="C3970" s="1149" t="s">
        <v>13043</v>
      </c>
      <c r="D3970" s="1149" t="s">
        <v>180</v>
      </c>
      <c r="E3970" s="1149" t="s">
        <v>181</v>
      </c>
      <c r="F3970" s="1149"/>
      <c r="G3970" s="150"/>
      <c r="H3970" s="150"/>
    </row>
    <row r="3971" spans="1:8">
      <c r="A3971" s="150"/>
      <c r="B3971" s="163" t="s">
        <v>13041</v>
      </c>
      <c r="C3971" s="1158"/>
      <c r="D3971" s="1158"/>
      <c r="E3971" s="1158"/>
      <c r="F3971" s="1158"/>
      <c r="G3971" s="150"/>
      <c r="H3971" s="150"/>
    </row>
    <row r="3972" spans="1:8">
      <c r="A3972" s="150"/>
      <c r="B3972" s="164" t="s">
        <v>13042</v>
      </c>
      <c r="C3972" s="1150"/>
      <c r="D3972" s="1150"/>
      <c r="E3972" s="1150"/>
      <c r="F3972" s="1150"/>
      <c r="G3972" s="150"/>
      <c r="H3972" s="150"/>
    </row>
    <row r="3973" spans="1:8">
      <c r="A3973" s="150"/>
      <c r="B3973" s="195" t="s">
        <v>10318</v>
      </c>
      <c r="C3973" s="196" t="s">
        <v>10319</v>
      </c>
      <c r="D3973" s="196" t="s">
        <v>423</v>
      </c>
      <c r="E3973" s="196" t="s">
        <v>424</v>
      </c>
      <c r="F3973" s="196" t="s">
        <v>595</v>
      </c>
      <c r="G3973" s="150"/>
      <c r="H3973" s="150"/>
    </row>
    <row r="3974" spans="1:8">
      <c r="A3974" s="150"/>
      <c r="B3974" s="195" t="s">
        <v>13044</v>
      </c>
      <c r="C3974" s="196" t="s">
        <v>13045</v>
      </c>
      <c r="D3974" s="196" t="s">
        <v>13046</v>
      </c>
      <c r="E3974" s="196" t="s">
        <v>6356</v>
      </c>
      <c r="F3974" s="196"/>
      <c r="G3974" s="150"/>
      <c r="H3974" s="150"/>
    </row>
    <row r="3975" spans="1:8" ht="25.5">
      <c r="A3975" s="150"/>
      <c r="B3975" s="195" t="s">
        <v>13047</v>
      </c>
      <c r="C3975" s="196" t="s">
        <v>13048</v>
      </c>
      <c r="D3975" s="196" t="s">
        <v>448</v>
      </c>
      <c r="E3975" s="196" t="s">
        <v>449</v>
      </c>
      <c r="F3975" s="196"/>
      <c r="G3975" s="150"/>
      <c r="H3975" s="150"/>
    </row>
    <row r="3976" spans="1:8" ht="25.5">
      <c r="A3976" s="150"/>
      <c r="B3976" s="195" t="s">
        <v>13049</v>
      </c>
      <c r="C3976" s="196" t="s">
        <v>13050</v>
      </c>
      <c r="D3976" s="196" t="s">
        <v>444</v>
      </c>
      <c r="E3976" s="196" t="s">
        <v>445</v>
      </c>
      <c r="F3976" s="196"/>
      <c r="G3976" s="150"/>
      <c r="H3976" s="150"/>
    </row>
    <row r="3977" spans="1:8">
      <c r="A3977" s="150"/>
      <c r="B3977" s="162" t="s">
        <v>13051</v>
      </c>
      <c r="C3977" s="1149" t="s">
        <v>13053</v>
      </c>
      <c r="D3977" s="1149" t="s">
        <v>330</v>
      </c>
      <c r="E3977" s="1149" t="s">
        <v>331</v>
      </c>
      <c r="F3977" s="1149"/>
      <c r="G3977" s="150"/>
      <c r="H3977" s="150"/>
    </row>
    <row r="3978" spans="1:8">
      <c r="A3978" s="150"/>
      <c r="B3978" s="163" t="s">
        <v>13052</v>
      </c>
      <c r="C3978" s="1158"/>
      <c r="D3978" s="1158"/>
      <c r="E3978" s="1158"/>
      <c r="F3978" s="1158"/>
      <c r="G3978" s="150"/>
      <c r="H3978" s="150"/>
    </row>
    <row r="3979" spans="1:8">
      <c r="A3979" s="150"/>
      <c r="B3979" s="164" t="s">
        <v>3529</v>
      </c>
      <c r="C3979" s="1150"/>
      <c r="D3979" s="1150"/>
      <c r="E3979" s="1150"/>
      <c r="F3979" s="1150"/>
      <c r="G3979" s="150"/>
      <c r="H3979" s="150"/>
    </row>
    <row r="3980" spans="1:8">
      <c r="A3980" s="150"/>
      <c r="B3980" s="1159" t="s">
        <v>31593</v>
      </c>
      <c r="C3980" s="1160"/>
      <c r="D3980" s="1160"/>
      <c r="E3980" s="1160"/>
      <c r="F3980" s="1161"/>
      <c r="G3980" s="150"/>
      <c r="H3980" s="150"/>
    </row>
    <row r="3981" spans="1:8">
      <c r="A3981" s="150"/>
      <c r="B3981" s="195" t="s">
        <v>13620</v>
      </c>
      <c r="C3981" s="196" t="s">
        <v>13621</v>
      </c>
      <c r="D3981" s="196" t="s">
        <v>13622</v>
      </c>
      <c r="E3981" s="196" t="s">
        <v>13623</v>
      </c>
      <c r="F3981" s="196"/>
      <c r="G3981" s="150"/>
      <c r="H3981" s="150"/>
    </row>
    <row r="3982" spans="1:8">
      <c r="A3982" s="150"/>
      <c r="B3982" s="1159" t="s">
        <v>8508</v>
      </c>
      <c r="C3982" s="1160"/>
      <c r="D3982" s="1160"/>
      <c r="E3982" s="1160"/>
      <c r="F3982" s="1161"/>
      <c r="G3982" s="150"/>
      <c r="H3982" s="150"/>
    </row>
    <row r="3983" spans="1:8">
      <c r="A3983" s="150"/>
      <c r="B3983" s="195" t="s">
        <v>10351</v>
      </c>
      <c r="C3983" s="196" t="s">
        <v>10352</v>
      </c>
      <c r="D3983" s="196" t="s">
        <v>10353</v>
      </c>
      <c r="E3983" s="196" t="s">
        <v>10354</v>
      </c>
      <c r="F3983" s="194" t="s">
        <v>32154</v>
      </c>
      <c r="G3983" s="150"/>
      <c r="H3983" s="150"/>
    </row>
    <row r="3984" spans="1:8">
      <c r="A3984" s="150"/>
      <c r="B3984" s="195" t="s">
        <v>13054</v>
      </c>
      <c r="C3984" s="196" t="s">
        <v>13055</v>
      </c>
      <c r="D3984" s="196" t="s">
        <v>13056</v>
      </c>
      <c r="E3984" s="196" t="s">
        <v>3527</v>
      </c>
      <c r="F3984" s="196"/>
      <c r="G3984" s="150"/>
      <c r="H3984" s="150"/>
    </row>
    <row r="3985" spans="1:8">
      <c r="A3985" s="150"/>
      <c r="B3985" s="195" t="s">
        <v>382</v>
      </c>
      <c r="C3985" s="196" t="s">
        <v>13057</v>
      </c>
      <c r="D3985" s="196" t="s">
        <v>383</v>
      </c>
      <c r="E3985" s="196" t="s">
        <v>384</v>
      </c>
      <c r="F3985" s="196"/>
      <c r="G3985" s="150"/>
      <c r="H3985" s="150"/>
    </row>
    <row r="3986" spans="1:8">
      <c r="A3986" s="150"/>
      <c r="B3986" s="195" t="s">
        <v>10363</v>
      </c>
      <c r="C3986" s="196" t="s">
        <v>13058</v>
      </c>
      <c r="D3986" s="196" t="s">
        <v>10365</v>
      </c>
      <c r="E3986" s="196" t="s">
        <v>10366</v>
      </c>
      <c r="F3986" s="194" t="s">
        <v>32154</v>
      </c>
      <c r="G3986" s="150"/>
      <c r="H3986" s="150"/>
    </row>
    <row r="3987" spans="1:8">
      <c r="A3987" s="150"/>
      <c r="B3987" s="162" t="s">
        <v>13059</v>
      </c>
      <c r="C3987" s="1149" t="s">
        <v>13063</v>
      </c>
      <c r="D3987" s="1149" t="s">
        <v>327</v>
      </c>
      <c r="E3987" s="1149" t="s">
        <v>328</v>
      </c>
      <c r="F3987" s="1149"/>
      <c r="G3987" s="150"/>
      <c r="H3987" s="150"/>
    </row>
    <row r="3988" spans="1:8">
      <c r="A3988" s="150"/>
      <c r="B3988" s="163" t="s">
        <v>13060</v>
      </c>
      <c r="C3988" s="1158"/>
      <c r="D3988" s="1158"/>
      <c r="E3988" s="1158"/>
      <c r="F3988" s="1158"/>
      <c r="G3988" s="150"/>
      <c r="H3988" s="150"/>
    </row>
    <row r="3989" spans="1:8">
      <c r="A3989" s="150"/>
      <c r="B3989" s="163" t="s">
        <v>13061</v>
      </c>
      <c r="C3989" s="1158"/>
      <c r="D3989" s="1158"/>
      <c r="E3989" s="1158"/>
      <c r="F3989" s="1158"/>
      <c r="G3989" s="150"/>
      <c r="H3989" s="150"/>
    </row>
    <row r="3990" spans="1:8">
      <c r="A3990" s="150"/>
      <c r="B3990" s="164" t="s">
        <v>13062</v>
      </c>
      <c r="C3990" s="1150"/>
      <c r="D3990" s="1150"/>
      <c r="E3990" s="1150"/>
      <c r="F3990" s="1150"/>
      <c r="G3990" s="150"/>
      <c r="H3990" s="150"/>
    </row>
    <row r="3991" spans="1:8">
      <c r="A3991" s="150"/>
      <c r="B3991" s="1159" t="s">
        <v>31587</v>
      </c>
      <c r="C3991" s="1160"/>
      <c r="D3991" s="1160"/>
      <c r="E3991" s="1160"/>
      <c r="F3991" s="1161"/>
      <c r="G3991" s="150"/>
      <c r="H3991" s="150"/>
    </row>
    <row r="3992" spans="1:8">
      <c r="A3992" s="150"/>
      <c r="B3992" s="162" t="s">
        <v>13064</v>
      </c>
      <c r="C3992" s="1149" t="s">
        <v>13066</v>
      </c>
      <c r="D3992" s="1149" t="s">
        <v>13067</v>
      </c>
      <c r="E3992" s="1149" t="s">
        <v>13068</v>
      </c>
      <c r="F3992" s="1149"/>
      <c r="G3992" s="150"/>
      <c r="H3992" s="150"/>
    </row>
    <row r="3993" spans="1:8">
      <c r="A3993" s="150"/>
      <c r="B3993" s="164" t="s">
        <v>13065</v>
      </c>
      <c r="C3993" s="1150"/>
      <c r="D3993" s="1150"/>
      <c r="E3993" s="1150"/>
      <c r="F3993" s="1150"/>
      <c r="G3993" s="150"/>
      <c r="H3993" s="150"/>
    </row>
    <row r="3994" spans="1:8">
      <c r="A3994" s="150"/>
      <c r="B3994" s="195" t="s">
        <v>7040</v>
      </c>
      <c r="C3994" s="196" t="s">
        <v>13069</v>
      </c>
      <c r="D3994" s="196" t="s">
        <v>177</v>
      </c>
      <c r="E3994" s="196" t="s">
        <v>178</v>
      </c>
      <c r="F3994" s="196"/>
      <c r="G3994" s="150"/>
      <c r="H3994" s="150"/>
    </row>
    <row r="3995" spans="1:8">
      <c r="A3995" s="150"/>
      <c r="B3995" s="1159" t="s">
        <v>8508</v>
      </c>
      <c r="C3995" s="1160"/>
      <c r="D3995" s="1160"/>
      <c r="E3995" s="1160"/>
      <c r="F3995" s="1161"/>
      <c r="G3995" s="150"/>
      <c r="H3995" s="150"/>
    </row>
    <row r="3996" spans="1:8" ht="25.5">
      <c r="A3996" s="150"/>
      <c r="B3996" s="195" t="s">
        <v>13070</v>
      </c>
      <c r="C3996" s="196" t="s">
        <v>13071</v>
      </c>
      <c r="D3996" s="196" t="s">
        <v>13072</v>
      </c>
      <c r="E3996" s="196" t="s">
        <v>13073</v>
      </c>
      <c r="F3996" s="196"/>
      <c r="G3996" s="150"/>
      <c r="H3996" s="150"/>
    </row>
    <row r="3997" spans="1:8">
      <c r="A3997" s="150"/>
      <c r="B3997" s="1159" t="s">
        <v>31593</v>
      </c>
      <c r="C3997" s="1160"/>
      <c r="D3997" s="1160"/>
      <c r="E3997" s="1160"/>
      <c r="F3997" s="1161"/>
      <c r="G3997" s="150"/>
      <c r="H3997" s="150"/>
    </row>
    <row r="3998" spans="1:8">
      <c r="A3998" s="150"/>
      <c r="B3998" s="195" t="s">
        <v>31621</v>
      </c>
      <c r="C3998" s="196" t="s">
        <v>13750</v>
      </c>
      <c r="D3998" s="196" t="s">
        <v>72</v>
      </c>
      <c r="E3998" s="198">
        <v>29348</v>
      </c>
      <c r="F3998" s="196"/>
      <c r="G3998" s="150"/>
      <c r="H3998" s="150"/>
    </row>
    <row r="3999" spans="1:8">
      <c r="A3999" s="150"/>
      <c r="B3999" s="1159" t="s">
        <v>31587</v>
      </c>
      <c r="C3999" s="1160"/>
      <c r="D3999" s="1160"/>
      <c r="E3999" s="1160"/>
      <c r="F3999" s="1161"/>
      <c r="G3999" s="150"/>
      <c r="H3999" s="150"/>
    </row>
    <row r="4000" spans="1:8" ht="25.5">
      <c r="A4000" s="150"/>
      <c r="B4000" s="195" t="s">
        <v>13074</v>
      </c>
      <c r="C4000" s="196" t="s">
        <v>13075</v>
      </c>
      <c r="D4000" s="196" t="s">
        <v>13076</v>
      </c>
      <c r="E4000" s="196" t="s">
        <v>13077</v>
      </c>
      <c r="F4000" s="196"/>
      <c r="G4000" s="150"/>
      <c r="H4000" s="150"/>
    </row>
    <row r="4001" spans="1:8">
      <c r="A4001" s="150"/>
      <c r="B4001" s="1159" t="s">
        <v>31593</v>
      </c>
      <c r="C4001" s="1160"/>
      <c r="D4001" s="1160"/>
      <c r="E4001" s="1160"/>
      <c r="F4001" s="1161"/>
      <c r="G4001" s="150"/>
      <c r="H4001" s="150"/>
    </row>
    <row r="4002" spans="1:8">
      <c r="A4002" s="150"/>
      <c r="B4002" s="162" t="s">
        <v>13907</v>
      </c>
      <c r="C4002" s="1149" t="s">
        <v>13751</v>
      </c>
      <c r="D4002" s="159" t="s">
        <v>13752</v>
      </c>
      <c r="E4002" s="159" t="s">
        <v>13754</v>
      </c>
      <c r="F4002" s="1149"/>
      <c r="G4002" s="150"/>
      <c r="H4002" s="150"/>
    </row>
    <row r="4003" spans="1:8">
      <c r="A4003" s="150"/>
      <c r="B4003" s="163" t="s">
        <v>13908</v>
      </c>
      <c r="C4003" s="1158"/>
      <c r="D4003" s="160" t="s">
        <v>9081</v>
      </c>
      <c r="E4003" s="160" t="s">
        <v>9081</v>
      </c>
      <c r="F4003" s="1158"/>
      <c r="G4003" s="150"/>
      <c r="H4003" s="150"/>
    </row>
    <row r="4004" spans="1:8">
      <c r="A4004" s="150"/>
      <c r="B4004" s="163" t="s">
        <v>13909</v>
      </c>
      <c r="C4004" s="1158"/>
      <c r="D4004" s="160" t="s">
        <v>9058</v>
      </c>
      <c r="E4004" s="160" t="s">
        <v>9058</v>
      </c>
      <c r="F4004" s="1158"/>
      <c r="G4004" s="150"/>
      <c r="H4004" s="150"/>
    </row>
    <row r="4005" spans="1:8">
      <c r="A4005" s="150"/>
      <c r="B4005" s="163" t="s">
        <v>13910</v>
      </c>
      <c r="C4005" s="1158"/>
      <c r="D4005" s="160" t="s">
        <v>9189</v>
      </c>
      <c r="E4005" s="160" t="s">
        <v>13755</v>
      </c>
      <c r="F4005" s="1158"/>
      <c r="G4005" s="150"/>
      <c r="H4005" s="150"/>
    </row>
    <row r="4006" spans="1:8">
      <c r="A4006" s="150"/>
      <c r="B4006" s="164" t="s">
        <v>13911</v>
      </c>
      <c r="C4006" s="1150"/>
      <c r="D4006" s="161" t="s">
        <v>13753</v>
      </c>
      <c r="E4006" s="161" t="s">
        <v>13756</v>
      </c>
      <c r="F4006" s="1150"/>
      <c r="G4006" s="150"/>
      <c r="H4006" s="150"/>
    </row>
    <row r="4007" spans="1:8" ht="25.5">
      <c r="A4007" s="150"/>
      <c r="B4007" s="195" t="s">
        <v>13912</v>
      </c>
      <c r="C4007" s="196" t="s">
        <v>13757</v>
      </c>
      <c r="D4007" s="196" t="s">
        <v>13758</v>
      </c>
      <c r="E4007" s="196" t="s">
        <v>13759</v>
      </c>
      <c r="F4007" s="196"/>
      <c r="G4007" s="150"/>
      <c r="H4007" s="150"/>
    </row>
    <row r="4008" spans="1:8">
      <c r="A4008" s="150"/>
      <c r="B4008" s="1159" t="s">
        <v>31587</v>
      </c>
      <c r="C4008" s="1160"/>
      <c r="D4008" s="1160"/>
      <c r="E4008" s="1160"/>
      <c r="F4008" s="1161"/>
      <c r="G4008" s="150"/>
      <c r="H4008" s="150"/>
    </row>
    <row r="4009" spans="1:8">
      <c r="A4009" s="150"/>
      <c r="B4009" s="162" t="s">
        <v>13078</v>
      </c>
      <c r="C4009" s="1149" t="s">
        <v>13080</v>
      </c>
      <c r="D4009" s="1149" t="s">
        <v>433</v>
      </c>
      <c r="E4009" s="1149" t="s">
        <v>434</v>
      </c>
      <c r="F4009" s="1149"/>
      <c r="G4009" s="150"/>
      <c r="H4009" s="150"/>
    </row>
    <row r="4010" spans="1:8">
      <c r="A4010" s="150"/>
      <c r="B4010" s="164" t="s">
        <v>13079</v>
      </c>
      <c r="C4010" s="1150"/>
      <c r="D4010" s="1150"/>
      <c r="E4010" s="1150"/>
      <c r="F4010" s="1150"/>
      <c r="G4010" s="150"/>
      <c r="H4010" s="150"/>
    </row>
    <row r="4011" spans="1:8">
      <c r="A4011" s="150"/>
      <c r="B4011" s="1159" t="s">
        <v>31595</v>
      </c>
      <c r="C4011" s="1160"/>
      <c r="D4011" s="1160"/>
      <c r="E4011" s="1160"/>
      <c r="F4011" s="1161"/>
      <c r="G4011" s="150"/>
      <c r="H4011" s="150"/>
    </row>
    <row r="4012" spans="1:8" ht="25.5">
      <c r="A4012" s="150"/>
      <c r="B4012" s="195" t="s">
        <v>14168</v>
      </c>
      <c r="C4012" s="196" t="s">
        <v>13948</v>
      </c>
      <c r="D4012" s="196" t="s">
        <v>13949</v>
      </c>
      <c r="E4012" s="196" t="s">
        <v>13950</v>
      </c>
      <c r="F4012" s="196"/>
      <c r="G4012" s="150"/>
      <c r="H4012" s="150"/>
    </row>
    <row r="4013" spans="1:8">
      <c r="A4013" s="150"/>
      <c r="B4013" s="1159" t="s">
        <v>8508</v>
      </c>
      <c r="C4013" s="1160"/>
      <c r="D4013" s="1160"/>
      <c r="E4013" s="1160"/>
      <c r="F4013" s="1161"/>
      <c r="G4013" s="150"/>
      <c r="H4013" s="150"/>
    </row>
    <row r="4014" spans="1:8">
      <c r="A4014" s="150"/>
      <c r="B4014" s="195" t="s">
        <v>13081</v>
      </c>
      <c r="C4014" s="196" t="s">
        <v>13082</v>
      </c>
      <c r="D4014" s="196" t="s">
        <v>13083</v>
      </c>
      <c r="E4014" s="196" t="s">
        <v>13084</v>
      </c>
      <c r="F4014" s="196"/>
      <c r="G4014" s="150"/>
      <c r="H4014" s="150"/>
    </row>
    <row r="4015" spans="1:8">
      <c r="A4015" s="150"/>
      <c r="B4015" s="1159" t="s">
        <v>31587</v>
      </c>
      <c r="C4015" s="1160"/>
      <c r="D4015" s="1160"/>
      <c r="E4015" s="1160"/>
      <c r="F4015" s="1161"/>
      <c r="G4015" s="150"/>
      <c r="H4015" s="150"/>
    </row>
    <row r="4016" spans="1:8" ht="25.5">
      <c r="A4016" s="150"/>
      <c r="B4016" s="195" t="s">
        <v>13085</v>
      </c>
      <c r="C4016" s="196" t="s">
        <v>13086</v>
      </c>
      <c r="D4016" s="196" t="s">
        <v>13087</v>
      </c>
      <c r="E4016" s="196" t="s">
        <v>13088</v>
      </c>
      <c r="F4016" s="196"/>
      <c r="G4016" s="150"/>
      <c r="H4016" s="150"/>
    </row>
    <row r="4017" spans="1:8" ht="25.5">
      <c r="A4017" s="150"/>
      <c r="B4017" s="195" t="s">
        <v>13089</v>
      </c>
      <c r="C4017" s="196" t="s">
        <v>13090</v>
      </c>
      <c r="D4017" s="196" t="s">
        <v>13091</v>
      </c>
      <c r="E4017" s="196" t="s">
        <v>13092</v>
      </c>
      <c r="F4017" s="196"/>
      <c r="G4017" s="150"/>
      <c r="H4017" s="150"/>
    </row>
    <row r="4018" spans="1:8">
      <c r="A4018" s="150"/>
      <c r="B4018" s="1159" t="s">
        <v>8508</v>
      </c>
      <c r="C4018" s="1160"/>
      <c r="D4018" s="1160"/>
      <c r="E4018" s="1160"/>
      <c r="F4018" s="1161"/>
      <c r="G4018" s="150"/>
      <c r="H4018" s="150"/>
    </row>
    <row r="4019" spans="1:8" ht="25.5">
      <c r="A4019" s="150"/>
      <c r="B4019" s="195" t="s">
        <v>13093</v>
      </c>
      <c r="C4019" s="196" t="s">
        <v>13094</v>
      </c>
      <c r="D4019" s="196" t="s">
        <v>13095</v>
      </c>
      <c r="E4019" s="196" t="s">
        <v>3535</v>
      </c>
      <c r="F4019" s="196"/>
      <c r="G4019" s="150"/>
      <c r="H4019" s="150"/>
    </row>
    <row r="4020" spans="1:8" ht="25.5">
      <c r="A4020" s="150"/>
      <c r="B4020" s="195" t="s">
        <v>13096</v>
      </c>
      <c r="C4020" s="196" t="s">
        <v>13097</v>
      </c>
      <c r="D4020" s="196" t="s">
        <v>436</v>
      </c>
      <c r="E4020" s="196" t="s">
        <v>437</v>
      </c>
      <c r="F4020" s="196"/>
      <c r="G4020" s="150"/>
      <c r="H4020" s="150"/>
    </row>
    <row r="4021" spans="1:8">
      <c r="A4021" s="150"/>
      <c r="B4021" s="1159" t="s">
        <v>31593</v>
      </c>
      <c r="C4021" s="1160"/>
      <c r="D4021" s="1160"/>
      <c r="E4021" s="1160"/>
      <c r="F4021" s="1161"/>
      <c r="G4021" s="150"/>
      <c r="H4021" s="150"/>
    </row>
    <row r="4022" spans="1:8" ht="25.5">
      <c r="A4022" s="150"/>
      <c r="B4022" s="195" t="s">
        <v>13913</v>
      </c>
      <c r="C4022" s="196" t="s">
        <v>13760</v>
      </c>
      <c r="D4022" s="196" t="s">
        <v>13761</v>
      </c>
      <c r="E4022" s="196" t="s">
        <v>13762</v>
      </c>
      <c r="F4022" s="196"/>
      <c r="G4022" s="150"/>
      <c r="H4022" s="150"/>
    </row>
    <row r="4023" spans="1:8">
      <c r="A4023" s="150"/>
      <c r="B4023" s="1159" t="s">
        <v>31595</v>
      </c>
      <c r="C4023" s="1160"/>
      <c r="D4023" s="1160"/>
      <c r="E4023" s="1160"/>
      <c r="F4023" s="1161"/>
      <c r="G4023" s="150"/>
      <c r="H4023" s="150"/>
    </row>
    <row r="4024" spans="1:8">
      <c r="A4024" s="150"/>
      <c r="B4024" s="162" t="s">
        <v>13951</v>
      </c>
      <c r="C4024" s="1149" t="s">
        <v>13921</v>
      </c>
      <c r="D4024" s="1149" t="s">
        <v>13922</v>
      </c>
      <c r="E4024" s="1149" t="s">
        <v>13923</v>
      </c>
      <c r="F4024" s="1149"/>
      <c r="G4024" s="150"/>
      <c r="H4024" s="150"/>
    </row>
    <row r="4025" spans="1:8">
      <c r="A4025" s="150"/>
      <c r="B4025" s="164" t="s">
        <v>13924</v>
      </c>
      <c r="C4025" s="1150"/>
      <c r="D4025" s="1150"/>
      <c r="E4025" s="1150"/>
      <c r="F4025" s="1150"/>
      <c r="G4025" s="150"/>
      <c r="H4025" s="150"/>
    </row>
    <row r="4026" spans="1:8">
      <c r="A4026" s="150"/>
      <c r="B4026" s="1159" t="s">
        <v>31593</v>
      </c>
      <c r="C4026" s="1160"/>
      <c r="D4026" s="1160"/>
      <c r="E4026" s="1160"/>
      <c r="F4026" s="1161"/>
      <c r="G4026" s="150"/>
      <c r="H4026" s="150"/>
    </row>
    <row r="4027" spans="1:8" ht="25.5">
      <c r="A4027" s="150"/>
      <c r="B4027" s="195" t="s">
        <v>13914</v>
      </c>
      <c r="C4027" s="196" t="s">
        <v>13763</v>
      </c>
      <c r="D4027" s="196" t="s">
        <v>13764</v>
      </c>
      <c r="E4027" s="196" t="s">
        <v>13765</v>
      </c>
      <c r="F4027" s="196"/>
      <c r="G4027" s="150"/>
      <c r="H4027" s="150"/>
    </row>
    <row r="4028" spans="1:8">
      <c r="A4028" s="150"/>
      <c r="B4028" s="1159" t="s">
        <v>8508</v>
      </c>
      <c r="C4028" s="1160"/>
      <c r="D4028" s="1160"/>
      <c r="E4028" s="1160"/>
      <c r="F4028" s="1161"/>
      <c r="G4028" s="150"/>
      <c r="H4028" s="150"/>
    </row>
    <row r="4029" spans="1:8" ht="25.5">
      <c r="A4029" s="150"/>
      <c r="B4029" s="195" t="s">
        <v>13098</v>
      </c>
      <c r="C4029" s="196" t="s">
        <v>13099</v>
      </c>
      <c r="D4029" s="196" t="s">
        <v>13100</v>
      </c>
      <c r="E4029" s="196" t="s">
        <v>13101</v>
      </c>
      <c r="F4029" s="196"/>
      <c r="G4029" s="150"/>
      <c r="H4029" s="150"/>
    </row>
    <row r="4030" spans="1:8">
      <c r="A4030" s="150"/>
      <c r="B4030" s="195" t="s">
        <v>13102</v>
      </c>
      <c r="C4030" s="196" t="s">
        <v>13103</v>
      </c>
      <c r="D4030" s="196" t="s">
        <v>386</v>
      </c>
      <c r="E4030" s="196" t="s">
        <v>387</v>
      </c>
      <c r="F4030" s="196"/>
      <c r="G4030" s="150"/>
      <c r="H4030" s="150"/>
    </row>
    <row r="4031" spans="1:8">
      <c r="A4031" s="150"/>
      <c r="B4031" s="195" t="s">
        <v>13104</v>
      </c>
      <c r="C4031" s="196" t="s">
        <v>13105</v>
      </c>
      <c r="D4031" s="196" t="s">
        <v>13106</v>
      </c>
      <c r="E4031" s="196" t="s">
        <v>13107</v>
      </c>
      <c r="F4031" s="196"/>
      <c r="G4031" s="150"/>
      <c r="H4031" s="150"/>
    </row>
    <row r="4032" spans="1:8" ht="25.5">
      <c r="A4032" s="150"/>
      <c r="B4032" s="195" t="s">
        <v>13108</v>
      </c>
      <c r="C4032" s="196" t="s">
        <v>13109</v>
      </c>
      <c r="D4032" s="196" t="s">
        <v>13110</v>
      </c>
      <c r="E4032" s="196" t="s">
        <v>13111</v>
      </c>
      <c r="F4032" s="196"/>
      <c r="G4032" s="150"/>
      <c r="H4032" s="150"/>
    </row>
    <row r="4033" spans="1:8" ht="25.5">
      <c r="A4033" s="150"/>
      <c r="B4033" s="195" t="s">
        <v>13112</v>
      </c>
      <c r="C4033" s="196" t="s">
        <v>13113</v>
      </c>
      <c r="D4033" s="196" t="s">
        <v>13114</v>
      </c>
      <c r="E4033" s="196" t="s">
        <v>13115</v>
      </c>
      <c r="F4033" s="196"/>
      <c r="G4033" s="150"/>
      <c r="H4033" s="150"/>
    </row>
    <row r="4034" spans="1:8">
      <c r="A4034" s="150"/>
      <c r="B4034" s="195" t="s">
        <v>271</v>
      </c>
      <c r="C4034" s="196" t="s">
        <v>13116</v>
      </c>
      <c r="D4034" s="196" t="s">
        <v>272</v>
      </c>
      <c r="E4034" s="196" t="s">
        <v>273</v>
      </c>
      <c r="F4034" s="194" t="s">
        <v>32154</v>
      </c>
      <c r="G4034" s="150"/>
      <c r="H4034" s="150"/>
    </row>
    <row r="4035" spans="1:8" ht="25.5">
      <c r="A4035" s="150"/>
      <c r="B4035" s="195" t="s">
        <v>13117</v>
      </c>
      <c r="C4035" s="196" t="s">
        <v>13118</v>
      </c>
      <c r="D4035" s="196" t="s">
        <v>544</v>
      </c>
      <c r="E4035" s="196" t="s">
        <v>545</v>
      </c>
      <c r="F4035" s="196"/>
      <c r="G4035" s="150"/>
      <c r="H4035" s="150"/>
    </row>
    <row r="4036" spans="1:8">
      <c r="A4036" s="150"/>
      <c r="B4036" s="195" t="s">
        <v>13119</v>
      </c>
      <c r="C4036" s="196" t="s">
        <v>13120</v>
      </c>
      <c r="D4036" s="196" t="s">
        <v>559</v>
      </c>
      <c r="E4036" s="196" t="s">
        <v>560</v>
      </c>
      <c r="F4036" s="196"/>
      <c r="G4036" s="150"/>
      <c r="H4036" s="150"/>
    </row>
    <row r="4037" spans="1:8" ht="25.5">
      <c r="A4037" s="150"/>
      <c r="B4037" s="195" t="s">
        <v>13121</v>
      </c>
      <c r="C4037" s="196" t="s">
        <v>13122</v>
      </c>
      <c r="D4037" s="196" t="s">
        <v>13123</v>
      </c>
      <c r="E4037" s="196" t="s">
        <v>13124</v>
      </c>
      <c r="F4037" s="194" t="s">
        <v>32154</v>
      </c>
      <c r="G4037" s="150"/>
      <c r="H4037" s="150"/>
    </row>
    <row r="4038" spans="1:8">
      <c r="A4038" s="150"/>
      <c r="B4038" s="1159" t="s">
        <v>31593</v>
      </c>
      <c r="C4038" s="1160"/>
      <c r="D4038" s="1160"/>
      <c r="E4038" s="1160"/>
      <c r="F4038" s="1161"/>
      <c r="G4038" s="150"/>
      <c r="H4038" s="150"/>
    </row>
    <row r="4039" spans="1:8" ht="63.75">
      <c r="A4039" s="150"/>
      <c r="B4039" s="195" t="s">
        <v>13915</v>
      </c>
      <c r="C4039" s="196" t="s">
        <v>13766</v>
      </c>
      <c r="D4039" s="196" t="s">
        <v>13767</v>
      </c>
      <c r="E4039" s="196" t="s">
        <v>13768</v>
      </c>
      <c r="F4039" s="196"/>
      <c r="G4039" s="150"/>
      <c r="H4039" s="150"/>
    </row>
    <row r="4040" spans="1:8">
      <c r="A4040" s="150"/>
      <c r="B4040" s="1159" t="s">
        <v>29780</v>
      </c>
      <c r="C4040" s="1160"/>
      <c r="D4040" s="1160"/>
      <c r="E4040" s="1160"/>
      <c r="F4040" s="1161"/>
      <c r="G4040" s="150"/>
      <c r="H4040" s="150"/>
    </row>
    <row r="4041" spans="1:8" ht="25.5">
      <c r="A4041" s="150"/>
      <c r="B4041" s="195" t="s">
        <v>13125</v>
      </c>
      <c r="C4041" s="196" t="s">
        <v>13126</v>
      </c>
      <c r="D4041" s="196" t="s">
        <v>13127</v>
      </c>
      <c r="E4041" s="196" t="s">
        <v>13128</v>
      </c>
      <c r="F4041" s="196"/>
      <c r="G4041" s="150"/>
      <c r="H4041" s="150"/>
    </row>
    <row r="4042" spans="1:8">
      <c r="A4042" s="150"/>
      <c r="B4042" s="195" t="s">
        <v>13129</v>
      </c>
      <c r="C4042" s="196"/>
      <c r="D4042" s="196" t="s">
        <v>13130</v>
      </c>
      <c r="E4042" s="196" t="s">
        <v>13130</v>
      </c>
      <c r="F4042" s="196"/>
      <c r="G4042" s="150"/>
      <c r="H4042" s="150"/>
    </row>
    <row r="4043" spans="1:8">
      <c r="A4043" s="150"/>
      <c r="B4043" s="195" t="s">
        <v>13131</v>
      </c>
      <c r="C4043" s="196"/>
      <c r="D4043" s="196" t="s">
        <v>13132</v>
      </c>
      <c r="E4043" s="196" t="s">
        <v>13133</v>
      </c>
      <c r="F4043" s="196"/>
      <c r="G4043" s="150"/>
      <c r="H4043" s="150"/>
    </row>
    <row r="4044" spans="1:8">
      <c r="A4044" s="150"/>
      <c r="B4044" s="195" t="s">
        <v>13134</v>
      </c>
      <c r="C4044" s="196"/>
      <c r="D4044" s="196" t="s">
        <v>13135</v>
      </c>
      <c r="E4044" s="196" t="s">
        <v>13136</v>
      </c>
      <c r="F4044" s="196"/>
      <c r="G4044" s="150"/>
      <c r="H4044" s="150"/>
    </row>
    <row r="4045" spans="1:8">
      <c r="A4045" s="150"/>
      <c r="B4045" s="1159" t="s">
        <v>8508</v>
      </c>
      <c r="C4045" s="1160"/>
      <c r="D4045" s="1160"/>
      <c r="E4045" s="1160"/>
      <c r="F4045" s="1161"/>
      <c r="G4045" s="150"/>
      <c r="H4045" s="150"/>
    </row>
    <row r="4046" spans="1:8">
      <c r="A4046" s="150"/>
      <c r="B4046" s="162" t="s">
        <v>8438</v>
      </c>
      <c r="C4046" s="1149" t="s">
        <v>13138</v>
      </c>
      <c r="D4046" s="1149" t="s">
        <v>541</v>
      </c>
      <c r="E4046" s="1149" t="s">
        <v>542</v>
      </c>
      <c r="F4046" s="1149"/>
      <c r="G4046" s="150"/>
      <c r="H4046" s="150"/>
    </row>
    <row r="4047" spans="1:8">
      <c r="A4047" s="150"/>
      <c r="B4047" s="164" t="s">
        <v>13137</v>
      </c>
      <c r="C4047" s="1150"/>
      <c r="D4047" s="1150"/>
      <c r="E4047" s="1150"/>
      <c r="F4047" s="1150"/>
      <c r="G4047" s="150"/>
      <c r="H4047" s="150"/>
    </row>
    <row r="4048" spans="1:8">
      <c r="A4048" s="150"/>
      <c r="B4048" s="162" t="s">
        <v>13139</v>
      </c>
      <c r="C4048" s="1149" t="s">
        <v>13141</v>
      </c>
      <c r="D4048" s="1149" t="s">
        <v>430</v>
      </c>
      <c r="E4048" s="1149" t="s">
        <v>431</v>
      </c>
      <c r="F4048" s="1149"/>
      <c r="G4048" s="150"/>
      <c r="H4048" s="150"/>
    </row>
    <row r="4049" spans="1:8">
      <c r="A4049" s="150"/>
      <c r="B4049" s="164" t="s">
        <v>13140</v>
      </c>
      <c r="C4049" s="1150"/>
      <c r="D4049" s="1150"/>
      <c r="E4049" s="1150"/>
      <c r="F4049" s="1150"/>
      <c r="G4049" s="150"/>
      <c r="H4049" s="150"/>
    </row>
    <row r="4050" spans="1:8">
      <c r="A4050" s="150"/>
      <c r="B4050" s="1159" t="s">
        <v>31587</v>
      </c>
      <c r="C4050" s="1160"/>
      <c r="D4050" s="1160"/>
      <c r="E4050" s="1160"/>
      <c r="F4050" s="1161"/>
      <c r="G4050" s="150"/>
      <c r="H4050" s="150"/>
    </row>
    <row r="4051" spans="1:8">
      <c r="A4051" s="150"/>
      <c r="B4051" s="162" t="s">
        <v>13142</v>
      </c>
      <c r="C4051" s="1149" t="s">
        <v>13143</v>
      </c>
      <c r="D4051" s="1149" t="s">
        <v>427</v>
      </c>
      <c r="E4051" s="1149" t="s">
        <v>428</v>
      </c>
      <c r="F4051" s="1149"/>
      <c r="G4051" s="150"/>
      <c r="H4051" s="150"/>
    </row>
    <row r="4052" spans="1:8">
      <c r="A4052" s="150"/>
      <c r="B4052" s="164" t="s">
        <v>32903</v>
      </c>
      <c r="C4052" s="1150"/>
      <c r="D4052" s="1150"/>
      <c r="E4052" s="1150"/>
      <c r="F4052" s="1150"/>
      <c r="G4052" s="150"/>
      <c r="H4052" s="150"/>
    </row>
    <row r="4053" spans="1:8">
      <c r="A4053" s="150"/>
      <c r="B4053" s="1159" t="s">
        <v>8508</v>
      </c>
      <c r="C4053" s="1160"/>
      <c r="D4053" s="1160"/>
      <c r="E4053" s="1160"/>
      <c r="F4053" s="1161"/>
      <c r="G4053" s="150"/>
      <c r="H4053" s="150"/>
    </row>
    <row r="4054" spans="1:8" ht="51">
      <c r="A4054" s="150"/>
      <c r="B4054" s="162" t="s">
        <v>13144</v>
      </c>
      <c r="C4054" s="1149" t="s">
        <v>13146</v>
      </c>
      <c r="D4054" s="1149" t="s">
        <v>11</v>
      </c>
      <c r="E4054" s="1149" t="s">
        <v>8356</v>
      </c>
      <c r="F4054" s="1149"/>
      <c r="G4054" s="150"/>
      <c r="H4054" s="150"/>
    </row>
    <row r="4055" spans="1:8" ht="51">
      <c r="A4055" s="150"/>
      <c r="B4055" s="164" t="s">
        <v>13145</v>
      </c>
      <c r="C4055" s="1150"/>
      <c r="D4055" s="1150"/>
      <c r="E4055" s="1150"/>
      <c r="F4055" s="1150"/>
      <c r="G4055" s="150"/>
      <c r="H4055" s="150"/>
    </row>
    <row r="4056" spans="1:8">
      <c r="A4056" s="150"/>
      <c r="B4056" s="1159" t="s">
        <v>31587</v>
      </c>
      <c r="C4056" s="1160"/>
      <c r="D4056" s="1160"/>
      <c r="E4056" s="1160"/>
      <c r="F4056" s="1161"/>
      <c r="G4056" s="150"/>
      <c r="H4056" s="150"/>
    </row>
    <row r="4057" spans="1:8">
      <c r="A4057" s="150"/>
      <c r="B4057" s="195" t="s">
        <v>509</v>
      </c>
      <c r="C4057" s="196" t="s">
        <v>13147</v>
      </c>
      <c r="D4057" s="196" t="s">
        <v>510</v>
      </c>
      <c r="E4057" s="196" t="s">
        <v>511</v>
      </c>
      <c r="F4057" s="196"/>
      <c r="G4057" s="150"/>
      <c r="H4057" s="150"/>
    </row>
    <row r="4058" spans="1:8">
      <c r="A4058" s="150"/>
      <c r="B4058" s="195" t="s">
        <v>13148</v>
      </c>
      <c r="C4058" s="196" t="s">
        <v>13149</v>
      </c>
      <c r="D4058" s="196"/>
      <c r="E4058" s="196"/>
      <c r="F4058" s="196"/>
      <c r="G4058" s="150"/>
      <c r="H4058" s="150"/>
    </row>
    <row r="4059" spans="1:8">
      <c r="A4059" s="150"/>
      <c r="B4059" s="1159" t="s">
        <v>31592</v>
      </c>
      <c r="C4059" s="1160"/>
      <c r="D4059" s="1160"/>
      <c r="E4059" s="1160"/>
      <c r="F4059" s="1161"/>
      <c r="G4059" s="150"/>
      <c r="H4059" s="150"/>
    </row>
    <row r="4060" spans="1:8">
      <c r="A4060" s="150"/>
      <c r="B4060" s="195" t="s">
        <v>32904</v>
      </c>
      <c r="C4060" s="1149" t="s">
        <v>13150</v>
      </c>
      <c r="D4060" s="196" t="s">
        <v>13151</v>
      </c>
      <c r="E4060" s="196" t="s">
        <v>13152</v>
      </c>
      <c r="F4060" s="1149"/>
      <c r="G4060" s="150"/>
      <c r="H4060" s="150"/>
    </row>
    <row r="4061" spans="1:8">
      <c r="A4061" s="150"/>
      <c r="B4061" s="197" t="s">
        <v>31587</v>
      </c>
      <c r="C4061" s="1158"/>
      <c r="D4061" s="150"/>
      <c r="E4061" s="150"/>
      <c r="F4061" s="1158"/>
      <c r="G4061" s="150"/>
      <c r="H4061" s="150"/>
    </row>
    <row r="4062" spans="1:8">
      <c r="A4062" s="150"/>
      <c r="B4062" s="195" t="s">
        <v>13153</v>
      </c>
      <c r="C4062" s="1158"/>
      <c r="D4062" s="196" t="s">
        <v>13154</v>
      </c>
      <c r="E4062" s="196" t="s">
        <v>13155</v>
      </c>
      <c r="F4062" s="1158"/>
      <c r="G4062" s="150"/>
      <c r="H4062" s="150"/>
    </row>
    <row r="4063" spans="1:8">
      <c r="A4063" s="150"/>
      <c r="B4063" s="195" t="s">
        <v>13156</v>
      </c>
      <c r="C4063" s="1158"/>
      <c r="D4063" s="196"/>
      <c r="E4063" s="196"/>
      <c r="F4063" s="1158"/>
      <c r="G4063" s="150"/>
      <c r="H4063" s="150"/>
    </row>
    <row r="4064" spans="1:8">
      <c r="A4064" s="150"/>
      <c r="B4064" s="195" t="s">
        <v>13157</v>
      </c>
      <c r="C4064" s="1158"/>
      <c r="D4064" s="196" t="s">
        <v>13158</v>
      </c>
      <c r="E4064" s="196" t="s">
        <v>13159</v>
      </c>
      <c r="F4064" s="1158"/>
      <c r="G4064" s="150"/>
      <c r="H4064" s="150"/>
    </row>
    <row r="4065" spans="1:8">
      <c r="A4065" s="150"/>
      <c r="B4065" s="195" t="s">
        <v>13160</v>
      </c>
      <c r="C4065" s="1158"/>
      <c r="D4065" s="196" t="s">
        <v>13161</v>
      </c>
      <c r="E4065" s="196" t="s">
        <v>13162</v>
      </c>
      <c r="F4065" s="1158"/>
      <c r="G4065" s="150"/>
      <c r="H4065" s="150"/>
    </row>
    <row r="4066" spans="1:8">
      <c r="A4066" s="150"/>
      <c r="B4066" s="195" t="s">
        <v>13163</v>
      </c>
      <c r="C4066" s="1158"/>
      <c r="D4066" s="196"/>
      <c r="E4066" s="196"/>
      <c r="F4066" s="1158"/>
      <c r="G4066" s="150"/>
      <c r="H4066" s="150"/>
    </row>
    <row r="4067" spans="1:8">
      <c r="A4067" s="150"/>
      <c r="B4067" s="195" t="s">
        <v>13164</v>
      </c>
      <c r="C4067" s="1158"/>
      <c r="D4067" s="196" t="s">
        <v>13165</v>
      </c>
      <c r="E4067" s="196" t="s">
        <v>13166</v>
      </c>
      <c r="F4067" s="1158"/>
      <c r="G4067" s="150"/>
      <c r="H4067" s="150"/>
    </row>
    <row r="4068" spans="1:8">
      <c r="A4068" s="150"/>
      <c r="B4068" s="195" t="s">
        <v>13167</v>
      </c>
      <c r="C4068" s="1158"/>
      <c r="D4068" s="196"/>
      <c r="E4068" s="196"/>
      <c r="F4068" s="1158"/>
      <c r="G4068" s="150"/>
      <c r="H4068" s="150"/>
    </row>
    <row r="4069" spans="1:8">
      <c r="A4069" s="150"/>
      <c r="B4069" s="195" t="s">
        <v>13168</v>
      </c>
      <c r="C4069" s="1158"/>
      <c r="D4069" s="196" t="s">
        <v>13169</v>
      </c>
      <c r="E4069" s="196" t="s">
        <v>13170</v>
      </c>
      <c r="F4069" s="1158"/>
      <c r="G4069" s="150"/>
      <c r="H4069" s="150"/>
    </row>
    <row r="4070" spans="1:8">
      <c r="A4070" s="150"/>
      <c r="B4070" s="197" t="s">
        <v>31592</v>
      </c>
      <c r="C4070" s="1150"/>
      <c r="D4070" s="150"/>
      <c r="E4070" s="150"/>
      <c r="F4070" s="1150"/>
      <c r="G4070" s="150"/>
      <c r="H4070" s="150"/>
    </row>
    <row r="4071" spans="1:8">
      <c r="A4071" s="150"/>
      <c r="B4071" s="195" t="s">
        <v>136</v>
      </c>
      <c r="C4071" s="196" t="s">
        <v>13171</v>
      </c>
      <c r="D4071" s="196" t="s">
        <v>137</v>
      </c>
      <c r="E4071" s="196" t="s">
        <v>138</v>
      </c>
      <c r="F4071" s="196"/>
      <c r="G4071" s="150"/>
      <c r="H4071" s="150"/>
    </row>
    <row r="4072" spans="1:8">
      <c r="A4072" s="150"/>
      <c r="B4072" s="195" t="s">
        <v>13172</v>
      </c>
      <c r="C4072" s="196" t="s">
        <v>13173</v>
      </c>
      <c r="D4072" s="196" t="s">
        <v>158</v>
      </c>
      <c r="E4072" s="196" t="s">
        <v>159</v>
      </c>
      <c r="F4072" s="196"/>
      <c r="G4072" s="150"/>
      <c r="H4072" s="150"/>
    </row>
    <row r="4073" spans="1:8">
      <c r="A4073" s="150"/>
      <c r="B4073" s="195" t="s">
        <v>8040</v>
      </c>
      <c r="C4073" s="196" t="s">
        <v>13174</v>
      </c>
      <c r="D4073" s="196" t="s">
        <v>170</v>
      </c>
      <c r="E4073" s="196" t="s">
        <v>171</v>
      </c>
      <c r="F4073" s="196"/>
      <c r="G4073" s="150"/>
      <c r="H4073" s="150"/>
    </row>
    <row r="4074" spans="1:8">
      <c r="A4074" s="150"/>
      <c r="B4074" s="1159" t="s">
        <v>31593</v>
      </c>
      <c r="C4074" s="1160"/>
      <c r="D4074" s="1160"/>
      <c r="E4074" s="1160"/>
      <c r="F4074" s="1161"/>
      <c r="G4074" s="150"/>
      <c r="H4074" s="150"/>
    </row>
    <row r="4075" spans="1:8" ht="25.5">
      <c r="A4075" s="150"/>
      <c r="B4075" s="195" t="s">
        <v>13624</v>
      </c>
      <c r="C4075" s="196" t="s">
        <v>13625</v>
      </c>
      <c r="D4075" s="196" t="s">
        <v>123</v>
      </c>
      <c r="E4075" s="196" t="s">
        <v>124</v>
      </c>
      <c r="F4075" s="196"/>
      <c r="G4075" s="150"/>
      <c r="H4075" s="150"/>
    </row>
    <row r="4076" spans="1:8" ht="25.5">
      <c r="A4076" s="150"/>
      <c r="B4076" s="195" t="s">
        <v>32905</v>
      </c>
      <c r="C4076" s="196" t="s">
        <v>13774</v>
      </c>
      <c r="D4076" s="196" t="s">
        <v>13775</v>
      </c>
      <c r="E4076" s="196" t="s">
        <v>13776</v>
      </c>
      <c r="F4076" s="196"/>
      <c r="G4076" s="150"/>
      <c r="H4076" s="150"/>
    </row>
    <row r="4077" spans="1:8">
      <c r="A4077" s="150"/>
      <c r="B4077" s="162" t="s">
        <v>13916</v>
      </c>
      <c r="C4077" s="1149" t="s">
        <v>13777</v>
      </c>
      <c r="D4077" s="1149" t="s">
        <v>8356</v>
      </c>
      <c r="E4077" s="1149" t="s">
        <v>13778</v>
      </c>
      <c r="F4077" s="1149"/>
      <c r="G4077" s="150"/>
      <c r="H4077" s="150"/>
    </row>
    <row r="4078" spans="1:8" ht="38.25">
      <c r="A4078" s="150"/>
      <c r="B4078" s="164" t="s">
        <v>32906</v>
      </c>
      <c r="C4078" s="1150"/>
      <c r="D4078" s="1150"/>
      <c r="E4078" s="1150"/>
      <c r="F4078" s="1150"/>
      <c r="G4078" s="150"/>
      <c r="H4078" s="150"/>
    </row>
    <row r="4079" spans="1:8">
      <c r="A4079" s="150"/>
      <c r="B4079" s="162" t="s">
        <v>13917</v>
      </c>
      <c r="C4079" s="1149" t="s">
        <v>13781</v>
      </c>
      <c r="D4079" s="159" t="s">
        <v>13782</v>
      </c>
      <c r="E4079" s="159" t="s">
        <v>13783</v>
      </c>
      <c r="F4079" s="1149"/>
      <c r="G4079" s="150"/>
      <c r="H4079" s="150"/>
    </row>
    <row r="4080" spans="1:8">
      <c r="A4080" s="150"/>
      <c r="B4080" s="163" t="s">
        <v>13779</v>
      </c>
      <c r="C4080" s="1158"/>
      <c r="D4080" s="160" t="s">
        <v>9081</v>
      </c>
      <c r="E4080" s="160" t="s">
        <v>13784</v>
      </c>
      <c r="F4080" s="1158"/>
      <c r="G4080" s="150"/>
      <c r="H4080" s="150"/>
    </row>
    <row r="4081" spans="1:8">
      <c r="A4081" s="150"/>
      <c r="B4081" s="164" t="s">
        <v>13780</v>
      </c>
      <c r="C4081" s="1150"/>
      <c r="D4081" s="161" t="s">
        <v>9058</v>
      </c>
      <c r="E4081" s="161" t="s">
        <v>13785</v>
      </c>
      <c r="F4081" s="1150"/>
      <c r="G4081" s="150"/>
      <c r="H4081" s="150"/>
    </row>
    <row r="4082" spans="1:8">
      <c r="A4082" s="150"/>
      <c r="B4082" s="195" t="s">
        <v>13918</v>
      </c>
      <c r="C4082" s="196" t="s">
        <v>13786</v>
      </c>
      <c r="D4082" s="196" t="s">
        <v>13787</v>
      </c>
      <c r="E4082" s="196" t="s">
        <v>13788</v>
      </c>
      <c r="F4082" s="196"/>
      <c r="G4082" s="150"/>
      <c r="H4082" s="150"/>
    </row>
    <row r="4083" spans="1:8">
      <c r="A4083" s="150"/>
      <c r="B4083" s="1159" t="s">
        <v>31595</v>
      </c>
      <c r="C4083" s="1160"/>
      <c r="D4083" s="1160"/>
      <c r="E4083" s="1160"/>
      <c r="F4083" s="1161"/>
      <c r="G4083" s="150"/>
      <c r="H4083" s="150"/>
    </row>
    <row r="4084" spans="1:8">
      <c r="A4084" s="150"/>
      <c r="B4084" s="162" t="s">
        <v>14169</v>
      </c>
      <c r="C4084" s="1149" t="s">
        <v>13955</v>
      </c>
      <c r="D4084" s="159" t="s">
        <v>13956</v>
      </c>
      <c r="E4084" s="159" t="s">
        <v>13957</v>
      </c>
      <c r="F4084" s="1149"/>
      <c r="G4084" s="150"/>
      <c r="H4084" s="150"/>
    </row>
    <row r="4085" spans="1:8">
      <c r="A4085" s="150"/>
      <c r="B4085" s="163" t="s">
        <v>13958</v>
      </c>
      <c r="C4085" s="1158"/>
      <c r="D4085" s="160" t="s">
        <v>13959</v>
      </c>
      <c r="E4085" s="160" t="s">
        <v>13960</v>
      </c>
      <c r="F4085" s="1158"/>
      <c r="G4085" s="150"/>
      <c r="H4085" s="150"/>
    </row>
    <row r="4086" spans="1:8">
      <c r="A4086" s="150"/>
      <c r="B4086" s="164" t="s">
        <v>13961</v>
      </c>
      <c r="C4086" s="1150"/>
      <c r="D4086" s="161" t="s">
        <v>13962</v>
      </c>
      <c r="E4086" s="161" t="s">
        <v>13963</v>
      </c>
      <c r="F4086" s="1150"/>
      <c r="G4086" s="150"/>
      <c r="H4086" s="150"/>
    </row>
    <row r="4087" spans="1:8">
      <c r="A4087" s="150"/>
      <c r="B4087" s="1159" t="s">
        <v>31592</v>
      </c>
      <c r="C4087" s="1160"/>
      <c r="D4087" s="1160"/>
      <c r="E4087" s="1160"/>
      <c r="F4087" s="1161"/>
      <c r="G4087" s="150"/>
      <c r="H4087" s="150"/>
    </row>
    <row r="4088" spans="1:8">
      <c r="A4088" s="150"/>
      <c r="B4088" s="195" t="s">
        <v>98</v>
      </c>
      <c r="C4088" s="196" t="s">
        <v>13175</v>
      </c>
      <c r="D4088" s="196" t="s">
        <v>99</v>
      </c>
      <c r="E4088" s="196" t="s">
        <v>100</v>
      </c>
      <c r="F4088" s="196"/>
      <c r="G4088" s="150"/>
      <c r="H4088" s="150"/>
    </row>
    <row r="4089" spans="1:8">
      <c r="A4089" s="150"/>
      <c r="B4089" s="1159" t="s">
        <v>31587</v>
      </c>
      <c r="C4089" s="1160"/>
      <c r="D4089" s="1160"/>
      <c r="E4089" s="1160"/>
      <c r="F4089" s="1161"/>
      <c r="G4089" s="150"/>
      <c r="H4089" s="150"/>
    </row>
    <row r="4090" spans="1:8">
      <c r="A4090" s="150"/>
      <c r="B4090" s="162" t="s">
        <v>13176</v>
      </c>
      <c r="C4090" s="1149" t="s">
        <v>13178</v>
      </c>
      <c r="D4090" s="1149" t="s">
        <v>13179</v>
      </c>
      <c r="E4090" s="1149" t="s">
        <v>13180</v>
      </c>
      <c r="F4090" s="1149"/>
      <c r="G4090" s="150"/>
      <c r="H4090" s="150"/>
    </row>
    <row r="4091" spans="1:8" ht="51">
      <c r="A4091" s="150"/>
      <c r="B4091" s="164" t="s">
        <v>13177</v>
      </c>
      <c r="C4091" s="1150"/>
      <c r="D4091" s="1150"/>
      <c r="E4091" s="1150"/>
      <c r="F4091" s="1150"/>
      <c r="G4091" s="150"/>
      <c r="H4091" s="150"/>
    </row>
    <row r="4092" spans="1:8">
      <c r="A4092" s="150"/>
      <c r="B4092" s="1159" t="s">
        <v>8508</v>
      </c>
      <c r="C4092" s="1160"/>
      <c r="D4092" s="1160"/>
      <c r="E4092" s="1160"/>
      <c r="F4092" s="1161"/>
      <c r="G4092" s="150"/>
      <c r="H4092" s="150"/>
    </row>
    <row r="4093" spans="1:8" ht="25.5">
      <c r="A4093" s="150"/>
      <c r="B4093" s="195" t="s">
        <v>13181</v>
      </c>
      <c r="C4093" s="196" t="s">
        <v>13182</v>
      </c>
      <c r="D4093" s="196" t="s">
        <v>13183</v>
      </c>
      <c r="E4093" s="196" t="s">
        <v>13184</v>
      </c>
      <c r="F4093" s="196"/>
      <c r="G4093" s="150"/>
      <c r="H4093" s="150"/>
    </row>
    <row r="4094" spans="1:8">
      <c r="A4094" s="150"/>
      <c r="B4094" s="195" t="s">
        <v>13185</v>
      </c>
      <c r="C4094" s="196" t="s">
        <v>13186</v>
      </c>
      <c r="D4094" s="196" t="s">
        <v>231</v>
      </c>
      <c r="E4094" s="196" t="s">
        <v>232</v>
      </c>
      <c r="F4094" s="196"/>
      <c r="G4094" s="150"/>
      <c r="H4094" s="150"/>
    </row>
    <row r="4095" spans="1:8" ht="25.5">
      <c r="A4095" s="150"/>
      <c r="B4095" s="195" t="s">
        <v>13187</v>
      </c>
      <c r="C4095" s="196" t="s">
        <v>13188</v>
      </c>
      <c r="D4095" s="196"/>
      <c r="E4095" s="196"/>
      <c r="F4095" s="196"/>
      <c r="G4095" s="150"/>
      <c r="H4095" s="150"/>
    </row>
    <row r="4096" spans="1:8">
      <c r="A4096" s="150"/>
      <c r="B4096" s="195" t="s">
        <v>13189</v>
      </c>
      <c r="C4096" s="196" t="s">
        <v>13190</v>
      </c>
      <c r="D4096" s="196" t="s">
        <v>13191</v>
      </c>
      <c r="E4096" s="196" t="s">
        <v>13192</v>
      </c>
      <c r="F4096" s="196"/>
      <c r="G4096" s="150"/>
      <c r="H4096" s="150"/>
    </row>
    <row r="4097" spans="1:8">
      <c r="A4097" s="150"/>
      <c r="B4097" s="195" t="s">
        <v>13193</v>
      </c>
      <c r="C4097" s="196" t="s">
        <v>13194</v>
      </c>
      <c r="D4097" s="196"/>
      <c r="E4097" s="196"/>
      <c r="F4097" s="196"/>
      <c r="G4097" s="150"/>
      <c r="H4097" s="150"/>
    </row>
    <row r="4098" spans="1:8">
      <c r="A4098" s="150"/>
      <c r="B4098" s="195" t="s">
        <v>13195</v>
      </c>
      <c r="C4098" s="196" t="s">
        <v>10440</v>
      </c>
      <c r="D4098" s="196" t="s">
        <v>10441</v>
      </c>
      <c r="E4098" s="196" t="s">
        <v>10442</v>
      </c>
      <c r="F4098" s="196"/>
      <c r="G4098" s="150"/>
      <c r="H4098" s="150"/>
    </row>
    <row r="4099" spans="1:8" ht="25.5">
      <c r="A4099" s="150"/>
      <c r="B4099" s="195" t="s">
        <v>10477</v>
      </c>
      <c r="C4099" s="196" t="s">
        <v>10478</v>
      </c>
      <c r="D4099" s="196" t="s">
        <v>10479</v>
      </c>
      <c r="E4099" s="196" t="s">
        <v>10480</v>
      </c>
      <c r="F4099" s="196"/>
      <c r="G4099" s="150"/>
      <c r="H4099" s="150"/>
    </row>
    <row r="4100" spans="1:8" ht="38.25">
      <c r="A4100" s="150"/>
      <c r="B4100" s="195" t="s">
        <v>13196</v>
      </c>
      <c r="C4100" s="196" t="s">
        <v>13197</v>
      </c>
      <c r="D4100" s="196" t="s">
        <v>13198</v>
      </c>
      <c r="E4100" s="196" t="s">
        <v>8356</v>
      </c>
      <c r="F4100" s="196"/>
      <c r="G4100" s="150"/>
      <c r="H4100" s="150"/>
    </row>
    <row r="4101" spans="1:8">
      <c r="A4101" s="150"/>
      <c r="B4101" s="195" t="s">
        <v>13199</v>
      </c>
      <c r="C4101" s="196" t="s">
        <v>13200</v>
      </c>
      <c r="D4101" s="196" t="s">
        <v>8356</v>
      </c>
      <c r="E4101" s="196" t="s">
        <v>13201</v>
      </c>
      <c r="F4101" s="196"/>
      <c r="G4101" s="150"/>
      <c r="H4101" s="150"/>
    </row>
    <row r="4102" spans="1:8">
      <c r="A4102" s="150"/>
      <c r="B4102" s="1159" t="s">
        <v>31587</v>
      </c>
      <c r="C4102" s="1160"/>
      <c r="D4102" s="1160"/>
      <c r="E4102" s="1160"/>
      <c r="F4102" s="1161"/>
      <c r="G4102" s="150"/>
      <c r="H4102" s="150"/>
    </row>
    <row r="4103" spans="1:8">
      <c r="A4103" s="150"/>
      <c r="B4103" s="195" t="s">
        <v>13202</v>
      </c>
      <c r="C4103" s="196" t="s">
        <v>13203</v>
      </c>
      <c r="D4103" s="196" t="s">
        <v>13204</v>
      </c>
      <c r="E4103" s="196" t="s">
        <v>13205</v>
      </c>
      <c r="F4103" s="196"/>
      <c r="G4103" s="150"/>
      <c r="H4103" s="150"/>
    </row>
    <row r="4104" spans="1:8" ht="25.5">
      <c r="A4104" s="150"/>
      <c r="B4104" s="162" t="s">
        <v>13206</v>
      </c>
      <c r="C4104" s="1149" t="s">
        <v>13207</v>
      </c>
      <c r="D4104" s="1149" t="s">
        <v>13208</v>
      </c>
      <c r="E4104" s="1149" t="s">
        <v>13209</v>
      </c>
      <c r="F4104" s="1149"/>
      <c r="G4104" s="150"/>
      <c r="H4104" s="150"/>
    </row>
    <row r="4105" spans="1:8">
      <c r="A4105" s="150"/>
      <c r="B4105" s="164" t="s">
        <v>31622</v>
      </c>
      <c r="C4105" s="1150"/>
      <c r="D4105" s="1150"/>
      <c r="E4105" s="1150"/>
      <c r="F4105" s="1150"/>
      <c r="G4105" s="150"/>
      <c r="H4105" s="150"/>
    </row>
    <row r="4106" spans="1:8">
      <c r="A4106" s="150"/>
      <c r="B4106" s="1159" t="s">
        <v>31593</v>
      </c>
      <c r="C4106" s="1160"/>
      <c r="D4106" s="1160"/>
      <c r="E4106" s="1160"/>
      <c r="F4106" s="1161"/>
      <c r="G4106" s="150"/>
      <c r="H4106" s="150"/>
    </row>
    <row r="4107" spans="1:8">
      <c r="A4107" s="150"/>
      <c r="B4107" s="162" t="s">
        <v>13919</v>
      </c>
      <c r="C4107" s="1149" t="s">
        <v>13789</v>
      </c>
      <c r="D4107" s="1149" t="s">
        <v>8356</v>
      </c>
      <c r="E4107" s="1149" t="s">
        <v>13920</v>
      </c>
      <c r="F4107" s="1149"/>
      <c r="G4107" s="150"/>
      <c r="H4107" s="150"/>
    </row>
    <row r="4108" spans="1:8" ht="25.5">
      <c r="A4108" s="150"/>
      <c r="B4108" s="164" t="s">
        <v>32907</v>
      </c>
      <c r="C4108" s="1150"/>
      <c r="D4108" s="1150"/>
      <c r="E4108" s="1150"/>
      <c r="F4108" s="1150"/>
      <c r="G4108" s="150"/>
      <c r="H4108" s="150"/>
    </row>
    <row r="4109" spans="1:8">
      <c r="A4109" s="150"/>
      <c r="B4109" s="1159" t="s">
        <v>8508</v>
      </c>
      <c r="C4109" s="1160"/>
      <c r="D4109" s="1160"/>
      <c r="E4109" s="1160"/>
      <c r="F4109" s="1161"/>
      <c r="G4109" s="150"/>
      <c r="H4109" s="150"/>
    </row>
    <row r="4110" spans="1:8">
      <c r="A4110" s="150"/>
      <c r="B4110" s="195" t="s">
        <v>13210</v>
      </c>
      <c r="C4110" s="196" t="s">
        <v>13211</v>
      </c>
      <c r="D4110" s="196" t="s">
        <v>13212</v>
      </c>
      <c r="E4110" s="196" t="s">
        <v>13213</v>
      </c>
      <c r="F4110" s="196"/>
      <c r="G4110" s="150"/>
      <c r="H4110" s="150"/>
    </row>
    <row r="4111" spans="1:8" ht="25.5">
      <c r="A4111" s="150"/>
      <c r="B4111" s="195" t="s">
        <v>13214</v>
      </c>
      <c r="C4111" s="196" t="s">
        <v>13215</v>
      </c>
      <c r="D4111" s="196" t="s">
        <v>146</v>
      </c>
      <c r="E4111" s="196" t="s">
        <v>147</v>
      </c>
      <c r="F4111" s="196"/>
      <c r="G4111" s="150"/>
      <c r="H4111" s="150"/>
    </row>
    <row r="4112" spans="1:8">
      <c r="A4112" s="150"/>
      <c r="B4112" s="162" t="s">
        <v>12632</v>
      </c>
      <c r="C4112" s="1149" t="s">
        <v>12634</v>
      </c>
      <c r="D4112" s="1149" t="s">
        <v>12635</v>
      </c>
      <c r="E4112" s="1149" t="s">
        <v>1680</v>
      </c>
      <c r="F4112" s="1149"/>
      <c r="G4112" s="150"/>
      <c r="H4112" s="150"/>
    </row>
    <row r="4113" spans="1:8">
      <c r="A4113" s="150"/>
      <c r="B4113" s="164" t="s">
        <v>12633</v>
      </c>
      <c r="C4113" s="1150"/>
      <c r="D4113" s="1150"/>
      <c r="E4113" s="1150"/>
      <c r="F4113" s="1150"/>
      <c r="G4113" s="150"/>
      <c r="H4113" s="150"/>
    </row>
    <row r="4114" spans="1:8">
      <c r="A4114" s="150"/>
      <c r="B4114" s="162" t="s">
        <v>12636</v>
      </c>
      <c r="C4114" s="1149" t="s">
        <v>12638</v>
      </c>
      <c r="D4114" s="1149" t="s">
        <v>12639</v>
      </c>
      <c r="E4114" s="1149" t="s">
        <v>12640</v>
      </c>
      <c r="F4114" s="1149"/>
      <c r="G4114" s="150"/>
      <c r="H4114" s="150"/>
    </row>
    <row r="4115" spans="1:8">
      <c r="A4115" s="150"/>
      <c r="B4115" s="164" t="s">
        <v>12637</v>
      </c>
      <c r="C4115" s="1150"/>
      <c r="D4115" s="1150"/>
      <c r="E4115" s="1150"/>
      <c r="F4115" s="1150"/>
      <c r="G4115" s="150"/>
      <c r="H4115" s="150"/>
    </row>
    <row r="4116" spans="1:8">
      <c r="A4116" s="150"/>
      <c r="B4116" s="195" t="s">
        <v>13216</v>
      </c>
      <c r="C4116" s="196" t="s">
        <v>13217</v>
      </c>
      <c r="D4116" s="196" t="s">
        <v>13218</v>
      </c>
      <c r="E4116" s="196" t="s">
        <v>13219</v>
      </c>
      <c r="F4116" s="196"/>
      <c r="G4116" s="150"/>
      <c r="H4116" s="150"/>
    </row>
    <row r="4117" spans="1:8">
      <c r="A4117" s="150"/>
      <c r="B4117" s="1159" t="s">
        <v>31593</v>
      </c>
      <c r="C4117" s="1160"/>
      <c r="D4117" s="1160"/>
      <c r="E4117" s="1160"/>
      <c r="F4117" s="1161"/>
      <c r="G4117" s="150"/>
      <c r="H4117" s="150"/>
    </row>
    <row r="4118" spans="1:8" ht="38.25">
      <c r="A4118" s="150"/>
      <c r="B4118" s="195" t="s">
        <v>13626</v>
      </c>
      <c r="C4118" s="196" t="s">
        <v>13220</v>
      </c>
      <c r="D4118" s="196" t="s">
        <v>8356</v>
      </c>
      <c r="E4118" s="196" t="s">
        <v>13221</v>
      </c>
      <c r="F4118" s="196"/>
      <c r="G4118" s="150"/>
      <c r="H4118" s="150"/>
    </row>
    <row r="4119" spans="1:8">
      <c r="A4119" s="150"/>
      <c r="B4119" s="1159" t="s">
        <v>8508</v>
      </c>
      <c r="C4119" s="1160"/>
      <c r="D4119" s="1160"/>
      <c r="E4119" s="1160"/>
      <c r="F4119" s="1161"/>
      <c r="G4119" s="150"/>
      <c r="H4119" s="150"/>
    </row>
    <row r="4120" spans="1:8" ht="25.5">
      <c r="A4120" s="150"/>
      <c r="B4120" s="195" t="s">
        <v>13222</v>
      </c>
      <c r="C4120" s="196" t="s">
        <v>13223</v>
      </c>
      <c r="D4120" s="196" t="s">
        <v>13224</v>
      </c>
      <c r="E4120" s="196" t="s">
        <v>13225</v>
      </c>
      <c r="F4120" s="196"/>
      <c r="G4120" s="150"/>
      <c r="H4120" s="150"/>
    </row>
    <row r="4121" spans="1:8">
      <c r="A4121" s="150"/>
      <c r="B4121" s="1159" t="s">
        <v>31592</v>
      </c>
      <c r="C4121" s="1160"/>
      <c r="D4121" s="1160"/>
      <c r="E4121" s="1160"/>
      <c r="F4121" s="1161"/>
      <c r="G4121" s="150"/>
      <c r="H4121" s="150"/>
    </row>
    <row r="4122" spans="1:8">
      <c r="A4122" s="150"/>
      <c r="B4122" s="162" t="s">
        <v>13226</v>
      </c>
      <c r="C4122" s="1149" t="s">
        <v>13223</v>
      </c>
      <c r="D4122" s="1149" t="s">
        <v>13224</v>
      </c>
      <c r="E4122" s="1149" t="s">
        <v>13227</v>
      </c>
      <c r="F4122" s="1149"/>
      <c r="G4122" s="150"/>
      <c r="H4122" s="150"/>
    </row>
    <row r="4123" spans="1:8" ht="25.5">
      <c r="A4123" s="150"/>
      <c r="B4123" s="164" t="s">
        <v>32908</v>
      </c>
      <c r="C4123" s="1150"/>
      <c r="D4123" s="1150"/>
      <c r="E4123" s="1150"/>
      <c r="F4123" s="1150"/>
      <c r="G4123" s="150"/>
      <c r="H4123" s="150"/>
    </row>
    <row r="4124" spans="1:8">
      <c r="A4124" s="150"/>
      <c r="B4124" s="1159" t="s">
        <v>8508</v>
      </c>
      <c r="C4124" s="1160"/>
      <c r="D4124" s="1160"/>
      <c r="E4124" s="1160"/>
      <c r="F4124" s="1161"/>
      <c r="G4124" s="150"/>
      <c r="H4124" s="150"/>
    </row>
    <row r="4125" spans="1:8">
      <c r="A4125" s="150"/>
      <c r="B4125" s="195" t="s">
        <v>13228</v>
      </c>
      <c r="C4125" s="196" t="s">
        <v>13229</v>
      </c>
      <c r="D4125" s="196" t="s">
        <v>183</v>
      </c>
      <c r="E4125" s="196" t="s">
        <v>184</v>
      </c>
      <c r="F4125" s="196"/>
      <c r="G4125" s="150"/>
      <c r="H4125" s="150"/>
    </row>
    <row r="4126" spans="1:8" ht="25.5">
      <c r="A4126" s="150"/>
      <c r="B4126" s="162" t="s">
        <v>10644</v>
      </c>
      <c r="C4126" s="1149" t="s">
        <v>10646</v>
      </c>
      <c r="D4126" s="1149" t="s">
        <v>9</v>
      </c>
      <c r="E4126" s="1149" t="s">
        <v>8356</v>
      </c>
      <c r="F4126" s="1149"/>
      <c r="G4126" s="150"/>
      <c r="H4126" s="150"/>
    </row>
    <row r="4127" spans="1:8" ht="51">
      <c r="A4127" s="150"/>
      <c r="B4127" s="164" t="s">
        <v>10645</v>
      </c>
      <c r="C4127" s="1150"/>
      <c r="D4127" s="1150"/>
      <c r="E4127" s="1150"/>
      <c r="F4127" s="1150"/>
      <c r="G4127" s="150"/>
      <c r="H4127" s="150"/>
    </row>
    <row r="4128" spans="1:8">
      <c r="A4128" s="150"/>
      <c r="B4128" s="1159" t="s">
        <v>31587</v>
      </c>
      <c r="C4128" s="1160"/>
      <c r="D4128" s="1160"/>
      <c r="E4128" s="1160"/>
      <c r="F4128" s="1161"/>
      <c r="G4128" s="150"/>
      <c r="H4128" s="150"/>
    </row>
    <row r="4129" spans="1:8">
      <c r="A4129" s="150"/>
      <c r="B4129" s="162" t="s">
        <v>13230</v>
      </c>
      <c r="C4129" s="1149" t="s">
        <v>13232</v>
      </c>
      <c r="D4129" s="1149" t="s">
        <v>13233</v>
      </c>
      <c r="E4129" s="1149" t="s">
        <v>13234</v>
      </c>
      <c r="F4129" s="1149"/>
      <c r="G4129" s="150"/>
      <c r="H4129" s="150"/>
    </row>
    <row r="4130" spans="1:8" ht="38.25">
      <c r="A4130" s="150"/>
      <c r="B4130" s="164" t="s">
        <v>13231</v>
      </c>
      <c r="C4130" s="1150"/>
      <c r="D4130" s="1150"/>
      <c r="E4130" s="1150"/>
      <c r="F4130" s="1150"/>
      <c r="G4130" s="150"/>
      <c r="H4130" s="150"/>
    </row>
    <row r="4131" spans="1:8" ht="38.25">
      <c r="A4131" s="150"/>
      <c r="B4131" s="162" t="s">
        <v>13235</v>
      </c>
      <c r="C4131" s="1149" t="s">
        <v>13236</v>
      </c>
      <c r="D4131" s="1149" t="s">
        <v>13237</v>
      </c>
      <c r="E4131" s="1149" t="s">
        <v>13238</v>
      </c>
      <c r="F4131" s="1149"/>
      <c r="G4131" s="150"/>
      <c r="H4131" s="150"/>
    </row>
    <row r="4132" spans="1:8" ht="25.5">
      <c r="A4132" s="150"/>
      <c r="B4132" s="164" t="s">
        <v>31623</v>
      </c>
      <c r="C4132" s="1150"/>
      <c r="D4132" s="1150"/>
      <c r="E4132" s="1150"/>
      <c r="F4132" s="1150"/>
      <c r="G4132" s="150"/>
      <c r="H4132" s="150"/>
    </row>
    <row r="4133" spans="1:8">
      <c r="A4133" s="150"/>
      <c r="B4133" s="1159" t="s">
        <v>31593</v>
      </c>
      <c r="C4133" s="1160"/>
      <c r="D4133" s="1160"/>
      <c r="E4133" s="1160"/>
      <c r="F4133" s="1161"/>
      <c r="G4133" s="150"/>
      <c r="H4133" s="150"/>
    </row>
    <row r="4134" spans="1:8">
      <c r="A4134" s="150"/>
      <c r="B4134" s="195" t="s">
        <v>13627</v>
      </c>
      <c r="C4134" s="196" t="s">
        <v>13628</v>
      </c>
      <c r="D4134" s="196" t="s">
        <v>13629</v>
      </c>
      <c r="E4134" s="196" t="s">
        <v>13630</v>
      </c>
      <c r="F4134" s="196"/>
      <c r="G4134" s="150"/>
      <c r="H4134" s="150"/>
    </row>
    <row r="4135" spans="1:8">
      <c r="A4135" s="150"/>
      <c r="B4135" s="1159" t="s">
        <v>31595</v>
      </c>
      <c r="C4135" s="1160"/>
      <c r="D4135" s="1160"/>
      <c r="E4135" s="1160"/>
      <c r="F4135" s="1161"/>
      <c r="G4135" s="150"/>
      <c r="H4135" s="150"/>
    </row>
    <row r="4136" spans="1:8" ht="38.25">
      <c r="A4136" s="150"/>
      <c r="B4136" s="162" t="s">
        <v>14170</v>
      </c>
      <c r="C4136" s="1149" t="s">
        <v>13964</v>
      </c>
      <c r="D4136" s="1149" t="s">
        <v>13965</v>
      </c>
      <c r="E4136" s="1149" t="s">
        <v>13966</v>
      </c>
      <c r="F4136" s="1149"/>
      <c r="G4136" s="150"/>
      <c r="H4136" s="150"/>
    </row>
    <row r="4137" spans="1:8" ht="25.5">
      <c r="A4137" s="150"/>
      <c r="B4137" s="164" t="s">
        <v>13967</v>
      </c>
      <c r="C4137" s="1150"/>
      <c r="D4137" s="1150"/>
      <c r="E4137" s="1150"/>
      <c r="F4137" s="1150"/>
      <c r="G4137" s="150"/>
      <c r="H4137" s="150"/>
    </row>
    <row r="4138" spans="1:8">
      <c r="A4138" s="150"/>
      <c r="B4138" s="162" t="s">
        <v>14171</v>
      </c>
      <c r="C4138" s="1149" t="s">
        <v>13968</v>
      </c>
      <c r="D4138" s="1149" t="s">
        <v>13969</v>
      </c>
      <c r="E4138" s="1149" t="s">
        <v>13970</v>
      </c>
      <c r="F4138" s="1149"/>
      <c r="G4138" s="150"/>
      <c r="H4138" s="150"/>
    </row>
    <row r="4139" spans="1:8">
      <c r="A4139" s="150"/>
      <c r="B4139" s="164" t="s">
        <v>13971</v>
      </c>
      <c r="C4139" s="1150"/>
      <c r="D4139" s="1150"/>
      <c r="E4139" s="1150"/>
      <c r="F4139" s="1150"/>
      <c r="G4139" s="150"/>
      <c r="H4139" s="150"/>
    </row>
    <row r="4140" spans="1:8">
      <c r="A4140" s="150"/>
      <c r="B4140" s="162" t="s">
        <v>14172</v>
      </c>
      <c r="C4140" s="1149" t="s">
        <v>13972</v>
      </c>
      <c r="D4140" s="1149" t="s">
        <v>8356</v>
      </c>
      <c r="E4140" s="1149" t="s">
        <v>1992</v>
      </c>
      <c r="F4140" s="1149"/>
      <c r="G4140" s="150"/>
      <c r="H4140" s="150"/>
    </row>
    <row r="4141" spans="1:8" ht="25.5">
      <c r="A4141" s="150"/>
      <c r="B4141" s="163" t="s">
        <v>13973</v>
      </c>
      <c r="C4141" s="1158"/>
      <c r="D4141" s="1158"/>
      <c r="E4141" s="1158"/>
      <c r="F4141" s="1158"/>
      <c r="G4141" s="150"/>
      <c r="H4141" s="150"/>
    </row>
    <row r="4142" spans="1:8" ht="25.5">
      <c r="A4142" s="150"/>
      <c r="B4142" s="164" t="s">
        <v>13974</v>
      </c>
      <c r="C4142" s="1150"/>
      <c r="D4142" s="1150"/>
      <c r="E4142" s="1150"/>
      <c r="F4142" s="1150"/>
      <c r="G4142" s="150"/>
      <c r="H4142" s="150"/>
    </row>
    <row r="4143" spans="1:8">
      <c r="A4143" s="150"/>
      <c r="B4143" s="1159" t="s">
        <v>8508</v>
      </c>
      <c r="C4143" s="1160"/>
      <c r="D4143" s="1160"/>
      <c r="E4143" s="1160"/>
      <c r="F4143" s="1161"/>
      <c r="G4143" s="150"/>
      <c r="H4143" s="150"/>
    </row>
    <row r="4144" spans="1:8">
      <c r="A4144" s="150"/>
      <c r="B4144" s="195" t="s">
        <v>13239</v>
      </c>
      <c r="C4144" s="196" t="s">
        <v>13240</v>
      </c>
      <c r="D4144" s="196" t="s">
        <v>278</v>
      </c>
      <c r="E4144" s="198">
        <v>25174</v>
      </c>
      <c r="F4144" s="196"/>
      <c r="G4144" s="150"/>
      <c r="H4144" s="150"/>
    </row>
    <row r="4145" spans="1:8">
      <c r="A4145" s="150"/>
      <c r="B4145" s="195" t="s">
        <v>13241</v>
      </c>
      <c r="C4145" s="196" t="s">
        <v>13242</v>
      </c>
      <c r="D4145" s="196" t="s">
        <v>407</v>
      </c>
      <c r="E4145" s="196" t="s">
        <v>408</v>
      </c>
      <c r="F4145" s="194" t="s">
        <v>32154</v>
      </c>
      <c r="G4145" s="150"/>
      <c r="H4145" s="150"/>
    </row>
    <row r="4146" spans="1:8">
      <c r="A4146" s="150"/>
      <c r="B4146" s="195" t="s">
        <v>353</v>
      </c>
      <c r="C4146" s="196" t="s">
        <v>13243</v>
      </c>
      <c r="D4146" s="196" t="s">
        <v>354</v>
      </c>
      <c r="E4146" s="198">
        <v>27735</v>
      </c>
      <c r="F4146" s="196"/>
      <c r="G4146" s="150"/>
      <c r="H4146" s="150"/>
    </row>
    <row r="4147" spans="1:8">
      <c r="A4147" s="150"/>
      <c r="B4147" s="195" t="s">
        <v>279</v>
      </c>
      <c r="C4147" s="196" t="s">
        <v>13244</v>
      </c>
      <c r="D4147" s="196" t="s">
        <v>280</v>
      </c>
      <c r="E4147" s="196" t="s">
        <v>281</v>
      </c>
      <c r="F4147" s="196"/>
      <c r="G4147" s="150"/>
      <c r="H4147" s="150"/>
    </row>
    <row r="4148" spans="1:8">
      <c r="A4148" s="150"/>
      <c r="B4148" s="195" t="s">
        <v>13245</v>
      </c>
      <c r="C4148" s="196" t="s">
        <v>13246</v>
      </c>
      <c r="D4148" s="196" t="s">
        <v>13247</v>
      </c>
      <c r="E4148" s="196" t="s">
        <v>13248</v>
      </c>
      <c r="F4148" s="194" t="s">
        <v>32154</v>
      </c>
      <c r="G4148" s="150"/>
      <c r="H4148" s="150"/>
    </row>
    <row r="4149" spans="1:8">
      <c r="A4149" s="150"/>
      <c r="B4149" s="1159" t="s">
        <v>31587</v>
      </c>
      <c r="C4149" s="1160"/>
      <c r="D4149" s="1160"/>
      <c r="E4149" s="1160"/>
      <c r="F4149" s="1161"/>
      <c r="G4149" s="150"/>
      <c r="H4149" s="150"/>
    </row>
    <row r="4150" spans="1:8" ht="38.25">
      <c r="A4150" s="150"/>
      <c r="B4150" s="195" t="s">
        <v>10658</v>
      </c>
      <c r="C4150" s="196" t="s">
        <v>10659</v>
      </c>
      <c r="D4150" s="196" t="s">
        <v>10660</v>
      </c>
      <c r="E4150" s="196" t="s">
        <v>10661</v>
      </c>
      <c r="F4150" s="196"/>
      <c r="G4150" s="150"/>
      <c r="H4150" s="150"/>
    </row>
    <row r="4151" spans="1:8">
      <c r="A4151" s="150"/>
      <c r="B4151" s="195" t="s">
        <v>13249</v>
      </c>
      <c r="C4151" s="196" t="s">
        <v>13250</v>
      </c>
      <c r="D4151" s="196" t="s">
        <v>13251</v>
      </c>
      <c r="E4151" s="196" t="s">
        <v>13252</v>
      </c>
      <c r="F4151" s="196"/>
      <c r="G4151" s="150"/>
      <c r="H4151" s="150"/>
    </row>
    <row r="4152" spans="1:8">
      <c r="A4152" s="150"/>
      <c r="B4152" s="1159" t="s">
        <v>31592</v>
      </c>
      <c r="C4152" s="1160"/>
      <c r="D4152" s="1160"/>
      <c r="E4152" s="1160"/>
      <c r="F4152" s="1161"/>
      <c r="G4152" s="150"/>
      <c r="H4152" s="150"/>
    </row>
    <row r="4153" spans="1:8">
      <c r="A4153" s="150"/>
      <c r="B4153" s="195" t="s">
        <v>13253</v>
      </c>
      <c r="C4153" s="196" t="s">
        <v>13254</v>
      </c>
      <c r="D4153" s="196" t="s">
        <v>13255</v>
      </c>
      <c r="E4153" s="196" t="s">
        <v>6464</v>
      </c>
      <c r="F4153" s="196"/>
      <c r="G4153" s="150"/>
      <c r="H4153" s="150"/>
    </row>
    <row r="4154" spans="1:8">
      <c r="A4154" s="150"/>
      <c r="B4154" s="1159" t="s">
        <v>31595</v>
      </c>
      <c r="C4154" s="1160"/>
      <c r="D4154" s="1160"/>
      <c r="E4154" s="1160"/>
      <c r="F4154" s="1161"/>
      <c r="G4154" s="150"/>
      <c r="H4154" s="150"/>
    </row>
    <row r="4155" spans="1:8">
      <c r="A4155" s="150"/>
      <c r="B4155" s="162" t="s">
        <v>14173</v>
      </c>
      <c r="C4155" s="1149" t="s">
        <v>13975</v>
      </c>
      <c r="D4155" s="1149" t="s">
        <v>13976</v>
      </c>
      <c r="E4155" s="1149" t="s">
        <v>14174</v>
      </c>
      <c r="F4155" s="1149"/>
      <c r="G4155" s="150"/>
      <c r="H4155" s="150"/>
    </row>
    <row r="4156" spans="1:8" ht="25.5">
      <c r="A4156" s="150"/>
      <c r="B4156" s="164" t="s">
        <v>13977</v>
      </c>
      <c r="C4156" s="1150"/>
      <c r="D4156" s="1150"/>
      <c r="E4156" s="1150"/>
      <c r="F4156" s="1150"/>
      <c r="G4156" s="150"/>
      <c r="H4156" s="150"/>
    </row>
    <row r="4157" spans="1:8">
      <c r="A4157" s="150"/>
      <c r="B4157" s="1159" t="s">
        <v>31592</v>
      </c>
      <c r="C4157" s="1160"/>
      <c r="D4157" s="1160"/>
      <c r="E4157" s="1160"/>
      <c r="F4157" s="1161"/>
      <c r="G4157" s="150"/>
      <c r="H4157" s="150"/>
    </row>
    <row r="4158" spans="1:8">
      <c r="A4158" s="150"/>
      <c r="B4158" s="162" t="s">
        <v>9532</v>
      </c>
      <c r="C4158" s="1149" t="s">
        <v>9533</v>
      </c>
      <c r="D4158" s="1149" t="s">
        <v>522</v>
      </c>
      <c r="E4158" s="1149" t="s">
        <v>523</v>
      </c>
      <c r="F4158" s="1149"/>
      <c r="G4158" s="150"/>
      <c r="H4158" s="150"/>
    </row>
    <row r="4159" spans="1:8" ht="76.5">
      <c r="A4159" s="150"/>
      <c r="B4159" s="164" t="s">
        <v>13463</v>
      </c>
      <c r="C4159" s="1150"/>
      <c r="D4159" s="1150"/>
      <c r="E4159" s="1150"/>
      <c r="F4159" s="1150"/>
      <c r="G4159" s="150"/>
      <c r="H4159" s="150"/>
    </row>
    <row r="4160" spans="1:8">
      <c r="A4160" s="150"/>
      <c r="B4160" s="1159" t="s">
        <v>31595</v>
      </c>
      <c r="C4160" s="1160"/>
      <c r="D4160" s="1160"/>
      <c r="E4160" s="1160"/>
      <c r="F4160" s="1161"/>
      <c r="G4160" s="150"/>
      <c r="H4160" s="150"/>
    </row>
    <row r="4161" spans="1:8" ht="38.25">
      <c r="A4161" s="150"/>
      <c r="B4161" s="195" t="s">
        <v>14175</v>
      </c>
      <c r="C4161" s="196" t="s">
        <v>13952</v>
      </c>
      <c r="D4161" s="196" t="s">
        <v>8356</v>
      </c>
      <c r="E4161" s="196" t="s">
        <v>1727</v>
      </c>
      <c r="F4161" s="196"/>
      <c r="G4161" s="150"/>
      <c r="H4161" s="150"/>
    </row>
    <row r="4162" spans="1:8">
      <c r="A4162" s="150"/>
      <c r="B4162" s="1159" t="s">
        <v>8508</v>
      </c>
      <c r="C4162" s="1160"/>
      <c r="D4162" s="1160"/>
      <c r="E4162" s="1160"/>
      <c r="F4162" s="1161"/>
      <c r="G4162" s="150"/>
      <c r="H4162" s="150"/>
    </row>
    <row r="4163" spans="1:8">
      <c r="A4163" s="150"/>
      <c r="B4163" s="183"/>
      <c r="C4163" s="150"/>
      <c r="D4163" s="150"/>
      <c r="E4163" s="150"/>
      <c r="F4163" s="150"/>
      <c r="G4163" s="150"/>
      <c r="H4163" s="150"/>
    </row>
    <row r="4164" spans="1:8">
      <c r="A4164" s="150"/>
      <c r="B4164" s="183"/>
      <c r="C4164" s="150"/>
      <c r="D4164" s="150"/>
      <c r="E4164" s="150"/>
      <c r="F4164" s="150"/>
      <c r="G4164" s="150"/>
      <c r="H4164" s="150"/>
    </row>
    <row r="4165" spans="1:8">
      <c r="A4165" s="150"/>
      <c r="B4165" s="183"/>
      <c r="C4165" s="150"/>
      <c r="D4165" s="150"/>
      <c r="E4165" s="150"/>
      <c r="F4165" s="150"/>
      <c r="G4165" s="150"/>
      <c r="H4165" s="150"/>
    </row>
    <row r="4166" spans="1:8" ht="15.75">
      <c r="A4166" s="150"/>
      <c r="B4166" s="151" t="s">
        <v>13631</v>
      </c>
      <c r="C4166" s="150"/>
      <c r="D4166" s="150"/>
      <c r="E4166" s="150"/>
      <c r="F4166" s="150"/>
      <c r="G4166" s="150"/>
      <c r="H4166" s="150"/>
    </row>
    <row r="4167" spans="1:8" ht="15.75">
      <c r="A4167" s="150"/>
      <c r="B4167" s="200" t="s">
        <v>13632</v>
      </c>
      <c r="C4167" s="150"/>
      <c r="D4167" s="150"/>
      <c r="E4167" s="150"/>
      <c r="F4167" s="150"/>
      <c r="G4167" s="150"/>
      <c r="H4167" s="150"/>
    </row>
    <row r="4168" spans="1:8" ht="25.5">
      <c r="A4168" s="150"/>
      <c r="B4168" s="1162">
        <v>1</v>
      </c>
      <c r="C4168" s="201" t="s">
        <v>13633</v>
      </c>
      <c r="D4168" s="150"/>
      <c r="E4168" s="150"/>
      <c r="F4168" s="150"/>
      <c r="G4168" s="150"/>
      <c r="H4168" s="150"/>
    </row>
    <row r="4169" spans="1:8">
      <c r="A4169" s="150"/>
      <c r="B4169" s="1162"/>
      <c r="C4169" s="201" t="s">
        <v>31624</v>
      </c>
      <c r="D4169" s="150"/>
      <c r="E4169" s="150"/>
      <c r="F4169" s="150"/>
      <c r="G4169" s="150"/>
      <c r="H4169" s="150"/>
    </row>
    <row r="4170" spans="1:8" ht="25.5">
      <c r="A4170" s="150"/>
      <c r="B4170" s="1162"/>
      <c r="C4170" s="201" t="s">
        <v>31625</v>
      </c>
      <c r="D4170" s="150"/>
      <c r="E4170" s="150"/>
      <c r="F4170" s="150"/>
      <c r="G4170" s="150"/>
      <c r="H4170" s="150"/>
    </row>
    <row r="4171" spans="1:8">
      <c r="A4171" s="150"/>
      <c r="B4171" s="1162"/>
      <c r="C4171" s="201" t="s">
        <v>31626</v>
      </c>
      <c r="D4171" s="150"/>
      <c r="E4171" s="150"/>
      <c r="F4171" s="150"/>
      <c r="G4171" s="150"/>
      <c r="H4171" s="150"/>
    </row>
    <row r="4172" spans="1:8">
      <c r="A4172" s="150"/>
      <c r="B4172" s="1162"/>
      <c r="C4172" s="201" t="s">
        <v>31627</v>
      </c>
      <c r="D4172" s="150"/>
      <c r="E4172" s="150"/>
      <c r="F4172" s="150"/>
      <c r="G4172" s="150"/>
      <c r="H4172" s="150"/>
    </row>
    <row r="4173" spans="1:8">
      <c r="A4173" s="150"/>
      <c r="B4173" s="1162"/>
      <c r="C4173" s="201" t="s">
        <v>8700</v>
      </c>
      <c r="D4173" s="150"/>
      <c r="E4173" s="150"/>
      <c r="F4173" s="150"/>
      <c r="G4173" s="150"/>
      <c r="H4173" s="150"/>
    </row>
    <row r="4174" spans="1:8" ht="28.5">
      <c r="A4174" s="150"/>
      <c r="B4174" s="1162"/>
      <c r="C4174" s="201" t="s">
        <v>32909</v>
      </c>
      <c r="D4174" s="150"/>
      <c r="E4174" s="150"/>
      <c r="F4174" s="150"/>
      <c r="G4174" s="150"/>
      <c r="H4174" s="150"/>
    </row>
    <row r="4175" spans="1:8">
      <c r="A4175" s="150"/>
      <c r="B4175" s="1162"/>
      <c r="C4175" s="201" t="s">
        <v>8700</v>
      </c>
      <c r="D4175" s="150"/>
      <c r="E4175" s="150"/>
      <c r="F4175" s="150"/>
      <c r="G4175" s="150"/>
      <c r="H4175" s="150"/>
    </row>
    <row r="4176" spans="1:8" ht="28.5">
      <c r="A4176" s="150"/>
      <c r="B4176" s="1162"/>
      <c r="C4176" s="201" t="s">
        <v>32910</v>
      </c>
      <c r="D4176" s="150"/>
      <c r="E4176" s="150"/>
      <c r="F4176" s="150"/>
      <c r="G4176" s="150"/>
      <c r="H4176" s="150"/>
    </row>
    <row r="4177" spans="1:8">
      <c r="A4177" s="150"/>
      <c r="B4177" s="1162"/>
      <c r="C4177" s="201" t="s">
        <v>31628</v>
      </c>
      <c r="D4177" s="150"/>
      <c r="E4177" s="150"/>
      <c r="F4177" s="150"/>
      <c r="G4177" s="150"/>
      <c r="H4177" s="150"/>
    </row>
    <row r="4178" spans="1:8" ht="25.5">
      <c r="A4178" s="150"/>
      <c r="B4178" s="1162"/>
      <c r="C4178" s="201" t="s">
        <v>31629</v>
      </c>
      <c r="D4178" s="150"/>
      <c r="E4178" s="150"/>
      <c r="F4178" s="150"/>
      <c r="G4178" s="150"/>
      <c r="H4178" s="150"/>
    </row>
    <row r="4179" spans="1:8" ht="38.25">
      <c r="A4179" s="150"/>
      <c r="B4179" s="1162"/>
      <c r="C4179" s="201" t="s">
        <v>13634</v>
      </c>
      <c r="D4179" s="150"/>
      <c r="E4179" s="150"/>
      <c r="F4179" s="150"/>
      <c r="G4179" s="150"/>
      <c r="H4179" s="150"/>
    </row>
    <row r="4180" spans="1:8">
      <c r="A4180" s="150"/>
      <c r="B4180" s="1162"/>
      <c r="C4180" s="201" t="s">
        <v>31630</v>
      </c>
      <c r="D4180" s="150"/>
      <c r="E4180" s="150"/>
      <c r="F4180" s="150"/>
      <c r="G4180" s="150"/>
      <c r="H4180" s="150"/>
    </row>
    <row r="4181" spans="1:8" ht="25.5">
      <c r="A4181" s="150"/>
      <c r="B4181" s="1162"/>
      <c r="C4181" s="201" t="s">
        <v>31631</v>
      </c>
      <c r="D4181" s="150"/>
      <c r="E4181" s="150"/>
      <c r="F4181" s="150"/>
      <c r="G4181" s="150"/>
      <c r="H4181" s="150"/>
    </row>
    <row r="4182" spans="1:8" ht="316.5" customHeight="1">
      <c r="A4182" s="150"/>
      <c r="B4182" s="1162"/>
      <c r="C4182" s="201"/>
      <c r="D4182" s="150"/>
      <c r="E4182" s="150"/>
      <c r="F4182" s="150"/>
      <c r="G4182" s="150"/>
      <c r="H4182" s="150"/>
    </row>
    <row r="4183" spans="1:8" ht="25.5">
      <c r="A4183" s="150"/>
      <c r="B4183" s="1162">
        <v>2</v>
      </c>
      <c r="C4183" s="201" t="s">
        <v>13635</v>
      </c>
      <c r="D4183" s="150"/>
      <c r="E4183" s="150"/>
      <c r="F4183" s="150"/>
      <c r="G4183" s="150"/>
      <c r="H4183" s="150"/>
    </row>
    <row r="4184" spans="1:8">
      <c r="A4184" s="150"/>
      <c r="B4184" s="1162"/>
      <c r="C4184" s="201" t="s">
        <v>31624</v>
      </c>
      <c r="D4184" s="150"/>
      <c r="E4184" s="150"/>
      <c r="F4184" s="150"/>
      <c r="G4184" s="150"/>
      <c r="H4184" s="150"/>
    </row>
    <row r="4185" spans="1:8">
      <c r="A4185" s="150"/>
      <c r="B4185" s="1162"/>
      <c r="C4185" s="201" t="s">
        <v>31632</v>
      </c>
      <c r="D4185" s="150"/>
      <c r="E4185" s="150"/>
      <c r="F4185" s="150"/>
      <c r="G4185" s="150"/>
      <c r="H4185" s="150"/>
    </row>
    <row r="4186" spans="1:8">
      <c r="A4186" s="150"/>
      <c r="B4186" s="1162"/>
      <c r="C4186" s="201" t="s">
        <v>31626</v>
      </c>
      <c r="D4186" s="150"/>
      <c r="E4186" s="150"/>
      <c r="F4186" s="150"/>
      <c r="G4186" s="150"/>
      <c r="H4186" s="150"/>
    </row>
    <row r="4187" spans="1:8" ht="51">
      <c r="A4187" s="150"/>
      <c r="B4187" s="1162"/>
      <c r="C4187" s="201" t="s">
        <v>31633</v>
      </c>
      <c r="D4187" s="150"/>
      <c r="E4187" s="150"/>
      <c r="F4187" s="150"/>
      <c r="G4187" s="150"/>
      <c r="H4187" s="150"/>
    </row>
    <row r="4188" spans="1:8">
      <c r="A4188" s="150"/>
      <c r="B4188" s="1162">
        <v>3</v>
      </c>
      <c r="C4188" s="201" t="s">
        <v>13636</v>
      </c>
      <c r="D4188" s="150"/>
      <c r="E4188" s="150"/>
      <c r="F4188" s="150"/>
      <c r="G4188" s="150"/>
      <c r="H4188" s="150"/>
    </row>
    <row r="4189" spans="1:8" ht="25.5">
      <c r="A4189" s="150"/>
      <c r="B4189" s="1162"/>
      <c r="C4189" s="201" t="s">
        <v>13637</v>
      </c>
      <c r="D4189" s="150"/>
      <c r="E4189" s="150"/>
      <c r="F4189" s="150"/>
      <c r="G4189" s="150"/>
      <c r="H4189" s="150"/>
    </row>
    <row r="4190" spans="1:8">
      <c r="A4190" s="150"/>
      <c r="B4190" s="1162"/>
      <c r="C4190" s="201" t="s">
        <v>31624</v>
      </c>
      <c r="D4190" s="150"/>
      <c r="E4190" s="150"/>
      <c r="F4190" s="150"/>
      <c r="G4190" s="150"/>
      <c r="H4190" s="150"/>
    </row>
    <row r="4191" spans="1:8" ht="25.5">
      <c r="A4191" s="150"/>
      <c r="B4191" s="1162"/>
      <c r="C4191" s="201" t="s">
        <v>31634</v>
      </c>
      <c r="D4191" s="150"/>
      <c r="E4191" s="150"/>
      <c r="F4191" s="150"/>
      <c r="G4191" s="150"/>
      <c r="H4191" s="150"/>
    </row>
    <row r="4192" spans="1:8">
      <c r="A4192" s="150"/>
      <c r="B4192" s="1162"/>
      <c r="C4192" s="201" t="s">
        <v>31626</v>
      </c>
      <c r="D4192" s="150"/>
      <c r="E4192" s="150"/>
      <c r="F4192" s="150"/>
      <c r="G4192" s="150"/>
      <c r="H4192" s="150"/>
    </row>
    <row r="4193" spans="1:8" ht="38.25">
      <c r="A4193" s="150"/>
      <c r="B4193" s="1162"/>
      <c r="C4193" s="201" t="s">
        <v>31635</v>
      </c>
      <c r="D4193" s="150"/>
      <c r="E4193" s="150"/>
      <c r="F4193" s="150"/>
      <c r="G4193" s="150"/>
      <c r="H4193" s="150"/>
    </row>
    <row r="4194" spans="1:8" ht="38.25">
      <c r="A4194" s="150"/>
      <c r="B4194" s="1162"/>
      <c r="C4194" s="201" t="s">
        <v>13638</v>
      </c>
      <c r="D4194" s="150"/>
      <c r="E4194" s="150"/>
      <c r="F4194" s="150"/>
      <c r="G4194" s="150"/>
      <c r="H4194" s="150"/>
    </row>
    <row r="4195" spans="1:8">
      <c r="A4195" s="150"/>
      <c r="B4195" s="1162"/>
      <c r="C4195" s="201" t="s">
        <v>13639</v>
      </c>
      <c r="D4195" s="150"/>
      <c r="E4195" s="150"/>
      <c r="F4195" s="150"/>
      <c r="G4195" s="150"/>
      <c r="H4195" s="150"/>
    </row>
    <row r="4196" spans="1:8">
      <c r="A4196" s="150"/>
      <c r="B4196" s="1162"/>
      <c r="C4196" s="201" t="s">
        <v>8700</v>
      </c>
      <c r="D4196" s="150"/>
      <c r="E4196" s="150"/>
      <c r="F4196" s="150"/>
      <c r="G4196" s="150"/>
      <c r="H4196" s="150"/>
    </row>
    <row r="4197" spans="1:8">
      <c r="A4197" s="150"/>
      <c r="B4197" s="1162"/>
      <c r="C4197" s="201" t="s">
        <v>31636</v>
      </c>
      <c r="D4197" s="150"/>
      <c r="E4197" s="150"/>
      <c r="F4197" s="150"/>
      <c r="G4197" s="150"/>
      <c r="H4197" s="150"/>
    </row>
    <row r="4198" spans="1:8">
      <c r="A4198" s="150"/>
      <c r="B4198" s="1162"/>
      <c r="C4198" s="201" t="s">
        <v>8700</v>
      </c>
      <c r="D4198" s="150"/>
      <c r="E4198" s="150"/>
      <c r="F4198" s="150"/>
      <c r="G4198" s="150"/>
      <c r="H4198" s="150"/>
    </row>
    <row r="4199" spans="1:8">
      <c r="A4199" s="150"/>
      <c r="B4199" s="1162"/>
      <c r="C4199" s="201" t="s">
        <v>31637</v>
      </c>
      <c r="D4199" s="150"/>
      <c r="E4199" s="150"/>
      <c r="F4199" s="150"/>
      <c r="G4199" s="150"/>
      <c r="H4199" s="150"/>
    </row>
    <row r="4200" spans="1:8">
      <c r="A4200" s="150"/>
      <c r="B4200" s="1162"/>
      <c r="C4200" s="201" t="s">
        <v>8700</v>
      </c>
      <c r="D4200" s="150"/>
      <c r="E4200" s="150"/>
      <c r="F4200" s="150"/>
      <c r="G4200" s="150"/>
      <c r="H4200" s="150"/>
    </row>
    <row r="4201" spans="1:8">
      <c r="A4201" s="150"/>
      <c r="B4201" s="1162"/>
      <c r="C4201" s="201" t="s">
        <v>31638</v>
      </c>
      <c r="D4201" s="150"/>
      <c r="E4201" s="150"/>
      <c r="F4201" s="150"/>
      <c r="G4201" s="150"/>
      <c r="H4201" s="150"/>
    </row>
    <row r="4202" spans="1:8" ht="76.5">
      <c r="A4202" s="150"/>
      <c r="B4202" s="1162"/>
      <c r="C4202" s="201" t="s">
        <v>13640</v>
      </c>
      <c r="D4202" s="150"/>
      <c r="E4202" s="150"/>
      <c r="F4202" s="150"/>
      <c r="G4202" s="150"/>
      <c r="H4202" s="150"/>
    </row>
    <row r="4203" spans="1:8">
      <c r="A4203" s="150"/>
      <c r="B4203" s="1162">
        <v>4</v>
      </c>
      <c r="C4203" s="201" t="s">
        <v>13641</v>
      </c>
      <c r="D4203" s="150"/>
      <c r="E4203" s="150"/>
      <c r="F4203" s="150"/>
      <c r="G4203" s="150"/>
      <c r="H4203" s="150"/>
    </row>
    <row r="4204" spans="1:8" ht="25.5">
      <c r="A4204" s="150"/>
      <c r="B4204" s="1162"/>
      <c r="C4204" s="201" t="s">
        <v>13642</v>
      </c>
      <c r="D4204" s="150"/>
      <c r="E4204" s="150"/>
      <c r="F4204" s="150"/>
      <c r="G4204" s="150"/>
      <c r="H4204" s="150"/>
    </row>
    <row r="4205" spans="1:8">
      <c r="A4205" s="150"/>
      <c r="B4205" s="1162"/>
      <c r="C4205" s="201" t="s">
        <v>8700</v>
      </c>
      <c r="D4205" s="150"/>
      <c r="E4205" s="150"/>
      <c r="F4205" s="150"/>
      <c r="G4205" s="150"/>
      <c r="H4205" s="150"/>
    </row>
    <row r="4206" spans="1:8">
      <c r="A4206" s="150"/>
      <c r="B4206" s="1162"/>
      <c r="C4206" s="201" t="s">
        <v>31639</v>
      </c>
      <c r="D4206" s="150"/>
      <c r="E4206" s="150"/>
      <c r="F4206" s="150"/>
      <c r="G4206" s="150"/>
      <c r="H4206" s="150"/>
    </row>
    <row r="4207" spans="1:8">
      <c r="A4207" s="150"/>
      <c r="B4207" s="1162"/>
      <c r="C4207" s="201" t="s">
        <v>8700</v>
      </c>
      <c r="D4207" s="150"/>
      <c r="E4207" s="150"/>
      <c r="F4207" s="150"/>
      <c r="G4207" s="150"/>
      <c r="H4207" s="150"/>
    </row>
    <row r="4208" spans="1:8">
      <c r="A4208" s="150"/>
      <c r="B4208" s="1162"/>
      <c r="C4208" s="201" t="s">
        <v>31640</v>
      </c>
      <c r="D4208" s="150"/>
      <c r="E4208" s="150"/>
      <c r="F4208" s="150"/>
      <c r="G4208" s="150"/>
      <c r="H4208" s="150"/>
    </row>
    <row r="4209" spans="1:8">
      <c r="A4209" s="150"/>
      <c r="B4209" s="1162"/>
      <c r="C4209" s="201" t="s">
        <v>8700</v>
      </c>
      <c r="D4209" s="150"/>
      <c r="E4209" s="150"/>
      <c r="F4209" s="150"/>
      <c r="G4209" s="150"/>
      <c r="H4209" s="150"/>
    </row>
    <row r="4210" spans="1:8">
      <c r="A4210" s="150"/>
      <c r="B4210" s="1162"/>
      <c r="C4210" s="201" t="s">
        <v>31641</v>
      </c>
      <c r="D4210" s="150"/>
      <c r="E4210" s="150"/>
      <c r="F4210" s="150"/>
      <c r="G4210" s="150"/>
      <c r="H4210" s="150"/>
    </row>
    <row r="4211" spans="1:8" ht="51">
      <c r="A4211" s="150"/>
      <c r="B4211" s="1162"/>
      <c r="C4211" s="201" t="s">
        <v>13643</v>
      </c>
      <c r="D4211" s="150"/>
      <c r="E4211" s="150"/>
      <c r="F4211" s="150"/>
      <c r="G4211" s="150"/>
      <c r="H4211" s="150"/>
    </row>
    <row r="4212" spans="1:8" ht="63.75">
      <c r="A4212" s="150"/>
      <c r="B4212" s="1162">
        <v>5</v>
      </c>
      <c r="C4212" s="201" t="s">
        <v>13644</v>
      </c>
      <c r="D4212" s="150"/>
      <c r="E4212" s="150"/>
      <c r="F4212" s="150"/>
      <c r="G4212" s="150"/>
      <c r="H4212" s="150"/>
    </row>
    <row r="4213" spans="1:8">
      <c r="A4213" s="150"/>
      <c r="B4213" s="1162"/>
      <c r="C4213" s="201" t="s">
        <v>8700</v>
      </c>
      <c r="D4213" s="150"/>
      <c r="E4213" s="150"/>
      <c r="F4213" s="150"/>
      <c r="G4213" s="150"/>
      <c r="H4213" s="150"/>
    </row>
    <row r="4214" spans="1:8">
      <c r="A4214" s="150"/>
      <c r="B4214" s="1162"/>
      <c r="C4214" s="201" t="s">
        <v>31642</v>
      </c>
      <c r="D4214" s="150"/>
      <c r="E4214" s="150"/>
      <c r="F4214" s="150"/>
      <c r="G4214" s="150"/>
      <c r="H4214" s="150"/>
    </row>
    <row r="4215" spans="1:8">
      <c r="A4215" s="150"/>
      <c r="B4215" s="1162"/>
      <c r="C4215" s="201" t="s">
        <v>8700</v>
      </c>
      <c r="D4215" s="150"/>
      <c r="E4215" s="150"/>
      <c r="F4215" s="150"/>
      <c r="G4215" s="150"/>
      <c r="H4215" s="150"/>
    </row>
    <row r="4216" spans="1:8" ht="38.25">
      <c r="A4216" s="150"/>
      <c r="B4216" s="1162"/>
      <c r="C4216" s="201" t="s">
        <v>31643</v>
      </c>
      <c r="D4216" s="150"/>
      <c r="E4216" s="150"/>
      <c r="F4216" s="150"/>
      <c r="G4216" s="150"/>
      <c r="H4216" s="150"/>
    </row>
    <row r="4217" spans="1:8">
      <c r="A4217" s="150"/>
      <c r="B4217" s="1162"/>
      <c r="C4217" s="201" t="s">
        <v>8700</v>
      </c>
      <c r="D4217" s="150"/>
      <c r="E4217" s="150"/>
      <c r="F4217" s="150"/>
      <c r="G4217" s="150"/>
      <c r="H4217" s="150"/>
    </row>
    <row r="4218" spans="1:8">
      <c r="A4218" s="150"/>
      <c r="B4218" s="1162"/>
      <c r="C4218" s="201" t="s">
        <v>31644</v>
      </c>
      <c r="D4218" s="150"/>
      <c r="E4218" s="150"/>
      <c r="F4218" s="150"/>
      <c r="G4218" s="150"/>
      <c r="H4218" s="150"/>
    </row>
    <row r="4219" spans="1:8">
      <c r="A4219" s="150"/>
      <c r="B4219" s="1162"/>
      <c r="C4219" s="201" t="s">
        <v>8700</v>
      </c>
      <c r="D4219" s="150"/>
      <c r="E4219" s="150"/>
      <c r="F4219" s="150"/>
      <c r="G4219" s="150"/>
      <c r="H4219" s="150"/>
    </row>
    <row r="4220" spans="1:8" ht="25.5">
      <c r="A4220" s="150"/>
      <c r="B4220" s="1162"/>
      <c r="C4220" s="201" t="s">
        <v>31645</v>
      </c>
      <c r="D4220" s="150"/>
      <c r="E4220" s="150"/>
      <c r="F4220" s="150"/>
      <c r="G4220" s="150"/>
      <c r="H4220" s="150"/>
    </row>
    <row r="4221" spans="1:8" ht="51">
      <c r="A4221" s="150"/>
      <c r="B4221" s="202">
        <v>6</v>
      </c>
      <c r="C4221" s="201" t="s">
        <v>13645</v>
      </c>
      <c r="D4221" s="150"/>
      <c r="E4221" s="150"/>
      <c r="F4221" s="150"/>
      <c r="G4221" s="150"/>
      <c r="H4221" s="150"/>
    </row>
    <row r="4222" spans="1:8" ht="38.25">
      <c r="A4222" s="150"/>
      <c r="B4222" s="202">
        <v>7</v>
      </c>
      <c r="C4222" s="201" t="s">
        <v>13646</v>
      </c>
      <c r="D4222" s="150"/>
      <c r="E4222" s="150"/>
      <c r="F4222" s="150"/>
      <c r="G4222" s="150"/>
      <c r="H4222" s="150"/>
    </row>
    <row r="4223" spans="1:8">
      <c r="A4223" s="150"/>
      <c r="B4223" s="183"/>
      <c r="C4223" s="150"/>
      <c r="D4223" s="150"/>
      <c r="E4223" s="150"/>
      <c r="F4223" s="150"/>
      <c r="G4223" s="150"/>
      <c r="H4223" s="150"/>
    </row>
    <row r="4224" spans="1:8">
      <c r="A4224" s="150"/>
      <c r="B4224" s="183"/>
      <c r="C4224" s="150"/>
      <c r="D4224" s="150"/>
      <c r="E4224" s="150"/>
      <c r="F4224" s="150"/>
      <c r="G4224" s="150"/>
      <c r="H4224" s="150"/>
    </row>
    <row r="4225" spans="1:8">
      <c r="A4225" s="150"/>
      <c r="B4225" s="183"/>
      <c r="C4225" s="150"/>
      <c r="D4225" s="150"/>
      <c r="E4225" s="150"/>
      <c r="F4225" s="150"/>
      <c r="G4225" s="150"/>
      <c r="H4225" s="150"/>
    </row>
    <row r="4226" spans="1:8" ht="15.75">
      <c r="A4226" s="150"/>
      <c r="B4226" s="151" t="s">
        <v>13256</v>
      </c>
      <c r="C4226" s="150"/>
      <c r="D4226" s="150"/>
      <c r="E4226" s="150"/>
      <c r="F4226" s="150"/>
      <c r="G4226" s="150"/>
      <c r="H4226" s="150"/>
    </row>
    <row r="4227" spans="1:8" ht="15.75">
      <c r="A4227" s="150"/>
      <c r="B4227" s="152" t="s">
        <v>31503</v>
      </c>
      <c r="C4227" s="150"/>
      <c r="D4227" s="150"/>
      <c r="E4227" s="150"/>
      <c r="F4227" s="150"/>
      <c r="G4227" s="150"/>
      <c r="H4227" s="150"/>
    </row>
    <row r="4228" spans="1:8" ht="15.75">
      <c r="A4228" s="150"/>
      <c r="B4228" s="200" t="s">
        <v>13257</v>
      </c>
      <c r="C4228" s="150"/>
      <c r="D4228" s="150"/>
      <c r="E4228" s="150"/>
      <c r="F4228" s="150"/>
      <c r="G4228" s="150"/>
      <c r="H4228" s="150"/>
    </row>
    <row r="4229" spans="1:8" ht="15.75">
      <c r="A4229" s="150"/>
      <c r="B4229" s="152" t="s">
        <v>8508</v>
      </c>
      <c r="C4229" s="150"/>
      <c r="D4229" s="150"/>
      <c r="E4229" s="150"/>
      <c r="F4229" s="150"/>
      <c r="G4229" s="150"/>
      <c r="H4229" s="150"/>
    </row>
    <row r="4230" spans="1:8" ht="15.75">
      <c r="A4230" s="150"/>
      <c r="B4230" s="200" t="s">
        <v>13258</v>
      </c>
      <c r="C4230" s="150"/>
      <c r="D4230" s="150"/>
      <c r="E4230" s="150"/>
      <c r="F4230" s="150"/>
      <c r="G4230" s="150"/>
      <c r="H4230" s="150"/>
    </row>
    <row r="4231" spans="1:8" ht="15">
      <c r="A4231" s="150"/>
      <c r="B4231" s="154"/>
      <c r="C4231" s="150"/>
      <c r="D4231" s="150"/>
      <c r="E4231" s="150"/>
      <c r="F4231" s="150"/>
      <c r="G4231" s="150"/>
      <c r="H4231" s="150"/>
    </row>
    <row r="4232" spans="1:8" ht="15">
      <c r="A4232" s="150"/>
      <c r="B4232" s="154"/>
      <c r="C4232" s="150"/>
      <c r="D4232" s="150"/>
      <c r="E4232" s="150"/>
      <c r="F4232" s="150"/>
      <c r="G4232" s="150"/>
      <c r="H4232" s="150"/>
    </row>
    <row r="4233" spans="1:8">
      <c r="A4233" s="150"/>
      <c r="B4233" s="193"/>
      <c r="C4233" s="194" t="s">
        <v>8349</v>
      </c>
      <c r="D4233" s="194" t="s">
        <v>9045</v>
      </c>
      <c r="E4233" s="194" t="s">
        <v>8</v>
      </c>
      <c r="F4233" s="194" t="s">
        <v>9044</v>
      </c>
      <c r="G4233" s="150"/>
      <c r="H4233" s="150"/>
    </row>
    <row r="4234" spans="1:8" ht="25.5">
      <c r="A4234" s="150"/>
      <c r="B4234" s="1147">
        <v>1</v>
      </c>
      <c r="C4234" s="1149" t="s">
        <v>209</v>
      </c>
      <c r="D4234" s="1149" t="s">
        <v>9529</v>
      </c>
      <c r="E4234" s="1149" t="s">
        <v>208</v>
      </c>
      <c r="F4234" s="159" t="s">
        <v>13259</v>
      </c>
      <c r="G4234" s="150"/>
      <c r="H4234" s="150"/>
    </row>
    <row r="4235" spans="1:8" ht="25.5">
      <c r="A4235" s="150"/>
      <c r="B4235" s="1148"/>
      <c r="C4235" s="1150"/>
      <c r="D4235" s="1150"/>
      <c r="E4235" s="1150"/>
      <c r="F4235" s="161" t="s">
        <v>13260</v>
      </c>
      <c r="G4235" s="150"/>
      <c r="H4235" s="150"/>
    </row>
    <row r="4236" spans="1:8">
      <c r="A4236" s="150"/>
      <c r="B4236" s="195">
        <v>2</v>
      </c>
      <c r="C4236" s="196" t="s">
        <v>1413</v>
      </c>
      <c r="D4236" s="196" t="s">
        <v>9518</v>
      </c>
      <c r="E4236" s="196" t="s">
        <v>9519</v>
      </c>
      <c r="F4236" s="196" t="s">
        <v>13261</v>
      </c>
      <c r="G4236" s="150"/>
      <c r="H4236" s="150"/>
    </row>
    <row r="4237" spans="1:8" ht="25.5">
      <c r="A4237" s="150"/>
      <c r="B4237" s="195">
        <v>3</v>
      </c>
      <c r="C4237" s="196" t="s">
        <v>7175</v>
      </c>
      <c r="D4237" s="196"/>
      <c r="E4237" s="196" t="s">
        <v>13262</v>
      </c>
      <c r="F4237" s="196" t="s">
        <v>7174</v>
      </c>
      <c r="G4237" s="150"/>
      <c r="H4237" s="150"/>
    </row>
    <row r="4238" spans="1:8">
      <c r="A4238" s="150"/>
      <c r="B4238" s="195">
        <v>4</v>
      </c>
      <c r="C4238" s="196" t="s">
        <v>5163</v>
      </c>
      <c r="D4238" s="196" t="s">
        <v>9516</v>
      </c>
      <c r="E4238" s="196" t="s">
        <v>9517</v>
      </c>
      <c r="F4238" s="196" t="s">
        <v>7177</v>
      </c>
      <c r="G4238" s="150"/>
      <c r="H4238" s="150"/>
    </row>
    <row r="4239" spans="1:8" ht="25.5">
      <c r="A4239" s="150"/>
      <c r="B4239" s="1147">
        <v>5</v>
      </c>
      <c r="C4239" s="1149" t="s">
        <v>286</v>
      </c>
      <c r="D4239" s="1149" t="s">
        <v>10483</v>
      </c>
      <c r="E4239" s="1149" t="s">
        <v>285</v>
      </c>
      <c r="F4239" s="159" t="s">
        <v>284</v>
      </c>
      <c r="G4239" s="150"/>
      <c r="H4239" s="150"/>
    </row>
    <row r="4240" spans="1:8" ht="38.25">
      <c r="A4240" s="150"/>
      <c r="B4240" s="1157"/>
      <c r="C4240" s="1158"/>
      <c r="D4240" s="1158"/>
      <c r="E4240" s="1158"/>
      <c r="F4240" s="160" t="s">
        <v>13263</v>
      </c>
      <c r="G4240" s="150"/>
      <c r="H4240" s="150"/>
    </row>
    <row r="4241" spans="1:8" ht="25.5">
      <c r="A4241" s="150"/>
      <c r="B4241" s="1148"/>
      <c r="C4241" s="1150"/>
      <c r="D4241" s="1150"/>
      <c r="E4241" s="1150"/>
      <c r="F4241" s="161" t="s">
        <v>13264</v>
      </c>
      <c r="G4241" s="150"/>
      <c r="H4241" s="150"/>
    </row>
    <row r="4242" spans="1:8">
      <c r="A4242" s="150"/>
      <c r="B4242" s="195">
        <v>6</v>
      </c>
      <c r="C4242" s="196" t="s">
        <v>7181</v>
      </c>
      <c r="D4242" s="196"/>
      <c r="E4242" s="196" t="s">
        <v>13265</v>
      </c>
      <c r="F4242" s="196" t="s">
        <v>7180</v>
      </c>
      <c r="G4242" s="150"/>
      <c r="H4242" s="150"/>
    </row>
    <row r="4243" spans="1:8">
      <c r="A4243" s="150"/>
      <c r="B4243" s="195">
        <v>7</v>
      </c>
      <c r="C4243" s="196" t="s">
        <v>7184</v>
      </c>
      <c r="D4243" s="196" t="s">
        <v>10576</v>
      </c>
      <c r="E4243" s="196" t="s">
        <v>10577</v>
      </c>
      <c r="F4243" s="196" t="s">
        <v>7183</v>
      </c>
      <c r="G4243" s="150"/>
      <c r="H4243" s="150"/>
    </row>
    <row r="4244" spans="1:8" ht="25.5">
      <c r="A4244" s="150"/>
      <c r="B4244" s="195">
        <v>8</v>
      </c>
      <c r="C4244" s="196" t="s">
        <v>7187</v>
      </c>
      <c r="D4244" s="196"/>
      <c r="E4244" s="196" t="s">
        <v>13266</v>
      </c>
      <c r="F4244" s="196" t="s">
        <v>7186</v>
      </c>
      <c r="G4244" s="150"/>
      <c r="H4244" s="150"/>
    </row>
    <row r="4245" spans="1:8" ht="38.25">
      <c r="A4245" s="150"/>
      <c r="B4245" s="1147">
        <v>9</v>
      </c>
      <c r="C4245" s="1149" t="s">
        <v>529</v>
      </c>
      <c r="D4245" s="1149" t="s">
        <v>10534</v>
      </c>
      <c r="E4245" s="1149" t="s">
        <v>528</v>
      </c>
      <c r="F4245" s="159" t="s">
        <v>7189</v>
      </c>
      <c r="G4245" s="150"/>
      <c r="H4245" s="150"/>
    </row>
    <row r="4246" spans="1:8" ht="38.25">
      <c r="A4246" s="150"/>
      <c r="B4246" s="1148"/>
      <c r="C4246" s="1150"/>
      <c r="D4246" s="1150"/>
      <c r="E4246" s="1150"/>
      <c r="F4246" s="161" t="s">
        <v>13267</v>
      </c>
      <c r="G4246" s="150"/>
      <c r="H4246" s="150"/>
    </row>
    <row r="4247" spans="1:8" ht="25.5">
      <c r="A4247" s="150"/>
      <c r="B4247" s="1147">
        <v>10</v>
      </c>
      <c r="C4247" s="1149" t="s">
        <v>1462</v>
      </c>
      <c r="D4247" s="1149" t="s">
        <v>10535</v>
      </c>
      <c r="E4247" s="1149" t="s">
        <v>10536</v>
      </c>
      <c r="F4247" s="159" t="s">
        <v>7191</v>
      </c>
      <c r="G4247" s="150"/>
      <c r="H4247" s="150"/>
    </row>
    <row r="4248" spans="1:8" ht="38.25">
      <c r="A4248" s="150"/>
      <c r="B4248" s="1148"/>
      <c r="C4248" s="1150"/>
      <c r="D4248" s="1150"/>
      <c r="E4248" s="1150"/>
      <c r="F4248" s="161" t="s">
        <v>13268</v>
      </c>
      <c r="G4248" s="150"/>
      <c r="H4248" s="150"/>
    </row>
    <row r="4249" spans="1:8" ht="38.25">
      <c r="A4249" s="150"/>
      <c r="B4249" s="1147">
        <v>11</v>
      </c>
      <c r="C4249" s="1149" t="s">
        <v>1464</v>
      </c>
      <c r="D4249" s="1149" t="s">
        <v>10526</v>
      </c>
      <c r="E4249" s="1149" t="s">
        <v>10527</v>
      </c>
      <c r="F4249" s="159" t="s">
        <v>7193</v>
      </c>
      <c r="G4249" s="150"/>
      <c r="H4249" s="150"/>
    </row>
    <row r="4250" spans="1:8">
      <c r="A4250" s="150"/>
      <c r="B4250" s="1148"/>
      <c r="C4250" s="1150"/>
      <c r="D4250" s="1150"/>
      <c r="E4250" s="1150"/>
      <c r="F4250" s="161" t="s">
        <v>13269</v>
      </c>
      <c r="G4250" s="150"/>
      <c r="H4250" s="150"/>
    </row>
    <row r="4251" spans="1:8" ht="25.5">
      <c r="A4251" s="150"/>
      <c r="B4251" s="1147">
        <v>12</v>
      </c>
      <c r="C4251" s="1149" t="s">
        <v>1466</v>
      </c>
      <c r="D4251" s="1149" t="s">
        <v>10529</v>
      </c>
      <c r="E4251" s="1149" t="s">
        <v>10530</v>
      </c>
      <c r="F4251" s="159" t="s">
        <v>7195</v>
      </c>
      <c r="G4251" s="150"/>
      <c r="H4251" s="150"/>
    </row>
    <row r="4252" spans="1:8">
      <c r="A4252" s="150"/>
      <c r="B4252" s="1148"/>
      <c r="C4252" s="1150"/>
      <c r="D4252" s="1150"/>
      <c r="E4252" s="1150"/>
      <c r="F4252" s="161" t="s">
        <v>13270</v>
      </c>
      <c r="G4252" s="150"/>
      <c r="H4252" s="150"/>
    </row>
    <row r="4253" spans="1:8" ht="25.5">
      <c r="A4253" s="150"/>
      <c r="B4253" s="195">
        <v>13</v>
      </c>
      <c r="C4253" s="196" t="s">
        <v>187</v>
      </c>
      <c r="D4253" s="196" t="s">
        <v>10560</v>
      </c>
      <c r="E4253" s="196" t="s">
        <v>186</v>
      </c>
      <c r="F4253" s="196" t="s">
        <v>185</v>
      </c>
      <c r="G4253" s="150"/>
      <c r="H4253" s="150"/>
    </row>
    <row r="4254" spans="1:8" ht="38.25">
      <c r="A4254" s="150"/>
      <c r="B4254" s="195">
        <v>14</v>
      </c>
      <c r="C4254" s="196" t="s">
        <v>200</v>
      </c>
      <c r="D4254" s="196"/>
      <c r="E4254" s="196" t="s">
        <v>199</v>
      </c>
      <c r="F4254" s="196" t="s">
        <v>13271</v>
      </c>
      <c r="G4254" s="150"/>
      <c r="H4254" s="150"/>
    </row>
    <row r="4255" spans="1:8" ht="38.25">
      <c r="A4255" s="150"/>
      <c r="B4255" s="1147">
        <v>15</v>
      </c>
      <c r="C4255" s="1149" t="s">
        <v>370</v>
      </c>
      <c r="D4255" s="1149" t="s">
        <v>10547</v>
      </c>
      <c r="E4255" s="1149" t="s">
        <v>369</v>
      </c>
      <c r="F4255" s="159" t="s">
        <v>13272</v>
      </c>
      <c r="G4255" s="150"/>
      <c r="H4255" s="150"/>
    </row>
    <row r="4256" spans="1:8" ht="38.25">
      <c r="A4256" s="150"/>
      <c r="B4256" s="1148"/>
      <c r="C4256" s="1150"/>
      <c r="D4256" s="1150"/>
      <c r="E4256" s="1150"/>
      <c r="F4256" s="161" t="s">
        <v>13273</v>
      </c>
      <c r="G4256" s="150"/>
      <c r="H4256" s="150"/>
    </row>
    <row r="4257" spans="1:8">
      <c r="A4257" s="150"/>
      <c r="B4257" s="195">
        <v>16</v>
      </c>
      <c r="C4257" s="196" t="s">
        <v>7203</v>
      </c>
      <c r="D4257" s="196"/>
      <c r="E4257" s="196" t="s">
        <v>13274</v>
      </c>
      <c r="F4257" s="196" t="s">
        <v>7202</v>
      </c>
      <c r="G4257" s="150"/>
      <c r="H4257" s="150"/>
    </row>
    <row r="4258" spans="1:8">
      <c r="A4258" s="150"/>
      <c r="B4258" s="195">
        <v>17</v>
      </c>
      <c r="C4258" s="196" t="s">
        <v>7206</v>
      </c>
      <c r="D4258" s="196"/>
      <c r="E4258" s="196" t="s">
        <v>13275</v>
      </c>
      <c r="F4258" s="196" t="s">
        <v>7205</v>
      </c>
      <c r="G4258" s="150"/>
      <c r="H4258" s="150"/>
    </row>
    <row r="4259" spans="1:8">
      <c r="A4259" s="150"/>
      <c r="B4259" s="1147">
        <v>18</v>
      </c>
      <c r="C4259" s="1149" t="s">
        <v>289</v>
      </c>
      <c r="D4259" s="1149" t="s">
        <v>10564</v>
      </c>
      <c r="E4259" s="1149" t="s">
        <v>288</v>
      </c>
      <c r="F4259" s="159" t="s">
        <v>287</v>
      </c>
      <c r="G4259" s="150"/>
      <c r="H4259" s="150"/>
    </row>
    <row r="4260" spans="1:8">
      <c r="A4260" s="150"/>
      <c r="B4260" s="1148"/>
      <c r="C4260" s="1150"/>
      <c r="D4260" s="1150"/>
      <c r="E4260" s="1150"/>
      <c r="F4260" s="161" t="s">
        <v>13276</v>
      </c>
      <c r="G4260" s="150"/>
      <c r="H4260" s="150"/>
    </row>
    <row r="4261" spans="1:8" ht="25.5">
      <c r="A4261" s="150"/>
      <c r="B4261" s="195">
        <v>19</v>
      </c>
      <c r="C4261" s="196" t="s">
        <v>195</v>
      </c>
      <c r="D4261" s="196" t="s">
        <v>10570</v>
      </c>
      <c r="E4261" s="196" t="s">
        <v>194</v>
      </c>
      <c r="F4261" s="196" t="s">
        <v>7209</v>
      </c>
      <c r="G4261" s="150"/>
      <c r="H4261" s="150"/>
    </row>
    <row r="4262" spans="1:8" ht="25.5">
      <c r="A4262" s="150"/>
      <c r="B4262" s="195">
        <v>20</v>
      </c>
      <c r="C4262" s="196" t="s">
        <v>7212</v>
      </c>
      <c r="D4262" s="196"/>
      <c r="E4262" s="196" t="s">
        <v>13277</v>
      </c>
      <c r="F4262" s="196" t="s">
        <v>7211</v>
      </c>
      <c r="G4262" s="150"/>
      <c r="H4262" s="150"/>
    </row>
    <row r="4263" spans="1:8">
      <c r="A4263" s="150"/>
      <c r="B4263" s="1147">
        <v>21</v>
      </c>
      <c r="C4263" s="1149" t="s">
        <v>373</v>
      </c>
      <c r="D4263" s="1149" t="s">
        <v>10525</v>
      </c>
      <c r="E4263" s="1149" t="s">
        <v>372</v>
      </c>
      <c r="F4263" s="159" t="s">
        <v>7214</v>
      </c>
      <c r="G4263" s="150"/>
      <c r="H4263" s="150"/>
    </row>
    <row r="4264" spans="1:8">
      <c r="A4264" s="150"/>
      <c r="B4264" s="1148"/>
      <c r="C4264" s="1150"/>
      <c r="D4264" s="1150"/>
      <c r="E4264" s="1150"/>
      <c r="F4264" s="161" t="s">
        <v>13278</v>
      </c>
      <c r="G4264" s="150"/>
      <c r="H4264" s="150"/>
    </row>
    <row r="4265" spans="1:8" ht="25.5">
      <c r="A4265" s="150"/>
      <c r="B4265" s="195">
        <v>22</v>
      </c>
      <c r="C4265" s="198">
        <v>22162</v>
      </c>
      <c r="D4265" s="196" t="s">
        <v>10484</v>
      </c>
      <c r="E4265" s="196" t="s">
        <v>192</v>
      </c>
      <c r="F4265" s="196" t="s">
        <v>7216</v>
      </c>
      <c r="G4265" s="150"/>
      <c r="H4265" s="150"/>
    </row>
    <row r="4266" spans="1:8">
      <c r="A4266" s="150"/>
      <c r="B4266" s="183"/>
      <c r="C4266" s="150"/>
      <c r="D4266" s="150"/>
      <c r="E4266" s="150"/>
      <c r="F4266" s="150"/>
      <c r="G4266" s="150"/>
      <c r="H4266" s="150"/>
    </row>
    <row r="4267" spans="1:8">
      <c r="A4267" s="150"/>
      <c r="B4267" s="183"/>
      <c r="C4267" s="150"/>
      <c r="D4267" s="150"/>
      <c r="E4267" s="150"/>
      <c r="F4267" s="150"/>
      <c r="G4267" s="150"/>
      <c r="H4267" s="150"/>
    </row>
    <row r="4268" spans="1:8">
      <c r="A4268" s="150"/>
      <c r="B4268" s="183"/>
      <c r="C4268" s="150"/>
      <c r="D4268" s="150"/>
      <c r="E4268" s="150"/>
      <c r="F4268" s="150"/>
      <c r="G4268" s="150"/>
      <c r="H4268" s="150"/>
    </row>
    <row r="4269" spans="1:8" ht="15.75">
      <c r="A4269" s="150"/>
      <c r="B4269" s="151" t="s">
        <v>13279</v>
      </c>
      <c r="C4269" s="150"/>
      <c r="D4269" s="150"/>
      <c r="E4269" s="150"/>
      <c r="F4269" s="150"/>
      <c r="G4269" s="150"/>
      <c r="H4269" s="150"/>
    </row>
    <row r="4270" spans="1:8" ht="15.75">
      <c r="A4270" s="150"/>
      <c r="B4270" s="152" t="s">
        <v>31503</v>
      </c>
      <c r="C4270" s="150"/>
      <c r="D4270" s="150"/>
      <c r="E4270" s="150"/>
      <c r="F4270" s="150"/>
      <c r="G4270" s="150"/>
      <c r="H4270" s="150"/>
    </row>
    <row r="4271" spans="1:8" ht="15.75">
      <c r="A4271" s="150"/>
      <c r="B4271" s="153" t="s">
        <v>13280</v>
      </c>
      <c r="C4271" s="150"/>
      <c r="D4271" s="150"/>
      <c r="E4271" s="150"/>
      <c r="F4271" s="150"/>
      <c r="G4271" s="150"/>
      <c r="H4271" s="150"/>
    </row>
    <row r="4272" spans="1:8" ht="15.75">
      <c r="A4272" s="150"/>
      <c r="B4272" s="152" t="s">
        <v>8508</v>
      </c>
      <c r="C4272" s="150"/>
      <c r="D4272" s="150"/>
      <c r="E4272" s="150"/>
      <c r="F4272" s="150"/>
      <c r="G4272" s="150"/>
      <c r="H4272" s="150"/>
    </row>
    <row r="4273" spans="1:8" ht="15.75">
      <c r="A4273" s="150"/>
      <c r="B4273" s="184" t="s">
        <v>13281</v>
      </c>
      <c r="C4273" s="150"/>
      <c r="D4273" s="150"/>
      <c r="E4273" s="150"/>
      <c r="F4273" s="150"/>
      <c r="G4273" s="150"/>
      <c r="H4273" s="150"/>
    </row>
    <row r="4274" spans="1:8" ht="15">
      <c r="A4274" s="150"/>
      <c r="B4274" s="154"/>
      <c r="C4274" s="150"/>
      <c r="D4274" s="150"/>
      <c r="E4274" s="150"/>
      <c r="F4274" s="150"/>
      <c r="G4274" s="150"/>
      <c r="H4274" s="150"/>
    </row>
    <row r="4275" spans="1:8" ht="15">
      <c r="A4275" s="150"/>
      <c r="B4275" s="154"/>
      <c r="C4275" s="150"/>
      <c r="D4275" s="150"/>
      <c r="E4275" s="150"/>
      <c r="F4275" s="150"/>
      <c r="G4275" s="150"/>
      <c r="H4275" s="150"/>
    </row>
    <row r="4276" spans="1:8">
      <c r="A4276" s="150"/>
      <c r="B4276" s="193"/>
      <c r="C4276" s="194" t="s">
        <v>8349</v>
      </c>
      <c r="D4276" s="194" t="s">
        <v>9045</v>
      </c>
      <c r="E4276" s="194" t="s">
        <v>8</v>
      </c>
      <c r="F4276" s="194" t="s">
        <v>9044</v>
      </c>
      <c r="G4276" s="150"/>
      <c r="H4276" s="150"/>
    </row>
    <row r="4277" spans="1:8" ht="153">
      <c r="A4277" s="150"/>
      <c r="B4277" s="1147">
        <v>1</v>
      </c>
      <c r="C4277" s="159" t="s">
        <v>13282</v>
      </c>
      <c r="D4277" s="1149" t="s">
        <v>13286</v>
      </c>
      <c r="E4277" s="1149" t="s">
        <v>19</v>
      </c>
      <c r="F4277" s="159" t="s">
        <v>13287</v>
      </c>
      <c r="G4277" s="150"/>
      <c r="H4277" s="150"/>
    </row>
    <row r="4278" spans="1:8" ht="102">
      <c r="A4278" s="150"/>
      <c r="B4278" s="1157"/>
      <c r="C4278" s="160" t="s">
        <v>13283</v>
      </c>
      <c r="D4278" s="1158"/>
      <c r="E4278" s="1158"/>
      <c r="F4278" s="160" t="s">
        <v>13288</v>
      </c>
      <c r="G4278" s="150"/>
      <c r="H4278" s="150"/>
    </row>
    <row r="4279" spans="1:8">
      <c r="A4279" s="150"/>
      <c r="B4279" s="1157"/>
      <c r="C4279" s="160" t="s">
        <v>13284</v>
      </c>
      <c r="D4279" s="1158"/>
      <c r="E4279" s="1158"/>
      <c r="F4279" s="169"/>
      <c r="G4279" s="150"/>
      <c r="H4279" s="150"/>
    </row>
    <row r="4280" spans="1:8">
      <c r="A4280" s="150"/>
      <c r="B4280" s="1157"/>
      <c r="C4280" s="160" t="s">
        <v>32911</v>
      </c>
      <c r="D4280" s="1158"/>
      <c r="E4280" s="1158"/>
      <c r="F4280" s="169"/>
      <c r="G4280" s="150"/>
      <c r="H4280" s="150"/>
    </row>
    <row r="4281" spans="1:8">
      <c r="A4281" s="150"/>
      <c r="B4281" s="1157"/>
      <c r="C4281" s="160" t="s">
        <v>13285</v>
      </c>
      <c r="D4281" s="1158"/>
      <c r="E4281" s="1158"/>
      <c r="F4281" s="169"/>
      <c r="G4281" s="150"/>
      <c r="H4281" s="150"/>
    </row>
    <row r="4282" spans="1:8">
      <c r="A4282" s="150"/>
      <c r="B4282" s="1148"/>
      <c r="C4282" s="161" t="s">
        <v>32912</v>
      </c>
      <c r="D4282" s="1150"/>
      <c r="E4282" s="1150"/>
      <c r="F4282" s="165"/>
      <c r="G4282" s="150"/>
      <c r="H4282" s="150"/>
    </row>
    <row r="4283" spans="1:8" ht="15.75">
      <c r="A4283" s="150"/>
      <c r="B4283" s="152" t="s">
        <v>29780</v>
      </c>
      <c r="C4283" s="150"/>
      <c r="D4283" s="150"/>
      <c r="E4283" s="150"/>
      <c r="F4283" s="150"/>
      <c r="G4283" s="150"/>
      <c r="H4283" s="150"/>
    </row>
    <row r="4284" spans="1:8">
      <c r="A4284" s="150"/>
      <c r="B4284" s="183"/>
      <c r="C4284" s="150"/>
      <c r="D4284" s="150"/>
      <c r="E4284" s="150"/>
      <c r="F4284" s="150"/>
      <c r="G4284" s="150"/>
      <c r="H4284" s="150"/>
    </row>
    <row r="4285" spans="1:8">
      <c r="A4285" s="150"/>
      <c r="B4285" s="183"/>
      <c r="C4285" s="150"/>
      <c r="D4285" s="150"/>
      <c r="E4285" s="150"/>
      <c r="F4285" s="150"/>
      <c r="G4285" s="150"/>
      <c r="H4285" s="150"/>
    </row>
    <row r="4286" spans="1:8">
      <c r="A4286" s="150"/>
      <c r="B4286" s="183"/>
      <c r="C4286" s="150"/>
      <c r="D4286" s="150"/>
      <c r="E4286" s="150"/>
      <c r="F4286" s="150"/>
      <c r="G4286" s="150"/>
      <c r="H4286" s="150"/>
    </row>
    <row r="4287" spans="1:8" ht="15.75">
      <c r="A4287" s="150"/>
      <c r="B4287" s="151" t="s">
        <v>13647</v>
      </c>
      <c r="C4287" s="150"/>
      <c r="D4287" s="150"/>
      <c r="E4287" s="150"/>
      <c r="F4287" s="150"/>
      <c r="G4287" s="150"/>
      <c r="H4287" s="150"/>
    </row>
    <row r="4288" spans="1:8" ht="15.75">
      <c r="A4288" s="150"/>
      <c r="B4288" s="200" t="s">
        <v>13648</v>
      </c>
      <c r="C4288" s="150"/>
      <c r="D4288" s="150"/>
      <c r="E4288" s="150"/>
      <c r="F4288" s="150"/>
      <c r="G4288" s="150"/>
      <c r="H4288" s="150"/>
    </row>
    <row r="4289" spans="1:8" ht="15.75">
      <c r="A4289" s="150"/>
      <c r="B4289" s="184" t="s">
        <v>13649</v>
      </c>
      <c r="C4289" s="150"/>
      <c r="D4289" s="150"/>
      <c r="E4289" s="150"/>
      <c r="F4289" s="150"/>
      <c r="G4289" s="150"/>
      <c r="H4289" s="150"/>
    </row>
    <row r="4290" spans="1:8" ht="15.75">
      <c r="A4290" s="150"/>
      <c r="B4290" s="152" t="s">
        <v>31942</v>
      </c>
      <c r="C4290" s="150"/>
      <c r="D4290" s="150"/>
      <c r="E4290" s="150"/>
      <c r="F4290" s="150"/>
      <c r="G4290" s="150"/>
      <c r="H4290" s="150"/>
    </row>
    <row r="4291" spans="1:8" ht="15">
      <c r="A4291" s="150"/>
      <c r="B4291" s="154"/>
      <c r="C4291" s="150"/>
      <c r="D4291" s="150"/>
      <c r="E4291" s="150"/>
      <c r="F4291" s="150"/>
      <c r="G4291" s="150"/>
      <c r="H4291" s="150"/>
    </row>
    <row r="4292" spans="1:8" ht="15">
      <c r="A4292" s="150"/>
      <c r="B4292" s="154"/>
      <c r="C4292" s="150"/>
      <c r="D4292" s="150"/>
      <c r="E4292" s="150"/>
      <c r="F4292" s="150"/>
      <c r="G4292" s="150"/>
      <c r="H4292" s="150"/>
    </row>
    <row r="4293" spans="1:8" ht="38.25">
      <c r="A4293" s="150"/>
      <c r="B4293" s="193" t="s">
        <v>13650</v>
      </c>
      <c r="C4293" s="194" t="s">
        <v>13651</v>
      </c>
      <c r="D4293" s="194" t="s">
        <v>13652</v>
      </c>
      <c r="E4293" s="150"/>
      <c r="F4293" s="150"/>
      <c r="G4293" s="150"/>
      <c r="H4293" s="150"/>
    </row>
    <row r="4294" spans="1:8">
      <c r="A4294" s="150"/>
      <c r="B4294" s="1147" t="s">
        <v>13653</v>
      </c>
      <c r="C4294" s="159" t="s">
        <v>31948</v>
      </c>
      <c r="D4294" s="1149" t="s">
        <v>13654</v>
      </c>
      <c r="E4294" s="150"/>
      <c r="F4294" s="150"/>
      <c r="G4294" s="150"/>
      <c r="H4294" s="150"/>
    </row>
    <row r="4295" spans="1:8" ht="38.25">
      <c r="A4295" s="150"/>
      <c r="B4295" s="1148"/>
      <c r="C4295" s="161" t="s">
        <v>31949</v>
      </c>
      <c r="D4295" s="1150"/>
      <c r="E4295" s="150"/>
      <c r="F4295" s="150"/>
      <c r="G4295" s="150"/>
      <c r="H4295" s="150"/>
    </row>
    <row r="4296" spans="1:8">
      <c r="A4296" s="150"/>
      <c r="B4296" s="1147" t="s">
        <v>13653</v>
      </c>
      <c r="C4296" s="159" t="s">
        <v>13656</v>
      </c>
      <c r="D4296" s="1149" t="s">
        <v>13655</v>
      </c>
      <c r="E4296" s="150"/>
      <c r="F4296" s="150"/>
      <c r="G4296" s="150"/>
      <c r="H4296" s="150"/>
    </row>
    <row r="4297" spans="1:8" ht="25.5">
      <c r="A4297" s="150"/>
      <c r="B4297" s="1148"/>
      <c r="C4297" s="161" t="s">
        <v>31950</v>
      </c>
      <c r="D4297" s="1150"/>
      <c r="E4297" s="150"/>
      <c r="F4297" s="150"/>
      <c r="G4297" s="150"/>
      <c r="H4297" s="150"/>
    </row>
    <row r="4298" spans="1:8">
      <c r="A4298" s="150"/>
      <c r="B4298" s="1147" t="s">
        <v>13653</v>
      </c>
      <c r="C4298" s="159" t="s">
        <v>31951</v>
      </c>
      <c r="D4298" s="1149" t="s">
        <v>13657</v>
      </c>
      <c r="E4298" s="150"/>
      <c r="F4298" s="150"/>
      <c r="G4298" s="150"/>
      <c r="H4298" s="150"/>
    </row>
    <row r="4299" spans="1:8" ht="38.25">
      <c r="A4299" s="150"/>
      <c r="B4299" s="1148"/>
      <c r="C4299" s="161" t="s">
        <v>31952</v>
      </c>
      <c r="D4299" s="1150"/>
      <c r="E4299" s="150"/>
      <c r="F4299" s="150"/>
      <c r="G4299" s="150"/>
      <c r="H4299" s="150"/>
    </row>
    <row r="4300" spans="1:8">
      <c r="A4300" s="150"/>
      <c r="B4300" s="1147" t="s">
        <v>13653</v>
      </c>
      <c r="C4300" s="159" t="s">
        <v>31953</v>
      </c>
      <c r="D4300" s="1149" t="s">
        <v>13658</v>
      </c>
      <c r="E4300" s="150"/>
      <c r="F4300" s="150"/>
      <c r="G4300" s="150"/>
      <c r="H4300" s="150"/>
    </row>
    <row r="4301" spans="1:8" ht="38.25">
      <c r="A4301" s="150"/>
      <c r="B4301" s="1148"/>
      <c r="C4301" s="161" t="s">
        <v>31954</v>
      </c>
      <c r="D4301" s="1150"/>
      <c r="E4301" s="150"/>
      <c r="F4301" s="150"/>
      <c r="G4301" s="150"/>
      <c r="H4301" s="150"/>
    </row>
    <row r="4302" spans="1:8" ht="15.75">
      <c r="A4302" s="150"/>
      <c r="B4302" s="152" t="s">
        <v>31587</v>
      </c>
      <c r="C4302" s="150"/>
      <c r="D4302" s="150"/>
      <c r="E4302" s="150"/>
      <c r="F4302" s="150"/>
      <c r="G4302" s="150"/>
      <c r="H4302" s="150"/>
    </row>
    <row r="4303" spans="1:8">
      <c r="A4303" s="150"/>
      <c r="B4303" s="183"/>
      <c r="C4303" s="150"/>
      <c r="D4303" s="150"/>
      <c r="E4303" s="150"/>
      <c r="F4303" s="150"/>
      <c r="G4303" s="150"/>
      <c r="H4303" s="150"/>
    </row>
    <row r="4304" spans="1:8">
      <c r="A4304" s="150"/>
      <c r="B4304" s="183"/>
      <c r="C4304" s="150"/>
      <c r="D4304" s="150"/>
      <c r="E4304" s="150"/>
      <c r="F4304" s="150"/>
      <c r="G4304" s="150"/>
      <c r="H4304" s="150"/>
    </row>
    <row r="4305" spans="1:8">
      <c r="A4305" s="150"/>
      <c r="B4305" s="183"/>
      <c r="C4305" s="150"/>
      <c r="D4305" s="150"/>
      <c r="E4305" s="150"/>
      <c r="F4305" s="150"/>
      <c r="G4305" s="150"/>
      <c r="H4305" s="150"/>
    </row>
    <row r="4306" spans="1:8" ht="15.75">
      <c r="A4306" s="150"/>
      <c r="B4306" s="151" t="s">
        <v>13659</v>
      </c>
      <c r="C4306" s="150"/>
      <c r="D4306" s="150"/>
      <c r="E4306" s="150"/>
      <c r="F4306" s="150"/>
      <c r="G4306" s="150"/>
      <c r="H4306" s="150"/>
    </row>
    <row r="4307" spans="1:8">
      <c r="A4307" s="150"/>
      <c r="B4307" s="203"/>
      <c r="C4307" s="150"/>
      <c r="D4307" s="150"/>
      <c r="E4307" s="150"/>
      <c r="F4307" s="150"/>
      <c r="G4307" s="150"/>
      <c r="H4307" s="150"/>
    </row>
    <row r="4308" spans="1:8">
      <c r="A4308" s="150"/>
      <c r="B4308" s="203"/>
      <c r="C4308" s="150"/>
      <c r="D4308" s="150"/>
      <c r="E4308" s="150"/>
      <c r="F4308" s="150"/>
      <c r="G4308" s="150"/>
      <c r="H4308" s="150"/>
    </row>
    <row r="4309" spans="1:8" ht="15.75">
      <c r="A4309" s="150"/>
      <c r="B4309" s="200" t="s">
        <v>13660</v>
      </c>
      <c r="C4309" s="150"/>
      <c r="D4309" s="150"/>
      <c r="E4309" s="150"/>
      <c r="F4309" s="150"/>
      <c r="G4309" s="150"/>
      <c r="H4309" s="150"/>
    </row>
    <row r="4310" spans="1:8">
      <c r="A4310" s="150"/>
      <c r="B4310" s="193" t="s">
        <v>9044</v>
      </c>
      <c r="C4310" s="194" t="s">
        <v>13661</v>
      </c>
      <c r="D4310" s="150"/>
      <c r="E4310" s="150"/>
      <c r="F4310" s="150"/>
      <c r="G4310" s="150"/>
      <c r="H4310" s="150"/>
    </row>
    <row r="4311" spans="1:8" ht="14.25" customHeight="1">
      <c r="A4311" s="150"/>
      <c r="B4311" s="176" t="s">
        <v>13662</v>
      </c>
      <c r="C4311" s="1151" t="s">
        <v>32913</v>
      </c>
      <c r="D4311" s="150"/>
      <c r="E4311" s="150"/>
      <c r="F4311" s="150"/>
      <c r="G4311" s="150"/>
      <c r="H4311" s="150"/>
    </row>
    <row r="4312" spans="1:8" ht="51">
      <c r="A4312" s="150"/>
      <c r="B4312" s="163" t="s">
        <v>32914</v>
      </c>
      <c r="C4312" s="1152"/>
      <c r="D4312" s="150"/>
      <c r="E4312" s="150"/>
      <c r="F4312" s="150"/>
      <c r="G4312" s="150"/>
      <c r="H4312" s="150"/>
    </row>
    <row r="4313" spans="1:8" ht="25.5">
      <c r="A4313" s="150"/>
      <c r="B4313" s="163" t="s">
        <v>13663</v>
      </c>
      <c r="C4313" s="163"/>
      <c r="D4313" s="150"/>
      <c r="E4313" s="150"/>
      <c r="F4313" s="150"/>
      <c r="G4313" s="150"/>
      <c r="H4313" s="150"/>
    </row>
    <row r="4314" spans="1:8">
      <c r="A4314" s="150"/>
      <c r="B4314" s="163" t="s">
        <v>13664</v>
      </c>
      <c r="C4314" s="163"/>
      <c r="D4314" s="150"/>
      <c r="E4314" s="150"/>
      <c r="F4314" s="150"/>
      <c r="G4314" s="150"/>
      <c r="H4314" s="150"/>
    </row>
    <row r="4315" spans="1:8" ht="51">
      <c r="A4315" s="150"/>
      <c r="B4315" s="163" t="s">
        <v>32915</v>
      </c>
      <c r="C4315" s="163"/>
      <c r="D4315" s="150"/>
      <c r="E4315" s="150"/>
      <c r="F4315" s="150"/>
      <c r="G4315" s="150"/>
      <c r="H4315" s="150"/>
    </row>
    <row r="4316" spans="1:8">
      <c r="A4316" s="150"/>
      <c r="B4316" s="163" t="s">
        <v>13665</v>
      </c>
      <c r="C4316" s="163"/>
      <c r="D4316" s="150"/>
      <c r="E4316" s="150"/>
      <c r="F4316" s="150"/>
      <c r="G4316" s="150"/>
      <c r="H4316" s="150"/>
    </row>
    <row r="4317" spans="1:8">
      <c r="A4317" s="150"/>
      <c r="B4317" s="164" t="s">
        <v>13664</v>
      </c>
      <c r="C4317" s="163"/>
      <c r="D4317" s="150"/>
      <c r="E4317" s="150"/>
      <c r="F4317" s="150"/>
      <c r="G4317" s="150"/>
      <c r="H4317" s="150"/>
    </row>
    <row r="4318" spans="1:8">
      <c r="A4318" s="150"/>
      <c r="B4318" s="1153" t="s">
        <v>32916</v>
      </c>
      <c r="C4318" s="1154"/>
      <c r="D4318" s="150"/>
      <c r="E4318" s="150"/>
      <c r="F4318" s="150"/>
      <c r="G4318" s="150"/>
      <c r="H4318" s="150"/>
    </row>
    <row r="4319" spans="1:8">
      <c r="A4319" s="150"/>
      <c r="B4319" s="1155" t="s">
        <v>31927</v>
      </c>
      <c r="C4319" s="1156"/>
      <c r="D4319" s="150"/>
      <c r="E4319" s="150"/>
      <c r="F4319" s="150"/>
      <c r="G4319" s="150"/>
      <c r="H4319" s="150"/>
    </row>
    <row r="4320" spans="1:8" ht="15.75">
      <c r="A4320" s="150"/>
      <c r="B4320" s="152" t="s">
        <v>31519</v>
      </c>
      <c r="C4320" s="150"/>
      <c r="D4320" s="150"/>
      <c r="E4320" s="150"/>
      <c r="F4320" s="150"/>
      <c r="G4320" s="150"/>
      <c r="H4320" s="150"/>
    </row>
    <row r="4321" spans="1:8">
      <c r="A4321" s="150"/>
      <c r="B4321" s="183"/>
      <c r="C4321" s="150"/>
      <c r="D4321" s="150"/>
      <c r="E4321" s="150"/>
      <c r="F4321" s="150"/>
      <c r="G4321" s="150"/>
      <c r="H4321" s="150"/>
    </row>
    <row r="4322" spans="1:8">
      <c r="A4322" s="150"/>
      <c r="B4322" s="183"/>
      <c r="C4322" s="150"/>
      <c r="D4322" s="150"/>
      <c r="E4322" s="150"/>
      <c r="F4322" s="150"/>
      <c r="G4322" s="150"/>
      <c r="H4322" s="150"/>
    </row>
    <row r="4323" spans="1:8">
      <c r="A4323" s="150"/>
      <c r="B4323" s="183"/>
      <c r="C4323" s="150"/>
      <c r="D4323" s="150"/>
      <c r="E4323" s="150"/>
      <c r="F4323" s="150"/>
      <c r="G4323" s="150"/>
      <c r="H4323" s="150"/>
    </row>
    <row r="4324" spans="1:8" ht="15.75">
      <c r="A4324" s="150"/>
      <c r="B4324" s="151" t="s">
        <v>14176</v>
      </c>
      <c r="C4324" s="150"/>
      <c r="D4324" s="150"/>
      <c r="E4324" s="150"/>
      <c r="F4324" s="150"/>
      <c r="G4324" s="150"/>
      <c r="H4324" s="150"/>
    </row>
    <row r="4325" spans="1:8" ht="15.75">
      <c r="A4325" s="150"/>
      <c r="B4325" s="200" t="s">
        <v>14177</v>
      </c>
      <c r="C4325" s="150"/>
      <c r="D4325" s="150"/>
      <c r="E4325" s="150"/>
      <c r="F4325" s="150"/>
      <c r="G4325" s="150"/>
      <c r="H4325" s="150"/>
    </row>
    <row r="4326" spans="1:8" ht="15">
      <c r="A4326" s="150"/>
      <c r="B4326" s="154"/>
      <c r="C4326" s="150"/>
      <c r="D4326" s="150"/>
      <c r="E4326" s="150"/>
      <c r="F4326" s="150"/>
      <c r="G4326" s="150"/>
      <c r="H4326" s="150"/>
    </row>
    <row r="4327" spans="1:8" ht="15">
      <c r="A4327" s="150"/>
      <c r="B4327" s="154"/>
      <c r="C4327" s="150"/>
      <c r="D4327" s="150"/>
      <c r="E4327" s="150"/>
      <c r="F4327" s="150"/>
      <c r="G4327" s="150"/>
      <c r="H4327" s="150"/>
    </row>
    <row r="4328" spans="1:8" ht="25.5">
      <c r="A4328" s="150"/>
      <c r="B4328" s="193" t="s">
        <v>9044</v>
      </c>
      <c r="C4328" s="194" t="s">
        <v>14178</v>
      </c>
      <c r="D4328" s="194" t="s">
        <v>8349</v>
      </c>
      <c r="E4328" s="194" t="s">
        <v>8</v>
      </c>
      <c r="F4328" s="194" t="s">
        <v>14179</v>
      </c>
      <c r="G4328" s="150"/>
      <c r="H4328" s="150"/>
    </row>
    <row r="4329" spans="1:8" ht="76.5">
      <c r="A4329" s="150"/>
      <c r="B4329" s="195" t="s">
        <v>14180</v>
      </c>
      <c r="C4329" s="196" t="s">
        <v>8356</v>
      </c>
      <c r="D4329" s="196" t="s">
        <v>8356</v>
      </c>
      <c r="E4329" s="196" t="s">
        <v>8356</v>
      </c>
      <c r="F4329" s="196" t="s">
        <v>14181</v>
      </c>
      <c r="G4329" s="150"/>
      <c r="H4329" s="150"/>
    </row>
    <row r="4330" spans="1:8" ht="76.5">
      <c r="A4330" s="150"/>
      <c r="B4330" s="195" t="s">
        <v>14182</v>
      </c>
      <c r="C4330" s="196" t="s">
        <v>8356</v>
      </c>
      <c r="D4330" s="196" t="s">
        <v>8356</v>
      </c>
      <c r="E4330" s="196" t="s">
        <v>8356</v>
      </c>
      <c r="F4330" s="196" t="s">
        <v>14183</v>
      </c>
      <c r="G4330" s="150"/>
      <c r="H4330" s="150"/>
    </row>
    <row r="4331" spans="1:8" ht="76.5">
      <c r="A4331" s="150"/>
      <c r="B4331" s="195" t="s">
        <v>14184</v>
      </c>
      <c r="C4331" s="200" t="s">
        <v>8356</v>
      </c>
      <c r="D4331" s="196" t="s">
        <v>8356</v>
      </c>
      <c r="E4331" s="196" t="s">
        <v>8356</v>
      </c>
      <c r="F4331" s="196" t="s">
        <v>14185</v>
      </c>
      <c r="G4331" s="150"/>
      <c r="H4331" s="150"/>
    </row>
    <row r="4332" spans="1:8" ht="76.5">
      <c r="A4332" s="150"/>
      <c r="B4332" s="195" t="s">
        <v>14186</v>
      </c>
      <c r="C4332" s="196" t="s">
        <v>8356</v>
      </c>
      <c r="D4332" s="196" t="s">
        <v>8356</v>
      </c>
      <c r="E4332" s="196" t="s">
        <v>8356</v>
      </c>
      <c r="F4332" s="196" t="s">
        <v>14187</v>
      </c>
      <c r="G4332" s="150"/>
      <c r="H4332" s="150"/>
    </row>
    <row r="4333" spans="1:8">
      <c r="A4333" s="150"/>
      <c r="B4333" s="195" t="s">
        <v>1375</v>
      </c>
      <c r="C4333" s="196" t="s">
        <v>9501</v>
      </c>
      <c r="D4333" s="196" t="s">
        <v>1376</v>
      </c>
      <c r="E4333" s="196" t="s">
        <v>9502</v>
      </c>
      <c r="F4333" s="196" t="s">
        <v>14188</v>
      </c>
      <c r="G4333" s="150"/>
      <c r="H4333" s="150"/>
    </row>
    <row r="4334" spans="1:8">
      <c r="A4334" s="150"/>
      <c r="B4334" s="195" t="s">
        <v>32917</v>
      </c>
      <c r="C4334" s="196" t="s">
        <v>10275</v>
      </c>
      <c r="D4334" s="196" t="s">
        <v>6437</v>
      </c>
      <c r="E4334" s="196" t="s">
        <v>10276</v>
      </c>
      <c r="F4334" s="196" t="s">
        <v>14189</v>
      </c>
      <c r="G4334" s="150"/>
      <c r="H4334" s="150"/>
    </row>
    <row r="4335" spans="1:8">
      <c r="A4335" s="150"/>
      <c r="B4335" s="195" t="s">
        <v>32918</v>
      </c>
      <c r="C4335" s="196" t="s">
        <v>10278</v>
      </c>
      <c r="D4335" s="196" t="s">
        <v>6439</v>
      </c>
      <c r="E4335" s="196" t="s">
        <v>10279</v>
      </c>
      <c r="F4335" s="196" t="s">
        <v>14189</v>
      </c>
      <c r="G4335" s="150"/>
      <c r="H4335" s="150"/>
    </row>
    <row r="4336" spans="1:8">
      <c r="A4336" s="150"/>
      <c r="B4336" s="195" t="s">
        <v>32919</v>
      </c>
      <c r="C4336" s="196" t="s">
        <v>10274</v>
      </c>
      <c r="D4336" s="196" t="s">
        <v>84</v>
      </c>
      <c r="E4336" s="196" t="s">
        <v>83</v>
      </c>
      <c r="F4336" s="196" t="s">
        <v>14189</v>
      </c>
      <c r="G4336" s="150"/>
      <c r="H4336" s="150"/>
    </row>
    <row r="4337" spans="1:8">
      <c r="A4337" s="150"/>
      <c r="B4337" s="195" t="s">
        <v>32920</v>
      </c>
      <c r="C4337" s="196" t="s">
        <v>10290</v>
      </c>
      <c r="D4337" s="196" t="s">
        <v>6442</v>
      </c>
      <c r="E4337" s="196" t="s">
        <v>10291</v>
      </c>
      <c r="F4337" s="196" t="s">
        <v>14189</v>
      </c>
      <c r="G4337" s="150"/>
      <c r="H4337" s="150"/>
    </row>
    <row r="4338" spans="1:8">
      <c r="A4338" s="150"/>
      <c r="B4338" s="195" t="s">
        <v>32921</v>
      </c>
      <c r="C4338" s="196" t="s">
        <v>10280</v>
      </c>
      <c r="D4338" s="196" t="s">
        <v>6444</v>
      </c>
      <c r="E4338" s="196" t="s">
        <v>10281</v>
      </c>
      <c r="F4338" s="196" t="s">
        <v>14189</v>
      </c>
      <c r="G4338" s="150"/>
      <c r="H4338" s="150"/>
    </row>
    <row r="4339" spans="1:8">
      <c r="A4339" s="150"/>
      <c r="B4339" s="195" t="s">
        <v>32922</v>
      </c>
      <c r="C4339" s="196" t="s">
        <v>10282</v>
      </c>
      <c r="D4339" s="196" t="s">
        <v>6446</v>
      </c>
      <c r="E4339" s="196" t="s">
        <v>10283</v>
      </c>
      <c r="F4339" s="196" t="s">
        <v>14189</v>
      </c>
      <c r="G4339" s="150"/>
      <c r="H4339" s="150"/>
    </row>
    <row r="4340" spans="1:8">
      <c r="A4340" s="150"/>
      <c r="B4340" s="195" t="s">
        <v>10287</v>
      </c>
      <c r="C4340" s="196" t="s">
        <v>10288</v>
      </c>
      <c r="D4340" s="196" t="s">
        <v>6448</v>
      </c>
      <c r="E4340" s="196" t="s">
        <v>10289</v>
      </c>
      <c r="F4340" s="196" t="s">
        <v>14189</v>
      </c>
      <c r="G4340" s="150"/>
      <c r="H4340" s="150"/>
    </row>
    <row r="4341" spans="1:8">
      <c r="A4341" s="150"/>
      <c r="B4341" s="195" t="s">
        <v>32923</v>
      </c>
      <c r="C4341" s="196" t="s">
        <v>10285</v>
      </c>
      <c r="D4341" s="196" t="s">
        <v>6450</v>
      </c>
      <c r="E4341" s="196" t="s">
        <v>10286</v>
      </c>
      <c r="F4341" s="196" t="s">
        <v>14189</v>
      </c>
      <c r="G4341" s="150"/>
      <c r="H4341" s="150"/>
    </row>
    <row r="4342" spans="1:8">
      <c r="A4342" s="150"/>
      <c r="B4342" s="204" t="s">
        <v>32924</v>
      </c>
      <c r="C4342" s="196" t="s">
        <v>10335</v>
      </c>
      <c r="D4342" s="196" t="s">
        <v>10337</v>
      </c>
      <c r="E4342" s="196" t="s">
        <v>10336</v>
      </c>
      <c r="F4342" s="196" t="s">
        <v>14189</v>
      </c>
      <c r="G4342" s="150"/>
      <c r="H4342" s="150"/>
    </row>
    <row r="4343" spans="1:8">
      <c r="A4343" s="150"/>
      <c r="B4343" s="204" t="s">
        <v>32925</v>
      </c>
      <c r="C4343" s="196" t="s">
        <v>10316</v>
      </c>
      <c r="D4343" s="198">
        <v>35983</v>
      </c>
      <c r="E4343" s="196" t="s">
        <v>10317</v>
      </c>
      <c r="F4343" s="196" t="s">
        <v>14189</v>
      </c>
      <c r="G4343" s="150"/>
      <c r="H4343" s="150"/>
    </row>
    <row r="4344" spans="1:8">
      <c r="A4344" s="150"/>
      <c r="B4344" s="204" t="s">
        <v>32926</v>
      </c>
      <c r="C4344" s="196" t="s">
        <v>10312</v>
      </c>
      <c r="D4344" s="196" t="s">
        <v>10314</v>
      </c>
      <c r="E4344" s="196" t="s">
        <v>10313</v>
      </c>
      <c r="F4344" s="196" t="s">
        <v>14189</v>
      </c>
      <c r="G4344" s="150"/>
      <c r="H4344" s="150"/>
    </row>
    <row r="4345" spans="1:8">
      <c r="A4345" s="150"/>
      <c r="B4345" s="195" t="s">
        <v>1803</v>
      </c>
      <c r="C4345" s="196" t="s">
        <v>13928</v>
      </c>
      <c r="D4345" s="196" t="s">
        <v>1804</v>
      </c>
      <c r="E4345" s="196" t="s">
        <v>13929</v>
      </c>
      <c r="F4345" s="196" t="s">
        <v>14190</v>
      </c>
      <c r="G4345" s="150"/>
      <c r="H4345" s="150"/>
    </row>
    <row r="4346" spans="1:8" ht="255">
      <c r="A4346" s="150"/>
      <c r="B4346" s="195" t="s">
        <v>14191</v>
      </c>
      <c r="C4346" s="196" t="s">
        <v>13143</v>
      </c>
      <c r="D4346" s="196" t="s">
        <v>428</v>
      </c>
      <c r="E4346" s="196" t="s">
        <v>427</v>
      </c>
      <c r="F4346" s="196" t="s">
        <v>14192</v>
      </c>
      <c r="G4346" s="150"/>
      <c r="H4346" s="150"/>
    </row>
    <row r="4347" spans="1:8" ht="255">
      <c r="A4347" s="150"/>
      <c r="B4347" s="195" t="s">
        <v>385</v>
      </c>
      <c r="C4347" s="196" t="s">
        <v>13103</v>
      </c>
      <c r="D4347" s="196" t="s">
        <v>387</v>
      </c>
      <c r="E4347" s="196" t="s">
        <v>386</v>
      </c>
      <c r="F4347" s="196" t="s">
        <v>14192</v>
      </c>
      <c r="G4347" s="150"/>
      <c r="H4347" s="150"/>
    </row>
    <row r="4348" spans="1:8" ht="255">
      <c r="A4348" s="150"/>
      <c r="B4348" s="195" t="s">
        <v>7056</v>
      </c>
      <c r="C4348" s="196" t="s">
        <v>13126</v>
      </c>
      <c r="D4348" s="196" t="s">
        <v>226</v>
      </c>
      <c r="E4348" s="196" t="s">
        <v>225</v>
      </c>
      <c r="F4348" s="196" t="s">
        <v>14192</v>
      </c>
      <c r="G4348" s="150"/>
      <c r="H4348" s="150"/>
    </row>
    <row r="4349" spans="1:8" ht="255">
      <c r="A4349" s="150"/>
      <c r="B4349" s="195" t="s">
        <v>32927</v>
      </c>
      <c r="C4349" s="196" t="s">
        <v>13126</v>
      </c>
      <c r="D4349" s="196" t="s">
        <v>168</v>
      </c>
      <c r="E4349" s="196" t="s">
        <v>167</v>
      </c>
      <c r="F4349" s="196" t="s">
        <v>14192</v>
      </c>
      <c r="G4349" s="150"/>
      <c r="H4349" s="150"/>
    </row>
    <row r="4350" spans="1:8" ht="255">
      <c r="A4350" s="150"/>
      <c r="B4350" s="195" t="s">
        <v>32928</v>
      </c>
      <c r="C4350" s="196" t="s">
        <v>13171</v>
      </c>
      <c r="D4350" s="196" t="s">
        <v>138</v>
      </c>
      <c r="E4350" s="196" t="s">
        <v>137</v>
      </c>
      <c r="F4350" s="196" t="s">
        <v>14192</v>
      </c>
      <c r="G4350" s="150"/>
      <c r="H4350" s="150"/>
    </row>
    <row r="4351" spans="1:8">
      <c r="A4351" s="150"/>
      <c r="B4351" s="204" t="s">
        <v>32929</v>
      </c>
      <c r="C4351" s="196" t="s">
        <v>13080</v>
      </c>
      <c r="D4351" s="196" t="s">
        <v>434</v>
      </c>
      <c r="E4351" s="196" t="s">
        <v>433</v>
      </c>
      <c r="F4351" s="196" t="s">
        <v>14194</v>
      </c>
      <c r="G4351" s="150"/>
      <c r="H4351" s="150"/>
    </row>
    <row r="4352" spans="1:8">
      <c r="A4352" s="150"/>
      <c r="B4352" s="204" t="s">
        <v>32930</v>
      </c>
      <c r="C4352" s="196" t="s">
        <v>13242</v>
      </c>
      <c r="D4352" s="196" t="s">
        <v>408</v>
      </c>
      <c r="E4352" s="196" t="s">
        <v>407</v>
      </c>
      <c r="F4352" s="196" t="s">
        <v>14194</v>
      </c>
      <c r="G4352" s="150"/>
      <c r="H4352" s="150"/>
    </row>
    <row r="4353" spans="1:8">
      <c r="A4353" s="150"/>
      <c r="B4353" s="204" t="s">
        <v>32931</v>
      </c>
      <c r="C4353" s="196" t="s">
        <v>13240</v>
      </c>
      <c r="D4353" s="198">
        <v>25174</v>
      </c>
      <c r="E4353" s="196" t="s">
        <v>278</v>
      </c>
      <c r="F4353" s="196" t="s">
        <v>14194</v>
      </c>
      <c r="G4353" s="150"/>
      <c r="H4353" s="150"/>
    </row>
    <row r="4354" spans="1:8">
      <c r="A4354" s="150"/>
      <c r="B4354" s="195" t="s">
        <v>14195</v>
      </c>
      <c r="C4354" s="196" t="s">
        <v>10493</v>
      </c>
      <c r="D4354" s="196" t="s">
        <v>10495</v>
      </c>
      <c r="E4354" s="196" t="s">
        <v>10494</v>
      </c>
      <c r="F4354" s="196" t="s">
        <v>14196</v>
      </c>
      <c r="G4354" s="150"/>
      <c r="H4354" s="150"/>
    </row>
    <row r="4355" spans="1:8" ht="38.25">
      <c r="A4355" s="150"/>
      <c r="B4355" s="195" t="s">
        <v>31646</v>
      </c>
      <c r="C4355" s="196" t="s">
        <v>14197</v>
      </c>
      <c r="D4355" s="196" t="s">
        <v>705</v>
      </c>
      <c r="E4355" s="196" t="s">
        <v>14198</v>
      </c>
      <c r="F4355" s="196" t="s">
        <v>14196</v>
      </c>
      <c r="G4355" s="150"/>
      <c r="H4355" s="150"/>
    </row>
    <row r="4356" spans="1:8" ht="51">
      <c r="A4356" s="150"/>
      <c r="B4356" s="195" t="s">
        <v>32932</v>
      </c>
      <c r="C4356" s="196" t="s">
        <v>10613</v>
      </c>
      <c r="D4356" s="196" t="s">
        <v>346</v>
      </c>
      <c r="E4356" s="196" t="s">
        <v>345</v>
      </c>
      <c r="F4356" s="196" t="s">
        <v>14196</v>
      </c>
      <c r="G4356" s="150"/>
      <c r="H4356" s="150"/>
    </row>
    <row r="4357" spans="1:8">
      <c r="A4357" s="150"/>
      <c r="B4357" s="195" t="s">
        <v>32933</v>
      </c>
      <c r="C4357" s="196" t="s">
        <v>10584</v>
      </c>
      <c r="D4357" s="196" t="s">
        <v>692</v>
      </c>
      <c r="E4357" s="196" t="s">
        <v>14199</v>
      </c>
      <c r="F4357" s="196" t="s">
        <v>14200</v>
      </c>
      <c r="G4357" s="150"/>
      <c r="H4357" s="150"/>
    </row>
    <row r="4358" spans="1:8">
      <c r="A4358" s="150"/>
      <c r="B4358" s="195" t="s">
        <v>14201</v>
      </c>
      <c r="C4358" s="196" t="s">
        <v>9523</v>
      </c>
      <c r="D4358" s="196" t="s">
        <v>5165</v>
      </c>
      <c r="E4358" s="196" t="s">
        <v>14202</v>
      </c>
      <c r="F4358" s="196" t="s">
        <v>14200</v>
      </c>
      <c r="G4358" s="150"/>
      <c r="H4358" s="150"/>
    </row>
    <row r="4359" spans="1:8" ht="25.5">
      <c r="A4359" s="150"/>
      <c r="B4359" s="195" t="s">
        <v>32934</v>
      </c>
      <c r="C4359" s="196" t="s">
        <v>10606</v>
      </c>
      <c r="D4359" s="196" t="s">
        <v>694</v>
      </c>
      <c r="E4359" s="196" t="s">
        <v>14203</v>
      </c>
      <c r="F4359" s="196" t="s">
        <v>14200</v>
      </c>
      <c r="G4359" s="150"/>
      <c r="H4359" s="150"/>
    </row>
    <row r="4360" spans="1:8">
      <c r="A4360" s="150"/>
      <c r="B4360" s="195" t="s">
        <v>14204</v>
      </c>
      <c r="C4360" s="196" t="s">
        <v>10591</v>
      </c>
      <c r="D4360" s="196" t="s">
        <v>14205</v>
      </c>
      <c r="E4360" s="196" t="s">
        <v>8356</v>
      </c>
      <c r="F4360" s="196" t="s">
        <v>14200</v>
      </c>
      <c r="G4360" s="150"/>
      <c r="H4360" s="150"/>
    </row>
    <row r="4361" spans="1:8">
      <c r="A4361" s="150"/>
      <c r="B4361" s="195" t="s">
        <v>10647</v>
      </c>
      <c r="C4361" s="196" t="s">
        <v>10648</v>
      </c>
      <c r="D4361" s="196" t="s">
        <v>10650</v>
      </c>
      <c r="E4361" s="196" t="s">
        <v>10649</v>
      </c>
      <c r="F4361" s="196" t="s">
        <v>14196</v>
      </c>
      <c r="G4361" s="150"/>
      <c r="H4361" s="150"/>
    </row>
    <row r="4362" spans="1:8">
      <c r="A4362" s="150"/>
      <c r="B4362" s="937"/>
      <c r="C4362" s="938"/>
      <c r="D4362" s="938"/>
      <c r="E4362" s="938"/>
      <c r="F4362" s="938"/>
      <c r="G4362" s="150"/>
      <c r="H4362" s="150"/>
    </row>
    <row r="4363" spans="1:8">
      <c r="A4363" s="150"/>
      <c r="B4363" s="183"/>
      <c r="C4363" s="150"/>
      <c r="D4363" s="150"/>
      <c r="E4363" s="150"/>
      <c r="F4363" s="150"/>
      <c r="G4363" s="150"/>
      <c r="H4363" s="150"/>
    </row>
    <row r="4364" spans="1:8">
      <c r="A4364" s="150"/>
      <c r="B4364" s="205" t="s">
        <v>32935</v>
      </c>
      <c r="C4364" s="150"/>
      <c r="D4364" s="150"/>
      <c r="E4364" s="150"/>
      <c r="F4364" s="150"/>
      <c r="G4364" s="150"/>
      <c r="H4364" s="150"/>
    </row>
    <row r="4365" spans="1:8">
      <c r="A4365" s="150"/>
      <c r="B4365" s="205" t="s">
        <v>32936</v>
      </c>
      <c r="C4365" s="150"/>
      <c r="D4365" s="150"/>
      <c r="E4365" s="150"/>
      <c r="F4365" s="150"/>
      <c r="G4365" s="150"/>
      <c r="H4365" s="150"/>
    </row>
    <row r="4366" spans="1:8">
      <c r="A4366" s="150"/>
      <c r="B4366" s="205" t="s">
        <v>32937</v>
      </c>
      <c r="C4366" s="150"/>
      <c r="D4366" s="150"/>
      <c r="E4366" s="150"/>
      <c r="F4366" s="150"/>
      <c r="G4366" s="150"/>
      <c r="H4366" s="150"/>
    </row>
    <row r="4367" spans="1:8">
      <c r="A4367" s="150"/>
      <c r="B4367" s="205" t="s">
        <v>32938</v>
      </c>
      <c r="C4367" s="150"/>
      <c r="D4367" s="150"/>
      <c r="E4367" s="150"/>
      <c r="F4367" s="150"/>
      <c r="G4367" s="150"/>
      <c r="H4367" s="150"/>
    </row>
    <row r="4368" spans="1:8">
      <c r="A4368" s="150"/>
      <c r="B4368" s="205" t="s">
        <v>32939</v>
      </c>
      <c r="C4368" s="150"/>
      <c r="D4368" s="150"/>
      <c r="E4368" s="150"/>
      <c r="F4368" s="150"/>
      <c r="G4368" s="150"/>
      <c r="H4368" s="150"/>
    </row>
    <row r="4369" spans="1:8">
      <c r="A4369" s="150"/>
      <c r="B4369" s="205" t="s">
        <v>32940</v>
      </c>
      <c r="C4369" s="150"/>
      <c r="D4369" s="150"/>
      <c r="E4369" s="150"/>
      <c r="F4369" s="150"/>
      <c r="G4369" s="150"/>
      <c r="H4369" s="150"/>
    </row>
    <row r="4370" spans="1:8">
      <c r="A4370" s="150"/>
      <c r="B4370" s="205" t="s">
        <v>32941</v>
      </c>
      <c r="C4370" s="150"/>
      <c r="D4370" s="150"/>
      <c r="E4370" s="150"/>
      <c r="F4370" s="150"/>
      <c r="G4370" s="150"/>
      <c r="H4370" s="150"/>
    </row>
    <row r="4371" spans="1:8">
      <c r="A4371" s="150"/>
      <c r="B4371" s="205" t="s">
        <v>32942</v>
      </c>
      <c r="C4371" s="150"/>
      <c r="D4371" s="150"/>
      <c r="E4371" s="150"/>
      <c r="F4371" s="150"/>
      <c r="G4371" s="150"/>
      <c r="H4371" s="150"/>
    </row>
    <row r="4372" spans="1:8">
      <c r="A4372" s="150"/>
      <c r="B4372" s="205" t="s">
        <v>32943</v>
      </c>
      <c r="C4372" s="150"/>
      <c r="D4372" s="150"/>
      <c r="E4372" s="150"/>
      <c r="F4372" s="150"/>
      <c r="G4372" s="150"/>
      <c r="H4372" s="150"/>
    </row>
    <row r="4373" spans="1:8">
      <c r="A4373" s="150"/>
      <c r="B4373" s="205" t="s">
        <v>32944</v>
      </c>
      <c r="C4373" s="150"/>
      <c r="D4373" s="150"/>
      <c r="E4373" s="150"/>
      <c r="F4373" s="150"/>
      <c r="G4373" s="150"/>
      <c r="H4373" s="150"/>
    </row>
    <row r="4374" spans="1:8">
      <c r="A4374" s="150"/>
      <c r="B4374" s="205" t="s">
        <v>32945</v>
      </c>
      <c r="C4374" s="150"/>
      <c r="D4374" s="150"/>
      <c r="E4374" s="150"/>
      <c r="F4374" s="150"/>
      <c r="G4374" s="150"/>
      <c r="H4374" s="150"/>
    </row>
    <row r="4375" spans="1:8">
      <c r="A4375" s="150"/>
      <c r="B4375" s="205" t="s">
        <v>32946</v>
      </c>
      <c r="C4375" s="150"/>
      <c r="D4375" s="150"/>
      <c r="E4375" s="150"/>
      <c r="F4375" s="150"/>
      <c r="G4375" s="150"/>
      <c r="H4375" s="150"/>
    </row>
    <row r="4376" spans="1:8">
      <c r="A4376" s="150"/>
      <c r="B4376" s="205" t="s">
        <v>32947</v>
      </c>
      <c r="C4376" s="150"/>
      <c r="D4376" s="150"/>
      <c r="E4376" s="150"/>
      <c r="F4376" s="150"/>
      <c r="G4376" s="150"/>
      <c r="H4376" s="150"/>
    </row>
    <row r="4377" spans="1:8">
      <c r="A4377" s="150"/>
      <c r="B4377" s="205" t="s">
        <v>32948</v>
      </c>
      <c r="C4377" s="150"/>
      <c r="D4377" s="150"/>
      <c r="E4377" s="150"/>
      <c r="F4377" s="150"/>
      <c r="G4377" s="150"/>
      <c r="H4377" s="150"/>
    </row>
    <row r="4378" spans="1:8">
      <c r="A4378" s="150"/>
      <c r="B4378" s="205" t="s">
        <v>32949</v>
      </c>
      <c r="C4378" s="150"/>
      <c r="D4378" s="150"/>
      <c r="E4378" s="150"/>
      <c r="F4378" s="150"/>
      <c r="G4378" s="150"/>
      <c r="H4378" s="150"/>
    </row>
    <row r="4379" spans="1:8">
      <c r="A4379" s="150"/>
      <c r="B4379" s="205" t="s">
        <v>31647</v>
      </c>
      <c r="C4379" s="150"/>
      <c r="D4379" s="150"/>
      <c r="E4379" s="150"/>
      <c r="F4379" s="150"/>
      <c r="G4379" s="150"/>
      <c r="H4379" s="150"/>
    </row>
    <row r="4380" spans="1:8">
      <c r="A4380" s="150"/>
      <c r="B4380" s="205" t="s">
        <v>31648</v>
      </c>
      <c r="C4380" s="150"/>
      <c r="D4380" s="150"/>
      <c r="E4380" s="150"/>
      <c r="F4380" s="150"/>
      <c r="G4380" s="150"/>
      <c r="H4380" s="150"/>
    </row>
    <row r="4381" spans="1:8">
      <c r="A4381" s="150"/>
      <c r="B4381" s="205" t="s">
        <v>31649</v>
      </c>
      <c r="C4381" s="150"/>
      <c r="D4381" s="150"/>
      <c r="E4381" s="150"/>
      <c r="F4381" s="150"/>
      <c r="G4381" s="150"/>
      <c r="H4381" s="150"/>
    </row>
    <row r="4382" spans="1:8">
      <c r="A4382" s="150"/>
      <c r="B4382" s="205" t="s">
        <v>32950</v>
      </c>
      <c r="C4382" s="150"/>
      <c r="D4382" s="150"/>
      <c r="E4382" s="150"/>
      <c r="F4382" s="150"/>
      <c r="G4382" s="150"/>
      <c r="H4382" s="150"/>
    </row>
    <row r="4383" spans="1:8">
      <c r="A4383" s="150"/>
      <c r="B4383" s="205" t="s">
        <v>32951</v>
      </c>
      <c r="C4383" s="150"/>
      <c r="D4383" s="150"/>
      <c r="E4383" s="150"/>
      <c r="F4383" s="150"/>
      <c r="G4383" s="150"/>
      <c r="H4383" s="150"/>
    </row>
    <row r="4384" spans="1:8">
      <c r="A4384" s="150"/>
      <c r="B4384" s="205" t="s">
        <v>32952</v>
      </c>
      <c r="C4384" s="150"/>
      <c r="D4384" s="150"/>
      <c r="E4384" s="150"/>
      <c r="F4384" s="150"/>
      <c r="G4384" s="150"/>
      <c r="H4384" s="150"/>
    </row>
    <row r="4385" spans="1:8">
      <c r="A4385" s="150"/>
      <c r="B4385" s="205" t="s">
        <v>32953</v>
      </c>
      <c r="C4385" s="150"/>
      <c r="D4385" s="150"/>
      <c r="E4385" s="150"/>
      <c r="F4385" s="150"/>
      <c r="G4385" s="150"/>
      <c r="H4385" s="150"/>
    </row>
    <row r="4386" spans="1:8">
      <c r="A4386" s="150"/>
      <c r="B4386" s="205" t="s">
        <v>32954</v>
      </c>
      <c r="C4386" s="150"/>
      <c r="D4386" s="150"/>
      <c r="E4386" s="150"/>
      <c r="F4386" s="150"/>
      <c r="G4386" s="150"/>
      <c r="H4386" s="150"/>
    </row>
    <row r="4387" spans="1:8">
      <c r="A4387" s="150"/>
      <c r="B4387" s="205" t="s">
        <v>32955</v>
      </c>
      <c r="C4387" s="150"/>
      <c r="D4387" s="150"/>
      <c r="E4387" s="150"/>
      <c r="F4387" s="150"/>
      <c r="G4387" s="150"/>
      <c r="H4387" s="150"/>
    </row>
    <row r="4388" spans="1:8">
      <c r="A4388" s="150"/>
      <c r="B4388" s="205" t="s">
        <v>32956</v>
      </c>
      <c r="C4388" s="150"/>
      <c r="D4388" s="150"/>
      <c r="E4388" s="150"/>
      <c r="F4388" s="150"/>
      <c r="G4388" s="150"/>
      <c r="H4388" s="150"/>
    </row>
    <row r="4389" spans="1:8">
      <c r="A4389" s="150"/>
      <c r="B4389" s="205" t="s">
        <v>32957</v>
      </c>
      <c r="C4389" s="150"/>
      <c r="D4389" s="150"/>
      <c r="E4389" s="150"/>
      <c r="F4389" s="150"/>
      <c r="G4389" s="150"/>
      <c r="H4389" s="150"/>
    </row>
    <row r="4390" spans="1:8">
      <c r="A4390" s="150"/>
      <c r="B4390" s="205" t="s">
        <v>32958</v>
      </c>
      <c r="C4390" s="150"/>
      <c r="D4390" s="150"/>
      <c r="E4390" s="150"/>
      <c r="F4390" s="150"/>
      <c r="G4390" s="150"/>
      <c r="H4390" s="150"/>
    </row>
    <row r="4391" spans="1:8">
      <c r="A4391" s="150"/>
      <c r="B4391" s="205" t="s">
        <v>32959</v>
      </c>
      <c r="C4391" s="150"/>
      <c r="D4391" s="150"/>
      <c r="E4391" s="150"/>
      <c r="F4391" s="150"/>
      <c r="G4391" s="150"/>
      <c r="H4391" s="150"/>
    </row>
    <row r="4392" spans="1:8">
      <c r="A4392" s="150"/>
      <c r="B4392" s="205" t="s">
        <v>32960</v>
      </c>
      <c r="C4392" s="150"/>
      <c r="D4392" s="150"/>
      <c r="E4392" s="150"/>
      <c r="F4392" s="150"/>
      <c r="G4392" s="150"/>
      <c r="H4392" s="150"/>
    </row>
    <row r="4393" spans="1:8">
      <c r="A4393" s="150"/>
      <c r="B4393" s="205" t="s">
        <v>32961</v>
      </c>
      <c r="C4393" s="150"/>
      <c r="D4393" s="150"/>
      <c r="E4393" s="150"/>
      <c r="F4393" s="150"/>
      <c r="G4393" s="150"/>
      <c r="H4393" s="150"/>
    </row>
    <row r="4394" spans="1:8">
      <c r="A4394" s="150"/>
      <c r="B4394" s="205" t="s">
        <v>32962</v>
      </c>
      <c r="C4394" s="150"/>
      <c r="D4394" s="150"/>
      <c r="E4394" s="150"/>
      <c r="F4394" s="150"/>
      <c r="G4394" s="150"/>
      <c r="H4394" s="150"/>
    </row>
    <row r="4395" spans="1:8">
      <c r="A4395" s="150"/>
      <c r="B4395" s="205" t="s">
        <v>31650</v>
      </c>
      <c r="C4395" s="150"/>
      <c r="D4395" s="150"/>
      <c r="E4395" s="150"/>
      <c r="F4395" s="150"/>
      <c r="G4395" s="150"/>
      <c r="H4395" s="150"/>
    </row>
    <row r="4396" spans="1:8">
      <c r="A4396" s="150"/>
      <c r="B4396" s="205" t="s">
        <v>32963</v>
      </c>
      <c r="C4396" s="150"/>
      <c r="D4396" s="150"/>
      <c r="E4396" s="150"/>
      <c r="F4396" s="150"/>
      <c r="G4396" s="150"/>
      <c r="H4396" s="150"/>
    </row>
    <row r="4397" spans="1:8">
      <c r="A4397" s="150"/>
      <c r="B4397" s="205" t="s">
        <v>32964</v>
      </c>
      <c r="C4397" s="150"/>
      <c r="D4397" s="150"/>
      <c r="E4397" s="150"/>
      <c r="F4397" s="150"/>
      <c r="G4397" s="150"/>
      <c r="H4397" s="150"/>
    </row>
    <row r="4398" spans="1:8">
      <c r="A4398" s="150"/>
      <c r="B4398" s="205" t="s">
        <v>31958</v>
      </c>
      <c r="C4398" s="150"/>
      <c r="D4398" s="150"/>
      <c r="E4398" s="150"/>
      <c r="F4398" s="150"/>
      <c r="G4398" s="150"/>
      <c r="H4398" s="150"/>
    </row>
    <row r="4399" spans="1:8">
      <c r="A4399" s="150"/>
      <c r="B4399" s="205" t="s">
        <v>32965</v>
      </c>
      <c r="C4399" s="150"/>
      <c r="D4399" s="150"/>
      <c r="E4399" s="150"/>
      <c r="F4399" s="150"/>
      <c r="G4399" s="150"/>
      <c r="H4399" s="150"/>
    </row>
    <row r="4400" spans="1:8">
      <c r="A4400" s="150"/>
      <c r="B4400" s="205" t="s">
        <v>32966</v>
      </c>
      <c r="C4400" s="150"/>
      <c r="D4400" s="150"/>
      <c r="E4400" s="150"/>
      <c r="F4400" s="150"/>
      <c r="G4400" s="150"/>
      <c r="H4400" s="150"/>
    </row>
    <row r="4401" spans="1:8">
      <c r="A4401" s="150"/>
      <c r="B4401" s="205" t="s">
        <v>32967</v>
      </c>
      <c r="C4401" s="150"/>
      <c r="D4401" s="150"/>
      <c r="E4401" s="150"/>
      <c r="F4401" s="150"/>
      <c r="G4401" s="150"/>
      <c r="H4401" s="150"/>
    </row>
    <row r="4402" spans="1:8">
      <c r="A4402" s="150"/>
      <c r="B4402" s="205" t="s">
        <v>32968</v>
      </c>
      <c r="C4402" s="150"/>
      <c r="D4402" s="150"/>
      <c r="E4402" s="150"/>
      <c r="F4402" s="150"/>
      <c r="G4402" s="150"/>
      <c r="H4402" s="150"/>
    </row>
    <row r="4403" spans="1:8">
      <c r="A4403" s="150"/>
      <c r="B4403" s="205" t="s">
        <v>32969</v>
      </c>
      <c r="C4403" s="150"/>
      <c r="D4403" s="150"/>
      <c r="E4403" s="150"/>
      <c r="F4403" s="150"/>
      <c r="G4403" s="150"/>
      <c r="H4403" s="150"/>
    </row>
    <row r="4404" spans="1:8">
      <c r="A4404" s="150"/>
      <c r="B4404" s="205" t="s">
        <v>32970</v>
      </c>
      <c r="C4404" s="150"/>
      <c r="D4404" s="150"/>
      <c r="E4404" s="150"/>
      <c r="F4404" s="150"/>
      <c r="G4404" s="150"/>
      <c r="H4404" s="150"/>
    </row>
    <row r="4405" spans="1:8">
      <c r="A4405" s="150"/>
      <c r="B4405" s="205" t="s">
        <v>32971</v>
      </c>
      <c r="C4405" s="150"/>
      <c r="D4405" s="150"/>
      <c r="E4405" s="150"/>
      <c r="F4405" s="150"/>
      <c r="G4405" s="150"/>
      <c r="H4405" s="150"/>
    </row>
    <row r="4406" spans="1:8">
      <c r="A4406" s="150"/>
      <c r="B4406" s="205" t="s">
        <v>31959</v>
      </c>
      <c r="C4406" s="150"/>
      <c r="D4406" s="150"/>
      <c r="E4406" s="150"/>
      <c r="F4406" s="150"/>
      <c r="G4406" s="150"/>
      <c r="H4406" s="150"/>
    </row>
    <row r="4407" spans="1:8">
      <c r="A4407" s="150"/>
      <c r="B4407" s="205" t="s">
        <v>32972</v>
      </c>
      <c r="C4407" s="150"/>
      <c r="D4407" s="150"/>
      <c r="E4407" s="150"/>
      <c r="F4407" s="150"/>
      <c r="G4407" s="150"/>
      <c r="H4407" s="150"/>
    </row>
    <row r="4408" spans="1:8">
      <c r="A4408" s="150"/>
      <c r="B4408" s="205" t="s">
        <v>32973</v>
      </c>
      <c r="C4408" s="150"/>
      <c r="D4408" s="150"/>
      <c r="E4408" s="150"/>
      <c r="F4408" s="150"/>
      <c r="G4408" s="150"/>
      <c r="H4408" s="150"/>
    </row>
    <row r="4409" spans="1:8">
      <c r="A4409" s="150"/>
      <c r="B4409" s="205" t="s">
        <v>32974</v>
      </c>
      <c r="C4409" s="150"/>
      <c r="D4409" s="150"/>
      <c r="E4409" s="150"/>
      <c r="F4409" s="150"/>
      <c r="G4409" s="150"/>
      <c r="H4409" s="150"/>
    </row>
    <row r="4410" spans="1:8">
      <c r="A4410" s="150"/>
      <c r="B4410" s="205" t="s">
        <v>32975</v>
      </c>
      <c r="C4410" s="150"/>
      <c r="D4410" s="150"/>
      <c r="E4410" s="150"/>
      <c r="F4410" s="150"/>
      <c r="G4410" s="150"/>
      <c r="H4410" s="150"/>
    </row>
    <row r="4411" spans="1:8">
      <c r="A4411" s="150"/>
      <c r="B4411" s="205" t="s">
        <v>32976</v>
      </c>
      <c r="C4411" s="150"/>
      <c r="D4411" s="150"/>
      <c r="E4411" s="150"/>
      <c r="F4411" s="150"/>
      <c r="G4411" s="150"/>
      <c r="H4411" s="150"/>
    </row>
    <row r="4412" spans="1:8">
      <c r="A4412" s="150"/>
      <c r="B4412" s="205" t="s">
        <v>32977</v>
      </c>
      <c r="C4412" s="150"/>
      <c r="D4412" s="150"/>
      <c r="E4412" s="150"/>
      <c r="F4412" s="150"/>
      <c r="G4412" s="150"/>
      <c r="H4412" s="150"/>
    </row>
    <row r="4413" spans="1:8">
      <c r="A4413" s="150"/>
      <c r="B4413" s="205" t="s">
        <v>32978</v>
      </c>
      <c r="C4413" s="150"/>
      <c r="D4413" s="150"/>
      <c r="E4413" s="150"/>
      <c r="F4413" s="150"/>
      <c r="G4413" s="150"/>
      <c r="H4413" s="150"/>
    </row>
    <row r="4414" spans="1:8">
      <c r="A4414" s="150"/>
      <c r="B4414" s="205" t="s">
        <v>32979</v>
      </c>
      <c r="C4414" s="150"/>
      <c r="D4414" s="150"/>
      <c r="E4414" s="150"/>
      <c r="F4414" s="150"/>
      <c r="G4414" s="150"/>
      <c r="H4414" s="150"/>
    </row>
    <row r="4415" spans="1:8">
      <c r="A4415" s="150"/>
      <c r="B4415" s="205" t="s">
        <v>32980</v>
      </c>
      <c r="C4415" s="150"/>
      <c r="D4415" s="150"/>
      <c r="E4415" s="150"/>
      <c r="F4415" s="150"/>
      <c r="G4415" s="150"/>
      <c r="H4415" s="150"/>
    </row>
    <row r="4416" spans="1:8">
      <c r="A4416" s="150"/>
      <c r="B4416" s="205" t="s">
        <v>32981</v>
      </c>
      <c r="C4416" s="150"/>
      <c r="D4416" s="150"/>
      <c r="E4416" s="150"/>
      <c r="F4416" s="150"/>
      <c r="G4416" s="150"/>
      <c r="H4416" s="150"/>
    </row>
    <row r="4417" spans="1:8">
      <c r="A4417" s="150"/>
      <c r="B4417" s="205" t="s">
        <v>32982</v>
      </c>
      <c r="C4417" s="150"/>
      <c r="D4417" s="150"/>
      <c r="E4417" s="150"/>
      <c r="F4417" s="150"/>
      <c r="G4417" s="150"/>
      <c r="H4417" s="150"/>
    </row>
    <row r="4418" spans="1:8">
      <c r="A4418" s="150"/>
      <c r="B4418" s="205" t="s">
        <v>32983</v>
      </c>
      <c r="C4418" s="150"/>
      <c r="D4418" s="150"/>
      <c r="E4418" s="150"/>
      <c r="F4418" s="150"/>
      <c r="G4418" s="150"/>
      <c r="H4418" s="150"/>
    </row>
    <row r="4419" spans="1:8">
      <c r="A4419" s="150"/>
      <c r="B4419" s="205" t="s">
        <v>32984</v>
      </c>
      <c r="C4419" s="150"/>
      <c r="D4419" s="150"/>
      <c r="E4419" s="150"/>
      <c r="F4419" s="150"/>
      <c r="G4419" s="150"/>
      <c r="H4419" s="150"/>
    </row>
    <row r="4420" spans="1:8">
      <c r="A4420" s="150"/>
      <c r="B4420" s="205" t="s">
        <v>32985</v>
      </c>
      <c r="C4420" s="150"/>
      <c r="D4420" s="150"/>
      <c r="E4420" s="150"/>
      <c r="F4420" s="150"/>
      <c r="G4420" s="150"/>
      <c r="H4420" s="150"/>
    </row>
    <row r="4421" spans="1:8">
      <c r="A4421" s="150"/>
      <c r="B4421" s="205" t="s">
        <v>32986</v>
      </c>
      <c r="C4421" s="150"/>
      <c r="D4421" s="150"/>
      <c r="E4421" s="150"/>
      <c r="F4421" s="150"/>
      <c r="G4421" s="150"/>
      <c r="H4421" s="150"/>
    </row>
    <row r="4422" spans="1:8">
      <c r="A4422" s="150"/>
      <c r="B4422" s="205" t="s">
        <v>32987</v>
      </c>
      <c r="C4422" s="150"/>
      <c r="D4422" s="150"/>
      <c r="E4422" s="150"/>
      <c r="F4422" s="150"/>
      <c r="G4422" s="150"/>
      <c r="H4422" s="150"/>
    </row>
    <row r="4423" spans="1:8">
      <c r="A4423" s="150"/>
      <c r="B4423" s="205" t="s">
        <v>32988</v>
      </c>
      <c r="C4423" s="150"/>
      <c r="D4423" s="150"/>
      <c r="E4423" s="150"/>
      <c r="F4423" s="150"/>
      <c r="G4423" s="150"/>
      <c r="H4423" s="150"/>
    </row>
    <row r="4424" spans="1:8">
      <c r="A4424" s="150"/>
      <c r="B4424" s="205" t="s">
        <v>32989</v>
      </c>
      <c r="C4424" s="150"/>
      <c r="D4424" s="150"/>
      <c r="E4424" s="150"/>
      <c r="F4424" s="150"/>
      <c r="G4424" s="150"/>
      <c r="H4424" s="150"/>
    </row>
    <row r="4425" spans="1:8">
      <c r="A4425" s="150"/>
      <c r="B4425" s="205" t="s">
        <v>32990</v>
      </c>
      <c r="C4425" s="150"/>
      <c r="D4425" s="150"/>
      <c r="E4425" s="150"/>
      <c r="F4425" s="150"/>
      <c r="G4425" s="150"/>
      <c r="H4425" s="150"/>
    </row>
    <row r="4426" spans="1:8">
      <c r="A4426" s="150"/>
      <c r="B4426" s="205" t="s">
        <v>32991</v>
      </c>
      <c r="C4426" s="150"/>
      <c r="D4426" s="150"/>
      <c r="E4426" s="150"/>
      <c r="F4426" s="150"/>
      <c r="G4426" s="150"/>
      <c r="H4426" s="150"/>
    </row>
    <row r="4427" spans="1:8">
      <c r="A4427" s="150"/>
      <c r="B4427" s="205" t="s">
        <v>32992</v>
      </c>
      <c r="C4427" s="150"/>
      <c r="D4427" s="150"/>
      <c r="E4427" s="150"/>
      <c r="F4427" s="150"/>
      <c r="G4427" s="150"/>
      <c r="H4427" s="150"/>
    </row>
    <row r="4428" spans="1:8">
      <c r="A4428" s="150"/>
      <c r="B4428" s="205" t="s">
        <v>32993</v>
      </c>
      <c r="C4428" s="150"/>
      <c r="D4428" s="150"/>
      <c r="E4428" s="150"/>
      <c r="F4428" s="150"/>
      <c r="G4428" s="150"/>
      <c r="H4428" s="150"/>
    </row>
    <row r="4429" spans="1:8">
      <c r="A4429" s="150"/>
      <c r="B4429" s="205" t="s">
        <v>32994</v>
      </c>
      <c r="C4429" s="150"/>
      <c r="D4429" s="150"/>
      <c r="E4429" s="150"/>
      <c r="F4429" s="150"/>
      <c r="G4429" s="150"/>
      <c r="H4429" s="150"/>
    </row>
    <row r="4430" spans="1:8">
      <c r="A4430" s="150"/>
      <c r="B4430" s="205" t="s">
        <v>31960</v>
      </c>
      <c r="C4430" s="150"/>
      <c r="D4430" s="150"/>
      <c r="E4430" s="150"/>
      <c r="F4430" s="150"/>
      <c r="G4430" s="150"/>
      <c r="H4430" s="150"/>
    </row>
    <row r="4431" spans="1:8">
      <c r="A4431" s="150"/>
      <c r="B4431" s="183"/>
      <c r="C4431" s="150"/>
      <c r="D4431" s="150"/>
      <c r="E4431" s="150"/>
      <c r="F4431" s="150"/>
      <c r="G4431" s="150"/>
      <c r="H4431" s="150"/>
    </row>
    <row r="4432" spans="1:8">
      <c r="A4432" s="150"/>
      <c r="B4432" s="183"/>
      <c r="C4432" s="150"/>
      <c r="D4432" s="150"/>
      <c r="E4432" s="150"/>
      <c r="F4432" s="150"/>
      <c r="G4432" s="150"/>
      <c r="H4432" s="150"/>
    </row>
    <row r="4434" spans="1:8" ht="15.75">
      <c r="A4434" s="150"/>
      <c r="B4434" s="1172" t="s">
        <v>31961</v>
      </c>
      <c r="C4434" s="1172"/>
      <c r="D4434" s="150"/>
      <c r="E4434" s="150"/>
      <c r="F4434" s="150"/>
      <c r="G4434" s="150"/>
      <c r="H4434" s="150"/>
    </row>
    <row r="4435" spans="1:8" ht="15.75">
      <c r="A4435" s="150"/>
      <c r="B4435" s="1172" t="s">
        <v>31962</v>
      </c>
      <c r="C4435" s="1172"/>
      <c r="D4435" s="150"/>
      <c r="E4435" s="150"/>
      <c r="F4435" s="150"/>
      <c r="G4435" s="150"/>
      <c r="H4435" s="150"/>
    </row>
    <row r="4436" spans="1:8" ht="81.75" customHeight="1">
      <c r="A4436" s="150"/>
      <c r="B4436" s="1172" t="s">
        <v>31963</v>
      </c>
      <c r="C4436" s="1172"/>
      <c r="D4436" s="150"/>
      <c r="E4436" s="150"/>
      <c r="F4436" s="150"/>
      <c r="G4436" s="150"/>
      <c r="H4436" s="150"/>
    </row>
    <row r="4437" spans="1:8" ht="15.75">
      <c r="A4437" s="150"/>
      <c r="B4437" s="1172" t="s">
        <v>14313</v>
      </c>
      <c r="C4437" s="1172"/>
      <c r="D4437" s="150"/>
      <c r="E4437" s="150"/>
      <c r="F4437" s="150"/>
      <c r="G4437" s="150"/>
      <c r="H4437" s="150"/>
    </row>
    <row r="4438" spans="1:8">
      <c r="A4438" s="150"/>
      <c r="B4438" s="183"/>
      <c r="C4438" s="150"/>
      <c r="D4438" s="150"/>
      <c r="E4438" s="150"/>
      <c r="F4438" s="150"/>
      <c r="G4438" s="150"/>
      <c r="H4438" s="150"/>
    </row>
    <row r="4439" spans="1:8">
      <c r="A4439" s="150"/>
      <c r="B4439" s="206" t="s">
        <v>30936</v>
      </c>
      <c r="C4439" s="150"/>
      <c r="D4439" s="150"/>
      <c r="E4439" s="150"/>
      <c r="F4439" s="150"/>
      <c r="G4439" s="150"/>
      <c r="H4439" s="150"/>
    </row>
    <row r="4440" spans="1:8">
      <c r="A4440" s="150"/>
      <c r="B4440" s="148" t="s">
        <v>31964</v>
      </c>
      <c r="C4440" s="150"/>
      <c r="D4440" s="150"/>
      <c r="E4440" s="150"/>
      <c r="F4440" s="150"/>
      <c r="G4440" s="150"/>
      <c r="H4440" s="150"/>
    </row>
    <row r="4441" spans="1:8">
      <c r="A4441" s="150"/>
      <c r="B4441" s="206" t="s">
        <v>30939</v>
      </c>
      <c r="C4441" s="150"/>
      <c r="D4441" s="150"/>
      <c r="E4441" s="150"/>
      <c r="F4441" s="150"/>
      <c r="G4441" s="150"/>
      <c r="H4441" s="150"/>
    </row>
    <row r="4442" spans="1:8">
      <c r="A4442" s="150"/>
      <c r="B4442" s="148" t="s">
        <v>32995</v>
      </c>
      <c r="C4442" s="150"/>
      <c r="D4442" s="150"/>
      <c r="E4442" s="150"/>
      <c r="F4442" s="150"/>
      <c r="G4442" s="150"/>
      <c r="H4442" s="150"/>
    </row>
    <row r="4443" spans="1:8">
      <c r="A4443" s="150"/>
      <c r="B4443" s="148" t="s">
        <v>31965</v>
      </c>
      <c r="C4443" s="150"/>
      <c r="D4443" s="150"/>
      <c r="E4443" s="150"/>
      <c r="F4443" s="150"/>
      <c r="G4443" s="150"/>
      <c r="H4443" s="150"/>
    </row>
    <row r="4444" spans="1:8">
      <c r="A4444" s="150"/>
      <c r="B4444" s="148" t="s">
        <v>31966</v>
      </c>
      <c r="C4444" s="150"/>
      <c r="D4444" s="150"/>
      <c r="E4444" s="150"/>
      <c r="F4444" s="150"/>
      <c r="G4444" s="150"/>
      <c r="H4444" s="150"/>
    </row>
    <row r="4445" spans="1:8">
      <c r="A4445" s="150"/>
      <c r="B4445" s="148" t="s">
        <v>32996</v>
      </c>
      <c r="C4445" s="207"/>
      <c r="D4445" s="150"/>
      <c r="E4445" s="150"/>
      <c r="F4445" s="150"/>
      <c r="G4445" s="150"/>
      <c r="H4445" s="150"/>
    </row>
    <row r="4446" spans="1:8">
      <c r="A4446" s="150"/>
      <c r="B4446" s="148" t="s">
        <v>31967</v>
      </c>
      <c r="C4446" s="207"/>
      <c r="D4446" s="150"/>
      <c r="E4446" s="150"/>
      <c r="F4446" s="150"/>
      <c r="G4446" s="150"/>
      <c r="H4446" s="150"/>
    </row>
    <row r="4447" spans="1:8">
      <c r="A4447" s="150"/>
      <c r="B4447" s="148" t="s">
        <v>31968</v>
      </c>
      <c r="C4447" s="150"/>
      <c r="D4447" s="150"/>
      <c r="E4447" s="150"/>
      <c r="F4447" s="150"/>
      <c r="G4447" s="150"/>
      <c r="H4447" s="150"/>
    </row>
    <row r="4448" spans="1:8">
      <c r="A4448" s="150"/>
      <c r="B4448" s="148" t="s">
        <v>31969</v>
      </c>
      <c r="C4448" s="150"/>
      <c r="D4448" s="150"/>
      <c r="E4448" s="150"/>
      <c r="F4448" s="150"/>
      <c r="G4448" s="150"/>
      <c r="H4448" s="150"/>
    </row>
    <row r="4449" spans="1:8">
      <c r="A4449" s="150"/>
      <c r="B4449" s="148" t="s">
        <v>32997</v>
      </c>
      <c r="C4449" s="207"/>
      <c r="D4449" s="150"/>
      <c r="E4449" s="150"/>
      <c r="F4449" s="150"/>
      <c r="G4449" s="150"/>
      <c r="H4449" s="150"/>
    </row>
    <row r="4450" spans="1:8">
      <c r="A4450" s="150"/>
      <c r="B4450" s="148" t="s">
        <v>32998</v>
      </c>
      <c r="C4450" s="207"/>
      <c r="D4450" s="150"/>
      <c r="E4450" s="150"/>
      <c r="F4450" s="150"/>
      <c r="G4450" s="150"/>
      <c r="H4450" s="150"/>
    </row>
    <row r="4451" spans="1:8">
      <c r="A4451" s="150"/>
      <c r="B4451" s="148" t="s">
        <v>31970</v>
      </c>
      <c r="C4451" s="150"/>
      <c r="D4451" s="150"/>
      <c r="E4451" s="150"/>
      <c r="F4451" s="150"/>
      <c r="G4451" s="150"/>
      <c r="H4451" s="150"/>
    </row>
    <row r="4452" spans="1:8">
      <c r="A4452" s="150"/>
      <c r="B4452" s="148" t="s">
        <v>31971</v>
      </c>
      <c r="C4452" s="150"/>
      <c r="D4452" s="150"/>
      <c r="E4452" s="150"/>
      <c r="F4452" s="150"/>
      <c r="G4452" s="150"/>
      <c r="H4452" s="150"/>
    </row>
    <row r="4453" spans="1:8">
      <c r="A4453" s="150"/>
      <c r="B4453" s="206" t="s">
        <v>31972</v>
      </c>
      <c r="C4453" s="150"/>
      <c r="D4453" s="150"/>
      <c r="E4453" s="150"/>
      <c r="F4453" s="150"/>
      <c r="G4453" s="150"/>
      <c r="H4453" s="150"/>
    </row>
    <row r="4454" spans="1:8">
      <c r="A4454" s="150"/>
      <c r="B4454" s="206" t="s">
        <v>31973</v>
      </c>
      <c r="C4454" s="150"/>
      <c r="D4454" s="150"/>
      <c r="E4454" s="150"/>
      <c r="F4454" s="150"/>
      <c r="G4454" s="150"/>
      <c r="H4454" s="150"/>
    </row>
    <row r="4455" spans="1:8">
      <c r="A4455" s="150"/>
      <c r="B4455" s="148" t="s">
        <v>31974</v>
      </c>
      <c r="C4455" s="150"/>
      <c r="D4455" s="150"/>
      <c r="E4455" s="150"/>
      <c r="F4455" s="150"/>
      <c r="G4455" s="150"/>
      <c r="H4455" s="150"/>
    </row>
    <row r="4456" spans="1:8">
      <c r="A4456" s="150"/>
      <c r="B4456" s="147"/>
      <c r="C4456" s="150"/>
      <c r="D4456" s="150"/>
      <c r="E4456" s="150"/>
      <c r="F4456" s="150"/>
      <c r="G4456" s="150"/>
      <c r="H4456" s="150"/>
    </row>
    <row r="4457" spans="1:8">
      <c r="A4457" s="150"/>
      <c r="B4457" s="148" t="s">
        <v>31975</v>
      </c>
      <c r="C4457" s="150"/>
      <c r="D4457" s="150"/>
      <c r="E4457" s="150"/>
      <c r="F4457" s="150"/>
      <c r="G4457" s="150"/>
      <c r="H4457" s="150"/>
    </row>
    <row r="4458" spans="1:8">
      <c r="A4458" s="150"/>
      <c r="B4458" s="148" t="s">
        <v>31976</v>
      </c>
      <c r="C4458" s="150"/>
      <c r="D4458" s="150"/>
      <c r="E4458" s="150"/>
      <c r="F4458" s="150"/>
      <c r="G4458" s="150"/>
      <c r="H4458" s="150"/>
    </row>
    <row r="4459" spans="1:8">
      <c r="A4459" s="150"/>
      <c r="B4459" s="148" t="s">
        <v>31977</v>
      </c>
      <c r="C4459" s="150"/>
      <c r="D4459" s="150"/>
      <c r="E4459" s="150"/>
      <c r="F4459" s="150"/>
      <c r="G4459" s="150"/>
      <c r="H4459" s="150"/>
    </row>
    <row r="4460" spans="1:8">
      <c r="A4460" s="150"/>
      <c r="B4460" s="148" t="s">
        <v>31978</v>
      </c>
      <c r="C4460" s="150"/>
      <c r="D4460" s="150"/>
      <c r="E4460" s="150"/>
      <c r="F4460" s="150"/>
      <c r="G4460" s="150"/>
      <c r="H4460" s="150"/>
    </row>
    <row r="4461" spans="1:8">
      <c r="A4461" s="150"/>
      <c r="B4461" s="148" t="s">
        <v>31979</v>
      </c>
      <c r="C4461" s="150"/>
      <c r="D4461" s="150"/>
      <c r="E4461" s="150"/>
      <c r="F4461" s="150"/>
      <c r="G4461" s="150"/>
      <c r="H4461" s="150"/>
    </row>
    <row r="4462" spans="1:8">
      <c r="A4462" s="150"/>
      <c r="B4462" s="148" t="s">
        <v>31980</v>
      </c>
      <c r="C4462" s="150"/>
      <c r="D4462" s="150"/>
      <c r="E4462" s="150"/>
      <c r="F4462" s="150"/>
      <c r="G4462" s="150"/>
      <c r="H4462" s="150"/>
    </row>
    <row r="4463" spans="1:8">
      <c r="A4463" s="150"/>
      <c r="B4463" s="148" t="s">
        <v>31981</v>
      </c>
      <c r="C4463" s="150"/>
      <c r="D4463" s="150"/>
      <c r="E4463" s="150"/>
      <c r="F4463" s="150"/>
      <c r="G4463" s="150"/>
      <c r="H4463" s="150"/>
    </row>
    <row r="4464" spans="1:8">
      <c r="A4464" s="150"/>
      <c r="B4464" s="148" t="s">
        <v>31982</v>
      </c>
      <c r="C4464" s="150"/>
      <c r="D4464" s="150"/>
      <c r="E4464" s="150"/>
      <c r="F4464" s="150"/>
      <c r="G4464" s="150"/>
      <c r="H4464" s="150"/>
    </row>
    <row r="4465" spans="1:8">
      <c r="A4465" s="150"/>
      <c r="B4465" s="148" t="s">
        <v>31983</v>
      </c>
      <c r="C4465" s="150"/>
      <c r="D4465" s="150"/>
      <c r="E4465" s="150"/>
      <c r="F4465" s="150"/>
      <c r="G4465" s="150"/>
      <c r="H4465" s="150"/>
    </row>
    <row r="4466" spans="1:8">
      <c r="A4466" s="150"/>
      <c r="B4466" s="148" t="s">
        <v>31984</v>
      </c>
      <c r="C4466" s="150"/>
      <c r="D4466" s="150"/>
      <c r="E4466" s="150"/>
      <c r="F4466" s="150"/>
      <c r="G4466" s="150"/>
      <c r="H4466" s="150"/>
    </row>
    <row r="4467" spans="1:8">
      <c r="A4467" s="150"/>
      <c r="B4467" s="148" t="s">
        <v>31985</v>
      </c>
      <c r="C4467" s="150"/>
      <c r="D4467" s="150"/>
      <c r="E4467" s="150"/>
      <c r="F4467" s="150"/>
      <c r="G4467" s="150"/>
      <c r="H4467" s="150"/>
    </row>
    <row r="4468" spans="1:8">
      <c r="A4468" s="150"/>
      <c r="B4468" s="183"/>
      <c r="C4468" s="150"/>
      <c r="D4468" s="150"/>
      <c r="E4468" s="150"/>
      <c r="F4468" s="150"/>
      <c r="G4468" s="150"/>
      <c r="H4468" s="150"/>
    </row>
    <row r="4469" spans="1:8">
      <c r="A4469" s="150"/>
      <c r="B4469" s="208" t="s">
        <v>31079</v>
      </c>
      <c r="C4469" s="209"/>
      <c r="D4469" s="209"/>
      <c r="E4469" s="209"/>
      <c r="F4469" s="209"/>
      <c r="G4469" s="209"/>
      <c r="H4469" s="209"/>
    </row>
    <row r="4470" spans="1:8">
      <c r="A4470" s="150"/>
      <c r="B4470" s="210" t="s">
        <v>31986</v>
      </c>
      <c r="C4470" s="209"/>
      <c r="D4470" s="209"/>
      <c r="E4470" s="209"/>
      <c r="F4470" s="209"/>
      <c r="G4470" s="209"/>
      <c r="H4470" s="209"/>
    </row>
    <row r="4471" spans="1:8">
      <c r="A4471" s="150"/>
      <c r="B4471" s="210" t="s">
        <v>31987</v>
      </c>
      <c r="C4471" s="211"/>
      <c r="D4471" s="210"/>
      <c r="E4471" s="210"/>
      <c r="F4471" s="210"/>
      <c r="G4471" s="209"/>
      <c r="H4471" s="209"/>
    </row>
    <row r="4472" spans="1:8">
      <c r="A4472" s="150"/>
      <c r="B4472" s="212" t="s">
        <v>31988</v>
      </c>
      <c r="C4472" s="210" t="s">
        <v>31989</v>
      </c>
      <c r="D4472" s="210"/>
      <c r="E4472" s="210"/>
      <c r="F4472" s="209"/>
      <c r="G4472" s="209"/>
      <c r="H4472" s="150"/>
    </row>
    <row r="4473" spans="1:8">
      <c r="A4473" s="150"/>
      <c r="B4473" s="212"/>
      <c r="C4473" s="210" t="s">
        <v>31990</v>
      </c>
      <c r="D4473" s="210" t="s">
        <v>31991</v>
      </c>
      <c r="E4473" s="210"/>
      <c r="F4473" s="209"/>
      <c r="G4473" s="209"/>
      <c r="H4473" s="150"/>
    </row>
    <row r="4474" spans="1:8">
      <c r="A4474" s="150"/>
      <c r="B4474" s="212"/>
      <c r="C4474" s="210"/>
      <c r="D4474" s="210" t="s">
        <v>8356</v>
      </c>
      <c r="E4474" s="210" t="s">
        <v>31992</v>
      </c>
      <c r="F4474" s="209"/>
      <c r="G4474" s="209"/>
      <c r="H4474" s="150"/>
    </row>
    <row r="4475" spans="1:8">
      <c r="A4475" s="150"/>
      <c r="B4475" s="212"/>
      <c r="C4475" s="210"/>
      <c r="D4475" s="210" t="s">
        <v>8356</v>
      </c>
      <c r="E4475" s="210" t="s">
        <v>31993</v>
      </c>
      <c r="F4475" s="209"/>
      <c r="G4475" s="209"/>
      <c r="H4475" s="150"/>
    </row>
    <row r="4476" spans="1:8">
      <c r="A4476" s="150"/>
      <c r="B4476" s="212" t="s">
        <v>31994</v>
      </c>
      <c r="C4476" s="210" t="s">
        <v>31995</v>
      </c>
      <c r="D4476" s="210"/>
      <c r="E4476" s="210"/>
      <c r="F4476" s="209"/>
      <c r="G4476" s="209"/>
      <c r="H4476" s="150"/>
    </row>
    <row r="4477" spans="1:8">
      <c r="A4477" s="150"/>
      <c r="B4477" s="212"/>
      <c r="C4477" s="210" t="s">
        <v>31996</v>
      </c>
      <c r="D4477" s="210" t="s">
        <v>31997</v>
      </c>
      <c r="E4477" s="210"/>
      <c r="F4477" s="209"/>
      <c r="G4477" s="209"/>
      <c r="H4477" s="150"/>
    </row>
    <row r="4478" spans="1:8">
      <c r="A4478" s="150"/>
      <c r="B4478" s="212"/>
      <c r="C4478" s="210"/>
      <c r="D4478" s="210" t="s">
        <v>31988</v>
      </c>
      <c r="E4478" s="210" t="s">
        <v>31998</v>
      </c>
      <c r="F4478" s="209"/>
      <c r="G4478" s="209"/>
      <c r="H4478" s="150"/>
    </row>
    <row r="4479" spans="1:8">
      <c r="A4479" s="150"/>
      <c r="B4479" s="212"/>
      <c r="C4479" s="210"/>
      <c r="D4479" s="210" t="s">
        <v>31994</v>
      </c>
      <c r="E4479" s="210" t="s">
        <v>31999</v>
      </c>
      <c r="F4479" s="209"/>
      <c r="G4479" s="209"/>
      <c r="H4479" s="150"/>
    </row>
    <row r="4480" spans="1:8">
      <c r="A4480" s="150"/>
      <c r="B4480" s="212"/>
      <c r="C4480" s="210"/>
      <c r="D4480" s="210" t="s">
        <v>32000</v>
      </c>
      <c r="E4480" s="210" t="s">
        <v>32001</v>
      </c>
      <c r="F4480" s="209"/>
      <c r="G4480" s="209"/>
      <c r="H4480" s="150"/>
    </row>
    <row r="4481" spans="1:8">
      <c r="A4481" s="150"/>
      <c r="B4481" s="212" t="s">
        <v>32000</v>
      </c>
      <c r="C4481" s="210" t="s">
        <v>32002</v>
      </c>
      <c r="D4481" s="210"/>
      <c r="E4481" s="210"/>
      <c r="F4481" s="209"/>
      <c r="G4481" s="209"/>
      <c r="H4481" s="150"/>
    </row>
    <row r="4482" spans="1:8">
      <c r="A4482" s="150"/>
      <c r="B4482" s="212" t="s">
        <v>32003</v>
      </c>
      <c r="C4482" s="210" t="s">
        <v>32004</v>
      </c>
      <c r="D4482" s="210"/>
      <c r="E4482" s="210"/>
      <c r="F4482" s="209"/>
      <c r="G4482" s="209"/>
      <c r="H4482" s="150"/>
    </row>
    <row r="4483" spans="1:8">
      <c r="A4483" s="150"/>
      <c r="B4483" s="210" t="s">
        <v>32005</v>
      </c>
      <c r="C4483" s="211"/>
      <c r="D4483" s="209"/>
      <c r="E4483" s="209"/>
      <c r="F4483" s="209"/>
      <c r="G4483" s="209"/>
      <c r="H4483" s="209"/>
    </row>
    <row r="4484" spans="1:8">
      <c r="A4484" s="150"/>
      <c r="B4484" s="968" t="s">
        <v>32006</v>
      </c>
      <c r="C4484" s="211"/>
      <c r="D4484" s="968"/>
      <c r="E4484" s="209"/>
      <c r="F4484" s="209"/>
      <c r="G4484" s="209"/>
      <c r="H4484" s="209"/>
    </row>
    <row r="4485" spans="1:8">
      <c r="A4485" s="150"/>
      <c r="B4485" s="212" t="s">
        <v>32007</v>
      </c>
      <c r="C4485" s="210" t="s">
        <v>32008</v>
      </c>
      <c r="D4485" s="209"/>
      <c r="E4485" s="209"/>
      <c r="F4485" s="209"/>
      <c r="G4485" s="209"/>
      <c r="H4485" s="150"/>
    </row>
    <row r="4486" spans="1:8">
      <c r="A4486" s="150"/>
      <c r="B4486" s="210" t="s">
        <v>32009</v>
      </c>
      <c r="C4486" s="211"/>
      <c r="D4486" s="209"/>
      <c r="E4486" s="209"/>
      <c r="F4486" s="209"/>
      <c r="G4486" s="209"/>
      <c r="H4486" s="209"/>
    </row>
    <row r="4487" spans="1:8">
      <c r="A4487" s="150"/>
      <c r="B4487" s="210" t="s">
        <v>32010</v>
      </c>
      <c r="C4487" s="211"/>
      <c r="D4487" s="209"/>
      <c r="E4487" s="209"/>
      <c r="F4487" s="209"/>
      <c r="G4487" s="209"/>
      <c r="H4487" s="209"/>
    </row>
    <row r="4488" spans="1:8">
      <c r="A4488" s="150"/>
      <c r="B4488" s="210" t="s">
        <v>32011</v>
      </c>
      <c r="C4488" s="211"/>
      <c r="D4488" s="209"/>
      <c r="E4488" s="209"/>
      <c r="F4488" s="209"/>
      <c r="G4488" s="209"/>
      <c r="H4488" s="209"/>
    </row>
    <row r="4489" spans="1:8">
      <c r="A4489" s="150"/>
      <c r="B4489" s="968" t="s">
        <v>32012</v>
      </c>
      <c r="C4489" s="211"/>
      <c r="D4489" s="968"/>
      <c r="E4489" s="209"/>
      <c r="F4489" s="209"/>
      <c r="G4489" s="209"/>
      <c r="H4489" s="209"/>
    </row>
    <row r="4490" spans="1:8">
      <c r="A4490" s="150"/>
      <c r="B4490" s="210"/>
      <c r="C4490" s="210" t="s">
        <v>32999</v>
      </c>
      <c r="D4490" s="209"/>
      <c r="E4490" s="209"/>
      <c r="F4490" s="209"/>
      <c r="G4490" s="209"/>
      <c r="H4490" s="150"/>
    </row>
    <row r="4491" spans="1:8">
      <c r="A4491" s="150"/>
      <c r="B4491" s="968" t="s">
        <v>32013</v>
      </c>
      <c r="C4491" s="968"/>
      <c r="D4491" s="968"/>
      <c r="E4491" s="968"/>
      <c r="F4491" s="968"/>
      <c r="G4491" s="968"/>
      <c r="H4491" s="150"/>
    </row>
    <row r="4492" spans="1:8">
      <c r="A4492" s="150"/>
      <c r="B4492" s="212" t="s">
        <v>31988</v>
      </c>
      <c r="C4492" s="968" t="s">
        <v>32014</v>
      </c>
      <c r="D4492" s="968"/>
      <c r="E4492" s="968"/>
      <c r="F4492" s="968"/>
      <c r="G4492" s="968"/>
      <c r="H4492" s="150"/>
    </row>
    <row r="4493" spans="1:8">
      <c r="A4493" s="150"/>
      <c r="B4493" s="212"/>
      <c r="C4493" s="210" t="s">
        <v>33000</v>
      </c>
      <c r="D4493" s="209"/>
      <c r="E4493" s="209"/>
      <c r="F4493" s="209"/>
      <c r="G4493" s="150"/>
      <c r="H4493" s="150"/>
    </row>
    <row r="4494" spans="1:8" ht="15" thickBot="1">
      <c r="A4494" s="150"/>
      <c r="B4494" s="212" t="s">
        <v>31994</v>
      </c>
      <c r="C4494" s="969" t="s">
        <v>32015</v>
      </c>
      <c r="D4494" s="969"/>
      <c r="E4494" s="969"/>
      <c r="F4494" s="969"/>
      <c r="G4494" s="969"/>
      <c r="H4494" s="150"/>
    </row>
    <row r="4495" spans="1:8" ht="15" thickBot="1">
      <c r="A4495" s="150"/>
      <c r="B4495" s="212"/>
      <c r="C4495" s="213" t="s">
        <v>32016</v>
      </c>
      <c r="D4495" s="213" t="s">
        <v>16608</v>
      </c>
      <c r="E4495" s="213" t="s">
        <v>16610</v>
      </c>
      <c r="F4495" s="213" t="s">
        <v>32017</v>
      </c>
      <c r="G4495" s="213"/>
      <c r="H4495" s="150"/>
    </row>
    <row r="4496" spans="1:8" ht="15" thickBot="1">
      <c r="A4496" s="150"/>
      <c r="B4496" s="212"/>
      <c r="C4496" s="213" t="s">
        <v>33001</v>
      </c>
      <c r="D4496" s="213" t="s">
        <v>32018</v>
      </c>
      <c r="E4496" s="213" t="s">
        <v>31004</v>
      </c>
      <c r="F4496" s="213" t="s">
        <v>32019</v>
      </c>
      <c r="G4496" s="213"/>
      <c r="H4496" s="150"/>
    </row>
    <row r="4497" spans="1:8" ht="15" thickBot="1">
      <c r="A4497" s="150"/>
      <c r="B4497" s="212"/>
      <c r="C4497" s="213" t="s">
        <v>33002</v>
      </c>
      <c r="D4497" s="213" t="s">
        <v>32020</v>
      </c>
      <c r="E4497" s="213" t="s">
        <v>31008</v>
      </c>
      <c r="F4497" s="213" t="s">
        <v>37378</v>
      </c>
      <c r="G4497" s="213"/>
      <c r="H4497" s="150"/>
    </row>
    <row r="4498" spans="1:8" ht="15" thickBot="1">
      <c r="A4498" s="150"/>
      <c r="B4498" s="212"/>
      <c r="C4498" s="213" t="s">
        <v>32021</v>
      </c>
      <c r="D4498" s="213" t="s">
        <v>18909</v>
      </c>
      <c r="E4498" s="213" t="s">
        <v>18911</v>
      </c>
      <c r="F4498" s="213" t="s">
        <v>32022</v>
      </c>
      <c r="G4498" s="213"/>
      <c r="H4498" s="150"/>
    </row>
    <row r="4499" spans="1:8" ht="15" thickBot="1">
      <c r="A4499" s="150"/>
      <c r="B4499" s="212"/>
      <c r="C4499" s="213" t="s">
        <v>32023</v>
      </c>
      <c r="D4499" s="213" t="s">
        <v>19154</v>
      </c>
      <c r="E4499" s="213" t="s">
        <v>19156</v>
      </c>
      <c r="F4499" s="213" t="s">
        <v>32024</v>
      </c>
      <c r="G4499" s="213"/>
      <c r="H4499" s="150"/>
    </row>
    <row r="4500" spans="1:8" ht="15" thickBot="1">
      <c r="A4500" s="150"/>
      <c r="B4500" s="212"/>
      <c r="C4500" s="213" t="s">
        <v>32025</v>
      </c>
      <c r="D4500" s="213" t="s">
        <v>29388</v>
      </c>
      <c r="E4500" s="213" t="s">
        <v>77</v>
      </c>
      <c r="F4500" s="213" t="s">
        <v>32026</v>
      </c>
      <c r="G4500" s="213"/>
      <c r="H4500" s="150"/>
    </row>
    <row r="4501" spans="1:8">
      <c r="A4501" s="150"/>
      <c r="B4501" s="210" t="s">
        <v>32027</v>
      </c>
      <c r="C4501" s="211"/>
      <c r="D4501" s="210"/>
      <c r="E4501" s="209"/>
      <c r="F4501" s="209"/>
      <c r="G4501" s="209"/>
      <c r="H4501" s="209"/>
    </row>
    <row r="4502" spans="1:8">
      <c r="A4502" s="150"/>
      <c r="B4502" s="210"/>
      <c r="C4502" s="210" t="s">
        <v>33003</v>
      </c>
      <c r="D4502" s="209"/>
      <c r="E4502" s="209"/>
      <c r="F4502" s="209"/>
      <c r="G4502" s="209"/>
      <c r="H4502" s="150"/>
    </row>
    <row r="4503" spans="1:8">
      <c r="A4503" s="150"/>
      <c r="B4503" s="210" t="s">
        <v>32028</v>
      </c>
      <c r="C4503" s="210"/>
      <c r="D4503" s="209"/>
      <c r="E4503" s="209"/>
      <c r="F4503" s="209"/>
      <c r="G4503" s="209"/>
      <c r="H4503" s="150"/>
    </row>
    <row r="4504" spans="1:8">
      <c r="A4504" s="150"/>
      <c r="B4504" s="210"/>
      <c r="C4504" s="210" t="s">
        <v>33004</v>
      </c>
      <c r="D4504" s="209"/>
      <c r="E4504" s="209"/>
      <c r="F4504" s="209"/>
      <c r="G4504" s="209"/>
      <c r="H4504" s="150"/>
    </row>
    <row r="4505" spans="1:8">
      <c r="A4505" s="150"/>
      <c r="B4505" s="210" t="s">
        <v>32029</v>
      </c>
      <c r="C4505" s="210"/>
      <c r="D4505" s="210"/>
      <c r="E4505" s="210"/>
      <c r="F4505" s="210"/>
      <c r="G4505" s="210"/>
      <c r="H4505" s="150"/>
    </row>
    <row r="4506" spans="1:8">
      <c r="A4506" s="150"/>
      <c r="B4506" s="212" t="s">
        <v>31988</v>
      </c>
      <c r="C4506" s="210" t="s">
        <v>32014</v>
      </c>
      <c r="D4506" s="210"/>
      <c r="E4506" s="210"/>
      <c r="F4506" s="210"/>
      <c r="G4506" s="210"/>
      <c r="H4506" s="150"/>
    </row>
    <row r="4507" spans="1:8">
      <c r="A4507" s="150"/>
      <c r="B4507" s="212"/>
      <c r="C4507" s="210" t="s">
        <v>33005</v>
      </c>
      <c r="D4507" s="209"/>
      <c r="E4507" s="209"/>
      <c r="F4507" s="209"/>
      <c r="G4507" s="150"/>
      <c r="H4507" s="150"/>
    </row>
    <row r="4508" spans="1:8" ht="15" thickBot="1">
      <c r="A4508" s="150"/>
      <c r="B4508" s="212" t="s">
        <v>31994</v>
      </c>
      <c r="C4508" s="214" t="s">
        <v>32030</v>
      </c>
      <c r="D4508" s="214"/>
      <c r="E4508" s="214"/>
      <c r="F4508" s="214"/>
      <c r="G4508" s="214"/>
      <c r="H4508" s="150"/>
    </row>
    <row r="4509" spans="1:8" ht="15" thickBot="1">
      <c r="A4509" s="150"/>
      <c r="B4509" s="212"/>
      <c r="C4509" s="213" t="s">
        <v>32031</v>
      </c>
      <c r="D4509" s="213" t="s">
        <v>32032</v>
      </c>
      <c r="E4509" s="213" t="s">
        <v>30997</v>
      </c>
      <c r="F4509" s="213" t="s">
        <v>32033</v>
      </c>
      <c r="G4509" s="213"/>
      <c r="H4509" s="150"/>
    </row>
    <row r="4510" spans="1:8">
      <c r="A4510" s="150"/>
      <c r="B4510" s="210" t="s">
        <v>32034</v>
      </c>
      <c r="C4510" s="211"/>
      <c r="D4510" s="210"/>
      <c r="E4510" s="210"/>
      <c r="F4510" s="210"/>
      <c r="G4510" s="210"/>
      <c r="H4510" s="210"/>
    </row>
    <row r="4511" spans="1:8">
      <c r="A4511" s="150"/>
      <c r="B4511" s="212" t="s">
        <v>31988</v>
      </c>
      <c r="C4511" s="210" t="s">
        <v>32014</v>
      </c>
      <c r="D4511" s="210"/>
      <c r="E4511" s="210"/>
      <c r="F4511" s="210"/>
      <c r="G4511" s="210"/>
      <c r="H4511" s="150"/>
    </row>
    <row r="4512" spans="1:8">
      <c r="A4512" s="150"/>
      <c r="B4512" s="212"/>
      <c r="C4512" s="210" t="s">
        <v>33006</v>
      </c>
      <c r="D4512" s="209"/>
      <c r="E4512" s="209"/>
      <c r="F4512" s="209"/>
      <c r="G4512" s="150"/>
      <c r="H4512" s="150"/>
    </row>
    <row r="4513" spans="1:8" ht="15" thickBot="1">
      <c r="A4513" s="150"/>
      <c r="B4513" s="212" t="s">
        <v>31994</v>
      </c>
      <c r="C4513" s="214" t="s">
        <v>32015</v>
      </c>
      <c r="D4513" s="214"/>
      <c r="E4513" s="214"/>
      <c r="F4513" s="214"/>
      <c r="G4513" s="214"/>
      <c r="H4513" s="150"/>
    </row>
    <row r="4514" spans="1:8" ht="15" thickBot="1">
      <c r="A4514" s="150"/>
      <c r="B4514" s="212"/>
      <c r="C4514" s="213" t="s">
        <v>32016</v>
      </c>
      <c r="D4514" s="213" t="s">
        <v>16608</v>
      </c>
      <c r="E4514" s="213" t="s">
        <v>16610</v>
      </c>
      <c r="F4514" s="213" t="s">
        <v>32017</v>
      </c>
      <c r="G4514" s="213"/>
      <c r="H4514" s="150"/>
    </row>
    <row r="4515" spans="1:8" ht="15" thickBot="1">
      <c r="A4515" s="150"/>
      <c r="B4515" s="210"/>
      <c r="C4515" s="213" t="s">
        <v>32035</v>
      </c>
      <c r="D4515" s="213" t="s">
        <v>10339</v>
      </c>
      <c r="E4515" s="213" t="s">
        <v>10340</v>
      </c>
      <c r="F4515" s="213" t="s">
        <v>32036</v>
      </c>
      <c r="G4515" s="213"/>
      <c r="H4515" s="150"/>
    </row>
    <row r="4516" spans="1:8" ht="15" thickBot="1">
      <c r="A4516" s="150"/>
      <c r="B4516" s="210"/>
      <c r="C4516" s="213" t="s">
        <v>33007</v>
      </c>
      <c r="D4516" s="213" t="s">
        <v>32037</v>
      </c>
      <c r="E4516" s="213" t="s">
        <v>31011</v>
      </c>
      <c r="F4516" s="213" t="s">
        <v>32038</v>
      </c>
      <c r="G4516" s="213"/>
      <c r="H4516" s="150"/>
    </row>
    <row r="4517" spans="1:8" ht="15" thickBot="1">
      <c r="A4517" s="150"/>
      <c r="B4517" s="210"/>
      <c r="C4517" s="213" t="s">
        <v>32039</v>
      </c>
      <c r="D4517" s="213" t="s">
        <v>19420</v>
      </c>
      <c r="E4517" s="213" t="s">
        <v>19421</v>
      </c>
      <c r="F4517" s="213" t="s">
        <v>32040</v>
      </c>
      <c r="G4517" s="213"/>
      <c r="H4517" s="150"/>
    </row>
    <row r="4518" spans="1:8" ht="15" thickBot="1">
      <c r="A4518" s="150"/>
      <c r="B4518" s="210"/>
      <c r="C4518" s="213" t="s">
        <v>32041</v>
      </c>
      <c r="D4518" s="213" t="s">
        <v>32042</v>
      </c>
      <c r="E4518" s="213" t="s">
        <v>28455</v>
      </c>
      <c r="F4518" s="213" t="s">
        <v>32043</v>
      </c>
      <c r="G4518" s="213"/>
      <c r="H4518" s="150"/>
    </row>
    <row r="4519" spans="1:8" ht="15" thickBot="1">
      <c r="A4519" s="150"/>
      <c r="B4519" s="210"/>
      <c r="C4519" s="213" t="s">
        <v>33008</v>
      </c>
      <c r="D4519" s="213" t="s">
        <v>24527</v>
      </c>
      <c r="E4519" s="213" t="s">
        <v>24528</v>
      </c>
      <c r="F4519" s="213" t="s">
        <v>32044</v>
      </c>
      <c r="G4519" s="213"/>
      <c r="H4519" s="150"/>
    </row>
    <row r="4520" spans="1:8" ht="15" thickBot="1">
      <c r="A4520" s="150"/>
      <c r="B4520" s="210"/>
      <c r="C4520" s="213" t="s">
        <v>32045</v>
      </c>
      <c r="D4520" s="213" t="s">
        <v>29686</v>
      </c>
      <c r="E4520" s="213" t="s">
        <v>28440</v>
      </c>
      <c r="F4520" s="213" t="s">
        <v>32046</v>
      </c>
      <c r="G4520" s="213"/>
      <c r="H4520" s="150"/>
    </row>
    <row r="4521" spans="1:8">
      <c r="A4521" s="150"/>
      <c r="B4521" s="210"/>
      <c r="C4521" s="215" t="s">
        <v>32047</v>
      </c>
      <c r="D4521" s="215" t="s">
        <v>32048</v>
      </c>
      <c r="E4521" s="215" t="s">
        <v>77</v>
      </c>
      <c r="F4521" s="215" t="s">
        <v>32049</v>
      </c>
      <c r="G4521" s="215"/>
      <c r="H4521" s="150"/>
    </row>
    <row r="4522" spans="1:8" ht="15" thickBot="1">
      <c r="A4522" s="150"/>
      <c r="B4522" s="210"/>
      <c r="C4522" s="216" t="s">
        <v>32050</v>
      </c>
      <c r="D4522" s="216"/>
      <c r="E4522" s="216"/>
      <c r="F4522" s="216"/>
      <c r="G4522" s="216"/>
      <c r="H4522" s="150"/>
    </row>
    <row r="4523" spans="1:8" ht="15" thickBot="1">
      <c r="A4523" s="150"/>
      <c r="B4523" s="210"/>
      <c r="C4523" s="213" t="s">
        <v>32051</v>
      </c>
      <c r="D4523" s="213" t="s">
        <v>31043</v>
      </c>
      <c r="E4523" s="213" t="s">
        <v>31045</v>
      </c>
      <c r="F4523" s="213" t="s">
        <v>32052</v>
      </c>
      <c r="G4523" s="213"/>
      <c r="H4523" s="150"/>
    </row>
    <row r="4524" spans="1:8" ht="15" thickBot="1">
      <c r="A4524" s="150"/>
      <c r="B4524" s="210"/>
      <c r="C4524" s="213" t="s">
        <v>32053</v>
      </c>
      <c r="D4524" s="213" t="s">
        <v>32054</v>
      </c>
      <c r="E4524" s="213" t="s">
        <v>31061</v>
      </c>
      <c r="F4524" s="213" t="s">
        <v>32055</v>
      </c>
      <c r="G4524" s="213"/>
      <c r="H4524" s="150"/>
    </row>
    <row r="4525" spans="1:8" ht="15" thickBot="1">
      <c r="A4525" s="150"/>
      <c r="B4525" s="210" t="s">
        <v>32056</v>
      </c>
      <c r="C4525" s="211"/>
      <c r="D4525" s="214"/>
      <c r="E4525" s="214"/>
      <c r="F4525" s="209"/>
      <c r="G4525" s="209"/>
      <c r="H4525" s="209"/>
    </row>
    <row r="4526" spans="1:8" ht="15" thickBot="1">
      <c r="A4526" s="150"/>
      <c r="B4526" s="210"/>
      <c r="C4526" s="217" t="s">
        <v>32057</v>
      </c>
      <c r="D4526" s="217" t="s">
        <v>13651</v>
      </c>
      <c r="E4526" s="217" t="s">
        <v>13652</v>
      </c>
      <c r="F4526" s="209"/>
      <c r="G4526" s="209"/>
      <c r="H4526" s="209"/>
    </row>
    <row r="4527" spans="1:8">
      <c r="A4527" s="150"/>
      <c r="B4527" s="210"/>
      <c r="C4527" s="215" t="s">
        <v>13653</v>
      </c>
      <c r="D4527" s="215" t="s">
        <v>31948</v>
      </c>
      <c r="E4527" s="215" t="s">
        <v>13654</v>
      </c>
      <c r="F4527" s="209"/>
      <c r="G4527" s="209"/>
      <c r="H4527" s="209"/>
    </row>
    <row r="4528" spans="1:8" ht="15" thickBot="1">
      <c r="A4528" s="150"/>
      <c r="B4528" s="210"/>
      <c r="C4528" s="216"/>
      <c r="D4528" s="216" t="s">
        <v>31949</v>
      </c>
      <c r="E4528" s="216"/>
      <c r="F4528" s="209"/>
      <c r="G4528" s="209"/>
      <c r="H4528" s="209"/>
    </row>
    <row r="4529" spans="1:8">
      <c r="A4529" s="150"/>
      <c r="B4529" s="210"/>
      <c r="C4529" s="215" t="s">
        <v>13653</v>
      </c>
      <c r="D4529" s="215" t="s">
        <v>13656</v>
      </c>
      <c r="E4529" s="215" t="s">
        <v>13655</v>
      </c>
      <c r="F4529" s="209"/>
      <c r="G4529" s="209"/>
      <c r="H4529" s="209"/>
    </row>
    <row r="4530" spans="1:8" ht="15" thickBot="1">
      <c r="A4530" s="150"/>
      <c r="B4530" s="210"/>
      <c r="C4530" s="216"/>
      <c r="D4530" s="216" t="s">
        <v>31950</v>
      </c>
      <c r="E4530" s="216"/>
      <c r="F4530" s="209"/>
      <c r="G4530" s="209"/>
      <c r="H4530" s="209"/>
    </row>
    <row r="4531" spans="1:8">
      <c r="A4531" s="150"/>
      <c r="B4531" s="210"/>
      <c r="C4531" s="215" t="s">
        <v>13653</v>
      </c>
      <c r="D4531" s="215" t="s">
        <v>31951</v>
      </c>
      <c r="E4531" s="215" t="s">
        <v>13657</v>
      </c>
      <c r="F4531" s="209"/>
      <c r="G4531" s="209"/>
      <c r="H4531" s="209"/>
    </row>
    <row r="4532" spans="1:8" ht="15" thickBot="1">
      <c r="A4532" s="150"/>
      <c r="B4532" s="210"/>
      <c r="C4532" s="216"/>
      <c r="D4532" s="216" t="s">
        <v>31952</v>
      </c>
      <c r="E4532" s="216"/>
      <c r="F4532" s="209"/>
      <c r="G4532" s="209"/>
      <c r="H4532" s="209"/>
    </row>
    <row r="4533" spans="1:8">
      <c r="A4533" s="150"/>
      <c r="B4533" s="210"/>
      <c r="C4533" s="215" t="s">
        <v>13653</v>
      </c>
      <c r="D4533" s="215" t="s">
        <v>31953</v>
      </c>
      <c r="E4533" s="215" t="s">
        <v>32058</v>
      </c>
      <c r="F4533" s="209"/>
      <c r="G4533" s="209"/>
      <c r="H4533" s="209"/>
    </row>
    <row r="4534" spans="1:8" ht="15" thickBot="1">
      <c r="A4534" s="150"/>
      <c r="B4534" s="210"/>
      <c r="C4534" s="216"/>
      <c r="D4534" s="216" t="s">
        <v>31954</v>
      </c>
      <c r="E4534" s="216"/>
      <c r="F4534" s="209"/>
      <c r="G4534" s="209"/>
      <c r="H4534" s="209"/>
    </row>
  </sheetData>
  <mergeCells count="4601">
    <mergeCell ref="B4434:C4434"/>
    <mergeCell ref="B4435:C4435"/>
    <mergeCell ref="B4436:C4436"/>
    <mergeCell ref="B4437:C4437"/>
    <mergeCell ref="B20:B22"/>
    <mergeCell ref="B26:C26"/>
    <mergeCell ref="B42:C42"/>
    <mergeCell ref="B135:B142"/>
    <mergeCell ref="B171:B203"/>
    <mergeCell ref="B204:B235"/>
    <mergeCell ref="B510:C510"/>
    <mergeCell ref="B537:C537"/>
    <mergeCell ref="B548:C548"/>
    <mergeCell ref="B549:C549"/>
    <mergeCell ref="C550:C552"/>
    <mergeCell ref="C576:C578"/>
    <mergeCell ref="B441:C441"/>
    <mergeCell ref="B442:C442"/>
    <mergeCell ref="B466:C466"/>
    <mergeCell ref="B470:C470"/>
    <mergeCell ref="B471:B477"/>
    <mergeCell ref="C478:C480"/>
    <mergeCell ref="B239:C239"/>
    <mergeCell ref="B240:C240"/>
    <mergeCell ref="C429:C431"/>
    <mergeCell ref="B432:C432"/>
    <mergeCell ref="B433:C433"/>
    <mergeCell ref="B434:B440"/>
    <mergeCell ref="B712:C712"/>
    <mergeCell ref="B713:C713"/>
    <mergeCell ref="C714:C716"/>
    <mergeCell ref="B717:C717"/>
    <mergeCell ref="B724:C724"/>
    <mergeCell ref="B729:C729"/>
    <mergeCell ref="B691:C691"/>
    <mergeCell ref="C692:C694"/>
    <mergeCell ref="B695:C695"/>
    <mergeCell ref="B696:B707"/>
    <mergeCell ref="B708:C708"/>
    <mergeCell ref="C709:C711"/>
    <mergeCell ref="B579:C579"/>
    <mergeCell ref="B605:C605"/>
    <mergeCell ref="C606:C607"/>
    <mergeCell ref="B608:C608"/>
    <mergeCell ref="B612:C612"/>
    <mergeCell ref="B629:C629"/>
    <mergeCell ref="B831:C831"/>
    <mergeCell ref="B832:C832"/>
    <mergeCell ref="B833:C833"/>
    <mergeCell ref="B834:C834"/>
    <mergeCell ref="B835:C835"/>
    <mergeCell ref="B836:C836"/>
    <mergeCell ref="B825:C825"/>
    <mergeCell ref="B826:C826"/>
    <mergeCell ref="B827:C827"/>
    <mergeCell ref="B828:C828"/>
    <mergeCell ref="B829:C829"/>
    <mergeCell ref="B830:C830"/>
    <mergeCell ref="B730:B746"/>
    <mergeCell ref="B747:C747"/>
    <mergeCell ref="B753:C753"/>
    <mergeCell ref="B754:B822"/>
    <mergeCell ref="B823:C823"/>
    <mergeCell ref="B824:C824"/>
    <mergeCell ref="B849:C849"/>
    <mergeCell ref="B850:C850"/>
    <mergeCell ref="B851:C851"/>
    <mergeCell ref="B852:C852"/>
    <mergeCell ref="B853:C853"/>
    <mergeCell ref="B854:C854"/>
    <mergeCell ref="B843:C843"/>
    <mergeCell ref="B844:C844"/>
    <mergeCell ref="B845:C845"/>
    <mergeCell ref="B846:C846"/>
    <mergeCell ref="B847:C847"/>
    <mergeCell ref="B848:C848"/>
    <mergeCell ref="B837:C837"/>
    <mergeCell ref="B838:C838"/>
    <mergeCell ref="B839:C839"/>
    <mergeCell ref="B840:C840"/>
    <mergeCell ref="B841:C841"/>
    <mergeCell ref="B842:C842"/>
    <mergeCell ref="B867:C867"/>
    <mergeCell ref="B868:C868"/>
    <mergeCell ref="B869:C869"/>
    <mergeCell ref="B870:C870"/>
    <mergeCell ref="B935:F935"/>
    <mergeCell ref="C936:C938"/>
    <mergeCell ref="F936:F938"/>
    <mergeCell ref="B861:C861"/>
    <mergeCell ref="B862:C862"/>
    <mergeCell ref="B863:C863"/>
    <mergeCell ref="B864:C864"/>
    <mergeCell ref="B865:C865"/>
    <mergeCell ref="B866:C866"/>
    <mergeCell ref="B855:C855"/>
    <mergeCell ref="B856:C856"/>
    <mergeCell ref="B857:C857"/>
    <mergeCell ref="B858:C858"/>
    <mergeCell ref="B859:C859"/>
    <mergeCell ref="B860:C860"/>
    <mergeCell ref="C965:C966"/>
    <mergeCell ref="F965:F966"/>
    <mergeCell ref="C967:C968"/>
    <mergeCell ref="D967:D968"/>
    <mergeCell ref="E967:E968"/>
    <mergeCell ref="F967:F968"/>
    <mergeCell ref="C951:C956"/>
    <mergeCell ref="F951:F956"/>
    <mergeCell ref="C958:C959"/>
    <mergeCell ref="F958:F959"/>
    <mergeCell ref="C963:C964"/>
    <mergeCell ref="D963:D964"/>
    <mergeCell ref="E963:E964"/>
    <mergeCell ref="F963:F964"/>
    <mergeCell ref="C941:C943"/>
    <mergeCell ref="F941:F943"/>
    <mergeCell ref="C944:C947"/>
    <mergeCell ref="F944:F947"/>
    <mergeCell ref="C948:C949"/>
    <mergeCell ref="F948:F949"/>
    <mergeCell ref="C1004:C1005"/>
    <mergeCell ref="D1004:D1005"/>
    <mergeCell ref="E1004:E1005"/>
    <mergeCell ref="F1004:F1005"/>
    <mergeCell ref="C1006:C1007"/>
    <mergeCell ref="F1006:F1007"/>
    <mergeCell ref="C981:C984"/>
    <mergeCell ref="F981:F984"/>
    <mergeCell ref="C987:C994"/>
    <mergeCell ref="F987:F994"/>
    <mergeCell ref="C998:C1002"/>
    <mergeCell ref="F998:F1002"/>
    <mergeCell ref="C970:C972"/>
    <mergeCell ref="F970:F972"/>
    <mergeCell ref="C973:C974"/>
    <mergeCell ref="F973:F974"/>
    <mergeCell ref="C977:C978"/>
    <mergeCell ref="D977:D978"/>
    <mergeCell ref="E977:E978"/>
    <mergeCell ref="F977:F978"/>
    <mergeCell ref="C1032:C1062"/>
    <mergeCell ref="F1032:F1062"/>
    <mergeCell ref="C1063:C1066"/>
    <mergeCell ref="F1063:F1066"/>
    <mergeCell ref="C1067:C1074"/>
    <mergeCell ref="F1067:F1074"/>
    <mergeCell ref="C1024:C1025"/>
    <mergeCell ref="F1024:F1025"/>
    <mergeCell ref="C1026:C1028"/>
    <mergeCell ref="F1026:F1028"/>
    <mergeCell ref="C1029:C1031"/>
    <mergeCell ref="F1029:F1031"/>
    <mergeCell ref="C1011:C1015"/>
    <mergeCell ref="F1011:F1015"/>
    <mergeCell ref="C1016:C1017"/>
    <mergeCell ref="D1016:D1017"/>
    <mergeCell ref="E1016:E1017"/>
    <mergeCell ref="F1016:F1017"/>
    <mergeCell ref="B1108:B1109"/>
    <mergeCell ref="C1108:C1109"/>
    <mergeCell ref="F1108:F1109"/>
    <mergeCell ref="B1112:F1112"/>
    <mergeCell ref="C1113:C1114"/>
    <mergeCell ref="D1113:D1114"/>
    <mergeCell ref="E1113:E1114"/>
    <mergeCell ref="F1113:F1114"/>
    <mergeCell ref="B1100:F1100"/>
    <mergeCell ref="C1101:C1102"/>
    <mergeCell ref="D1101:D1102"/>
    <mergeCell ref="E1101:E1102"/>
    <mergeCell ref="F1101:F1102"/>
    <mergeCell ref="B1103:F1103"/>
    <mergeCell ref="C1075:C1085"/>
    <mergeCell ref="F1075:F1085"/>
    <mergeCell ref="B1087:F1087"/>
    <mergeCell ref="B1090:F1090"/>
    <mergeCell ref="B1092:F1092"/>
    <mergeCell ref="C1094:C1095"/>
    <mergeCell ref="F1094:F1095"/>
    <mergeCell ref="C1124:C1125"/>
    <mergeCell ref="D1124:D1125"/>
    <mergeCell ref="E1124:E1125"/>
    <mergeCell ref="F1124:F1125"/>
    <mergeCell ref="C1126:C1127"/>
    <mergeCell ref="D1126:D1127"/>
    <mergeCell ref="E1126:E1127"/>
    <mergeCell ref="F1126:F1127"/>
    <mergeCell ref="C1120:C1121"/>
    <mergeCell ref="D1120:D1121"/>
    <mergeCell ref="E1120:E1121"/>
    <mergeCell ref="F1120:F1121"/>
    <mergeCell ref="C1122:C1123"/>
    <mergeCell ref="D1122:D1123"/>
    <mergeCell ref="E1122:E1123"/>
    <mergeCell ref="F1122:F1123"/>
    <mergeCell ref="B1115:F1115"/>
    <mergeCell ref="C1116:C1117"/>
    <mergeCell ref="D1116:D1117"/>
    <mergeCell ref="E1116:E1117"/>
    <mergeCell ref="F1116:F1117"/>
    <mergeCell ref="C1118:C1119"/>
    <mergeCell ref="D1118:D1119"/>
    <mergeCell ref="E1118:E1119"/>
    <mergeCell ref="F1118:F1119"/>
    <mergeCell ref="C1136:C1137"/>
    <mergeCell ref="D1136:D1137"/>
    <mergeCell ref="E1136:E1137"/>
    <mergeCell ref="F1136:F1137"/>
    <mergeCell ref="C1138:C1139"/>
    <mergeCell ref="D1138:D1139"/>
    <mergeCell ref="E1138:E1139"/>
    <mergeCell ref="F1138:F1139"/>
    <mergeCell ref="C1132:C1133"/>
    <mergeCell ref="D1132:D1133"/>
    <mergeCell ref="E1132:E1133"/>
    <mergeCell ref="F1132:F1133"/>
    <mergeCell ref="C1134:C1135"/>
    <mergeCell ref="D1134:D1135"/>
    <mergeCell ref="E1134:E1135"/>
    <mergeCell ref="F1134:F1135"/>
    <mergeCell ref="C1128:C1129"/>
    <mergeCell ref="D1128:D1129"/>
    <mergeCell ref="E1128:E1129"/>
    <mergeCell ref="F1128:F1129"/>
    <mergeCell ref="C1130:C1131"/>
    <mergeCell ref="D1130:D1131"/>
    <mergeCell ref="E1130:E1131"/>
    <mergeCell ref="F1130:F1131"/>
    <mergeCell ref="C1148:C1149"/>
    <mergeCell ref="D1148:D1149"/>
    <mergeCell ref="E1148:E1149"/>
    <mergeCell ref="F1148:F1149"/>
    <mergeCell ref="C1150:C1151"/>
    <mergeCell ref="D1150:D1151"/>
    <mergeCell ref="E1150:E1151"/>
    <mergeCell ref="F1150:F1151"/>
    <mergeCell ref="C1144:C1145"/>
    <mergeCell ref="D1144:D1145"/>
    <mergeCell ref="E1144:E1145"/>
    <mergeCell ref="F1144:F1145"/>
    <mergeCell ref="C1146:C1147"/>
    <mergeCell ref="D1146:D1147"/>
    <mergeCell ref="E1146:E1147"/>
    <mergeCell ref="F1146:F1147"/>
    <mergeCell ref="C1140:C1141"/>
    <mergeCell ref="D1140:D1141"/>
    <mergeCell ref="E1140:E1141"/>
    <mergeCell ref="F1140:F1141"/>
    <mergeCell ref="C1142:C1143"/>
    <mergeCell ref="D1142:D1143"/>
    <mergeCell ref="E1142:E1143"/>
    <mergeCell ref="F1142:F1143"/>
    <mergeCell ref="C1160:C1161"/>
    <mergeCell ref="D1160:D1161"/>
    <mergeCell ref="E1160:E1161"/>
    <mergeCell ref="F1160:F1161"/>
    <mergeCell ref="C1162:C1163"/>
    <mergeCell ref="D1162:D1163"/>
    <mergeCell ref="E1162:E1163"/>
    <mergeCell ref="F1162:F1163"/>
    <mergeCell ref="C1156:C1157"/>
    <mergeCell ref="D1156:D1157"/>
    <mergeCell ref="E1156:E1157"/>
    <mergeCell ref="F1156:F1157"/>
    <mergeCell ref="C1158:C1159"/>
    <mergeCell ref="D1158:D1159"/>
    <mergeCell ref="E1158:E1159"/>
    <mergeCell ref="F1158:F1159"/>
    <mergeCell ref="C1152:C1153"/>
    <mergeCell ref="D1152:D1153"/>
    <mergeCell ref="E1152:E1153"/>
    <mergeCell ref="F1152:F1153"/>
    <mergeCell ref="C1154:C1155"/>
    <mergeCell ref="D1154:D1155"/>
    <mergeCell ref="E1154:E1155"/>
    <mergeCell ref="F1154:F1155"/>
    <mergeCell ref="C1172:C1173"/>
    <mergeCell ref="D1172:D1173"/>
    <mergeCell ref="E1172:E1173"/>
    <mergeCell ref="F1172:F1173"/>
    <mergeCell ref="C1174:C1175"/>
    <mergeCell ref="D1174:D1175"/>
    <mergeCell ref="E1174:E1175"/>
    <mergeCell ref="F1174:F1175"/>
    <mergeCell ref="C1168:C1169"/>
    <mergeCell ref="D1168:D1169"/>
    <mergeCell ref="E1168:E1169"/>
    <mergeCell ref="F1168:F1169"/>
    <mergeCell ref="C1170:C1171"/>
    <mergeCell ref="D1170:D1171"/>
    <mergeCell ref="E1170:E1171"/>
    <mergeCell ref="F1170:F1171"/>
    <mergeCell ref="C1164:C1165"/>
    <mergeCell ref="D1164:D1165"/>
    <mergeCell ref="E1164:E1165"/>
    <mergeCell ref="F1164:F1165"/>
    <mergeCell ref="C1166:C1167"/>
    <mergeCell ref="D1166:D1167"/>
    <mergeCell ref="E1166:E1167"/>
    <mergeCell ref="F1166:F1167"/>
    <mergeCell ref="C1185:C1186"/>
    <mergeCell ref="D1185:D1186"/>
    <mergeCell ref="E1185:E1186"/>
    <mergeCell ref="F1185:F1186"/>
    <mergeCell ref="C1187:C1188"/>
    <mergeCell ref="D1187:D1188"/>
    <mergeCell ref="E1187:E1188"/>
    <mergeCell ref="F1187:F1188"/>
    <mergeCell ref="C1181:C1182"/>
    <mergeCell ref="D1181:D1182"/>
    <mergeCell ref="E1181:E1182"/>
    <mergeCell ref="F1181:F1182"/>
    <mergeCell ref="C1183:C1184"/>
    <mergeCell ref="D1183:D1184"/>
    <mergeCell ref="E1183:E1184"/>
    <mergeCell ref="F1183:F1184"/>
    <mergeCell ref="C1177:C1178"/>
    <mergeCell ref="D1177:D1178"/>
    <mergeCell ref="E1177:E1178"/>
    <mergeCell ref="F1177:F1178"/>
    <mergeCell ref="C1179:C1180"/>
    <mergeCell ref="D1179:D1180"/>
    <mergeCell ref="E1179:E1180"/>
    <mergeCell ref="F1179:F1180"/>
    <mergeCell ref="C1197:C1198"/>
    <mergeCell ref="D1197:D1198"/>
    <mergeCell ref="E1197:E1198"/>
    <mergeCell ref="F1197:F1198"/>
    <mergeCell ref="C1199:C1200"/>
    <mergeCell ref="D1199:D1200"/>
    <mergeCell ref="E1199:E1200"/>
    <mergeCell ref="F1199:F1200"/>
    <mergeCell ref="C1193:C1194"/>
    <mergeCell ref="D1193:D1194"/>
    <mergeCell ref="E1193:E1194"/>
    <mergeCell ref="F1193:F1194"/>
    <mergeCell ref="C1195:C1196"/>
    <mergeCell ref="D1195:D1196"/>
    <mergeCell ref="E1195:E1196"/>
    <mergeCell ref="F1195:F1196"/>
    <mergeCell ref="C1189:C1190"/>
    <mergeCell ref="D1189:D1190"/>
    <mergeCell ref="E1189:E1190"/>
    <mergeCell ref="F1189:F1190"/>
    <mergeCell ref="C1191:C1192"/>
    <mergeCell ref="D1191:D1192"/>
    <mergeCell ref="E1191:E1192"/>
    <mergeCell ref="F1191:F1192"/>
    <mergeCell ref="C1212:C1213"/>
    <mergeCell ref="D1212:D1213"/>
    <mergeCell ref="E1212:E1213"/>
    <mergeCell ref="F1212:F1213"/>
    <mergeCell ref="C1214:C1215"/>
    <mergeCell ref="D1214:D1215"/>
    <mergeCell ref="E1214:E1215"/>
    <mergeCell ref="F1214:F1215"/>
    <mergeCell ref="C1205:C1206"/>
    <mergeCell ref="D1205:D1206"/>
    <mergeCell ref="E1205:E1206"/>
    <mergeCell ref="F1205:F1206"/>
    <mergeCell ref="C1208:C1209"/>
    <mergeCell ref="D1208:D1209"/>
    <mergeCell ref="E1208:E1209"/>
    <mergeCell ref="F1208:F1209"/>
    <mergeCell ref="C1201:C1202"/>
    <mergeCell ref="D1201:D1202"/>
    <mergeCell ref="E1201:E1202"/>
    <mergeCell ref="F1201:F1202"/>
    <mergeCell ref="C1203:C1204"/>
    <mergeCell ref="D1203:D1204"/>
    <mergeCell ref="E1203:E1204"/>
    <mergeCell ref="F1203:F1204"/>
    <mergeCell ref="C1224:C1225"/>
    <mergeCell ref="D1224:D1225"/>
    <mergeCell ref="E1224:E1225"/>
    <mergeCell ref="F1224:F1225"/>
    <mergeCell ref="C1226:C1227"/>
    <mergeCell ref="D1226:D1227"/>
    <mergeCell ref="E1226:E1227"/>
    <mergeCell ref="F1226:F1227"/>
    <mergeCell ref="C1220:C1221"/>
    <mergeCell ref="D1220:D1221"/>
    <mergeCell ref="E1220:E1221"/>
    <mergeCell ref="F1220:F1221"/>
    <mergeCell ref="C1222:C1223"/>
    <mergeCell ref="D1222:D1223"/>
    <mergeCell ref="E1222:E1223"/>
    <mergeCell ref="F1222:F1223"/>
    <mergeCell ref="C1216:C1217"/>
    <mergeCell ref="D1216:D1217"/>
    <mergeCell ref="E1216:E1217"/>
    <mergeCell ref="F1216:F1217"/>
    <mergeCell ref="C1218:C1219"/>
    <mergeCell ref="D1218:D1219"/>
    <mergeCell ref="E1218:E1219"/>
    <mergeCell ref="F1218:F1219"/>
    <mergeCell ref="C1236:C1237"/>
    <mergeCell ref="D1236:D1237"/>
    <mergeCell ref="E1236:E1237"/>
    <mergeCell ref="F1236:F1237"/>
    <mergeCell ref="C1238:C1239"/>
    <mergeCell ref="D1238:D1239"/>
    <mergeCell ref="E1238:E1239"/>
    <mergeCell ref="F1238:F1239"/>
    <mergeCell ref="C1232:C1233"/>
    <mergeCell ref="D1232:D1233"/>
    <mergeCell ref="E1232:E1233"/>
    <mergeCell ref="F1232:F1233"/>
    <mergeCell ref="C1234:C1235"/>
    <mergeCell ref="D1234:D1235"/>
    <mergeCell ref="E1234:E1235"/>
    <mergeCell ref="F1234:F1235"/>
    <mergeCell ref="C1228:C1229"/>
    <mergeCell ref="D1228:D1229"/>
    <mergeCell ref="E1228:E1229"/>
    <mergeCell ref="F1228:F1229"/>
    <mergeCell ref="C1230:C1231"/>
    <mergeCell ref="D1230:D1231"/>
    <mergeCell ref="E1230:E1231"/>
    <mergeCell ref="F1230:F1231"/>
    <mergeCell ref="C1250:C1251"/>
    <mergeCell ref="D1250:D1251"/>
    <mergeCell ref="E1250:E1251"/>
    <mergeCell ref="F1250:F1251"/>
    <mergeCell ref="C1252:C1253"/>
    <mergeCell ref="D1252:D1253"/>
    <mergeCell ref="E1252:E1253"/>
    <mergeCell ref="F1252:F1253"/>
    <mergeCell ref="C1244:C1245"/>
    <mergeCell ref="D1244:D1245"/>
    <mergeCell ref="E1244:E1245"/>
    <mergeCell ref="F1244:F1245"/>
    <mergeCell ref="C1246:C1247"/>
    <mergeCell ref="D1246:D1247"/>
    <mergeCell ref="E1246:E1247"/>
    <mergeCell ref="F1246:F1247"/>
    <mergeCell ref="C1240:C1241"/>
    <mergeCell ref="D1240:D1241"/>
    <mergeCell ref="E1240:E1241"/>
    <mergeCell ref="F1240:F1241"/>
    <mergeCell ref="C1242:C1243"/>
    <mergeCell ref="D1242:D1243"/>
    <mergeCell ref="E1242:E1243"/>
    <mergeCell ref="F1242:F1243"/>
    <mergeCell ref="B1259:F1259"/>
    <mergeCell ref="C1261:C1262"/>
    <mergeCell ref="D1261:D1262"/>
    <mergeCell ref="E1261:E1262"/>
    <mergeCell ref="F1261:F1262"/>
    <mergeCell ref="C1263:C1264"/>
    <mergeCell ref="D1263:D1264"/>
    <mergeCell ref="E1263:E1264"/>
    <mergeCell ref="F1263:F1264"/>
    <mergeCell ref="C1254:C1255"/>
    <mergeCell ref="D1254:D1255"/>
    <mergeCell ref="E1254:E1255"/>
    <mergeCell ref="F1254:F1255"/>
    <mergeCell ref="B1256:F1256"/>
    <mergeCell ref="C1257:C1258"/>
    <mergeCell ref="D1257:D1258"/>
    <mergeCell ref="E1257:E1258"/>
    <mergeCell ref="F1257:F1258"/>
    <mergeCell ref="C1273:C1274"/>
    <mergeCell ref="D1273:D1274"/>
    <mergeCell ref="E1273:E1274"/>
    <mergeCell ref="F1273:F1274"/>
    <mergeCell ref="C1276:C1277"/>
    <mergeCell ref="D1276:D1277"/>
    <mergeCell ref="E1276:E1277"/>
    <mergeCell ref="F1276:F1277"/>
    <mergeCell ref="C1269:C1270"/>
    <mergeCell ref="D1269:D1270"/>
    <mergeCell ref="E1269:E1270"/>
    <mergeCell ref="F1269:F1270"/>
    <mergeCell ref="C1271:C1272"/>
    <mergeCell ref="D1271:D1272"/>
    <mergeCell ref="E1271:E1272"/>
    <mergeCell ref="F1271:F1272"/>
    <mergeCell ref="C1265:C1266"/>
    <mergeCell ref="D1265:D1266"/>
    <mergeCell ref="E1265:E1266"/>
    <mergeCell ref="F1265:F1266"/>
    <mergeCell ref="C1267:C1268"/>
    <mergeCell ref="D1267:D1268"/>
    <mergeCell ref="E1267:E1268"/>
    <mergeCell ref="F1267:F1268"/>
    <mergeCell ref="C1286:C1287"/>
    <mergeCell ref="D1286:D1287"/>
    <mergeCell ref="E1286:E1287"/>
    <mergeCell ref="F1286:F1287"/>
    <mergeCell ref="C1288:C1289"/>
    <mergeCell ref="D1288:D1289"/>
    <mergeCell ref="E1288:E1289"/>
    <mergeCell ref="F1288:F1289"/>
    <mergeCell ref="C1282:C1283"/>
    <mergeCell ref="D1282:D1283"/>
    <mergeCell ref="E1282:E1283"/>
    <mergeCell ref="F1282:F1283"/>
    <mergeCell ref="C1284:C1285"/>
    <mergeCell ref="D1284:D1285"/>
    <mergeCell ref="E1284:E1285"/>
    <mergeCell ref="F1284:F1285"/>
    <mergeCell ref="C1278:C1279"/>
    <mergeCell ref="D1278:D1279"/>
    <mergeCell ref="E1278:E1279"/>
    <mergeCell ref="F1278:F1279"/>
    <mergeCell ref="C1280:C1281"/>
    <mergeCell ref="D1280:D1281"/>
    <mergeCell ref="E1280:E1281"/>
    <mergeCell ref="F1280:F1281"/>
    <mergeCell ref="C1298:C1299"/>
    <mergeCell ref="D1298:D1299"/>
    <mergeCell ref="E1298:E1299"/>
    <mergeCell ref="F1298:F1299"/>
    <mergeCell ref="C1300:C1301"/>
    <mergeCell ref="D1300:D1301"/>
    <mergeCell ref="E1300:E1301"/>
    <mergeCell ref="F1300:F1301"/>
    <mergeCell ref="C1294:C1295"/>
    <mergeCell ref="D1294:D1295"/>
    <mergeCell ref="E1294:E1295"/>
    <mergeCell ref="F1294:F1295"/>
    <mergeCell ref="C1296:C1297"/>
    <mergeCell ref="D1296:D1297"/>
    <mergeCell ref="E1296:E1297"/>
    <mergeCell ref="F1296:F1297"/>
    <mergeCell ref="C1290:C1291"/>
    <mergeCell ref="D1290:D1291"/>
    <mergeCell ref="E1290:E1291"/>
    <mergeCell ref="F1290:F1291"/>
    <mergeCell ref="C1292:C1293"/>
    <mergeCell ref="D1292:D1293"/>
    <mergeCell ref="E1292:E1293"/>
    <mergeCell ref="F1292:F1293"/>
    <mergeCell ref="C1310:C1311"/>
    <mergeCell ref="D1310:D1311"/>
    <mergeCell ref="E1310:E1311"/>
    <mergeCell ref="F1310:F1311"/>
    <mergeCell ref="C1312:C1313"/>
    <mergeCell ref="D1312:D1313"/>
    <mergeCell ref="E1312:E1313"/>
    <mergeCell ref="F1312:F1313"/>
    <mergeCell ref="C1306:C1307"/>
    <mergeCell ref="D1306:D1307"/>
    <mergeCell ref="E1306:E1307"/>
    <mergeCell ref="F1306:F1307"/>
    <mergeCell ref="C1308:C1309"/>
    <mergeCell ref="D1308:D1309"/>
    <mergeCell ref="E1308:E1309"/>
    <mergeCell ref="F1308:F1309"/>
    <mergeCell ref="C1302:C1303"/>
    <mergeCell ref="D1302:D1303"/>
    <mergeCell ref="E1302:E1303"/>
    <mergeCell ref="F1302:F1303"/>
    <mergeCell ref="C1304:C1305"/>
    <mergeCell ref="D1304:D1305"/>
    <mergeCell ref="E1304:E1305"/>
    <mergeCell ref="F1304:F1305"/>
    <mergeCell ref="C1322:C1323"/>
    <mergeCell ref="D1322:D1323"/>
    <mergeCell ref="E1322:E1323"/>
    <mergeCell ref="F1322:F1323"/>
    <mergeCell ref="C1324:C1325"/>
    <mergeCell ref="D1324:D1325"/>
    <mergeCell ref="E1324:E1325"/>
    <mergeCell ref="F1324:F1325"/>
    <mergeCell ref="C1318:C1319"/>
    <mergeCell ref="D1318:D1319"/>
    <mergeCell ref="E1318:E1319"/>
    <mergeCell ref="F1318:F1319"/>
    <mergeCell ref="C1320:C1321"/>
    <mergeCell ref="D1320:D1321"/>
    <mergeCell ref="E1320:E1321"/>
    <mergeCell ref="F1320:F1321"/>
    <mergeCell ref="C1314:C1315"/>
    <mergeCell ref="D1314:D1315"/>
    <mergeCell ref="E1314:E1315"/>
    <mergeCell ref="F1314:F1315"/>
    <mergeCell ref="C1316:C1317"/>
    <mergeCell ref="D1316:D1317"/>
    <mergeCell ref="E1316:E1317"/>
    <mergeCell ref="F1316:F1317"/>
    <mergeCell ref="C1334:C1335"/>
    <mergeCell ref="D1334:D1335"/>
    <mergeCell ref="E1334:E1335"/>
    <mergeCell ref="F1334:F1335"/>
    <mergeCell ref="C1336:C1337"/>
    <mergeCell ref="D1336:D1337"/>
    <mergeCell ref="E1336:E1337"/>
    <mergeCell ref="F1336:F1337"/>
    <mergeCell ref="C1330:C1331"/>
    <mergeCell ref="D1330:D1331"/>
    <mergeCell ref="E1330:E1331"/>
    <mergeCell ref="F1330:F1331"/>
    <mergeCell ref="C1332:C1333"/>
    <mergeCell ref="D1332:D1333"/>
    <mergeCell ref="E1332:E1333"/>
    <mergeCell ref="F1332:F1333"/>
    <mergeCell ref="C1326:C1327"/>
    <mergeCell ref="D1326:D1327"/>
    <mergeCell ref="E1326:E1327"/>
    <mergeCell ref="F1326:F1327"/>
    <mergeCell ref="C1328:C1329"/>
    <mergeCell ref="D1328:D1329"/>
    <mergeCell ref="E1328:E1329"/>
    <mergeCell ref="F1328:F1329"/>
    <mergeCell ref="C1346:C1347"/>
    <mergeCell ref="D1346:D1347"/>
    <mergeCell ref="E1346:E1347"/>
    <mergeCell ref="F1346:F1347"/>
    <mergeCell ref="C1348:C1349"/>
    <mergeCell ref="D1348:D1349"/>
    <mergeCell ref="E1348:E1349"/>
    <mergeCell ref="F1348:F1349"/>
    <mergeCell ref="C1342:C1343"/>
    <mergeCell ref="D1342:D1343"/>
    <mergeCell ref="E1342:E1343"/>
    <mergeCell ref="F1342:F1343"/>
    <mergeCell ref="C1344:C1345"/>
    <mergeCell ref="D1344:D1345"/>
    <mergeCell ref="E1344:E1345"/>
    <mergeCell ref="F1344:F1345"/>
    <mergeCell ref="C1338:C1339"/>
    <mergeCell ref="D1338:D1339"/>
    <mergeCell ref="E1338:E1339"/>
    <mergeCell ref="F1338:F1339"/>
    <mergeCell ref="C1340:C1341"/>
    <mergeCell ref="D1340:D1341"/>
    <mergeCell ref="E1340:E1341"/>
    <mergeCell ref="F1340:F1341"/>
    <mergeCell ref="C1358:C1359"/>
    <mergeCell ref="D1358:D1359"/>
    <mergeCell ref="E1358:E1359"/>
    <mergeCell ref="F1358:F1359"/>
    <mergeCell ref="C1360:C1361"/>
    <mergeCell ref="D1360:D1361"/>
    <mergeCell ref="E1360:E1361"/>
    <mergeCell ref="F1360:F1361"/>
    <mergeCell ref="C1354:C1355"/>
    <mergeCell ref="D1354:D1355"/>
    <mergeCell ref="E1354:E1355"/>
    <mergeCell ref="F1354:F1355"/>
    <mergeCell ref="C1356:C1357"/>
    <mergeCell ref="D1356:D1357"/>
    <mergeCell ref="E1356:E1357"/>
    <mergeCell ref="F1356:F1357"/>
    <mergeCell ref="C1350:C1351"/>
    <mergeCell ref="D1350:D1351"/>
    <mergeCell ref="E1350:E1351"/>
    <mergeCell ref="F1350:F1351"/>
    <mergeCell ref="C1352:C1353"/>
    <mergeCell ref="D1352:D1353"/>
    <mergeCell ref="E1352:E1353"/>
    <mergeCell ref="F1352:F1353"/>
    <mergeCell ref="C1370:C1371"/>
    <mergeCell ref="D1370:D1371"/>
    <mergeCell ref="E1370:E1371"/>
    <mergeCell ref="F1370:F1371"/>
    <mergeCell ref="C1372:C1373"/>
    <mergeCell ref="D1372:D1373"/>
    <mergeCell ref="E1372:E1373"/>
    <mergeCell ref="F1372:F1373"/>
    <mergeCell ref="C1366:C1367"/>
    <mergeCell ref="D1366:D1367"/>
    <mergeCell ref="E1366:E1367"/>
    <mergeCell ref="F1366:F1367"/>
    <mergeCell ref="C1368:C1369"/>
    <mergeCell ref="D1368:D1369"/>
    <mergeCell ref="E1368:E1369"/>
    <mergeCell ref="F1368:F1369"/>
    <mergeCell ref="C1362:C1363"/>
    <mergeCell ref="D1362:D1363"/>
    <mergeCell ref="E1362:E1363"/>
    <mergeCell ref="F1362:F1363"/>
    <mergeCell ref="C1364:C1365"/>
    <mergeCell ref="D1364:D1365"/>
    <mergeCell ref="E1364:E1365"/>
    <mergeCell ref="F1364:F1365"/>
    <mergeCell ref="C1382:C1383"/>
    <mergeCell ref="D1382:D1383"/>
    <mergeCell ref="E1382:E1383"/>
    <mergeCell ref="F1382:F1383"/>
    <mergeCell ref="C1384:C1385"/>
    <mergeCell ref="D1384:D1385"/>
    <mergeCell ref="E1384:E1385"/>
    <mergeCell ref="F1384:F1385"/>
    <mergeCell ref="C1378:C1379"/>
    <mergeCell ref="D1378:D1379"/>
    <mergeCell ref="E1378:E1379"/>
    <mergeCell ref="F1378:F1379"/>
    <mergeCell ref="C1380:C1381"/>
    <mergeCell ref="D1380:D1381"/>
    <mergeCell ref="E1380:E1381"/>
    <mergeCell ref="F1380:F1381"/>
    <mergeCell ref="C1374:C1375"/>
    <mergeCell ref="D1374:D1375"/>
    <mergeCell ref="E1374:E1375"/>
    <mergeCell ref="F1374:F1375"/>
    <mergeCell ref="C1376:C1377"/>
    <mergeCell ref="D1376:D1377"/>
    <mergeCell ref="E1376:E1377"/>
    <mergeCell ref="F1376:F1377"/>
    <mergeCell ref="C1394:C1395"/>
    <mergeCell ref="D1394:D1395"/>
    <mergeCell ref="E1394:E1395"/>
    <mergeCell ref="F1394:F1395"/>
    <mergeCell ref="C1396:C1397"/>
    <mergeCell ref="D1396:D1397"/>
    <mergeCell ref="E1396:E1397"/>
    <mergeCell ref="F1396:F1397"/>
    <mergeCell ref="C1390:C1391"/>
    <mergeCell ref="D1390:D1391"/>
    <mergeCell ref="E1390:E1391"/>
    <mergeCell ref="F1390:F1391"/>
    <mergeCell ref="C1392:C1393"/>
    <mergeCell ref="D1392:D1393"/>
    <mergeCell ref="E1392:E1393"/>
    <mergeCell ref="F1392:F1393"/>
    <mergeCell ref="C1386:C1387"/>
    <mergeCell ref="D1386:D1387"/>
    <mergeCell ref="E1386:E1387"/>
    <mergeCell ref="F1386:F1387"/>
    <mergeCell ref="C1388:C1389"/>
    <mergeCell ref="D1388:D1389"/>
    <mergeCell ref="E1388:E1389"/>
    <mergeCell ref="F1388:F1389"/>
    <mergeCell ref="C1413:C1414"/>
    <mergeCell ref="D1413:D1414"/>
    <mergeCell ref="E1413:E1414"/>
    <mergeCell ref="F1413:F1414"/>
    <mergeCell ref="C1415:C1416"/>
    <mergeCell ref="D1415:D1416"/>
    <mergeCell ref="E1415:E1416"/>
    <mergeCell ref="F1415:F1416"/>
    <mergeCell ref="C1406:C1407"/>
    <mergeCell ref="D1406:D1407"/>
    <mergeCell ref="E1406:E1407"/>
    <mergeCell ref="F1406:F1407"/>
    <mergeCell ref="C1411:C1412"/>
    <mergeCell ref="D1411:D1412"/>
    <mergeCell ref="E1411:E1412"/>
    <mergeCell ref="F1411:F1412"/>
    <mergeCell ref="C1398:C1399"/>
    <mergeCell ref="D1398:D1399"/>
    <mergeCell ref="E1398:E1399"/>
    <mergeCell ref="F1398:F1399"/>
    <mergeCell ref="C1404:C1405"/>
    <mergeCell ref="D1404:D1405"/>
    <mergeCell ref="E1404:E1405"/>
    <mergeCell ref="F1404:F1405"/>
    <mergeCell ref="C1425:C1426"/>
    <mergeCell ref="D1425:D1426"/>
    <mergeCell ref="E1425:E1426"/>
    <mergeCell ref="F1425:F1426"/>
    <mergeCell ref="C1427:C1428"/>
    <mergeCell ref="D1427:D1428"/>
    <mergeCell ref="E1427:E1428"/>
    <mergeCell ref="F1427:F1428"/>
    <mergeCell ref="C1421:C1422"/>
    <mergeCell ref="D1421:D1422"/>
    <mergeCell ref="E1421:E1422"/>
    <mergeCell ref="F1421:F1422"/>
    <mergeCell ref="C1423:C1424"/>
    <mergeCell ref="D1423:D1424"/>
    <mergeCell ref="E1423:E1424"/>
    <mergeCell ref="F1423:F1424"/>
    <mergeCell ref="C1417:C1418"/>
    <mergeCell ref="D1417:D1418"/>
    <mergeCell ref="E1417:E1418"/>
    <mergeCell ref="F1417:F1418"/>
    <mergeCell ref="C1419:C1420"/>
    <mergeCell ref="D1419:D1420"/>
    <mergeCell ref="E1419:E1420"/>
    <mergeCell ref="F1419:F1420"/>
    <mergeCell ref="B1472:F1472"/>
    <mergeCell ref="B1474:F1474"/>
    <mergeCell ref="B1481:F1481"/>
    <mergeCell ref="B1483:F1483"/>
    <mergeCell ref="B1484:F1484"/>
    <mergeCell ref="B1494:F1494"/>
    <mergeCell ref="B1464:F1464"/>
    <mergeCell ref="B1466:F1466"/>
    <mergeCell ref="B1468:F1468"/>
    <mergeCell ref="C1469:C1471"/>
    <mergeCell ref="D1469:D1471"/>
    <mergeCell ref="E1469:E1471"/>
    <mergeCell ref="F1469:F1471"/>
    <mergeCell ref="B1430:B1436"/>
    <mergeCell ref="C1430:C1436"/>
    <mergeCell ref="D1430:D1436"/>
    <mergeCell ref="F1430:F1436"/>
    <mergeCell ref="B1453:F1453"/>
    <mergeCell ref="B1456:F1456"/>
    <mergeCell ref="B1533:F1533"/>
    <mergeCell ref="B1535:F1535"/>
    <mergeCell ref="C1539:C1540"/>
    <mergeCell ref="D1539:D1540"/>
    <mergeCell ref="E1539:E1540"/>
    <mergeCell ref="F1539:F1540"/>
    <mergeCell ref="C1517:C1519"/>
    <mergeCell ref="D1517:D1519"/>
    <mergeCell ref="E1517:E1519"/>
    <mergeCell ref="F1517:F1519"/>
    <mergeCell ref="B1520:F1520"/>
    <mergeCell ref="C1521:C1522"/>
    <mergeCell ref="D1521:D1522"/>
    <mergeCell ref="E1521:E1522"/>
    <mergeCell ref="F1521:F1522"/>
    <mergeCell ref="B1498:F1498"/>
    <mergeCell ref="B1500:F1500"/>
    <mergeCell ref="B1508:F1508"/>
    <mergeCell ref="B1512:F1512"/>
    <mergeCell ref="C1514:C1516"/>
    <mergeCell ref="D1514:D1516"/>
    <mergeCell ref="E1514:E1516"/>
    <mergeCell ref="F1514:F1516"/>
    <mergeCell ref="B1569:F1569"/>
    <mergeCell ref="B1571:F1571"/>
    <mergeCell ref="C1574:C1575"/>
    <mergeCell ref="D1574:D1575"/>
    <mergeCell ref="E1574:E1575"/>
    <mergeCell ref="F1574:F1575"/>
    <mergeCell ref="C1563:C1564"/>
    <mergeCell ref="D1563:D1564"/>
    <mergeCell ref="E1563:E1564"/>
    <mergeCell ref="F1563:F1564"/>
    <mergeCell ref="B1565:F1565"/>
    <mergeCell ref="B1567:F1567"/>
    <mergeCell ref="C1548:C1549"/>
    <mergeCell ref="D1548:D1549"/>
    <mergeCell ref="E1548:E1549"/>
    <mergeCell ref="F1548:F1549"/>
    <mergeCell ref="B1560:F1560"/>
    <mergeCell ref="C1561:C1562"/>
    <mergeCell ref="D1561:D1562"/>
    <mergeCell ref="E1561:E1562"/>
    <mergeCell ref="F1561:F1562"/>
    <mergeCell ref="B1592:F1592"/>
    <mergeCell ref="B1595:F1595"/>
    <mergeCell ref="C1596:C1598"/>
    <mergeCell ref="F1596:F1598"/>
    <mergeCell ref="C1627:C1630"/>
    <mergeCell ref="F1627:F1630"/>
    <mergeCell ref="B1585:F1585"/>
    <mergeCell ref="B1587:F1587"/>
    <mergeCell ref="C1588:C1591"/>
    <mergeCell ref="D1588:D1591"/>
    <mergeCell ref="E1588:E1591"/>
    <mergeCell ref="F1588:F1591"/>
    <mergeCell ref="B1576:F1576"/>
    <mergeCell ref="C1578:C1579"/>
    <mergeCell ref="D1578:D1579"/>
    <mergeCell ref="E1578:E1579"/>
    <mergeCell ref="F1578:F1579"/>
    <mergeCell ref="B1580:F1580"/>
    <mergeCell ref="B1647:B1649"/>
    <mergeCell ref="C1647:C1649"/>
    <mergeCell ref="F1647:F1649"/>
    <mergeCell ref="B1655:F1655"/>
    <mergeCell ref="C1656:C1657"/>
    <mergeCell ref="D1656:D1657"/>
    <mergeCell ref="E1656:E1657"/>
    <mergeCell ref="F1656:F1657"/>
    <mergeCell ref="B1635:F1635"/>
    <mergeCell ref="B1637:F1637"/>
    <mergeCell ref="B1640:B1642"/>
    <mergeCell ref="C1640:C1642"/>
    <mergeCell ref="F1640:F1642"/>
    <mergeCell ref="C1644:C1645"/>
    <mergeCell ref="D1644:D1645"/>
    <mergeCell ref="E1644:E1645"/>
    <mergeCell ref="F1644:F1645"/>
    <mergeCell ref="C1671:C1672"/>
    <mergeCell ref="D1671:D1672"/>
    <mergeCell ref="E1671:E1672"/>
    <mergeCell ref="F1671:F1672"/>
    <mergeCell ref="C1673:C1675"/>
    <mergeCell ref="F1673:F1675"/>
    <mergeCell ref="B1665:F1665"/>
    <mergeCell ref="C1666:C1667"/>
    <mergeCell ref="F1666:F1667"/>
    <mergeCell ref="C1668:C1669"/>
    <mergeCell ref="D1668:D1669"/>
    <mergeCell ref="F1668:F1669"/>
    <mergeCell ref="B1658:F1658"/>
    <mergeCell ref="B1661:F1661"/>
    <mergeCell ref="C1662:C1664"/>
    <mergeCell ref="D1662:D1664"/>
    <mergeCell ref="E1662:E1664"/>
    <mergeCell ref="F1662:F1664"/>
    <mergeCell ref="C1684:C1685"/>
    <mergeCell ref="D1684:D1685"/>
    <mergeCell ref="E1684:E1685"/>
    <mergeCell ref="F1684:F1685"/>
    <mergeCell ref="B1686:F1686"/>
    <mergeCell ref="C1687:C1690"/>
    <mergeCell ref="D1687:D1690"/>
    <mergeCell ref="E1687:E1690"/>
    <mergeCell ref="F1687:F1690"/>
    <mergeCell ref="C1678:C1679"/>
    <mergeCell ref="D1678:D1679"/>
    <mergeCell ref="E1678:E1679"/>
    <mergeCell ref="F1678:F1679"/>
    <mergeCell ref="B1680:F1680"/>
    <mergeCell ref="C1681:C1682"/>
    <mergeCell ref="D1681:D1682"/>
    <mergeCell ref="E1681:E1682"/>
    <mergeCell ref="F1681:F1682"/>
    <mergeCell ref="C1713:C1714"/>
    <mergeCell ref="D1713:D1714"/>
    <mergeCell ref="E1713:E1714"/>
    <mergeCell ref="F1713:F1714"/>
    <mergeCell ref="C1715:C1716"/>
    <mergeCell ref="D1715:D1716"/>
    <mergeCell ref="E1715:E1716"/>
    <mergeCell ref="F1715:F1716"/>
    <mergeCell ref="B1702:F1702"/>
    <mergeCell ref="B1704:F1704"/>
    <mergeCell ref="B1708:F1708"/>
    <mergeCell ref="B1710:F1710"/>
    <mergeCell ref="C1711:C1712"/>
    <mergeCell ref="D1711:D1712"/>
    <mergeCell ref="E1711:E1712"/>
    <mergeCell ref="F1711:F1712"/>
    <mergeCell ref="C1691:C1693"/>
    <mergeCell ref="D1691:D1693"/>
    <mergeCell ref="E1691:E1693"/>
    <mergeCell ref="F1691:F1693"/>
    <mergeCell ref="B1695:F1695"/>
    <mergeCell ref="C1700:C1701"/>
    <mergeCell ref="D1700:D1701"/>
    <mergeCell ref="E1700:E1701"/>
    <mergeCell ref="F1700:F1701"/>
    <mergeCell ref="C1731:C1732"/>
    <mergeCell ref="D1731:D1732"/>
    <mergeCell ref="E1731:E1732"/>
    <mergeCell ref="F1731:F1732"/>
    <mergeCell ref="C1733:C1734"/>
    <mergeCell ref="D1733:D1734"/>
    <mergeCell ref="E1733:E1734"/>
    <mergeCell ref="F1733:F1734"/>
    <mergeCell ref="C1726:C1727"/>
    <mergeCell ref="D1726:D1727"/>
    <mergeCell ref="E1726:E1727"/>
    <mergeCell ref="F1726:F1727"/>
    <mergeCell ref="C1729:C1730"/>
    <mergeCell ref="D1729:D1730"/>
    <mergeCell ref="E1729:E1730"/>
    <mergeCell ref="F1729:F1730"/>
    <mergeCell ref="C1717:C1718"/>
    <mergeCell ref="D1717:D1718"/>
    <mergeCell ref="E1717:E1718"/>
    <mergeCell ref="F1717:F1718"/>
    <mergeCell ref="C1723:C1724"/>
    <mergeCell ref="D1723:D1724"/>
    <mergeCell ref="E1723:E1724"/>
    <mergeCell ref="F1723:F1724"/>
    <mergeCell ref="C1744:C1745"/>
    <mergeCell ref="D1744:D1745"/>
    <mergeCell ref="E1744:E1745"/>
    <mergeCell ref="F1744:F1745"/>
    <mergeCell ref="C1746:C1747"/>
    <mergeCell ref="D1746:D1747"/>
    <mergeCell ref="E1746:E1747"/>
    <mergeCell ref="F1746:F1747"/>
    <mergeCell ref="C1740:C1741"/>
    <mergeCell ref="D1740:D1741"/>
    <mergeCell ref="E1740:E1741"/>
    <mergeCell ref="F1740:F1741"/>
    <mergeCell ref="C1742:C1743"/>
    <mergeCell ref="D1742:D1743"/>
    <mergeCell ref="E1742:E1743"/>
    <mergeCell ref="F1742:F1743"/>
    <mergeCell ref="C1735:C1736"/>
    <mergeCell ref="D1735:D1736"/>
    <mergeCell ref="E1735:E1736"/>
    <mergeCell ref="F1735:F1736"/>
    <mergeCell ref="C1738:C1739"/>
    <mergeCell ref="D1738:D1739"/>
    <mergeCell ref="E1738:E1739"/>
    <mergeCell ref="F1738:F1739"/>
    <mergeCell ref="C1756:C1757"/>
    <mergeCell ref="D1756:D1757"/>
    <mergeCell ref="E1756:E1757"/>
    <mergeCell ref="F1756:F1757"/>
    <mergeCell ref="C1758:C1759"/>
    <mergeCell ref="D1758:D1759"/>
    <mergeCell ref="E1758:E1759"/>
    <mergeCell ref="F1758:F1759"/>
    <mergeCell ref="C1752:C1753"/>
    <mergeCell ref="D1752:D1753"/>
    <mergeCell ref="E1752:E1753"/>
    <mergeCell ref="F1752:F1753"/>
    <mergeCell ref="C1754:C1755"/>
    <mergeCell ref="D1754:D1755"/>
    <mergeCell ref="E1754:E1755"/>
    <mergeCell ref="F1754:F1755"/>
    <mergeCell ref="C1748:C1749"/>
    <mergeCell ref="D1748:D1749"/>
    <mergeCell ref="E1748:E1749"/>
    <mergeCell ref="F1748:F1749"/>
    <mergeCell ref="C1750:C1751"/>
    <mergeCell ref="D1750:D1751"/>
    <mergeCell ref="E1750:E1751"/>
    <mergeCell ref="F1750:F1751"/>
    <mergeCell ref="C1770:C1771"/>
    <mergeCell ref="D1770:D1771"/>
    <mergeCell ref="E1770:E1771"/>
    <mergeCell ref="F1770:F1771"/>
    <mergeCell ref="C1772:C1773"/>
    <mergeCell ref="D1772:D1773"/>
    <mergeCell ref="E1772:E1773"/>
    <mergeCell ref="F1772:F1773"/>
    <mergeCell ref="C1765:C1766"/>
    <mergeCell ref="D1765:D1766"/>
    <mergeCell ref="E1765:E1766"/>
    <mergeCell ref="F1765:F1766"/>
    <mergeCell ref="C1768:C1769"/>
    <mergeCell ref="D1768:D1769"/>
    <mergeCell ref="E1768:E1769"/>
    <mergeCell ref="F1768:F1769"/>
    <mergeCell ref="C1761:C1762"/>
    <mergeCell ref="D1761:D1762"/>
    <mergeCell ref="E1761:E1762"/>
    <mergeCell ref="F1761:F1762"/>
    <mergeCell ref="C1763:C1764"/>
    <mergeCell ref="D1763:D1764"/>
    <mergeCell ref="E1763:E1764"/>
    <mergeCell ref="F1763:F1764"/>
    <mergeCell ref="B1782:F1782"/>
    <mergeCell ref="C1783:C1785"/>
    <mergeCell ref="D1783:D1785"/>
    <mergeCell ref="E1783:E1785"/>
    <mergeCell ref="F1783:F1785"/>
    <mergeCell ref="B1786:F1786"/>
    <mergeCell ref="C1778:C1779"/>
    <mergeCell ref="D1778:D1779"/>
    <mergeCell ref="E1778:E1779"/>
    <mergeCell ref="F1778:F1779"/>
    <mergeCell ref="C1780:C1781"/>
    <mergeCell ref="D1780:D1781"/>
    <mergeCell ref="E1780:E1781"/>
    <mergeCell ref="F1780:F1781"/>
    <mergeCell ref="C1774:C1775"/>
    <mergeCell ref="D1774:D1775"/>
    <mergeCell ref="E1774:E1775"/>
    <mergeCell ref="F1774:F1775"/>
    <mergeCell ref="C1776:C1777"/>
    <mergeCell ref="D1776:D1777"/>
    <mergeCell ref="E1776:E1777"/>
    <mergeCell ref="F1776:F1777"/>
    <mergeCell ref="C1795:C1796"/>
    <mergeCell ref="D1795:D1796"/>
    <mergeCell ref="E1795:E1796"/>
    <mergeCell ref="F1795:F1796"/>
    <mergeCell ref="C1797:C1798"/>
    <mergeCell ref="D1797:D1798"/>
    <mergeCell ref="E1797:E1798"/>
    <mergeCell ref="F1797:F1798"/>
    <mergeCell ref="C1791:C1792"/>
    <mergeCell ref="D1791:D1792"/>
    <mergeCell ref="E1791:E1792"/>
    <mergeCell ref="F1791:F1792"/>
    <mergeCell ref="C1793:C1794"/>
    <mergeCell ref="D1793:D1794"/>
    <mergeCell ref="E1793:E1794"/>
    <mergeCell ref="F1793:F1794"/>
    <mergeCell ref="C1787:C1788"/>
    <mergeCell ref="D1787:D1788"/>
    <mergeCell ref="E1787:E1788"/>
    <mergeCell ref="F1787:F1788"/>
    <mergeCell ref="C1789:C1790"/>
    <mergeCell ref="D1789:D1790"/>
    <mergeCell ref="E1789:E1790"/>
    <mergeCell ref="F1789:F1790"/>
    <mergeCell ref="C1808:C1809"/>
    <mergeCell ref="D1808:D1809"/>
    <mergeCell ref="E1808:E1809"/>
    <mergeCell ref="F1808:F1809"/>
    <mergeCell ref="C1810:C1811"/>
    <mergeCell ref="D1810:D1811"/>
    <mergeCell ref="E1810:E1811"/>
    <mergeCell ref="F1810:F1811"/>
    <mergeCell ref="C1803:C1804"/>
    <mergeCell ref="D1803:D1804"/>
    <mergeCell ref="E1803:E1804"/>
    <mergeCell ref="F1803:F1804"/>
    <mergeCell ref="B1806:F1806"/>
    <mergeCell ref="B1807:F1807"/>
    <mergeCell ref="C1799:C1800"/>
    <mergeCell ref="D1799:D1800"/>
    <mergeCell ref="E1799:E1800"/>
    <mergeCell ref="F1799:F1800"/>
    <mergeCell ref="C1801:C1802"/>
    <mergeCell ref="D1801:D1802"/>
    <mergeCell ref="E1801:E1802"/>
    <mergeCell ref="F1801:F1802"/>
    <mergeCell ref="C1820:C1821"/>
    <mergeCell ref="D1820:D1821"/>
    <mergeCell ref="E1820:E1821"/>
    <mergeCell ref="F1820:F1821"/>
    <mergeCell ref="C1822:C1823"/>
    <mergeCell ref="D1822:D1823"/>
    <mergeCell ref="E1822:E1823"/>
    <mergeCell ref="F1822:F1823"/>
    <mergeCell ref="C1816:C1817"/>
    <mergeCell ref="D1816:D1817"/>
    <mergeCell ref="E1816:E1817"/>
    <mergeCell ref="F1816:F1817"/>
    <mergeCell ref="C1818:C1819"/>
    <mergeCell ref="D1818:D1819"/>
    <mergeCell ref="E1818:E1819"/>
    <mergeCell ref="F1818:F1819"/>
    <mergeCell ref="C1812:C1813"/>
    <mergeCell ref="D1812:D1813"/>
    <mergeCell ref="E1812:E1813"/>
    <mergeCell ref="F1812:F1813"/>
    <mergeCell ref="C1814:C1815"/>
    <mergeCell ref="D1814:D1815"/>
    <mergeCell ref="E1814:E1815"/>
    <mergeCell ref="F1814:F1815"/>
    <mergeCell ref="C1832:C1833"/>
    <mergeCell ref="D1832:D1833"/>
    <mergeCell ref="E1832:E1833"/>
    <mergeCell ref="F1832:F1833"/>
    <mergeCell ref="C1834:C1835"/>
    <mergeCell ref="D1834:D1835"/>
    <mergeCell ref="E1834:E1835"/>
    <mergeCell ref="F1834:F1835"/>
    <mergeCell ref="C1828:C1829"/>
    <mergeCell ref="D1828:D1829"/>
    <mergeCell ref="E1828:E1829"/>
    <mergeCell ref="F1828:F1829"/>
    <mergeCell ref="C1830:C1831"/>
    <mergeCell ref="D1830:D1831"/>
    <mergeCell ref="E1830:E1831"/>
    <mergeCell ref="F1830:F1831"/>
    <mergeCell ref="C1824:C1825"/>
    <mergeCell ref="D1824:D1825"/>
    <mergeCell ref="E1824:E1825"/>
    <mergeCell ref="F1824:F1825"/>
    <mergeCell ref="C1826:C1827"/>
    <mergeCell ref="D1826:D1827"/>
    <mergeCell ref="E1826:E1827"/>
    <mergeCell ref="F1826:F1827"/>
    <mergeCell ref="C1844:C1845"/>
    <mergeCell ref="D1844:D1845"/>
    <mergeCell ref="E1844:E1845"/>
    <mergeCell ref="F1844:F1845"/>
    <mergeCell ref="C1846:C1847"/>
    <mergeCell ref="D1846:D1847"/>
    <mergeCell ref="E1846:E1847"/>
    <mergeCell ref="F1846:F1847"/>
    <mergeCell ref="C1840:C1841"/>
    <mergeCell ref="D1840:D1841"/>
    <mergeCell ref="E1840:E1841"/>
    <mergeCell ref="F1840:F1841"/>
    <mergeCell ref="C1842:C1843"/>
    <mergeCell ref="D1842:D1843"/>
    <mergeCell ref="E1842:E1843"/>
    <mergeCell ref="F1842:F1843"/>
    <mergeCell ref="C1836:C1837"/>
    <mergeCell ref="D1836:D1837"/>
    <mergeCell ref="E1836:E1837"/>
    <mergeCell ref="F1836:F1837"/>
    <mergeCell ref="C1838:C1839"/>
    <mergeCell ref="D1838:D1839"/>
    <mergeCell ref="E1838:E1839"/>
    <mergeCell ref="F1838:F1839"/>
    <mergeCell ref="B1858:F1858"/>
    <mergeCell ref="C1859:C1860"/>
    <mergeCell ref="D1859:D1860"/>
    <mergeCell ref="E1859:E1860"/>
    <mergeCell ref="F1859:F1860"/>
    <mergeCell ref="B1861:F1861"/>
    <mergeCell ref="C1852:C1853"/>
    <mergeCell ref="D1852:D1853"/>
    <mergeCell ref="E1852:E1853"/>
    <mergeCell ref="F1852:F1853"/>
    <mergeCell ref="B1854:F1854"/>
    <mergeCell ref="C1855:C1857"/>
    <mergeCell ref="D1855:D1857"/>
    <mergeCell ref="E1855:E1857"/>
    <mergeCell ref="F1855:F1857"/>
    <mergeCell ref="C1848:C1849"/>
    <mergeCell ref="D1848:D1849"/>
    <mergeCell ref="E1848:E1849"/>
    <mergeCell ref="F1848:F1849"/>
    <mergeCell ref="C1850:C1851"/>
    <mergeCell ref="D1850:D1851"/>
    <mergeCell ref="E1850:E1851"/>
    <mergeCell ref="F1850:F1851"/>
    <mergeCell ref="C1872:C1873"/>
    <mergeCell ref="D1872:D1873"/>
    <mergeCell ref="E1872:E1873"/>
    <mergeCell ref="F1872:F1873"/>
    <mergeCell ref="C1874:C1875"/>
    <mergeCell ref="D1874:D1875"/>
    <mergeCell ref="E1874:E1875"/>
    <mergeCell ref="F1874:F1875"/>
    <mergeCell ref="C1868:C1869"/>
    <mergeCell ref="D1868:D1869"/>
    <mergeCell ref="E1868:E1869"/>
    <mergeCell ref="F1868:F1869"/>
    <mergeCell ref="C1870:C1871"/>
    <mergeCell ref="D1870:D1871"/>
    <mergeCell ref="E1870:E1871"/>
    <mergeCell ref="F1870:F1871"/>
    <mergeCell ref="C1862:C1864"/>
    <mergeCell ref="D1862:D1864"/>
    <mergeCell ref="E1862:E1864"/>
    <mergeCell ref="F1862:F1864"/>
    <mergeCell ref="B1865:F1865"/>
    <mergeCell ref="C1866:C1867"/>
    <mergeCell ref="D1866:D1867"/>
    <mergeCell ref="E1866:E1867"/>
    <mergeCell ref="F1866:F1867"/>
    <mergeCell ref="C1884:C1885"/>
    <mergeCell ref="D1884:D1885"/>
    <mergeCell ref="E1884:E1885"/>
    <mergeCell ref="F1884:F1885"/>
    <mergeCell ref="C1886:C1887"/>
    <mergeCell ref="D1886:D1887"/>
    <mergeCell ref="E1886:E1887"/>
    <mergeCell ref="F1886:F1887"/>
    <mergeCell ref="C1880:C1881"/>
    <mergeCell ref="D1880:D1881"/>
    <mergeCell ref="E1880:E1881"/>
    <mergeCell ref="F1880:F1881"/>
    <mergeCell ref="C1882:C1883"/>
    <mergeCell ref="D1882:D1883"/>
    <mergeCell ref="E1882:E1883"/>
    <mergeCell ref="F1882:F1883"/>
    <mergeCell ref="C1876:C1877"/>
    <mergeCell ref="D1876:D1877"/>
    <mergeCell ref="E1876:E1877"/>
    <mergeCell ref="F1876:F1877"/>
    <mergeCell ref="C1878:C1879"/>
    <mergeCell ref="D1878:D1879"/>
    <mergeCell ref="E1878:E1879"/>
    <mergeCell ref="F1878:F1879"/>
    <mergeCell ref="B1899:F1899"/>
    <mergeCell ref="B1901:F1901"/>
    <mergeCell ref="C1902:C1904"/>
    <mergeCell ref="D1902:D1904"/>
    <mergeCell ref="E1902:E1904"/>
    <mergeCell ref="F1902:F1904"/>
    <mergeCell ref="C1894:C1895"/>
    <mergeCell ref="D1894:D1895"/>
    <mergeCell ref="E1894:E1895"/>
    <mergeCell ref="F1894:F1895"/>
    <mergeCell ref="C1896:C1898"/>
    <mergeCell ref="D1896:D1898"/>
    <mergeCell ref="E1896:E1898"/>
    <mergeCell ref="F1896:F1898"/>
    <mergeCell ref="C1888:C1889"/>
    <mergeCell ref="D1888:D1889"/>
    <mergeCell ref="E1888:E1889"/>
    <mergeCell ref="F1888:F1889"/>
    <mergeCell ref="B1890:F1890"/>
    <mergeCell ref="C1891:C1893"/>
    <mergeCell ref="D1891:D1893"/>
    <mergeCell ref="E1891:E1893"/>
    <mergeCell ref="F1891:F1893"/>
    <mergeCell ref="C1914:C1915"/>
    <mergeCell ref="D1914:D1915"/>
    <mergeCell ref="E1914:E1915"/>
    <mergeCell ref="F1914:F1915"/>
    <mergeCell ref="C1916:C1917"/>
    <mergeCell ref="D1916:D1917"/>
    <mergeCell ref="E1916:E1917"/>
    <mergeCell ref="F1916:F1917"/>
    <mergeCell ref="C1910:C1911"/>
    <mergeCell ref="D1910:D1911"/>
    <mergeCell ref="E1910:E1911"/>
    <mergeCell ref="F1910:F1911"/>
    <mergeCell ref="C1912:C1913"/>
    <mergeCell ref="D1912:D1913"/>
    <mergeCell ref="E1912:E1913"/>
    <mergeCell ref="F1912:F1913"/>
    <mergeCell ref="B1905:F1905"/>
    <mergeCell ref="C1906:C1907"/>
    <mergeCell ref="D1906:D1907"/>
    <mergeCell ref="E1906:E1907"/>
    <mergeCell ref="F1906:F1907"/>
    <mergeCell ref="C1908:C1909"/>
    <mergeCell ref="D1908:D1909"/>
    <mergeCell ref="E1908:E1909"/>
    <mergeCell ref="F1908:F1909"/>
    <mergeCell ref="B1923:F1923"/>
    <mergeCell ref="C1924:C1925"/>
    <mergeCell ref="D1924:D1925"/>
    <mergeCell ref="E1924:E1925"/>
    <mergeCell ref="F1924:F1925"/>
    <mergeCell ref="C1926:C1927"/>
    <mergeCell ref="D1926:D1927"/>
    <mergeCell ref="E1926:E1927"/>
    <mergeCell ref="F1926:F1927"/>
    <mergeCell ref="C1918:C1919"/>
    <mergeCell ref="D1918:D1919"/>
    <mergeCell ref="E1918:E1919"/>
    <mergeCell ref="F1918:F1919"/>
    <mergeCell ref="B1920:F1920"/>
    <mergeCell ref="C1921:C1922"/>
    <mergeCell ref="D1921:D1922"/>
    <mergeCell ref="E1921:E1922"/>
    <mergeCell ref="F1921:F1922"/>
    <mergeCell ref="C1932:C1933"/>
    <mergeCell ref="D1932:D1933"/>
    <mergeCell ref="E1932:E1933"/>
    <mergeCell ref="F1932:F1933"/>
    <mergeCell ref="B1934:F1934"/>
    <mergeCell ref="C1935:C1937"/>
    <mergeCell ref="D1935:D1937"/>
    <mergeCell ref="E1935:E1937"/>
    <mergeCell ref="F1935:F1937"/>
    <mergeCell ref="C1928:C1929"/>
    <mergeCell ref="D1928:D1929"/>
    <mergeCell ref="E1928:E1929"/>
    <mergeCell ref="F1928:F1929"/>
    <mergeCell ref="C1930:C1931"/>
    <mergeCell ref="D1930:D1931"/>
    <mergeCell ref="E1930:E1931"/>
    <mergeCell ref="F1930:F1931"/>
    <mergeCell ref="C1947:C1948"/>
    <mergeCell ref="D1947:D1948"/>
    <mergeCell ref="E1947:E1948"/>
    <mergeCell ref="F1947:F1948"/>
    <mergeCell ref="C1949:C1950"/>
    <mergeCell ref="D1949:D1950"/>
    <mergeCell ref="E1949:E1950"/>
    <mergeCell ref="F1949:F1950"/>
    <mergeCell ref="C1943:C1944"/>
    <mergeCell ref="D1943:D1944"/>
    <mergeCell ref="E1943:E1944"/>
    <mergeCell ref="F1943:F1944"/>
    <mergeCell ref="C1945:C1946"/>
    <mergeCell ref="D1945:D1946"/>
    <mergeCell ref="E1945:E1946"/>
    <mergeCell ref="F1945:F1946"/>
    <mergeCell ref="B1938:F1938"/>
    <mergeCell ref="C1939:C1940"/>
    <mergeCell ref="D1939:D1940"/>
    <mergeCell ref="E1939:E1940"/>
    <mergeCell ref="F1939:F1940"/>
    <mergeCell ref="C1941:C1942"/>
    <mergeCell ref="D1941:D1942"/>
    <mergeCell ref="E1941:E1942"/>
    <mergeCell ref="F1941:F1942"/>
    <mergeCell ref="C1960:C1961"/>
    <mergeCell ref="D1960:D1961"/>
    <mergeCell ref="E1960:E1961"/>
    <mergeCell ref="F1960:F1961"/>
    <mergeCell ref="C1962:C1963"/>
    <mergeCell ref="D1962:D1963"/>
    <mergeCell ref="E1962:E1963"/>
    <mergeCell ref="F1962:F1963"/>
    <mergeCell ref="C1955:C1956"/>
    <mergeCell ref="D1955:D1956"/>
    <mergeCell ref="E1955:E1956"/>
    <mergeCell ref="F1955:F1956"/>
    <mergeCell ref="C1957:C1958"/>
    <mergeCell ref="D1957:D1958"/>
    <mergeCell ref="E1957:E1958"/>
    <mergeCell ref="F1957:F1958"/>
    <mergeCell ref="C1951:C1952"/>
    <mergeCell ref="D1951:D1952"/>
    <mergeCell ref="E1951:E1952"/>
    <mergeCell ref="F1951:F1952"/>
    <mergeCell ref="C1953:C1954"/>
    <mergeCell ref="D1953:D1954"/>
    <mergeCell ref="E1953:E1954"/>
    <mergeCell ref="F1953:F1954"/>
    <mergeCell ref="C1974:C1975"/>
    <mergeCell ref="D1974:D1975"/>
    <mergeCell ref="E1974:E1975"/>
    <mergeCell ref="F1974:F1975"/>
    <mergeCell ref="C1976:C1977"/>
    <mergeCell ref="D1976:D1977"/>
    <mergeCell ref="E1976:E1977"/>
    <mergeCell ref="F1976:F1977"/>
    <mergeCell ref="C1970:C1971"/>
    <mergeCell ref="D1970:D1971"/>
    <mergeCell ref="E1970:E1971"/>
    <mergeCell ref="F1970:F1971"/>
    <mergeCell ref="C1972:C1973"/>
    <mergeCell ref="D1972:D1973"/>
    <mergeCell ref="E1972:E1973"/>
    <mergeCell ref="F1972:F1973"/>
    <mergeCell ref="C1964:C1965"/>
    <mergeCell ref="D1964:D1965"/>
    <mergeCell ref="E1964:E1965"/>
    <mergeCell ref="F1964:F1965"/>
    <mergeCell ref="C1968:C1969"/>
    <mergeCell ref="D1968:D1969"/>
    <mergeCell ref="E1968:E1969"/>
    <mergeCell ref="F1968:F1969"/>
    <mergeCell ref="C1988:C1989"/>
    <mergeCell ref="D1988:D1989"/>
    <mergeCell ref="E1988:E1989"/>
    <mergeCell ref="F1988:F1989"/>
    <mergeCell ref="C1990:C1991"/>
    <mergeCell ref="D1990:D1991"/>
    <mergeCell ref="E1990:E1991"/>
    <mergeCell ref="F1990:F1991"/>
    <mergeCell ref="C1984:C1985"/>
    <mergeCell ref="D1984:D1985"/>
    <mergeCell ref="E1984:E1985"/>
    <mergeCell ref="F1984:F1985"/>
    <mergeCell ref="C1986:C1987"/>
    <mergeCell ref="D1986:D1987"/>
    <mergeCell ref="E1986:E1987"/>
    <mergeCell ref="F1986:F1987"/>
    <mergeCell ref="B1978:F1978"/>
    <mergeCell ref="C1979:C1981"/>
    <mergeCell ref="D1979:D1981"/>
    <mergeCell ref="E1979:E1981"/>
    <mergeCell ref="F1979:F1981"/>
    <mergeCell ref="B1982:F1982"/>
    <mergeCell ref="C2000:C2001"/>
    <mergeCell ref="D2000:D2001"/>
    <mergeCell ref="E2000:E2001"/>
    <mergeCell ref="F2000:F2001"/>
    <mergeCell ref="C2002:C2003"/>
    <mergeCell ref="D2002:D2003"/>
    <mergeCell ref="E2002:E2003"/>
    <mergeCell ref="F2002:F2003"/>
    <mergeCell ref="C1996:C1997"/>
    <mergeCell ref="D1996:D1997"/>
    <mergeCell ref="E1996:E1997"/>
    <mergeCell ref="F1996:F1997"/>
    <mergeCell ref="C1998:C1999"/>
    <mergeCell ref="D1998:D1999"/>
    <mergeCell ref="E1998:E1999"/>
    <mergeCell ref="F1998:F1999"/>
    <mergeCell ref="C1992:C1993"/>
    <mergeCell ref="D1992:D1993"/>
    <mergeCell ref="E1992:E1993"/>
    <mergeCell ref="F1992:F1993"/>
    <mergeCell ref="C1994:C1995"/>
    <mergeCell ref="D1994:D1995"/>
    <mergeCell ref="E1994:E1995"/>
    <mergeCell ref="F1994:F1995"/>
    <mergeCell ref="C2018:C2019"/>
    <mergeCell ref="D2018:D2019"/>
    <mergeCell ref="E2018:E2019"/>
    <mergeCell ref="F2018:F2019"/>
    <mergeCell ref="C2020:C2021"/>
    <mergeCell ref="D2020:D2021"/>
    <mergeCell ref="E2020:E2021"/>
    <mergeCell ref="F2020:F2021"/>
    <mergeCell ref="C2008:C2009"/>
    <mergeCell ref="D2008:D2009"/>
    <mergeCell ref="E2008:E2009"/>
    <mergeCell ref="F2008:F2009"/>
    <mergeCell ref="C2016:C2017"/>
    <mergeCell ref="D2016:D2017"/>
    <mergeCell ref="E2016:E2017"/>
    <mergeCell ref="F2016:F2017"/>
    <mergeCell ref="C2004:C2005"/>
    <mergeCell ref="D2004:D2005"/>
    <mergeCell ref="E2004:E2005"/>
    <mergeCell ref="F2004:F2005"/>
    <mergeCell ref="C2006:C2007"/>
    <mergeCell ref="D2006:D2007"/>
    <mergeCell ref="E2006:E2007"/>
    <mergeCell ref="F2006:F2007"/>
    <mergeCell ref="C2030:C2031"/>
    <mergeCell ref="D2030:D2031"/>
    <mergeCell ref="E2030:E2031"/>
    <mergeCell ref="F2030:F2031"/>
    <mergeCell ref="C2032:C2033"/>
    <mergeCell ref="D2032:D2033"/>
    <mergeCell ref="E2032:E2033"/>
    <mergeCell ref="F2032:F2033"/>
    <mergeCell ref="C2026:C2027"/>
    <mergeCell ref="D2026:D2027"/>
    <mergeCell ref="E2026:E2027"/>
    <mergeCell ref="F2026:F2027"/>
    <mergeCell ref="C2028:C2029"/>
    <mergeCell ref="D2028:D2029"/>
    <mergeCell ref="E2028:E2029"/>
    <mergeCell ref="F2028:F2029"/>
    <mergeCell ref="C2022:C2023"/>
    <mergeCell ref="D2022:D2023"/>
    <mergeCell ref="E2022:E2023"/>
    <mergeCell ref="F2022:F2023"/>
    <mergeCell ref="C2024:C2025"/>
    <mergeCell ref="D2024:D2025"/>
    <mergeCell ref="E2024:E2025"/>
    <mergeCell ref="F2024:F2025"/>
    <mergeCell ref="C2042:C2043"/>
    <mergeCell ref="D2042:D2043"/>
    <mergeCell ref="E2042:E2043"/>
    <mergeCell ref="F2042:F2043"/>
    <mergeCell ref="C2044:C2045"/>
    <mergeCell ref="D2044:D2045"/>
    <mergeCell ref="E2044:E2045"/>
    <mergeCell ref="F2044:F2045"/>
    <mergeCell ref="C2038:C2039"/>
    <mergeCell ref="D2038:D2039"/>
    <mergeCell ref="E2038:E2039"/>
    <mergeCell ref="F2038:F2039"/>
    <mergeCell ref="C2040:C2041"/>
    <mergeCell ref="D2040:D2041"/>
    <mergeCell ref="E2040:E2041"/>
    <mergeCell ref="F2040:F2041"/>
    <mergeCell ref="C2034:C2035"/>
    <mergeCell ref="D2034:D2035"/>
    <mergeCell ref="E2034:E2035"/>
    <mergeCell ref="F2034:F2035"/>
    <mergeCell ref="C2036:C2037"/>
    <mergeCell ref="D2036:D2037"/>
    <mergeCell ref="E2036:E2037"/>
    <mergeCell ref="F2036:F2037"/>
    <mergeCell ref="C2055:C2056"/>
    <mergeCell ref="D2055:D2056"/>
    <mergeCell ref="E2055:E2056"/>
    <mergeCell ref="F2055:F2056"/>
    <mergeCell ref="C2057:C2058"/>
    <mergeCell ref="D2057:D2058"/>
    <mergeCell ref="E2057:E2058"/>
    <mergeCell ref="F2057:F2058"/>
    <mergeCell ref="C2051:C2052"/>
    <mergeCell ref="D2051:D2052"/>
    <mergeCell ref="E2051:E2052"/>
    <mergeCell ref="F2051:F2052"/>
    <mergeCell ref="C2053:C2054"/>
    <mergeCell ref="D2053:D2054"/>
    <mergeCell ref="E2053:E2054"/>
    <mergeCell ref="F2053:F2054"/>
    <mergeCell ref="C2047:C2048"/>
    <mergeCell ref="D2047:D2048"/>
    <mergeCell ref="E2047:E2048"/>
    <mergeCell ref="F2047:F2048"/>
    <mergeCell ref="C2049:C2050"/>
    <mergeCell ref="D2049:D2050"/>
    <mergeCell ref="E2049:E2050"/>
    <mergeCell ref="F2049:F2050"/>
    <mergeCell ref="C2067:C2068"/>
    <mergeCell ref="D2067:D2068"/>
    <mergeCell ref="E2067:E2068"/>
    <mergeCell ref="F2067:F2068"/>
    <mergeCell ref="C2069:C2070"/>
    <mergeCell ref="D2069:D2070"/>
    <mergeCell ref="E2069:E2070"/>
    <mergeCell ref="F2069:F2070"/>
    <mergeCell ref="C2063:C2064"/>
    <mergeCell ref="D2063:D2064"/>
    <mergeCell ref="E2063:E2064"/>
    <mergeCell ref="F2063:F2064"/>
    <mergeCell ref="C2065:C2066"/>
    <mergeCell ref="D2065:D2066"/>
    <mergeCell ref="E2065:E2066"/>
    <mergeCell ref="F2065:F2066"/>
    <mergeCell ref="C2059:C2060"/>
    <mergeCell ref="D2059:D2060"/>
    <mergeCell ref="E2059:E2060"/>
    <mergeCell ref="F2059:F2060"/>
    <mergeCell ref="C2061:C2062"/>
    <mergeCell ref="D2061:D2062"/>
    <mergeCell ref="E2061:E2062"/>
    <mergeCell ref="F2061:F2062"/>
    <mergeCell ref="C2079:C2080"/>
    <mergeCell ref="D2079:D2080"/>
    <mergeCell ref="E2079:E2080"/>
    <mergeCell ref="F2079:F2080"/>
    <mergeCell ref="C2081:C2082"/>
    <mergeCell ref="D2081:D2082"/>
    <mergeCell ref="E2081:E2082"/>
    <mergeCell ref="F2081:F2082"/>
    <mergeCell ref="C2075:C2076"/>
    <mergeCell ref="D2075:D2076"/>
    <mergeCell ref="E2075:E2076"/>
    <mergeCell ref="F2075:F2076"/>
    <mergeCell ref="C2077:C2078"/>
    <mergeCell ref="D2077:D2078"/>
    <mergeCell ref="E2077:E2078"/>
    <mergeCell ref="F2077:F2078"/>
    <mergeCell ref="C2071:C2072"/>
    <mergeCell ref="D2071:D2072"/>
    <mergeCell ref="E2071:E2072"/>
    <mergeCell ref="F2071:F2072"/>
    <mergeCell ref="C2073:C2074"/>
    <mergeCell ref="D2073:D2074"/>
    <mergeCell ref="E2073:E2074"/>
    <mergeCell ref="F2073:F2074"/>
    <mergeCell ref="C2091:C2092"/>
    <mergeCell ref="D2091:D2092"/>
    <mergeCell ref="E2091:E2092"/>
    <mergeCell ref="F2091:F2092"/>
    <mergeCell ref="C2093:C2094"/>
    <mergeCell ref="D2093:D2094"/>
    <mergeCell ref="E2093:E2094"/>
    <mergeCell ref="F2093:F2094"/>
    <mergeCell ref="C2087:C2088"/>
    <mergeCell ref="D2087:D2088"/>
    <mergeCell ref="E2087:E2088"/>
    <mergeCell ref="F2087:F2088"/>
    <mergeCell ref="C2089:C2090"/>
    <mergeCell ref="D2089:D2090"/>
    <mergeCell ref="E2089:E2090"/>
    <mergeCell ref="F2089:F2090"/>
    <mergeCell ref="C2083:C2084"/>
    <mergeCell ref="D2083:D2084"/>
    <mergeCell ref="E2083:E2084"/>
    <mergeCell ref="F2083:F2084"/>
    <mergeCell ref="C2085:C2086"/>
    <mergeCell ref="D2085:D2086"/>
    <mergeCell ref="E2085:E2086"/>
    <mergeCell ref="F2085:F2086"/>
    <mergeCell ref="C2105:C2106"/>
    <mergeCell ref="D2105:D2106"/>
    <mergeCell ref="E2105:E2106"/>
    <mergeCell ref="F2105:F2106"/>
    <mergeCell ref="B2107:F2107"/>
    <mergeCell ref="B2108:F2108"/>
    <mergeCell ref="B2099:F2099"/>
    <mergeCell ref="B2100:F2100"/>
    <mergeCell ref="B2101:F2101"/>
    <mergeCell ref="B2102:F2102"/>
    <mergeCell ref="C2103:C2104"/>
    <mergeCell ref="D2103:D2104"/>
    <mergeCell ref="E2103:E2104"/>
    <mergeCell ref="F2103:F2104"/>
    <mergeCell ref="C2095:C2096"/>
    <mergeCell ref="D2095:D2096"/>
    <mergeCell ref="E2095:E2096"/>
    <mergeCell ref="F2095:F2096"/>
    <mergeCell ref="C2097:C2098"/>
    <mergeCell ref="D2097:D2098"/>
    <mergeCell ref="E2097:E2098"/>
    <mergeCell ref="F2097:F2098"/>
    <mergeCell ref="C2117:C2118"/>
    <mergeCell ref="D2117:D2118"/>
    <mergeCell ref="E2117:E2118"/>
    <mergeCell ref="F2117:F2118"/>
    <mergeCell ref="C2119:C2120"/>
    <mergeCell ref="D2119:D2120"/>
    <mergeCell ref="E2119:E2120"/>
    <mergeCell ref="F2119:F2120"/>
    <mergeCell ref="C2113:C2114"/>
    <mergeCell ref="D2113:D2114"/>
    <mergeCell ref="E2113:E2114"/>
    <mergeCell ref="F2113:F2114"/>
    <mergeCell ref="C2115:C2116"/>
    <mergeCell ref="D2115:D2116"/>
    <mergeCell ref="E2115:E2116"/>
    <mergeCell ref="F2115:F2116"/>
    <mergeCell ref="C2109:C2110"/>
    <mergeCell ref="D2109:D2110"/>
    <mergeCell ref="E2109:E2110"/>
    <mergeCell ref="F2109:F2110"/>
    <mergeCell ref="C2111:C2112"/>
    <mergeCell ref="D2111:D2112"/>
    <mergeCell ref="E2111:E2112"/>
    <mergeCell ref="F2111:F2112"/>
    <mergeCell ref="C2129:C2130"/>
    <mergeCell ref="D2129:D2130"/>
    <mergeCell ref="E2129:E2130"/>
    <mergeCell ref="F2129:F2130"/>
    <mergeCell ref="C2131:C2132"/>
    <mergeCell ref="D2131:D2132"/>
    <mergeCell ref="E2131:E2132"/>
    <mergeCell ref="F2131:F2132"/>
    <mergeCell ref="C2125:C2126"/>
    <mergeCell ref="D2125:D2126"/>
    <mergeCell ref="E2125:E2126"/>
    <mergeCell ref="F2125:F2126"/>
    <mergeCell ref="C2127:C2128"/>
    <mergeCell ref="D2127:D2128"/>
    <mergeCell ref="E2127:E2128"/>
    <mergeCell ref="F2127:F2128"/>
    <mergeCell ref="C2121:C2122"/>
    <mergeCell ref="D2121:D2122"/>
    <mergeCell ref="E2121:E2122"/>
    <mergeCell ref="F2121:F2122"/>
    <mergeCell ref="C2123:C2124"/>
    <mergeCell ref="D2123:D2124"/>
    <mergeCell ref="E2123:E2124"/>
    <mergeCell ref="F2123:F2124"/>
    <mergeCell ref="C2141:C2142"/>
    <mergeCell ref="D2141:D2142"/>
    <mergeCell ref="E2141:E2142"/>
    <mergeCell ref="F2141:F2142"/>
    <mergeCell ref="C2143:C2144"/>
    <mergeCell ref="D2143:D2144"/>
    <mergeCell ref="E2143:E2144"/>
    <mergeCell ref="F2143:F2144"/>
    <mergeCell ref="C2137:C2138"/>
    <mergeCell ref="D2137:D2138"/>
    <mergeCell ref="E2137:E2138"/>
    <mergeCell ref="F2137:F2138"/>
    <mergeCell ref="C2139:C2140"/>
    <mergeCell ref="D2139:D2140"/>
    <mergeCell ref="E2139:E2140"/>
    <mergeCell ref="F2139:F2140"/>
    <mergeCell ref="C2133:C2134"/>
    <mergeCell ref="D2133:D2134"/>
    <mergeCell ref="E2133:E2134"/>
    <mergeCell ref="F2133:F2134"/>
    <mergeCell ref="C2135:C2136"/>
    <mergeCell ref="D2135:D2136"/>
    <mergeCell ref="E2135:E2136"/>
    <mergeCell ref="F2135:F2136"/>
    <mergeCell ref="C2154:C2155"/>
    <mergeCell ref="D2154:D2155"/>
    <mergeCell ref="E2154:E2155"/>
    <mergeCell ref="F2154:F2155"/>
    <mergeCell ref="C2156:C2157"/>
    <mergeCell ref="D2156:D2157"/>
    <mergeCell ref="E2156:E2157"/>
    <mergeCell ref="F2156:F2157"/>
    <mergeCell ref="C2150:C2151"/>
    <mergeCell ref="D2150:D2151"/>
    <mergeCell ref="E2150:E2151"/>
    <mergeCell ref="F2150:F2151"/>
    <mergeCell ref="C2152:C2153"/>
    <mergeCell ref="D2152:D2153"/>
    <mergeCell ref="E2152:E2153"/>
    <mergeCell ref="F2152:F2153"/>
    <mergeCell ref="C2145:C2146"/>
    <mergeCell ref="D2145:D2146"/>
    <mergeCell ref="E2145:E2146"/>
    <mergeCell ref="F2145:F2146"/>
    <mergeCell ref="C2148:C2149"/>
    <mergeCell ref="D2148:D2149"/>
    <mergeCell ref="E2148:E2149"/>
    <mergeCell ref="F2148:F2149"/>
    <mergeCell ref="C2167:C2168"/>
    <mergeCell ref="D2167:D2168"/>
    <mergeCell ref="E2167:E2168"/>
    <mergeCell ref="F2167:F2168"/>
    <mergeCell ref="C2169:C2170"/>
    <mergeCell ref="D2169:D2170"/>
    <mergeCell ref="E2169:E2170"/>
    <mergeCell ref="F2169:F2170"/>
    <mergeCell ref="C2163:C2164"/>
    <mergeCell ref="D2163:D2164"/>
    <mergeCell ref="E2163:E2164"/>
    <mergeCell ref="F2163:F2164"/>
    <mergeCell ref="C2165:C2166"/>
    <mergeCell ref="D2165:D2166"/>
    <mergeCell ref="E2165:E2166"/>
    <mergeCell ref="F2165:F2166"/>
    <mergeCell ref="C2158:C2159"/>
    <mergeCell ref="D2158:D2159"/>
    <mergeCell ref="E2158:E2159"/>
    <mergeCell ref="F2158:F2159"/>
    <mergeCell ref="C2160:C2161"/>
    <mergeCell ref="D2160:D2161"/>
    <mergeCell ref="E2160:E2161"/>
    <mergeCell ref="F2160:F2161"/>
    <mergeCell ref="C2179:C2180"/>
    <mergeCell ref="D2179:D2180"/>
    <mergeCell ref="E2179:E2180"/>
    <mergeCell ref="F2179:F2180"/>
    <mergeCell ref="C2181:C2182"/>
    <mergeCell ref="D2181:D2182"/>
    <mergeCell ref="E2181:E2182"/>
    <mergeCell ref="F2181:F2182"/>
    <mergeCell ref="C2175:C2176"/>
    <mergeCell ref="D2175:D2176"/>
    <mergeCell ref="E2175:E2176"/>
    <mergeCell ref="F2175:F2176"/>
    <mergeCell ref="C2177:C2178"/>
    <mergeCell ref="D2177:D2178"/>
    <mergeCell ref="E2177:E2178"/>
    <mergeCell ref="F2177:F2178"/>
    <mergeCell ref="C2171:C2172"/>
    <mergeCell ref="D2171:D2172"/>
    <mergeCell ref="E2171:E2172"/>
    <mergeCell ref="F2171:F2172"/>
    <mergeCell ref="C2173:C2174"/>
    <mergeCell ref="D2173:D2174"/>
    <mergeCell ref="E2173:E2174"/>
    <mergeCell ref="F2173:F2174"/>
    <mergeCell ref="C2191:C2192"/>
    <mergeCell ref="D2191:D2192"/>
    <mergeCell ref="E2191:E2192"/>
    <mergeCell ref="F2191:F2192"/>
    <mergeCell ref="C2193:C2194"/>
    <mergeCell ref="D2193:D2194"/>
    <mergeCell ref="E2193:E2194"/>
    <mergeCell ref="F2193:F2194"/>
    <mergeCell ref="C2187:C2188"/>
    <mergeCell ref="D2187:D2188"/>
    <mergeCell ref="E2187:E2188"/>
    <mergeCell ref="F2187:F2188"/>
    <mergeCell ref="C2189:C2190"/>
    <mergeCell ref="D2189:D2190"/>
    <mergeCell ref="E2189:E2190"/>
    <mergeCell ref="F2189:F2190"/>
    <mergeCell ref="C2183:C2184"/>
    <mergeCell ref="D2183:D2184"/>
    <mergeCell ref="E2183:E2184"/>
    <mergeCell ref="F2183:F2184"/>
    <mergeCell ref="C2185:C2186"/>
    <mergeCell ref="D2185:D2186"/>
    <mergeCell ref="E2185:E2186"/>
    <mergeCell ref="F2185:F2186"/>
    <mergeCell ref="C2203:C2204"/>
    <mergeCell ref="D2203:D2204"/>
    <mergeCell ref="E2203:E2204"/>
    <mergeCell ref="F2203:F2204"/>
    <mergeCell ref="C2205:C2206"/>
    <mergeCell ref="D2205:D2206"/>
    <mergeCell ref="E2205:E2206"/>
    <mergeCell ref="F2205:F2206"/>
    <mergeCell ref="C2199:C2200"/>
    <mergeCell ref="D2199:D2200"/>
    <mergeCell ref="E2199:E2200"/>
    <mergeCell ref="F2199:F2200"/>
    <mergeCell ref="C2201:C2202"/>
    <mergeCell ref="D2201:D2202"/>
    <mergeCell ref="E2201:E2202"/>
    <mergeCell ref="F2201:F2202"/>
    <mergeCell ref="C2195:C2196"/>
    <mergeCell ref="D2195:D2196"/>
    <mergeCell ref="E2195:E2196"/>
    <mergeCell ref="F2195:F2196"/>
    <mergeCell ref="C2197:C2198"/>
    <mergeCell ref="D2197:D2198"/>
    <mergeCell ref="E2197:E2198"/>
    <mergeCell ref="F2197:F2198"/>
    <mergeCell ref="C2215:C2216"/>
    <mergeCell ref="D2215:D2216"/>
    <mergeCell ref="E2215:E2216"/>
    <mergeCell ref="F2215:F2216"/>
    <mergeCell ref="C2217:C2218"/>
    <mergeCell ref="D2217:D2218"/>
    <mergeCell ref="E2217:E2218"/>
    <mergeCell ref="F2217:F2218"/>
    <mergeCell ref="C2211:C2212"/>
    <mergeCell ref="D2211:D2212"/>
    <mergeCell ref="E2211:E2212"/>
    <mergeCell ref="F2211:F2212"/>
    <mergeCell ref="C2213:C2214"/>
    <mergeCell ref="D2213:D2214"/>
    <mergeCell ref="E2213:E2214"/>
    <mergeCell ref="F2213:F2214"/>
    <mergeCell ref="C2207:C2208"/>
    <mergeCell ref="D2207:D2208"/>
    <mergeCell ref="E2207:E2208"/>
    <mergeCell ref="F2207:F2208"/>
    <mergeCell ref="C2209:C2210"/>
    <mergeCell ref="D2209:D2210"/>
    <mergeCell ref="E2209:E2210"/>
    <mergeCell ref="F2209:F2210"/>
    <mergeCell ref="C2227:C2228"/>
    <mergeCell ref="D2227:D2228"/>
    <mergeCell ref="E2227:E2228"/>
    <mergeCell ref="F2227:F2228"/>
    <mergeCell ref="C2229:C2230"/>
    <mergeCell ref="D2229:D2230"/>
    <mergeCell ref="E2229:E2230"/>
    <mergeCell ref="F2229:F2230"/>
    <mergeCell ref="C2223:C2224"/>
    <mergeCell ref="D2223:D2224"/>
    <mergeCell ref="E2223:E2224"/>
    <mergeCell ref="F2223:F2224"/>
    <mergeCell ref="C2225:C2226"/>
    <mergeCell ref="D2225:D2226"/>
    <mergeCell ref="E2225:E2226"/>
    <mergeCell ref="F2225:F2226"/>
    <mergeCell ref="C2219:C2220"/>
    <mergeCell ref="D2219:D2220"/>
    <mergeCell ref="E2219:E2220"/>
    <mergeCell ref="F2219:F2220"/>
    <mergeCell ref="C2221:C2222"/>
    <mergeCell ref="D2221:D2222"/>
    <mergeCell ref="E2221:E2222"/>
    <mergeCell ref="F2221:F2222"/>
    <mergeCell ref="C2239:C2240"/>
    <mergeCell ref="D2239:D2240"/>
    <mergeCell ref="E2239:E2240"/>
    <mergeCell ref="F2239:F2240"/>
    <mergeCell ref="C2241:C2242"/>
    <mergeCell ref="D2241:D2242"/>
    <mergeCell ref="E2241:E2242"/>
    <mergeCell ref="F2241:F2242"/>
    <mergeCell ref="C2235:C2236"/>
    <mergeCell ref="D2235:D2236"/>
    <mergeCell ref="E2235:E2236"/>
    <mergeCell ref="F2235:F2236"/>
    <mergeCell ref="C2237:C2238"/>
    <mergeCell ref="D2237:D2238"/>
    <mergeCell ref="E2237:E2238"/>
    <mergeCell ref="F2237:F2238"/>
    <mergeCell ref="C2231:C2232"/>
    <mergeCell ref="D2231:D2232"/>
    <mergeCell ref="E2231:E2232"/>
    <mergeCell ref="F2231:F2232"/>
    <mergeCell ref="C2233:C2234"/>
    <mergeCell ref="D2233:D2234"/>
    <mergeCell ref="E2233:E2234"/>
    <mergeCell ref="F2233:F2234"/>
    <mergeCell ref="C2251:C2252"/>
    <mergeCell ref="D2251:D2252"/>
    <mergeCell ref="E2251:E2252"/>
    <mergeCell ref="F2251:F2252"/>
    <mergeCell ref="C2253:C2254"/>
    <mergeCell ref="D2253:D2254"/>
    <mergeCell ref="E2253:E2254"/>
    <mergeCell ref="F2253:F2254"/>
    <mergeCell ref="C2247:C2248"/>
    <mergeCell ref="D2247:D2248"/>
    <mergeCell ref="E2247:E2248"/>
    <mergeCell ref="F2247:F2248"/>
    <mergeCell ref="C2249:C2250"/>
    <mergeCell ref="D2249:D2250"/>
    <mergeCell ref="E2249:E2250"/>
    <mergeCell ref="F2249:F2250"/>
    <mergeCell ref="C2243:C2244"/>
    <mergeCell ref="D2243:D2244"/>
    <mergeCell ref="E2243:E2244"/>
    <mergeCell ref="F2243:F2244"/>
    <mergeCell ref="C2245:C2246"/>
    <mergeCell ref="D2245:D2246"/>
    <mergeCell ref="E2245:E2246"/>
    <mergeCell ref="F2245:F2246"/>
    <mergeCell ref="C2263:C2264"/>
    <mergeCell ref="D2263:D2264"/>
    <mergeCell ref="E2263:E2264"/>
    <mergeCell ref="F2263:F2264"/>
    <mergeCell ref="C2265:C2266"/>
    <mergeCell ref="D2265:D2266"/>
    <mergeCell ref="E2265:E2266"/>
    <mergeCell ref="F2265:F2266"/>
    <mergeCell ref="C2259:C2260"/>
    <mergeCell ref="D2259:D2260"/>
    <mergeCell ref="E2259:E2260"/>
    <mergeCell ref="F2259:F2260"/>
    <mergeCell ref="C2261:C2262"/>
    <mergeCell ref="D2261:D2262"/>
    <mergeCell ref="E2261:E2262"/>
    <mergeCell ref="F2261:F2262"/>
    <mergeCell ref="C2255:C2256"/>
    <mergeCell ref="D2255:D2256"/>
    <mergeCell ref="E2255:E2256"/>
    <mergeCell ref="F2255:F2256"/>
    <mergeCell ref="C2257:C2258"/>
    <mergeCell ref="D2257:D2258"/>
    <mergeCell ref="E2257:E2258"/>
    <mergeCell ref="F2257:F2258"/>
    <mergeCell ref="C2276:C2277"/>
    <mergeCell ref="D2276:D2277"/>
    <mergeCell ref="E2276:E2277"/>
    <mergeCell ref="F2276:F2277"/>
    <mergeCell ref="C2278:C2279"/>
    <mergeCell ref="D2278:D2279"/>
    <mergeCell ref="E2278:E2279"/>
    <mergeCell ref="F2278:F2279"/>
    <mergeCell ref="C2271:C2272"/>
    <mergeCell ref="D2271:D2272"/>
    <mergeCell ref="E2271:E2272"/>
    <mergeCell ref="F2271:F2272"/>
    <mergeCell ref="C2274:C2275"/>
    <mergeCell ref="D2274:D2275"/>
    <mergeCell ref="E2274:E2275"/>
    <mergeCell ref="F2274:F2275"/>
    <mergeCell ref="C2267:C2268"/>
    <mergeCell ref="D2267:D2268"/>
    <mergeCell ref="E2267:E2268"/>
    <mergeCell ref="F2267:F2268"/>
    <mergeCell ref="C2269:C2270"/>
    <mergeCell ref="D2269:D2270"/>
    <mergeCell ref="E2269:E2270"/>
    <mergeCell ref="F2269:F2270"/>
    <mergeCell ref="C2289:C2290"/>
    <mergeCell ref="D2289:D2290"/>
    <mergeCell ref="E2289:E2290"/>
    <mergeCell ref="F2289:F2290"/>
    <mergeCell ref="C2291:C2292"/>
    <mergeCell ref="D2291:D2292"/>
    <mergeCell ref="E2291:E2292"/>
    <mergeCell ref="F2291:F2292"/>
    <mergeCell ref="C2285:C2286"/>
    <mergeCell ref="D2285:D2286"/>
    <mergeCell ref="E2285:E2286"/>
    <mergeCell ref="F2285:F2286"/>
    <mergeCell ref="C2287:C2288"/>
    <mergeCell ref="D2287:D2288"/>
    <mergeCell ref="E2287:E2288"/>
    <mergeCell ref="F2287:F2288"/>
    <mergeCell ref="C2281:C2282"/>
    <mergeCell ref="D2281:D2282"/>
    <mergeCell ref="E2281:E2282"/>
    <mergeCell ref="F2281:F2282"/>
    <mergeCell ref="C2283:C2284"/>
    <mergeCell ref="D2283:D2284"/>
    <mergeCell ref="E2283:E2284"/>
    <mergeCell ref="F2283:F2284"/>
    <mergeCell ref="C2302:C2303"/>
    <mergeCell ref="D2302:D2303"/>
    <mergeCell ref="E2302:E2303"/>
    <mergeCell ref="F2302:F2303"/>
    <mergeCell ref="C2304:C2305"/>
    <mergeCell ref="D2304:D2305"/>
    <mergeCell ref="E2304:E2305"/>
    <mergeCell ref="F2304:F2305"/>
    <mergeCell ref="C2298:C2299"/>
    <mergeCell ref="D2298:D2299"/>
    <mergeCell ref="E2298:E2299"/>
    <mergeCell ref="F2298:F2299"/>
    <mergeCell ref="C2300:C2301"/>
    <mergeCell ref="D2300:D2301"/>
    <mergeCell ref="E2300:E2301"/>
    <mergeCell ref="F2300:F2301"/>
    <mergeCell ref="C2293:C2294"/>
    <mergeCell ref="D2293:D2294"/>
    <mergeCell ref="E2293:E2294"/>
    <mergeCell ref="F2293:F2294"/>
    <mergeCell ref="C2296:C2297"/>
    <mergeCell ref="D2296:D2297"/>
    <mergeCell ref="E2296:E2297"/>
    <mergeCell ref="F2296:F2297"/>
    <mergeCell ref="C2314:C2315"/>
    <mergeCell ref="D2314:D2315"/>
    <mergeCell ref="E2314:E2315"/>
    <mergeCell ref="F2314:F2315"/>
    <mergeCell ref="C2316:C2317"/>
    <mergeCell ref="D2316:D2317"/>
    <mergeCell ref="E2316:E2317"/>
    <mergeCell ref="F2316:F2317"/>
    <mergeCell ref="C2310:C2311"/>
    <mergeCell ref="D2310:D2311"/>
    <mergeCell ref="E2310:E2311"/>
    <mergeCell ref="F2310:F2311"/>
    <mergeCell ref="C2312:C2313"/>
    <mergeCell ref="D2312:D2313"/>
    <mergeCell ref="E2312:E2313"/>
    <mergeCell ref="F2312:F2313"/>
    <mergeCell ref="C2306:C2307"/>
    <mergeCell ref="D2306:D2307"/>
    <mergeCell ref="E2306:E2307"/>
    <mergeCell ref="F2306:F2307"/>
    <mergeCell ref="C2308:C2309"/>
    <mergeCell ref="D2308:D2309"/>
    <mergeCell ref="E2308:E2309"/>
    <mergeCell ref="F2308:F2309"/>
    <mergeCell ref="C2326:C2327"/>
    <mergeCell ref="D2326:D2327"/>
    <mergeCell ref="E2326:E2327"/>
    <mergeCell ref="F2326:F2327"/>
    <mergeCell ref="C2328:C2329"/>
    <mergeCell ref="D2328:D2329"/>
    <mergeCell ref="E2328:E2329"/>
    <mergeCell ref="F2328:F2329"/>
    <mergeCell ref="C2322:C2323"/>
    <mergeCell ref="D2322:D2323"/>
    <mergeCell ref="E2322:E2323"/>
    <mergeCell ref="F2322:F2323"/>
    <mergeCell ref="C2324:C2325"/>
    <mergeCell ref="D2324:D2325"/>
    <mergeCell ref="E2324:E2325"/>
    <mergeCell ref="F2324:F2325"/>
    <mergeCell ref="C2318:C2319"/>
    <mergeCell ref="D2318:D2319"/>
    <mergeCell ref="E2318:E2319"/>
    <mergeCell ref="F2318:F2319"/>
    <mergeCell ref="C2320:C2321"/>
    <mergeCell ref="D2320:D2321"/>
    <mergeCell ref="E2320:E2321"/>
    <mergeCell ref="F2320:F2321"/>
    <mergeCell ref="C2338:C2339"/>
    <mergeCell ref="D2338:D2339"/>
    <mergeCell ref="E2338:E2339"/>
    <mergeCell ref="F2338:F2339"/>
    <mergeCell ref="C2340:C2341"/>
    <mergeCell ref="D2340:D2341"/>
    <mergeCell ref="E2340:E2341"/>
    <mergeCell ref="F2340:F2341"/>
    <mergeCell ref="C2334:C2335"/>
    <mergeCell ref="D2334:D2335"/>
    <mergeCell ref="E2334:E2335"/>
    <mergeCell ref="F2334:F2335"/>
    <mergeCell ref="C2336:C2337"/>
    <mergeCell ref="D2336:D2337"/>
    <mergeCell ref="E2336:E2337"/>
    <mergeCell ref="F2336:F2337"/>
    <mergeCell ref="C2330:C2331"/>
    <mergeCell ref="D2330:D2331"/>
    <mergeCell ref="E2330:E2331"/>
    <mergeCell ref="F2330:F2331"/>
    <mergeCell ref="C2332:C2333"/>
    <mergeCell ref="D2332:D2333"/>
    <mergeCell ref="E2332:E2333"/>
    <mergeCell ref="F2332:F2333"/>
    <mergeCell ref="C2351:C2352"/>
    <mergeCell ref="D2351:D2352"/>
    <mergeCell ref="E2351:E2352"/>
    <mergeCell ref="F2351:F2352"/>
    <mergeCell ref="C2353:C2354"/>
    <mergeCell ref="D2353:D2354"/>
    <mergeCell ref="E2353:E2354"/>
    <mergeCell ref="F2353:F2354"/>
    <mergeCell ref="C2346:C2347"/>
    <mergeCell ref="D2346:D2347"/>
    <mergeCell ref="E2346:E2347"/>
    <mergeCell ref="F2346:F2347"/>
    <mergeCell ref="C2349:C2350"/>
    <mergeCell ref="D2349:D2350"/>
    <mergeCell ref="E2349:E2350"/>
    <mergeCell ref="F2349:F2350"/>
    <mergeCell ref="C2342:C2343"/>
    <mergeCell ref="D2342:D2343"/>
    <mergeCell ref="E2342:E2343"/>
    <mergeCell ref="F2342:F2343"/>
    <mergeCell ref="C2344:C2345"/>
    <mergeCell ref="D2344:D2345"/>
    <mergeCell ref="E2344:E2345"/>
    <mergeCell ref="F2344:F2345"/>
    <mergeCell ref="C2363:C2364"/>
    <mergeCell ref="D2363:D2364"/>
    <mergeCell ref="E2363:E2364"/>
    <mergeCell ref="F2363:F2364"/>
    <mergeCell ref="C2365:C2366"/>
    <mergeCell ref="D2365:D2366"/>
    <mergeCell ref="E2365:E2366"/>
    <mergeCell ref="F2365:F2366"/>
    <mergeCell ref="C2359:C2360"/>
    <mergeCell ref="D2359:D2360"/>
    <mergeCell ref="E2359:E2360"/>
    <mergeCell ref="F2359:F2360"/>
    <mergeCell ref="C2361:C2362"/>
    <mergeCell ref="D2361:D2362"/>
    <mergeCell ref="E2361:E2362"/>
    <mergeCell ref="F2361:F2362"/>
    <mergeCell ref="C2355:C2356"/>
    <mergeCell ref="D2355:D2356"/>
    <mergeCell ref="E2355:E2356"/>
    <mergeCell ref="F2355:F2356"/>
    <mergeCell ref="C2357:C2358"/>
    <mergeCell ref="D2357:D2358"/>
    <mergeCell ref="E2357:E2358"/>
    <mergeCell ref="F2357:F2358"/>
    <mergeCell ref="C2375:C2376"/>
    <mergeCell ref="D2375:D2376"/>
    <mergeCell ref="E2375:E2376"/>
    <mergeCell ref="F2375:F2376"/>
    <mergeCell ref="C2377:C2378"/>
    <mergeCell ref="D2377:D2378"/>
    <mergeCell ref="E2377:E2378"/>
    <mergeCell ref="F2377:F2378"/>
    <mergeCell ref="C2371:C2372"/>
    <mergeCell ref="D2371:D2372"/>
    <mergeCell ref="E2371:E2372"/>
    <mergeCell ref="F2371:F2372"/>
    <mergeCell ref="C2373:C2374"/>
    <mergeCell ref="D2373:D2374"/>
    <mergeCell ref="E2373:E2374"/>
    <mergeCell ref="F2373:F2374"/>
    <mergeCell ref="C2367:C2368"/>
    <mergeCell ref="D2367:D2368"/>
    <mergeCell ref="E2367:E2368"/>
    <mergeCell ref="F2367:F2368"/>
    <mergeCell ref="C2369:C2370"/>
    <mergeCell ref="D2369:D2370"/>
    <mergeCell ref="E2369:E2370"/>
    <mergeCell ref="F2369:F2370"/>
    <mergeCell ref="C2388:C2389"/>
    <mergeCell ref="D2388:D2389"/>
    <mergeCell ref="E2388:E2389"/>
    <mergeCell ref="F2388:F2389"/>
    <mergeCell ref="C2390:C2391"/>
    <mergeCell ref="D2390:D2391"/>
    <mergeCell ref="E2390:E2391"/>
    <mergeCell ref="F2390:F2391"/>
    <mergeCell ref="C2383:C2384"/>
    <mergeCell ref="D2383:D2384"/>
    <mergeCell ref="E2383:E2384"/>
    <mergeCell ref="F2383:F2384"/>
    <mergeCell ref="C2385:C2386"/>
    <mergeCell ref="D2385:D2386"/>
    <mergeCell ref="E2385:E2386"/>
    <mergeCell ref="F2385:F2386"/>
    <mergeCell ref="C2379:C2380"/>
    <mergeCell ref="D2379:D2380"/>
    <mergeCell ref="E2379:E2380"/>
    <mergeCell ref="F2379:F2380"/>
    <mergeCell ref="C2381:C2382"/>
    <mergeCell ref="D2381:D2382"/>
    <mergeCell ref="E2381:E2382"/>
    <mergeCell ref="F2381:F2382"/>
    <mergeCell ref="C2401:C2402"/>
    <mergeCell ref="D2401:D2402"/>
    <mergeCell ref="E2401:E2402"/>
    <mergeCell ref="F2401:F2402"/>
    <mergeCell ref="C2403:C2404"/>
    <mergeCell ref="D2403:D2404"/>
    <mergeCell ref="E2403:E2404"/>
    <mergeCell ref="F2403:F2404"/>
    <mergeCell ref="C2397:C2398"/>
    <mergeCell ref="D2397:D2398"/>
    <mergeCell ref="E2397:E2398"/>
    <mergeCell ref="F2397:F2398"/>
    <mergeCell ref="C2399:C2400"/>
    <mergeCell ref="D2399:D2400"/>
    <mergeCell ref="E2399:E2400"/>
    <mergeCell ref="F2399:F2400"/>
    <mergeCell ref="C2392:C2393"/>
    <mergeCell ref="D2392:D2393"/>
    <mergeCell ref="E2392:E2393"/>
    <mergeCell ref="F2392:F2393"/>
    <mergeCell ref="C2395:C2396"/>
    <mergeCell ref="D2395:D2396"/>
    <mergeCell ref="E2395:E2396"/>
    <mergeCell ref="F2395:F2396"/>
    <mergeCell ref="C2413:C2414"/>
    <mergeCell ref="D2413:D2414"/>
    <mergeCell ref="E2413:E2414"/>
    <mergeCell ref="F2413:F2414"/>
    <mergeCell ref="C2416:C2417"/>
    <mergeCell ref="D2416:D2417"/>
    <mergeCell ref="E2416:E2417"/>
    <mergeCell ref="F2416:F2417"/>
    <mergeCell ref="C2409:C2410"/>
    <mergeCell ref="D2409:D2410"/>
    <mergeCell ref="E2409:E2410"/>
    <mergeCell ref="F2409:F2410"/>
    <mergeCell ref="C2411:C2412"/>
    <mergeCell ref="D2411:D2412"/>
    <mergeCell ref="E2411:E2412"/>
    <mergeCell ref="F2411:F2412"/>
    <mergeCell ref="C2405:C2406"/>
    <mergeCell ref="D2405:D2406"/>
    <mergeCell ref="E2405:E2406"/>
    <mergeCell ref="F2405:F2406"/>
    <mergeCell ref="C2407:C2408"/>
    <mergeCell ref="D2407:D2408"/>
    <mergeCell ref="E2407:E2408"/>
    <mergeCell ref="F2407:F2408"/>
    <mergeCell ref="C2426:C2427"/>
    <mergeCell ref="D2426:D2427"/>
    <mergeCell ref="E2426:E2427"/>
    <mergeCell ref="F2426:F2427"/>
    <mergeCell ref="C2429:C2430"/>
    <mergeCell ref="D2429:D2430"/>
    <mergeCell ref="E2429:E2430"/>
    <mergeCell ref="F2429:F2430"/>
    <mergeCell ref="C2422:C2423"/>
    <mergeCell ref="D2422:D2423"/>
    <mergeCell ref="E2422:E2423"/>
    <mergeCell ref="F2422:F2423"/>
    <mergeCell ref="C2424:C2425"/>
    <mergeCell ref="D2424:D2425"/>
    <mergeCell ref="E2424:E2425"/>
    <mergeCell ref="F2424:F2425"/>
    <mergeCell ref="C2418:C2419"/>
    <mergeCell ref="D2418:D2419"/>
    <mergeCell ref="E2418:E2419"/>
    <mergeCell ref="F2418:F2419"/>
    <mergeCell ref="C2420:C2421"/>
    <mergeCell ref="D2420:D2421"/>
    <mergeCell ref="E2420:E2421"/>
    <mergeCell ref="F2420:F2421"/>
    <mergeCell ref="C2439:C2440"/>
    <mergeCell ref="D2439:D2440"/>
    <mergeCell ref="E2439:E2440"/>
    <mergeCell ref="F2439:F2440"/>
    <mergeCell ref="C2441:C2442"/>
    <mergeCell ref="D2441:D2442"/>
    <mergeCell ref="E2441:E2442"/>
    <mergeCell ref="F2441:F2442"/>
    <mergeCell ref="C2435:C2436"/>
    <mergeCell ref="D2435:D2436"/>
    <mergeCell ref="E2435:E2436"/>
    <mergeCell ref="F2435:F2436"/>
    <mergeCell ref="C2437:C2438"/>
    <mergeCell ref="D2437:D2438"/>
    <mergeCell ref="E2437:E2438"/>
    <mergeCell ref="F2437:F2438"/>
    <mergeCell ref="C2431:C2432"/>
    <mergeCell ref="D2431:D2432"/>
    <mergeCell ref="E2431:E2432"/>
    <mergeCell ref="F2431:F2432"/>
    <mergeCell ref="C2433:C2434"/>
    <mergeCell ref="D2433:D2434"/>
    <mergeCell ref="E2433:E2434"/>
    <mergeCell ref="F2433:F2434"/>
    <mergeCell ref="C2451:C2452"/>
    <mergeCell ref="D2451:D2452"/>
    <mergeCell ref="E2451:E2452"/>
    <mergeCell ref="F2451:F2452"/>
    <mergeCell ref="C2453:C2454"/>
    <mergeCell ref="D2453:D2454"/>
    <mergeCell ref="E2453:E2454"/>
    <mergeCell ref="F2453:F2454"/>
    <mergeCell ref="C2447:C2448"/>
    <mergeCell ref="D2447:D2448"/>
    <mergeCell ref="E2447:E2448"/>
    <mergeCell ref="F2447:F2448"/>
    <mergeCell ref="C2449:C2450"/>
    <mergeCell ref="D2449:D2450"/>
    <mergeCell ref="E2449:E2450"/>
    <mergeCell ref="F2449:F2450"/>
    <mergeCell ref="C2443:C2444"/>
    <mergeCell ref="D2443:D2444"/>
    <mergeCell ref="E2443:E2444"/>
    <mergeCell ref="F2443:F2444"/>
    <mergeCell ref="C2445:C2446"/>
    <mergeCell ref="D2445:D2446"/>
    <mergeCell ref="E2445:E2446"/>
    <mergeCell ref="F2445:F2446"/>
    <mergeCell ref="C2463:C2464"/>
    <mergeCell ref="D2463:D2464"/>
    <mergeCell ref="E2463:E2464"/>
    <mergeCell ref="F2463:F2464"/>
    <mergeCell ref="C2465:C2466"/>
    <mergeCell ref="D2465:D2466"/>
    <mergeCell ref="E2465:E2466"/>
    <mergeCell ref="F2465:F2466"/>
    <mergeCell ref="C2459:C2460"/>
    <mergeCell ref="D2459:D2460"/>
    <mergeCell ref="E2459:E2460"/>
    <mergeCell ref="F2459:F2460"/>
    <mergeCell ref="C2461:C2462"/>
    <mergeCell ref="D2461:D2462"/>
    <mergeCell ref="E2461:E2462"/>
    <mergeCell ref="F2461:F2462"/>
    <mergeCell ref="C2455:C2456"/>
    <mergeCell ref="D2455:D2456"/>
    <mergeCell ref="E2455:E2456"/>
    <mergeCell ref="F2455:F2456"/>
    <mergeCell ref="C2457:C2458"/>
    <mergeCell ref="D2457:D2458"/>
    <mergeCell ref="E2457:E2458"/>
    <mergeCell ref="F2457:F2458"/>
    <mergeCell ref="C2478:C2479"/>
    <mergeCell ref="D2478:D2479"/>
    <mergeCell ref="E2478:E2479"/>
    <mergeCell ref="F2478:F2479"/>
    <mergeCell ref="C2480:C2481"/>
    <mergeCell ref="D2480:D2481"/>
    <mergeCell ref="E2480:E2481"/>
    <mergeCell ref="F2480:F2481"/>
    <mergeCell ref="C2474:C2475"/>
    <mergeCell ref="D2474:D2475"/>
    <mergeCell ref="E2474:E2475"/>
    <mergeCell ref="F2474:F2475"/>
    <mergeCell ref="C2476:C2477"/>
    <mergeCell ref="D2476:D2477"/>
    <mergeCell ref="E2476:E2477"/>
    <mergeCell ref="F2476:F2477"/>
    <mergeCell ref="C2467:C2468"/>
    <mergeCell ref="D2467:D2468"/>
    <mergeCell ref="E2467:E2468"/>
    <mergeCell ref="F2467:F2468"/>
    <mergeCell ref="C2469:C2470"/>
    <mergeCell ref="D2469:D2470"/>
    <mergeCell ref="E2469:E2470"/>
    <mergeCell ref="F2469:F2470"/>
    <mergeCell ref="C2491:C2492"/>
    <mergeCell ref="D2491:D2492"/>
    <mergeCell ref="E2491:E2492"/>
    <mergeCell ref="F2491:F2492"/>
    <mergeCell ref="C2493:C2494"/>
    <mergeCell ref="D2493:D2494"/>
    <mergeCell ref="E2493:E2494"/>
    <mergeCell ref="F2493:F2494"/>
    <mergeCell ref="C2486:C2487"/>
    <mergeCell ref="D2486:D2487"/>
    <mergeCell ref="E2486:E2487"/>
    <mergeCell ref="F2486:F2487"/>
    <mergeCell ref="C2488:C2489"/>
    <mergeCell ref="D2488:D2489"/>
    <mergeCell ref="E2488:E2489"/>
    <mergeCell ref="F2488:F2489"/>
    <mergeCell ref="C2482:C2483"/>
    <mergeCell ref="D2482:D2483"/>
    <mergeCell ref="E2482:E2483"/>
    <mergeCell ref="F2482:F2483"/>
    <mergeCell ref="C2484:C2485"/>
    <mergeCell ref="D2484:D2485"/>
    <mergeCell ref="E2484:E2485"/>
    <mergeCell ref="F2484:F2485"/>
    <mergeCell ref="C2503:C2504"/>
    <mergeCell ref="D2503:D2504"/>
    <mergeCell ref="E2503:E2504"/>
    <mergeCell ref="F2503:F2504"/>
    <mergeCell ref="C2505:C2506"/>
    <mergeCell ref="D2505:D2506"/>
    <mergeCell ref="E2505:E2506"/>
    <mergeCell ref="F2505:F2506"/>
    <mergeCell ref="C2499:C2500"/>
    <mergeCell ref="D2499:D2500"/>
    <mergeCell ref="E2499:E2500"/>
    <mergeCell ref="F2499:F2500"/>
    <mergeCell ref="C2501:C2502"/>
    <mergeCell ref="D2501:D2502"/>
    <mergeCell ref="E2501:E2502"/>
    <mergeCell ref="F2501:F2502"/>
    <mergeCell ref="C2495:C2496"/>
    <mergeCell ref="D2495:D2496"/>
    <mergeCell ref="E2495:E2496"/>
    <mergeCell ref="F2495:F2496"/>
    <mergeCell ref="C2497:C2498"/>
    <mergeCell ref="D2497:D2498"/>
    <mergeCell ref="E2497:E2498"/>
    <mergeCell ref="F2497:F2498"/>
    <mergeCell ref="C2515:C2516"/>
    <mergeCell ref="D2515:D2516"/>
    <mergeCell ref="E2515:E2516"/>
    <mergeCell ref="F2515:F2516"/>
    <mergeCell ref="C2517:C2518"/>
    <mergeCell ref="D2517:D2518"/>
    <mergeCell ref="E2517:E2518"/>
    <mergeCell ref="F2517:F2518"/>
    <mergeCell ref="C2511:C2512"/>
    <mergeCell ref="D2511:D2512"/>
    <mergeCell ref="E2511:E2512"/>
    <mergeCell ref="F2511:F2512"/>
    <mergeCell ref="C2513:C2514"/>
    <mergeCell ref="D2513:D2514"/>
    <mergeCell ref="E2513:E2514"/>
    <mergeCell ref="F2513:F2514"/>
    <mergeCell ref="C2507:C2508"/>
    <mergeCell ref="D2507:D2508"/>
    <mergeCell ref="E2507:E2508"/>
    <mergeCell ref="F2507:F2508"/>
    <mergeCell ref="C2509:C2510"/>
    <mergeCell ref="D2509:D2510"/>
    <mergeCell ref="E2509:E2510"/>
    <mergeCell ref="F2509:F2510"/>
    <mergeCell ref="C2527:C2528"/>
    <mergeCell ref="D2527:D2528"/>
    <mergeCell ref="E2527:E2528"/>
    <mergeCell ref="F2527:F2528"/>
    <mergeCell ref="C2529:C2530"/>
    <mergeCell ref="D2529:D2530"/>
    <mergeCell ref="E2529:E2530"/>
    <mergeCell ref="F2529:F2530"/>
    <mergeCell ref="C2523:C2524"/>
    <mergeCell ref="D2523:D2524"/>
    <mergeCell ref="E2523:E2524"/>
    <mergeCell ref="F2523:F2524"/>
    <mergeCell ref="C2525:C2526"/>
    <mergeCell ref="D2525:D2526"/>
    <mergeCell ref="E2525:E2526"/>
    <mergeCell ref="F2525:F2526"/>
    <mergeCell ref="C2519:C2520"/>
    <mergeCell ref="D2519:D2520"/>
    <mergeCell ref="E2519:E2520"/>
    <mergeCell ref="F2519:F2520"/>
    <mergeCell ref="C2521:C2522"/>
    <mergeCell ref="D2521:D2522"/>
    <mergeCell ref="E2521:E2522"/>
    <mergeCell ref="F2521:F2522"/>
    <mergeCell ref="C2539:C2540"/>
    <mergeCell ref="D2539:D2540"/>
    <mergeCell ref="E2539:E2540"/>
    <mergeCell ref="F2539:F2540"/>
    <mergeCell ref="C2541:C2542"/>
    <mergeCell ref="D2541:D2542"/>
    <mergeCell ref="E2541:E2542"/>
    <mergeCell ref="F2541:F2542"/>
    <mergeCell ref="C2535:C2536"/>
    <mergeCell ref="D2535:D2536"/>
    <mergeCell ref="E2535:E2536"/>
    <mergeCell ref="F2535:F2536"/>
    <mergeCell ref="C2537:C2538"/>
    <mergeCell ref="D2537:D2538"/>
    <mergeCell ref="E2537:E2538"/>
    <mergeCell ref="F2537:F2538"/>
    <mergeCell ref="C2531:C2532"/>
    <mergeCell ref="D2531:D2532"/>
    <mergeCell ref="E2531:E2532"/>
    <mergeCell ref="F2531:F2532"/>
    <mergeCell ref="C2533:C2534"/>
    <mergeCell ref="D2533:D2534"/>
    <mergeCell ref="E2533:E2534"/>
    <mergeCell ref="F2533:F2534"/>
    <mergeCell ref="C2551:C2552"/>
    <mergeCell ref="D2551:D2552"/>
    <mergeCell ref="E2551:E2552"/>
    <mergeCell ref="F2551:F2552"/>
    <mergeCell ref="C2553:C2554"/>
    <mergeCell ref="D2553:D2554"/>
    <mergeCell ref="E2553:E2554"/>
    <mergeCell ref="F2553:F2554"/>
    <mergeCell ref="C2547:C2548"/>
    <mergeCell ref="D2547:D2548"/>
    <mergeCell ref="E2547:E2548"/>
    <mergeCell ref="F2547:F2548"/>
    <mergeCell ref="C2549:C2550"/>
    <mergeCell ref="D2549:D2550"/>
    <mergeCell ref="E2549:E2550"/>
    <mergeCell ref="F2549:F2550"/>
    <mergeCell ref="C2543:C2544"/>
    <mergeCell ref="D2543:D2544"/>
    <mergeCell ref="E2543:E2544"/>
    <mergeCell ref="F2543:F2544"/>
    <mergeCell ref="C2545:C2546"/>
    <mergeCell ref="D2545:D2546"/>
    <mergeCell ref="E2545:E2546"/>
    <mergeCell ref="F2545:F2546"/>
    <mergeCell ref="C2563:C2564"/>
    <mergeCell ref="D2563:D2564"/>
    <mergeCell ref="E2563:E2564"/>
    <mergeCell ref="F2563:F2564"/>
    <mergeCell ref="C2565:C2566"/>
    <mergeCell ref="D2565:D2566"/>
    <mergeCell ref="E2565:E2566"/>
    <mergeCell ref="F2565:F2566"/>
    <mergeCell ref="C2559:C2560"/>
    <mergeCell ref="D2559:D2560"/>
    <mergeCell ref="E2559:E2560"/>
    <mergeCell ref="F2559:F2560"/>
    <mergeCell ref="C2561:C2562"/>
    <mergeCell ref="D2561:D2562"/>
    <mergeCell ref="E2561:E2562"/>
    <mergeCell ref="F2561:F2562"/>
    <mergeCell ref="C2555:C2556"/>
    <mergeCell ref="D2555:D2556"/>
    <mergeCell ref="E2555:E2556"/>
    <mergeCell ref="F2555:F2556"/>
    <mergeCell ref="C2557:C2558"/>
    <mergeCell ref="D2557:D2558"/>
    <mergeCell ref="E2557:E2558"/>
    <mergeCell ref="F2557:F2558"/>
    <mergeCell ref="C2575:C2576"/>
    <mergeCell ref="D2575:D2576"/>
    <mergeCell ref="E2575:E2576"/>
    <mergeCell ref="F2575:F2576"/>
    <mergeCell ref="C2577:C2578"/>
    <mergeCell ref="D2577:D2578"/>
    <mergeCell ref="E2577:E2578"/>
    <mergeCell ref="F2577:F2578"/>
    <mergeCell ref="C2571:C2572"/>
    <mergeCell ref="D2571:D2572"/>
    <mergeCell ref="E2571:E2572"/>
    <mergeCell ref="F2571:F2572"/>
    <mergeCell ref="C2573:C2574"/>
    <mergeCell ref="D2573:D2574"/>
    <mergeCell ref="E2573:E2574"/>
    <mergeCell ref="F2573:F2574"/>
    <mergeCell ref="C2567:C2568"/>
    <mergeCell ref="D2567:D2568"/>
    <mergeCell ref="E2567:E2568"/>
    <mergeCell ref="F2567:F2568"/>
    <mergeCell ref="C2569:C2570"/>
    <mergeCell ref="D2569:D2570"/>
    <mergeCell ref="E2569:E2570"/>
    <mergeCell ref="F2569:F2570"/>
    <mergeCell ref="C2589:C2590"/>
    <mergeCell ref="D2589:D2590"/>
    <mergeCell ref="E2589:E2590"/>
    <mergeCell ref="F2589:F2590"/>
    <mergeCell ref="C2593:C2594"/>
    <mergeCell ref="D2593:D2594"/>
    <mergeCell ref="E2593:E2594"/>
    <mergeCell ref="F2593:F2594"/>
    <mergeCell ref="C2585:C2586"/>
    <mergeCell ref="D2585:D2586"/>
    <mergeCell ref="E2585:E2586"/>
    <mergeCell ref="F2585:F2586"/>
    <mergeCell ref="C2587:C2588"/>
    <mergeCell ref="D2587:D2588"/>
    <mergeCell ref="E2587:E2588"/>
    <mergeCell ref="F2587:F2588"/>
    <mergeCell ref="C2579:C2580"/>
    <mergeCell ref="D2579:D2580"/>
    <mergeCell ref="E2579:E2580"/>
    <mergeCell ref="F2579:F2580"/>
    <mergeCell ref="C2583:C2584"/>
    <mergeCell ref="D2583:D2584"/>
    <mergeCell ref="E2583:E2584"/>
    <mergeCell ref="F2583:F2584"/>
    <mergeCell ref="C2606:C2607"/>
    <mergeCell ref="D2606:D2607"/>
    <mergeCell ref="E2606:E2607"/>
    <mergeCell ref="F2606:F2607"/>
    <mergeCell ref="C2612:C2613"/>
    <mergeCell ref="D2612:D2613"/>
    <mergeCell ref="E2612:E2613"/>
    <mergeCell ref="F2612:F2613"/>
    <mergeCell ref="C2602:C2603"/>
    <mergeCell ref="D2602:D2603"/>
    <mergeCell ref="E2602:E2603"/>
    <mergeCell ref="F2602:F2603"/>
    <mergeCell ref="C2604:C2605"/>
    <mergeCell ref="D2604:D2605"/>
    <mergeCell ref="E2604:E2605"/>
    <mergeCell ref="F2604:F2605"/>
    <mergeCell ref="C2595:C2596"/>
    <mergeCell ref="D2595:D2596"/>
    <mergeCell ref="E2595:E2596"/>
    <mergeCell ref="F2595:F2596"/>
    <mergeCell ref="C2597:C2598"/>
    <mergeCell ref="D2597:D2598"/>
    <mergeCell ref="E2597:E2598"/>
    <mergeCell ref="F2597:F2598"/>
    <mergeCell ref="C2623:C2624"/>
    <mergeCell ref="D2623:D2624"/>
    <mergeCell ref="E2623:E2624"/>
    <mergeCell ref="F2623:F2624"/>
    <mergeCell ref="C2631:C2632"/>
    <mergeCell ref="D2631:D2632"/>
    <mergeCell ref="E2631:E2632"/>
    <mergeCell ref="F2631:F2632"/>
    <mergeCell ref="C2619:C2620"/>
    <mergeCell ref="D2619:D2620"/>
    <mergeCell ref="E2619:E2620"/>
    <mergeCell ref="F2619:F2620"/>
    <mergeCell ref="C2621:C2622"/>
    <mergeCell ref="D2621:D2622"/>
    <mergeCell ref="E2621:E2622"/>
    <mergeCell ref="F2621:F2622"/>
    <mergeCell ref="C2614:C2615"/>
    <mergeCell ref="D2614:D2615"/>
    <mergeCell ref="E2614:E2615"/>
    <mergeCell ref="F2614:F2615"/>
    <mergeCell ref="C2617:C2618"/>
    <mergeCell ref="D2617:D2618"/>
    <mergeCell ref="E2617:E2618"/>
    <mergeCell ref="F2617:F2618"/>
    <mergeCell ref="C2641:C2642"/>
    <mergeCell ref="D2641:D2642"/>
    <mergeCell ref="E2641:E2642"/>
    <mergeCell ref="F2641:F2642"/>
    <mergeCell ref="C2643:C2644"/>
    <mergeCell ref="D2643:D2644"/>
    <mergeCell ref="E2643:E2644"/>
    <mergeCell ref="F2643:F2644"/>
    <mergeCell ref="C2637:C2638"/>
    <mergeCell ref="D2637:D2638"/>
    <mergeCell ref="E2637:E2638"/>
    <mergeCell ref="F2637:F2638"/>
    <mergeCell ref="C2639:C2640"/>
    <mergeCell ref="D2639:D2640"/>
    <mergeCell ref="E2639:E2640"/>
    <mergeCell ref="F2639:F2640"/>
    <mergeCell ref="C2633:C2634"/>
    <mergeCell ref="D2633:D2634"/>
    <mergeCell ref="E2633:E2634"/>
    <mergeCell ref="F2633:F2634"/>
    <mergeCell ref="C2635:C2636"/>
    <mergeCell ref="D2635:D2636"/>
    <mergeCell ref="E2635:E2636"/>
    <mergeCell ref="F2635:F2636"/>
    <mergeCell ref="C2653:C2654"/>
    <mergeCell ref="D2653:D2654"/>
    <mergeCell ref="E2653:E2654"/>
    <mergeCell ref="F2653:F2654"/>
    <mergeCell ref="C2655:C2656"/>
    <mergeCell ref="D2655:D2656"/>
    <mergeCell ref="E2655:E2656"/>
    <mergeCell ref="F2655:F2656"/>
    <mergeCell ref="C2649:C2650"/>
    <mergeCell ref="D2649:D2650"/>
    <mergeCell ref="E2649:E2650"/>
    <mergeCell ref="F2649:F2650"/>
    <mergeCell ref="C2651:C2652"/>
    <mergeCell ref="D2651:D2652"/>
    <mergeCell ref="E2651:E2652"/>
    <mergeCell ref="F2651:F2652"/>
    <mergeCell ref="C2645:C2646"/>
    <mergeCell ref="D2645:D2646"/>
    <mergeCell ref="E2645:E2646"/>
    <mergeCell ref="F2645:F2646"/>
    <mergeCell ref="C2647:C2648"/>
    <mergeCell ref="D2647:D2648"/>
    <mergeCell ref="E2647:E2648"/>
    <mergeCell ref="F2647:F2648"/>
    <mergeCell ref="C2665:C2666"/>
    <mergeCell ref="D2665:D2666"/>
    <mergeCell ref="E2665:E2666"/>
    <mergeCell ref="F2665:F2666"/>
    <mergeCell ref="C2667:C2668"/>
    <mergeCell ref="D2667:D2668"/>
    <mergeCell ref="E2667:E2668"/>
    <mergeCell ref="F2667:F2668"/>
    <mergeCell ref="C2661:C2662"/>
    <mergeCell ref="D2661:D2662"/>
    <mergeCell ref="E2661:E2662"/>
    <mergeCell ref="F2661:F2662"/>
    <mergeCell ref="C2663:C2664"/>
    <mergeCell ref="D2663:D2664"/>
    <mergeCell ref="E2663:E2664"/>
    <mergeCell ref="F2663:F2664"/>
    <mergeCell ref="C2657:C2658"/>
    <mergeCell ref="D2657:D2658"/>
    <mergeCell ref="E2657:E2658"/>
    <mergeCell ref="F2657:F2658"/>
    <mergeCell ref="C2659:C2660"/>
    <mergeCell ref="D2659:D2660"/>
    <mergeCell ref="E2659:E2660"/>
    <mergeCell ref="F2659:F2660"/>
    <mergeCell ref="C2677:C2678"/>
    <mergeCell ref="D2677:D2678"/>
    <mergeCell ref="E2677:E2678"/>
    <mergeCell ref="F2677:F2678"/>
    <mergeCell ref="C2679:C2680"/>
    <mergeCell ref="D2679:D2680"/>
    <mergeCell ref="E2679:E2680"/>
    <mergeCell ref="F2679:F2680"/>
    <mergeCell ref="C2673:C2674"/>
    <mergeCell ref="D2673:D2674"/>
    <mergeCell ref="E2673:E2674"/>
    <mergeCell ref="F2673:F2674"/>
    <mergeCell ref="C2675:C2676"/>
    <mergeCell ref="D2675:D2676"/>
    <mergeCell ref="E2675:E2676"/>
    <mergeCell ref="F2675:F2676"/>
    <mergeCell ref="C2669:C2670"/>
    <mergeCell ref="D2669:D2670"/>
    <mergeCell ref="E2669:E2670"/>
    <mergeCell ref="F2669:F2670"/>
    <mergeCell ref="C2671:C2672"/>
    <mergeCell ref="D2671:D2672"/>
    <mergeCell ref="E2671:E2672"/>
    <mergeCell ref="F2671:F2672"/>
    <mergeCell ref="B2712:F2712"/>
    <mergeCell ref="B2717:F2717"/>
    <mergeCell ref="B2719:F2719"/>
    <mergeCell ref="B2720:F2720"/>
    <mergeCell ref="B2727:F2727"/>
    <mergeCell ref="B2731:F2731"/>
    <mergeCell ref="B2703:F2703"/>
    <mergeCell ref="B2706:F2706"/>
    <mergeCell ref="B2708:F2708"/>
    <mergeCell ref="C2709:C2711"/>
    <mergeCell ref="D2709:D2711"/>
    <mergeCell ref="E2709:E2711"/>
    <mergeCell ref="F2709:F2711"/>
    <mergeCell ref="B2682:F2682"/>
    <mergeCell ref="C2683:C2684"/>
    <mergeCell ref="D2683:D2684"/>
    <mergeCell ref="E2683:E2684"/>
    <mergeCell ref="F2683:F2684"/>
    <mergeCell ref="B2685:F2685"/>
    <mergeCell ref="C2756:C2757"/>
    <mergeCell ref="D2756:D2757"/>
    <mergeCell ref="E2756:E2757"/>
    <mergeCell ref="F2756:F2757"/>
    <mergeCell ref="C2758:C2759"/>
    <mergeCell ref="D2758:D2759"/>
    <mergeCell ref="E2758:E2759"/>
    <mergeCell ref="F2758:F2759"/>
    <mergeCell ref="C2750:C2751"/>
    <mergeCell ref="D2750:D2751"/>
    <mergeCell ref="E2750:E2751"/>
    <mergeCell ref="F2750:F2751"/>
    <mergeCell ref="B2752:F2752"/>
    <mergeCell ref="B2754:F2754"/>
    <mergeCell ref="C2732:C2733"/>
    <mergeCell ref="F2732:F2733"/>
    <mergeCell ref="B2741:F2741"/>
    <mergeCell ref="B2743:F2743"/>
    <mergeCell ref="B2746:F2746"/>
    <mergeCell ref="B2748:F2748"/>
    <mergeCell ref="C2777:C2778"/>
    <mergeCell ref="D2777:D2778"/>
    <mergeCell ref="E2777:E2778"/>
    <mergeCell ref="F2777:F2778"/>
    <mergeCell ref="C2779:C2780"/>
    <mergeCell ref="D2779:D2780"/>
    <mergeCell ref="E2779:E2780"/>
    <mergeCell ref="F2779:F2780"/>
    <mergeCell ref="C2771:C2773"/>
    <mergeCell ref="D2771:D2773"/>
    <mergeCell ref="E2771:E2773"/>
    <mergeCell ref="F2771:F2773"/>
    <mergeCell ref="C2774:C2776"/>
    <mergeCell ref="D2774:D2776"/>
    <mergeCell ref="E2774:E2776"/>
    <mergeCell ref="F2774:F2776"/>
    <mergeCell ref="B2760:F2760"/>
    <mergeCell ref="B2762:F2762"/>
    <mergeCell ref="B2766:F2766"/>
    <mergeCell ref="C2768:C2770"/>
    <mergeCell ref="D2768:D2770"/>
    <mergeCell ref="E2768:E2770"/>
    <mergeCell ref="F2768:F2770"/>
    <mergeCell ref="C2790:C2792"/>
    <mergeCell ref="D2790:D2792"/>
    <mergeCell ref="E2790:E2792"/>
    <mergeCell ref="F2790:F2792"/>
    <mergeCell ref="C2793:C2794"/>
    <mergeCell ref="D2793:D2794"/>
    <mergeCell ref="E2793:E2794"/>
    <mergeCell ref="F2793:F2794"/>
    <mergeCell ref="C2785:C2787"/>
    <mergeCell ref="D2785:D2787"/>
    <mergeCell ref="E2785:E2787"/>
    <mergeCell ref="F2785:F2787"/>
    <mergeCell ref="C2788:C2789"/>
    <mergeCell ref="D2788:D2789"/>
    <mergeCell ref="E2788:E2789"/>
    <mergeCell ref="F2788:F2789"/>
    <mergeCell ref="C2781:C2782"/>
    <mergeCell ref="D2781:D2782"/>
    <mergeCell ref="E2781:E2782"/>
    <mergeCell ref="F2781:F2782"/>
    <mergeCell ref="C2783:C2784"/>
    <mergeCell ref="D2783:D2784"/>
    <mergeCell ref="E2783:E2784"/>
    <mergeCell ref="F2783:F2784"/>
    <mergeCell ref="C2807:C2808"/>
    <mergeCell ref="D2807:D2808"/>
    <mergeCell ref="E2807:E2808"/>
    <mergeCell ref="F2807:F2808"/>
    <mergeCell ref="C2809:C2811"/>
    <mergeCell ref="D2809:D2811"/>
    <mergeCell ref="E2809:E2811"/>
    <mergeCell ref="F2809:F2811"/>
    <mergeCell ref="C2801:C2803"/>
    <mergeCell ref="D2801:D2803"/>
    <mergeCell ref="E2801:E2803"/>
    <mergeCell ref="F2801:F2803"/>
    <mergeCell ref="C2804:C2806"/>
    <mergeCell ref="D2804:D2806"/>
    <mergeCell ref="E2804:E2806"/>
    <mergeCell ref="F2804:F2806"/>
    <mergeCell ref="C2795:C2797"/>
    <mergeCell ref="D2795:D2797"/>
    <mergeCell ref="E2795:E2797"/>
    <mergeCell ref="F2795:F2797"/>
    <mergeCell ref="C2798:C2800"/>
    <mergeCell ref="D2798:D2800"/>
    <mergeCell ref="E2798:E2800"/>
    <mergeCell ref="F2798:F2800"/>
    <mergeCell ref="C2824:C2826"/>
    <mergeCell ref="D2824:D2826"/>
    <mergeCell ref="E2824:E2826"/>
    <mergeCell ref="F2824:F2826"/>
    <mergeCell ref="C2827:C2829"/>
    <mergeCell ref="D2827:D2829"/>
    <mergeCell ref="E2827:E2829"/>
    <mergeCell ref="F2827:F2829"/>
    <mergeCell ref="C2818:C2820"/>
    <mergeCell ref="D2818:D2820"/>
    <mergeCell ref="E2818:E2820"/>
    <mergeCell ref="F2818:F2820"/>
    <mergeCell ref="C2821:C2823"/>
    <mergeCell ref="D2821:D2823"/>
    <mergeCell ref="E2821:E2823"/>
    <mergeCell ref="F2821:F2823"/>
    <mergeCell ref="C2812:C2814"/>
    <mergeCell ref="D2812:D2814"/>
    <mergeCell ref="E2812:E2814"/>
    <mergeCell ref="F2812:F2814"/>
    <mergeCell ref="C2815:C2817"/>
    <mergeCell ref="D2815:D2817"/>
    <mergeCell ref="E2815:E2817"/>
    <mergeCell ref="F2815:F2817"/>
    <mergeCell ref="C2842:C2843"/>
    <mergeCell ref="D2842:D2843"/>
    <mergeCell ref="E2842:E2843"/>
    <mergeCell ref="F2842:F2843"/>
    <mergeCell ref="C2844:C2846"/>
    <mergeCell ref="D2844:D2846"/>
    <mergeCell ref="E2844:E2846"/>
    <mergeCell ref="F2844:F2846"/>
    <mergeCell ref="C2836:C2838"/>
    <mergeCell ref="D2836:D2838"/>
    <mergeCell ref="E2836:E2838"/>
    <mergeCell ref="F2836:F2838"/>
    <mergeCell ref="C2839:C2841"/>
    <mergeCell ref="D2839:D2841"/>
    <mergeCell ref="E2839:E2841"/>
    <mergeCell ref="F2839:F2841"/>
    <mergeCell ref="C2830:C2832"/>
    <mergeCell ref="D2830:D2832"/>
    <mergeCell ref="E2830:E2832"/>
    <mergeCell ref="F2830:F2832"/>
    <mergeCell ref="C2833:C2835"/>
    <mergeCell ref="D2833:D2835"/>
    <mergeCell ref="E2833:E2835"/>
    <mergeCell ref="F2833:F2835"/>
    <mergeCell ref="C2858:C2860"/>
    <mergeCell ref="D2858:D2860"/>
    <mergeCell ref="E2858:E2860"/>
    <mergeCell ref="F2858:F2860"/>
    <mergeCell ref="C2861:C2863"/>
    <mergeCell ref="D2861:D2863"/>
    <mergeCell ref="E2861:E2863"/>
    <mergeCell ref="F2861:F2863"/>
    <mergeCell ref="C2853:C2854"/>
    <mergeCell ref="D2853:D2854"/>
    <mergeCell ref="E2853:E2854"/>
    <mergeCell ref="F2853:F2854"/>
    <mergeCell ref="C2855:C2857"/>
    <mergeCell ref="D2855:D2857"/>
    <mergeCell ref="E2855:E2857"/>
    <mergeCell ref="F2855:F2857"/>
    <mergeCell ref="C2847:C2849"/>
    <mergeCell ref="D2847:D2849"/>
    <mergeCell ref="E2847:E2849"/>
    <mergeCell ref="F2847:F2849"/>
    <mergeCell ref="C2850:C2852"/>
    <mergeCell ref="D2850:D2852"/>
    <mergeCell ref="E2850:E2852"/>
    <mergeCell ref="F2850:F2852"/>
    <mergeCell ref="C2874:C2876"/>
    <mergeCell ref="D2874:D2876"/>
    <mergeCell ref="E2874:E2876"/>
    <mergeCell ref="F2874:F2876"/>
    <mergeCell ref="C2877:C2879"/>
    <mergeCell ref="D2877:D2879"/>
    <mergeCell ref="E2877:E2879"/>
    <mergeCell ref="F2877:F2879"/>
    <mergeCell ref="B2870:F2870"/>
    <mergeCell ref="C2871:C2872"/>
    <mergeCell ref="D2871:D2872"/>
    <mergeCell ref="E2871:E2872"/>
    <mergeCell ref="F2871:F2872"/>
    <mergeCell ref="B2873:F2873"/>
    <mergeCell ref="C2864:C2866"/>
    <mergeCell ref="D2864:D2866"/>
    <mergeCell ref="E2864:E2866"/>
    <mergeCell ref="F2864:F2866"/>
    <mergeCell ref="C2867:C2869"/>
    <mergeCell ref="D2867:D2869"/>
    <mergeCell ref="E2867:E2869"/>
    <mergeCell ref="F2867:F2869"/>
    <mergeCell ref="C2892:C2894"/>
    <mergeCell ref="D2892:D2894"/>
    <mergeCell ref="E2892:E2894"/>
    <mergeCell ref="F2892:F2894"/>
    <mergeCell ref="C2895:C2897"/>
    <mergeCell ref="D2895:D2897"/>
    <mergeCell ref="E2895:E2897"/>
    <mergeCell ref="F2895:F2897"/>
    <mergeCell ref="C2886:C2888"/>
    <mergeCell ref="D2886:D2888"/>
    <mergeCell ref="E2886:E2888"/>
    <mergeCell ref="F2886:F2888"/>
    <mergeCell ref="C2889:C2891"/>
    <mergeCell ref="D2889:D2891"/>
    <mergeCell ref="E2889:E2891"/>
    <mergeCell ref="F2889:F2891"/>
    <mergeCell ref="C2880:C2882"/>
    <mergeCell ref="D2880:D2882"/>
    <mergeCell ref="E2880:E2882"/>
    <mergeCell ref="F2880:F2882"/>
    <mergeCell ref="C2883:C2885"/>
    <mergeCell ref="D2883:D2885"/>
    <mergeCell ref="E2883:E2885"/>
    <mergeCell ref="F2883:F2885"/>
    <mergeCell ref="C2910:C2912"/>
    <mergeCell ref="D2910:D2912"/>
    <mergeCell ref="E2910:E2912"/>
    <mergeCell ref="F2910:F2912"/>
    <mergeCell ref="C2913:C2915"/>
    <mergeCell ref="D2913:D2915"/>
    <mergeCell ref="E2913:E2915"/>
    <mergeCell ref="F2913:F2915"/>
    <mergeCell ref="C2904:C2906"/>
    <mergeCell ref="D2904:D2906"/>
    <mergeCell ref="E2904:E2906"/>
    <mergeCell ref="F2904:F2906"/>
    <mergeCell ref="C2907:C2909"/>
    <mergeCell ref="D2907:D2909"/>
    <mergeCell ref="E2907:E2909"/>
    <mergeCell ref="F2907:F2909"/>
    <mergeCell ref="C2898:C2900"/>
    <mergeCell ref="D2898:D2900"/>
    <mergeCell ref="E2898:E2900"/>
    <mergeCell ref="F2898:F2900"/>
    <mergeCell ref="C2901:C2903"/>
    <mergeCell ref="D2901:D2903"/>
    <mergeCell ref="E2901:E2903"/>
    <mergeCell ref="F2901:F2903"/>
    <mergeCell ref="C2928:C2930"/>
    <mergeCell ref="D2928:D2930"/>
    <mergeCell ref="E2928:E2930"/>
    <mergeCell ref="F2928:F2930"/>
    <mergeCell ref="C2931:C2933"/>
    <mergeCell ref="D2931:D2933"/>
    <mergeCell ref="E2931:E2933"/>
    <mergeCell ref="F2931:F2933"/>
    <mergeCell ref="C2922:C2924"/>
    <mergeCell ref="D2922:D2924"/>
    <mergeCell ref="E2922:E2924"/>
    <mergeCell ref="F2922:F2924"/>
    <mergeCell ref="C2925:C2927"/>
    <mergeCell ref="D2925:D2927"/>
    <mergeCell ref="E2925:E2927"/>
    <mergeCell ref="F2925:F2927"/>
    <mergeCell ref="C2916:C2918"/>
    <mergeCell ref="D2916:D2918"/>
    <mergeCell ref="E2916:E2918"/>
    <mergeCell ref="F2916:F2918"/>
    <mergeCell ref="C2919:C2921"/>
    <mergeCell ref="D2919:D2921"/>
    <mergeCell ref="E2919:E2921"/>
    <mergeCell ref="F2919:F2921"/>
    <mergeCell ref="C2945:C2947"/>
    <mergeCell ref="D2945:D2947"/>
    <mergeCell ref="E2945:E2947"/>
    <mergeCell ref="F2945:F2947"/>
    <mergeCell ref="C2948:C2950"/>
    <mergeCell ref="D2948:D2950"/>
    <mergeCell ref="E2948:E2950"/>
    <mergeCell ref="F2948:F2950"/>
    <mergeCell ref="C2939:C2941"/>
    <mergeCell ref="D2939:D2941"/>
    <mergeCell ref="E2939:E2941"/>
    <mergeCell ref="F2939:F2941"/>
    <mergeCell ref="C2942:C2944"/>
    <mergeCell ref="D2942:D2944"/>
    <mergeCell ref="E2942:E2944"/>
    <mergeCell ref="F2942:F2944"/>
    <mergeCell ref="C2934:C2936"/>
    <mergeCell ref="D2934:D2936"/>
    <mergeCell ref="E2934:E2936"/>
    <mergeCell ref="F2934:F2936"/>
    <mergeCell ref="C2937:C2938"/>
    <mergeCell ref="D2937:D2938"/>
    <mergeCell ref="E2937:E2938"/>
    <mergeCell ref="F2937:F2938"/>
    <mergeCell ref="C2963:C2965"/>
    <mergeCell ref="D2963:D2965"/>
    <mergeCell ref="E2963:E2965"/>
    <mergeCell ref="F2963:F2965"/>
    <mergeCell ref="C2966:C2968"/>
    <mergeCell ref="D2966:D2968"/>
    <mergeCell ref="E2966:E2968"/>
    <mergeCell ref="F2966:F2968"/>
    <mergeCell ref="C2957:C2959"/>
    <mergeCell ref="D2957:D2959"/>
    <mergeCell ref="E2957:E2959"/>
    <mergeCell ref="F2957:F2959"/>
    <mergeCell ref="C2960:C2962"/>
    <mergeCell ref="D2960:D2962"/>
    <mergeCell ref="E2960:E2962"/>
    <mergeCell ref="F2960:F2962"/>
    <mergeCell ref="C2951:C2953"/>
    <mergeCell ref="D2951:D2953"/>
    <mergeCell ref="E2951:E2953"/>
    <mergeCell ref="F2951:F2953"/>
    <mergeCell ref="C2954:C2956"/>
    <mergeCell ref="D2954:D2956"/>
    <mergeCell ref="E2954:E2956"/>
    <mergeCell ref="F2954:F2956"/>
    <mergeCell ref="C2981:C2983"/>
    <mergeCell ref="D2981:D2983"/>
    <mergeCell ref="E2981:E2983"/>
    <mergeCell ref="F2981:F2983"/>
    <mergeCell ref="C2984:C2986"/>
    <mergeCell ref="D2984:D2986"/>
    <mergeCell ref="E2984:E2986"/>
    <mergeCell ref="F2984:F2986"/>
    <mergeCell ref="C2975:C2977"/>
    <mergeCell ref="D2975:D2977"/>
    <mergeCell ref="E2975:E2977"/>
    <mergeCell ref="F2975:F2977"/>
    <mergeCell ref="C2978:C2980"/>
    <mergeCell ref="D2978:D2980"/>
    <mergeCell ref="E2978:E2980"/>
    <mergeCell ref="F2978:F2980"/>
    <mergeCell ref="C2969:C2971"/>
    <mergeCell ref="D2969:D2971"/>
    <mergeCell ref="E2969:E2971"/>
    <mergeCell ref="F2969:F2971"/>
    <mergeCell ref="C2972:C2974"/>
    <mergeCell ref="D2972:D2974"/>
    <mergeCell ref="E2972:E2974"/>
    <mergeCell ref="F2972:F2974"/>
    <mergeCell ref="C2998:C2999"/>
    <mergeCell ref="D2998:D2999"/>
    <mergeCell ref="E2998:E2999"/>
    <mergeCell ref="F2998:F2999"/>
    <mergeCell ref="C3000:C3001"/>
    <mergeCell ref="D3000:D3001"/>
    <mergeCell ref="E3000:E3001"/>
    <mergeCell ref="F3000:F3001"/>
    <mergeCell ref="C2992:C2994"/>
    <mergeCell ref="D2992:D2994"/>
    <mergeCell ref="E2992:E2994"/>
    <mergeCell ref="F2992:F2994"/>
    <mergeCell ref="C2995:C2997"/>
    <mergeCell ref="D2995:D2997"/>
    <mergeCell ref="E2995:E2997"/>
    <mergeCell ref="F2995:F2997"/>
    <mergeCell ref="C2987:C2988"/>
    <mergeCell ref="D2987:D2988"/>
    <mergeCell ref="E2987:E2988"/>
    <mergeCell ref="F2987:F2988"/>
    <mergeCell ref="C2989:C2991"/>
    <mergeCell ref="D2989:D2991"/>
    <mergeCell ref="E2989:E2991"/>
    <mergeCell ref="F2989:F2991"/>
    <mergeCell ref="C3014:C3016"/>
    <mergeCell ref="D3014:D3016"/>
    <mergeCell ref="E3014:E3016"/>
    <mergeCell ref="F3014:F3016"/>
    <mergeCell ref="C3017:C3018"/>
    <mergeCell ref="D3017:D3018"/>
    <mergeCell ref="E3017:E3018"/>
    <mergeCell ref="F3017:F3018"/>
    <mergeCell ref="C3008:C3010"/>
    <mergeCell ref="D3008:D3010"/>
    <mergeCell ref="E3008:E3010"/>
    <mergeCell ref="F3008:F3010"/>
    <mergeCell ref="C3011:C3013"/>
    <mergeCell ref="D3011:D3013"/>
    <mergeCell ref="E3011:E3013"/>
    <mergeCell ref="F3011:F3013"/>
    <mergeCell ref="C3002:C3004"/>
    <mergeCell ref="D3002:D3004"/>
    <mergeCell ref="E3002:E3004"/>
    <mergeCell ref="F3002:F3004"/>
    <mergeCell ref="C3005:C3007"/>
    <mergeCell ref="D3005:D3007"/>
    <mergeCell ref="E3005:E3007"/>
    <mergeCell ref="F3005:F3007"/>
    <mergeCell ref="C3030:C3031"/>
    <mergeCell ref="D3030:D3031"/>
    <mergeCell ref="E3030:E3031"/>
    <mergeCell ref="F3030:F3031"/>
    <mergeCell ref="C3032:C3033"/>
    <mergeCell ref="D3032:D3033"/>
    <mergeCell ref="E3032:E3033"/>
    <mergeCell ref="F3032:F3033"/>
    <mergeCell ref="C3025:C3027"/>
    <mergeCell ref="D3025:D3027"/>
    <mergeCell ref="E3025:E3027"/>
    <mergeCell ref="F3025:F3027"/>
    <mergeCell ref="C3028:C3029"/>
    <mergeCell ref="D3028:D3029"/>
    <mergeCell ref="E3028:E3029"/>
    <mergeCell ref="F3028:F3029"/>
    <mergeCell ref="C3019:C3021"/>
    <mergeCell ref="D3019:D3021"/>
    <mergeCell ref="E3019:E3021"/>
    <mergeCell ref="F3019:F3021"/>
    <mergeCell ref="C3022:C3024"/>
    <mergeCell ref="D3022:D3024"/>
    <mergeCell ref="E3022:E3024"/>
    <mergeCell ref="F3022:F3024"/>
    <mergeCell ref="C3038:C3040"/>
    <mergeCell ref="D3038:D3040"/>
    <mergeCell ref="E3038:E3040"/>
    <mergeCell ref="F3038:F3040"/>
    <mergeCell ref="B3041:F3041"/>
    <mergeCell ref="C3042:C3043"/>
    <mergeCell ref="D3042:D3043"/>
    <mergeCell ref="E3042:E3043"/>
    <mergeCell ref="F3042:F3043"/>
    <mergeCell ref="C3034:C3035"/>
    <mergeCell ref="D3034:D3035"/>
    <mergeCell ref="E3034:E3035"/>
    <mergeCell ref="F3034:F3035"/>
    <mergeCell ref="C3036:C3037"/>
    <mergeCell ref="D3036:D3037"/>
    <mergeCell ref="E3036:E3037"/>
    <mergeCell ref="F3036:F3037"/>
    <mergeCell ref="C3052:C3053"/>
    <mergeCell ref="D3052:D3053"/>
    <mergeCell ref="E3052:E3053"/>
    <mergeCell ref="F3052:F3053"/>
    <mergeCell ref="C3054:C3055"/>
    <mergeCell ref="D3054:D3055"/>
    <mergeCell ref="E3054:E3055"/>
    <mergeCell ref="F3054:F3055"/>
    <mergeCell ref="C3048:C3049"/>
    <mergeCell ref="D3048:D3049"/>
    <mergeCell ref="E3048:E3049"/>
    <mergeCell ref="F3048:F3049"/>
    <mergeCell ref="C3050:C3051"/>
    <mergeCell ref="D3050:D3051"/>
    <mergeCell ref="E3050:E3051"/>
    <mergeCell ref="F3050:F3051"/>
    <mergeCell ref="C3044:C3045"/>
    <mergeCell ref="D3044:D3045"/>
    <mergeCell ref="E3044:E3045"/>
    <mergeCell ref="F3044:F3045"/>
    <mergeCell ref="C3046:C3047"/>
    <mergeCell ref="D3046:D3047"/>
    <mergeCell ref="E3046:E3047"/>
    <mergeCell ref="F3046:F3047"/>
    <mergeCell ref="C3064:C3065"/>
    <mergeCell ref="D3064:D3065"/>
    <mergeCell ref="E3064:E3065"/>
    <mergeCell ref="F3064:F3065"/>
    <mergeCell ref="C3066:C3067"/>
    <mergeCell ref="D3066:D3067"/>
    <mergeCell ref="E3066:E3067"/>
    <mergeCell ref="F3066:F3067"/>
    <mergeCell ref="C3060:C3061"/>
    <mergeCell ref="D3060:D3061"/>
    <mergeCell ref="E3060:E3061"/>
    <mergeCell ref="F3060:F3061"/>
    <mergeCell ref="C3062:C3063"/>
    <mergeCell ref="D3062:D3063"/>
    <mergeCell ref="E3062:E3063"/>
    <mergeCell ref="F3062:F3063"/>
    <mergeCell ref="C3056:C3057"/>
    <mergeCell ref="D3056:D3057"/>
    <mergeCell ref="E3056:E3057"/>
    <mergeCell ref="F3056:F3057"/>
    <mergeCell ref="C3058:C3059"/>
    <mergeCell ref="D3058:D3059"/>
    <mergeCell ref="E3058:E3059"/>
    <mergeCell ref="F3058:F3059"/>
    <mergeCell ref="C3077:C3078"/>
    <mergeCell ref="D3077:D3078"/>
    <mergeCell ref="E3077:E3078"/>
    <mergeCell ref="F3077:F3078"/>
    <mergeCell ref="C3079:C3080"/>
    <mergeCell ref="D3079:D3080"/>
    <mergeCell ref="E3079:E3080"/>
    <mergeCell ref="F3079:F3080"/>
    <mergeCell ref="C3073:C3074"/>
    <mergeCell ref="D3073:D3074"/>
    <mergeCell ref="E3073:E3074"/>
    <mergeCell ref="F3073:F3074"/>
    <mergeCell ref="C3075:C3076"/>
    <mergeCell ref="D3075:D3076"/>
    <mergeCell ref="E3075:E3076"/>
    <mergeCell ref="F3075:F3076"/>
    <mergeCell ref="C3069:C3070"/>
    <mergeCell ref="D3069:D3070"/>
    <mergeCell ref="E3069:E3070"/>
    <mergeCell ref="F3069:F3070"/>
    <mergeCell ref="C3071:C3072"/>
    <mergeCell ref="D3071:D3072"/>
    <mergeCell ref="E3071:E3072"/>
    <mergeCell ref="F3071:F3072"/>
    <mergeCell ref="C3089:C3090"/>
    <mergeCell ref="D3089:D3090"/>
    <mergeCell ref="E3089:E3090"/>
    <mergeCell ref="F3089:F3090"/>
    <mergeCell ref="C3091:C3092"/>
    <mergeCell ref="D3091:D3092"/>
    <mergeCell ref="E3091:E3092"/>
    <mergeCell ref="F3091:F3092"/>
    <mergeCell ref="C3085:C3086"/>
    <mergeCell ref="D3085:D3086"/>
    <mergeCell ref="E3085:E3086"/>
    <mergeCell ref="F3085:F3086"/>
    <mergeCell ref="C3087:C3088"/>
    <mergeCell ref="D3087:D3088"/>
    <mergeCell ref="E3087:E3088"/>
    <mergeCell ref="F3087:F3088"/>
    <mergeCell ref="C3081:C3082"/>
    <mergeCell ref="D3081:D3082"/>
    <mergeCell ref="E3081:E3082"/>
    <mergeCell ref="F3081:F3082"/>
    <mergeCell ref="C3083:C3084"/>
    <mergeCell ref="D3083:D3084"/>
    <mergeCell ref="E3083:E3084"/>
    <mergeCell ref="F3083:F3084"/>
    <mergeCell ref="B3099:F3099"/>
    <mergeCell ref="C3100:C3101"/>
    <mergeCell ref="D3100:D3101"/>
    <mergeCell ref="E3100:E3101"/>
    <mergeCell ref="F3100:F3101"/>
    <mergeCell ref="C3103:C3104"/>
    <mergeCell ref="D3103:D3104"/>
    <mergeCell ref="E3103:E3104"/>
    <mergeCell ref="F3103:F3104"/>
    <mergeCell ref="C3093:C3094"/>
    <mergeCell ref="D3093:D3094"/>
    <mergeCell ref="E3093:E3094"/>
    <mergeCell ref="F3093:F3094"/>
    <mergeCell ref="B3095:F3095"/>
    <mergeCell ref="C3096:C3098"/>
    <mergeCell ref="D3096:D3098"/>
    <mergeCell ref="E3096:E3098"/>
    <mergeCell ref="F3096:F3098"/>
    <mergeCell ref="C3115:C3116"/>
    <mergeCell ref="D3115:D3116"/>
    <mergeCell ref="E3115:E3116"/>
    <mergeCell ref="F3115:F3116"/>
    <mergeCell ref="C3117:C3118"/>
    <mergeCell ref="D3117:D3118"/>
    <mergeCell ref="E3117:E3118"/>
    <mergeCell ref="F3117:F3118"/>
    <mergeCell ref="C3111:C3112"/>
    <mergeCell ref="D3111:D3112"/>
    <mergeCell ref="E3111:E3112"/>
    <mergeCell ref="F3111:F3112"/>
    <mergeCell ref="C3113:C3114"/>
    <mergeCell ref="D3113:D3114"/>
    <mergeCell ref="E3113:E3114"/>
    <mergeCell ref="F3113:F3114"/>
    <mergeCell ref="C3107:C3108"/>
    <mergeCell ref="D3107:D3108"/>
    <mergeCell ref="E3107:E3108"/>
    <mergeCell ref="F3107:F3108"/>
    <mergeCell ref="C3109:C3110"/>
    <mergeCell ref="D3109:D3110"/>
    <mergeCell ref="E3109:E3110"/>
    <mergeCell ref="F3109:F3110"/>
    <mergeCell ref="C3127:C3128"/>
    <mergeCell ref="D3127:D3128"/>
    <mergeCell ref="E3127:E3128"/>
    <mergeCell ref="F3127:F3128"/>
    <mergeCell ref="C3129:C3130"/>
    <mergeCell ref="D3129:D3130"/>
    <mergeCell ref="E3129:E3130"/>
    <mergeCell ref="F3129:F3130"/>
    <mergeCell ref="C3123:C3124"/>
    <mergeCell ref="D3123:D3124"/>
    <mergeCell ref="E3123:E3124"/>
    <mergeCell ref="F3123:F3124"/>
    <mergeCell ref="C3125:C3126"/>
    <mergeCell ref="D3125:D3126"/>
    <mergeCell ref="E3125:E3126"/>
    <mergeCell ref="F3125:F3126"/>
    <mergeCell ref="C3119:C3120"/>
    <mergeCell ref="D3119:D3120"/>
    <mergeCell ref="E3119:E3120"/>
    <mergeCell ref="F3119:F3120"/>
    <mergeCell ref="C3121:C3122"/>
    <mergeCell ref="D3121:D3122"/>
    <mergeCell ref="E3121:E3122"/>
    <mergeCell ref="F3121:F3122"/>
    <mergeCell ref="C3139:C3140"/>
    <mergeCell ref="D3139:D3140"/>
    <mergeCell ref="E3139:E3140"/>
    <mergeCell ref="F3139:F3140"/>
    <mergeCell ref="C3141:C3142"/>
    <mergeCell ref="D3141:D3142"/>
    <mergeCell ref="E3141:E3142"/>
    <mergeCell ref="F3141:F3142"/>
    <mergeCell ref="C3135:C3136"/>
    <mergeCell ref="D3135:D3136"/>
    <mergeCell ref="E3135:E3136"/>
    <mergeCell ref="F3135:F3136"/>
    <mergeCell ref="C3137:C3138"/>
    <mergeCell ref="D3137:D3138"/>
    <mergeCell ref="E3137:E3138"/>
    <mergeCell ref="F3137:F3138"/>
    <mergeCell ref="C3131:C3132"/>
    <mergeCell ref="D3131:D3132"/>
    <mergeCell ref="E3131:E3132"/>
    <mergeCell ref="F3131:F3132"/>
    <mergeCell ref="C3133:C3134"/>
    <mergeCell ref="D3133:D3134"/>
    <mergeCell ref="E3133:E3134"/>
    <mergeCell ref="F3133:F3134"/>
    <mergeCell ref="B3154:F3154"/>
    <mergeCell ref="C3155:C3156"/>
    <mergeCell ref="D3155:D3156"/>
    <mergeCell ref="E3155:E3156"/>
    <mergeCell ref="F3155:F3156"/>
    <mergeCell ref="B3157:F3157"/>
    <mergeCell ref="C3149:C3150"/>
    <mergeCell ref="D3149:D3150"/>
    <mergeCell ref="E3149:E3150"/>
    <mergeCell ref="F3149:F3150"/>
    <mergeCell ref="B3151:F3151"/>
    <mergeCell ref="C3152:C3153"/>
    <mergeCell ref="D3152:D3153"/>
    <mergeCell ref="E3152:E3153"/>
    <mergeCell ref="F3152:F3153"/>
    <mergeCell ref="C3145:C3146"/>
    <mergeCell ref="D3145:D3146"/>
    <mergeCell ref="E3145:E3146"/>
    <mergeCell ref="F3145:F3146"/>
    <mergeCell ref="C3147:C3148"/>
    <mergeCell ref="D3147:D3148"/>
    <mergeCell ref="E3147:E3148"/>
    <mergeCell ref="F3147:F3148"/>
    <mergeCell ref="C3166:C3167"/>
    <mergeCell ref="D3166:D3167"/>
    <mergeCell ref="E3166:E3167"/>
    <mergeCell ref="F3166:F3167"/>
    <mergeCell ref="C3168:C3169"/>
    <mergeCell ref="D3168:D3169"/>
    <mergeCell ref="E3168:E3169"/>
    <mergeCell ref="F3168:F3169"/>
    <mergeCell ref="C3162:C3163"/>
    <mergeCell ref="D3162:D3163"/>
    <mergeCell ref="E3162:E3163"/>
    <mergeCell ref="F3162:F3163"/>
    <mergeCell ref="C3164:C3165"/>
    <mergeCell ref="D3164:D3165"/>
    <mergeCell ref="E3164:E3165"/>
    <mergeCell ref="F3164:F3165"/>
    <mergeCell ref="C3158:C3159"/>
    <mergeCell ref="D3158:D3159"/>
    <mergeCell ref="E3158:E3159"/>
    <mergeCell ref="F3158:F3159"/>
    <mergeCell ref="C3160:C3161"/>
    <mergeCell ref="D3160:D3161"/>
    <mergeCell ref="E3160:E3161"/>
    <mergeCell ref="F3160:F3161"/>
    <mergeCell ref="C3179:C3180"/>
    <mergeCell ref="D3179:D3180"/>
    <mergeCell ref="E3179:E3180"/>
    <mergeCell ref="F3179:F3180"/>
    <mergeCell ref="C3181:C3182"/>
    <mergeCell ref="D3181:D3182"/>
    <mergeCell ref="E3181:E3182"/>
    <mergeCell ref="F3181:F3182"/>
    <mergeCell ref="C3175:C3176"/>
    <mergeCell ref="D3175:D3176"/>
    <mergeCell ref="E3175:E3176"/>
    <mergeCell ref="F3175:F3176"/>
    <mergeCell ref="C3177:C3178"/>
    <mergeCell ref="D3177:D3178"/>
    <mergeCell ref="E3177:E3178"/>
    <mergeCell ref="F3177:F3178"/>
    <mergeCell ref="C3170:C3171"/>
    <mergeCell ref="D3170:D3171"/>
    <mergeCell ref="E3170:E3171"/>
    <mergeCell ref="F3170:F3171"/>
    <mergeCell ref="C3173:C3174"/>
    <mergeCell ref="D3173:D3174"/>
    <mergeCell ref="E3173:E3174"/>
    <mergeCell ref="F3173:F3174"/>
    <mergeCell ref="C3191:C3192"/>
    <mergeCell ref="D3191:D3192"/>
    <mergeCell ref="E3191:E3192"/>
    <mergeCell ref="F3191:F3192"/>
    <mergeCell ref="C3193:C3194"/>
    <mergeCell ref="D3193:D3194"/>
    <mergeCell ref="E3193:E3194"/>
    <mergeCell ref="F3193:F3194"/>
    <mergeCell ref="C3187:C3188"/>
    <mergeCell ref="D3187:D3188"/>
    <mergeCell ref="E3187:E3188"/>
    <mergeCell ref="F3187:F3188"/>
    <mergeCell ref="C3189:C3190"/>
    <mergeCell ref="D3189:D3190"/>
    <mergeCell ref="E3189:E3190"/>
    <mergeCell ref="F3189:F3190"/>
    <mergeCell ref="C3183:C3184"/>
    <mergeCell ref="D3183:D3184"/>
    <mergeCell ref="E3183:E3184"/>
    <mergeCell ref="F3183:F3184"/>
    <mergeCell ref="C3185:C3186"/>
    <mergeCell ref="D3185:D3186"/>
    <mergeCell ref="E3185:E3186"/>
    <mergeCell ref="F3185:F3186"/>
    <mergeCell ref="C3203:C3204"/>
    <mergeCell ref="D3203:D3204"/>
    <mergeCell ref="E3203:E3204"/>
    <mergeCell ref="F3203:F3204"/>
    <mergeCell ref="C3205:C3206"/>
    <mergeCell ref="D3205:D3206"/>
    <mergeCell ref="E3205:E3206"/>
    <mergeCell ref="F3205:F3206"/>
    <mergeCell ref="C3199:C3200"/>
    <mergeCell ref="D3199:D3200"/>
    <mergeCell ref="E3199:E3200"/>
    <mergeCell ref="F3199:F3200"/>
    <mergeCell ref="C3201:C3202"/>
    <mergeCell ref="D3201:D3202"/>
    <mergeCell ref="E3201:E3202"/>
    <mergeCell ref="F3201:F3202"/>
    <mergeCell ref="C3195:C3196"/>
    <mergeCell ref="D3195:D3196"/>
    <mergeCell ref="E3195:E3196"/>
    <mergeCell ref="F3195:F3196"/>
    <mergeCell ref="C3197:C3198"/>
    <mergeCell ref="D3197:D3198"/>
    <mergeCell ref="E3197:E3198"/>
    <mergeCell ref="F3197:F3198"/>
    <mergeCell ref="C3215:C3216"/>
    <mergeCell ref="D3215:D3216"/>
    <mergeCell ref="E3215:E3216"/>
    <mergeCell ref="F3215:F3216"/>
    <mergeCell ref="C3217:C3218"/>
    <mergeCell ref="D3217:D3218"/>
    <mergeCell ref="E3217:E3218"/>
    <mergeCell ref="F3217:F3218"/>
    <mergeCell ref="C3211:C3212"/>
    <mergeCell ref="D3211:D3212"/>
    <mergeCell ref="E3211:E3212"/>
    <mergeCell ref="F3211:F3212"/>
    <mergeCell ref="C3213:C3214"/>
    <mergeCell ref="D3213:D3214"/>
    <mergeCell ref="E3213:E3214"/>
    <mergeCell ref="F3213:F3214"/>
    <mergeCell ref="C3207:C3208"/>
    <mergeCell ref="D3207:D3208"/>
    <mergeCell ref="E3207:E3208"/>
    <mergeCell ref="F3207:F3208"/>
    <mergeCell ref="C3209:C3210"/>
    <mergeCell ref="D3209:D3210"/>
    <mergeCell ref="E3209:E3210"/>
    <mergeCell ref="F3209:F3210"/>
    <mergeCell ref="C3228:C3229"/>
    <mergeCell ref="D3228:D3229"/>
    <mergeCell ref="E3228:E3229"/>
    <mergeCell ref="F3228:F3229"/>
    <mergeCell ref="C3230:C3231"/>
    <mergeCell ref="D3230:D3231"/>
    <mergeCell ref="E3230:E3231"/>
    <mergeCell ref="F3230:F3231"/>
    <mergeCell ref="C3224:C3225"/>
    <mergeCell ref="D3224:D3225"/>
    <mergeCell ref="E3224:E3225"/>
    <mergeCell ref="F3224:F3225"/>
    <mergeCell ref="C3226:C3227"/>
    <mergeCell ref="D3226:D3227"/>
    <mergeCell ref="E3226:E3227"/>
    <mergeCell ref="F3226:F3227"/>
    <mergeCell ref="B3219:F3219"/>
    <mergeCell ref="C3220:C3222"/>
    <mergeCell ref="D3220:D3222"/>
    <mergeCell ref="E3220:E3222"/>
    <mergeCell ref="F3220:F3222"/>
    <mergeCell ref="B3223:F3223"/>
    <mergeCell ref="C3240:C3241"/>
    <mergeCell ref="D3240:D3241"/>
    <mergeCell ref="E3240:E3241"/>
    <mergeCell ref="F3240:F3241"/>
    <mergeCell ref="C3242:C3243"/>
    <mergeCell ref="D3242:D3243"/>
    <mergeCell ref="E3242:E3243"/>
    <mergeCell ref="F3242:F3243"/>
    <mergeCell ref="C3236:C3237"/>
    <mergeCell ref="D3236:D3237"/>
    <mergeCell ref="E3236:E3237"/>
    <mergeCell ref="F3236:F3237"/>
    <mergeCell ref="C3238:C3239"/>
    <mergeCell ref="D3238:D3239"/>
    <mergeCell ref="E3238:E3239"/>
    <mergeCell ref="F3238:F3239"/>
    <mergeCell ref="C3232:C3233"/>
    <mergeCell ref="D3232:D3233"/>
    <mergeCell ref="E3232:E3233"/>
    <mergeCell ref="F3232:F3233"/>
    <mergeCell ref="C3234:C3235"/>
    <mergeCell ref="D3234:D3235"/>
    <mergeCell ref="E3234:E3235"/>
    <mergeCell ref="F3234:F3235"/>
    <mergeCell ref="C3252:C3253"/>
    <mergeCell ref="D3252:D3253"/>
    <mergeCell ref="E3252:E3253"/>
    <mergeCell ref="F3252:F3253"/>
    <mergeCell ref="C3254:C3255"/>
    <mergeCell ref="D3254:D3255"/>
    <mergeCell ref="E3254:E3255"/>
    <mergeCell ref="F3254:F3255"/>
    <mergeCell ref="C3248:C3249"/>
    <mergeCell ref="D3248:D3249"/>
    <mergeCell ref="E3248:E3249"/>
    <mergeCell ref="F3248:F3249"/>
    <mergeCell ref="C3250:C3251"/>
    <mergeCell ref="D3250:D3251"/>
    <mergeCell ref="E3250:E3251"/>
    <mergeCell ref="F3250:F3251"/>
    <mergeCell ref="C3244:C3245"/>
    <mergeCell ref="D3244:D3245"/>
    <mergeCell ref="E3244:E3245"/>
    <mergeCell ref="F3244:F3245"/>
    <mergeCell ref="C3246:C3247"/>
    <mergeCell ref="D3246:D3247"/>
    <mergeCell ref="E3246:E3247"/>
    <mergeCell ref="F3246:F3247"/>
    <mergeCell ref="C3264:C3265"/>
    <mergeCell ref="D3264:D3265"/>
    <mergeCell ref="E3264:E3265"/>
    <mergeCell ref="F3264:F3265"/>
    <mergeCell ref="C3266:C3267"/>
    <mergeCell ref="D3266:D3267"/>
    <mergeCell ref="E3266:E3267"/>
    <mergeCell ref="F3266:F3267"/>
    <mergeCell ref="C3260:C3261"/>
    <mergeCell ref="D3260:D3261"/>
    <mergeCell ref="E3260:E3261"/>
    <mergeCell ref="F3260:F3261"/>
    <mergeCell ref="C3262:C3263"/>
    <mergeCell ref="D3262:D3263"/>
    <mergeCell ref="E3262:E3263"/>
    <mergeCell ref="F3262:F3263"/>
    <mergeCell ref="C3256:C3257"/>
    <mergeCell ref="D3256:D3257"/>
    <mergeCell ref="E3256:E3257"/>
    <mergeCell ref="F3256:F3257"/>
    <mergeCell ref="C3258:C3259"/>
    <mergeCell ref="D3258:D3259"/>
    <mergeCell ref="E3258:E3259"/>
    <mergeCell ref="F3258:F3259"/>
    <mergeCell ref="C3276:C3277"/>
    <mergeCell ref="D3276:D3277"/>
    <mergeCell ref="E3276:E3277"/>
    <mergeCell ref="F3276:F3277"/>
    <mergeCell ref="C3278:C3279"/>
    <mergeCell ref="D3278:D3279"/>
    <mergeCell ref="E3278:E3279"/>
    <mergeCell ref="F3278:F3279"/>
    <mergeCell ref="C3272:C3273"/>
    <mergeCell ref="D3272:D3273"/>
    <mergeCell ref="E3272:E3273"/>
    <mergeCell ref="F3272:F3273"/>
    <mergeCell ref="C3274:C3275"/>
    <mergeCell ref="D3274:D3275"/>
    <mergeCell ref="E3274:E3275"/>
    <mergeCell ref="F3274:F3275"/>
    <mergeCell ref="C3268:C3269"/>
    <mergeCell ref="D3268:D3269"/>
    <mergeCell ref="E3268:E3269"/>
    <mergeCell ref="F3268:F3269"/>
    <mergeCell ref="C3270:C3271"/>
    <mergeCell ref="D3270:D3271"/>
    <mergeCell ref="E3270:E3271"/>
    <mergeCell ref="F3270:F3271"/>
    <mergeCell ref="C3288:C3289"/>
    <mergeCell ref="D3288:D3289"/>
    <mergeCell ref="E3288:E3289"/>
    <mergeCell ref="F3288:F3289"/>
    <mergeCell ref="C3290:C3291"/>
    <mergeCell ref="D3290:D3291"/>
    <mergeCell ref="E3290:E3291"/>
    <mergeCell ref="F3290:F3291"/>
    <mergeCell ref="C3284:C3285"/>
    <mergeCell ref="D3284:D3285"/>
    <mergeCell ref="E3284:E3285"/>
    <mergeCell ref="F3284:F3285"/>
    <mergeCell ref="C3286:C3287"/>
    <mergeCell ref="D3286:D3287"/>
    <mergeCell ref="E3286:E3287"/>
    <mergeCell ref="F3286:F3287"/>
    <mergeCell ref="C3280:C3281"/>
    <mergeCell ref="D3280:D3281"/>
    <mergeCell ref="E3280:E3281"/>
    <mergeCell ref="F3280:F3281"/>
    <mergeCell ref="C3282:C3283"/>
    <mergeCell ref="D3282:D3283"/>
    <mergeCell ref="E3282:E3283"/>
    <mergeCell ref="F3282:F3283"/>
    <mergeCell ref="C3304:C3305"/>
    <mergeCell ref="D3304:D3305"/>
    <mergeCell ref="E3304:E3305"/>
    <mergeCell ref="F3304:F3305"/>
    <mergeCell ref="C3306:C3307"/>
    <mergeCell ref="D3306:D3307"/>
    <mergeCell ref="E3306:E3307"/>
    <mergeCell ref="F3306:F3307"/>
    <mergeCell ref="C3296:C3297"/>
    <mergeCell ref="D3296:D3297"/>
    <mergeCell ref="E3296:E3297"/>
    <mergeCell ref="F3296:F3297"/>
    <mergeCell ref="C3298:C3299"/>
    <mergeCell ref="D3298:D3299"/>
    <mergeCell ref="E3298:E3299"/>
    <mergeCell ref="F3298:F3299"/>
    <mergeCell ref="C3292:C3293"/>
    <mergeCell ref="D3292:D3293"/>
    <mergeCell ref="E3292:E3293"/>
    <mergeCell ref="F3292:F3293"/>
    <mergeCell ref="C3294:C3295"/>
    <mergeCell ref="D3294:D3295"/>
    <mergeCell ref="E3294:E3295"/>
    <mergeCell ref="F3294:F3295"/>
    <mergeCell ref="C3319:C3320"/>
    <mergeCell ref="D3319:D3320"/>
    <mergeCell ref="E3319:E3320"/>
    <mergeCell ref="F3319:F3320"/>
    <mergeCell ref="C3321:C3322"/>
    <mergeCell ref="D3321:D3322"/>
    <mergeCell ref="E3321:E3322"/>
    <mergeCell ref="F3321:F3322"/>
    <mergeCell ref="C3315:C3316"/>
    <mergeCell ref="D3315:D3316"/>
    <mergeCell ref="E3315:E3316"/>
    <mergeCell ref="F3315:F3316"/>
    <mergeCell ref="C3317:C3318"/>
    <mergeCell ref="D3317:D3318"/>
    <mergeCell ref="E3317:E3318"/>
    <mergeCell ref="F3317:F3318"/>
    <mergeCell ref="C3311:C3312"/>
    <mergeCell ref="D3311:D3312"/>
    <mergeCell ref="E3311:E3312"/>
    <mergeCell ref="F3311:F3312"/>
    <mergeCell ref="C3313:C3314"/>
    <mergeCell ref="D3313:D3314"/>
    <mergeCell ref="E3313:E3314"/>
    <mergeCell ref="F3313:F3314"/>
    <mergeCell ref="C3327:C3328"/>
    <mergeCell ref="D3327:D3328"/>
    <mergeCell ref="E3327:E3328"/>
    <mergeCell ref="F3327:F3328"/>
    <mergeCell ref="B3329:F3329"/>
    <mergeCell ref="C3330:C3332"/>
    <mergeCell ref="D3330:D3332"/>
    <mergeCell ref="E3330:E3332"/>
    <mergeCell ref="F3330:F3332"/>
    <mergeCell ref="C3323:C3324"/>
    <mergeCell ref="D3323:D3324"/>
    <mergeCell ref="E3323:E3324"/>
    <mergeCell ref="F3323:F3324"/>
    <mergeCell ref="C3325:C3326"/>
    <mergeCell ref="D3325:D3326"/>
    <mergeCell ref="E3325:E3326"/>
    <mergeCell ref="F3325:F3326"/>
    <mergeCell ref="C3345:C3347"/>
    <mergeCell ref="D3345:D3347"/>
    <mergeCell ref="E3345:E3347"/>
    <mergeCell ref="F3345:F3347"/>
    <mergeCell ref="C3348:C3350"/>
    <mergeCell ref="D3348:D3350"/>
    <mergeCell ref="E3348:E3350"/>
    <mergeCell ref="F3348:F3350"/>
    <mergeCell ref="C3339:C3341"/>
    <mergeCell ref="D3339:D3341"/>
    <mergeCell ref="E3339:E3341"/>
    <mergeCell ref="F3339:F3341"/>
    <mergeCell ref="C3342:C3344"/>
    <mergeCell ref="D3342:D3344"/>
    <mergeCell ref="E3342:E3344"/>
    <mergeCell ref="F3342:F3344"/>
    <mergeCell ref="C3333:C3335"/>
    <mergeCell ref="D3333:D3335"/>
    <mergeCell ref="E3333:E3335"/>
    <mergeCell ref="F3333:F3335"/>
    <mergeCell ref="C3336:C3338"/>
    <mergeCell ref="D3336:D3338"/>
    <mergeCell ref="E3336:E3338"/>
    <mergeCell ref="F3336:F3338"/>
    <mergeCell ref="C3363:C3365"/>
    <mergeCell ref="D3363:D3365"/>
    <mergeCell ref="E3363:E3365"/>
    <mergeCell ref="F3363:F3365"/>
    <mergeCell ref="C3366:C3368"/>
    <mergeCell ref="D3366:D3368"/>
    <mergeCell ref="E3366:E3368"/>
    <mergeCell ref="F3366:F3368"/>
    <mergeCell ref="C3357:C3359"/>
    <mergeCell ref="D3357:D3359"/>
    <mergeCell ref="E3357:E3359"/>
    <mergeCell ref="F3357:F3359"/>
    <mergeCell ref="C3360:C3362"/>
    <mergeCell ref="D3360:D3362"/>
    <mergeCell ref="E3360:E3362"/>
    <mergeCell ref="F3360:F3362"/>
    <mergeCell ref="C3351:C3353"/>
    <mergeCell ref="D3351:D3353"/>
    <mergeCell ref="E3351:E3353"/>
    <mergeCell ref="F3351:F3353"/>
    <mergeCell ref="C3354:C3356"/>
    <mergeCell ref="D3354:D3356"/>
    <mergeCell ref="E3354:E3356"/>
    <mergeCell ref="F3354:F3356"/>
    <mergeCell ref="C3381:C3383"/>
    <mergeCell ref="D3381:D3383"/>
    <mergeCell ref="E3381:E3383"/>
    <mergeCell ref="F3381:F3383"/>
    <mergeCell ref="C3384:C3386"/>
    <mergeCell ref="D3384:D3386"/>
    <mergeCell ref="E3384:E3386"/>
    <mergeCell ref="F3384:F3386"/>
    <mergeCell ref="C3375:C3377"/>
    <mergeCell ref="D3375:D3377"/>
    <mergeCell ref="E3375:E3377"/>
    <mergeCell ref="F3375:F3377"/>
    <mergeCell ref="C3378:C3380"/>
    <mergeCell ref="D3378:D3380"/>
    <mergeCell ref="E3378:E3380"/>
    <mergeCell ref="F3378:F3380"/>
    <mergeCell ref="C3369:C3371"/>
    <mergeCell ref="D3369:D3371"/>
    <mergeCell ref="E3369:E3371"/>
    <mergeCell ref="F3369:F3371"/>
    <mergeCell ref="C3372:C3374"/>
    <mergeCell ref="D3372:D3374"/>
    <mergeCell ref="E3372:E3374"/>
    <mergeCell ref="F3372:F3374"/>
    <mergeCell ref="C3399:C3401"/>
    <mergeCell ref="D3399:D3401"/>
    <mergeCell ref="E3399:E3401"/>
    <mergeCell ref="F3399:F3401"/>
    <mergeCell ref="C3402:C3404"/>
    <mergeCell ref="D3402:D3404"/>
    <mergeCell ref="E3402:E3404"/>
    <mergeCell ref="F3402:F3404"/>
    <mergeCell ref="C3393:C3395"/>
    <mergeCell ref="D3393:D3395"/>
    <mergeCell ref="E3393:E3395"/>
    <mergeCell ref="F3393:F3395"/>
    <mergeCell ref="C3396:C3398"/>
    <mergeCell ref="D3396:D3398"/>
    <mergeCell ref="E3396:E3398"/>
    <mergeCell ref="F3396:F3398"/>
    <mergeCell ref="C3387:C3389"/>
    <mergeCell ref="D3387:D3389"/>
    <mergeCell ref="E3387:E3389"/>
    <mergeCell ref="F3387:F3389"/>
    <mergeCell ref="C3390:C3392"/>
    <mergeCell ref="D3390:D3392"/>
    <mergeCell ref="E3390:E3392"/>
    <mergeCell ref="F3390:F3392"/>
    <mergeCell ref="C3417:C3419"/>
    <mergeCell ref="D3417:D3419"/>
    <mergeCell ref="E3417:E3419"/>
    <mergeCell ref="F3417:F3419"/>
    <mergeCell ref="C3420:C3422"/>
    <mergeCell ref="D3420:D3422"/>
    <mergeCell ref="E3420:E3422"/>
    <mergeCell ref="F3420:F3422"/>
    <mergeCell ref="C3411:C3413"/>
    <mergeCell ref="D3411:D3413"/>
    <mergeCell ref="E3411:E3413"/>
    <mergeCell ref="F3411:F3413"/>
    <mergeCell ref="C3414:C3416"/>
    <mergeCell ref="D3414:D3416"/>
    <mergeCell ref="E3414:E3416"/>
    <mergeCell ref="F3414:F3416"/>
    <mergeCell ref="C3405:C3407"/>
    <mergeCell ref="D3405:D3407"/>
    <mergeCell ref="E3405:E3407"/>
    <mergeCell ref="F3405:F3407"/>
    <mergeCell ref="C3408:C3410"/>
    <mergeCell ref="D3408:D3410"/>
    <mergeCell ref="E3408:E3410"/>
    <mergeCell ref="F3408:F3410"/>
    <mergeCell ref="C3435:C3437"/>
    <mergeCell ref="D3435:D3437"/>
    <mergeCell ref="E3435:E3437"/>
    <mergeCell ref="F3435:F3437"/>
    <mergeCell ref="C3438:C3440"/>
    <mergeCell ref="D3438:D3440"/>
    <mergeCell ref="E3438:E3440"/>
    <mergeCell ref="F3438:F3440"/>
    <mergeCell ref="C3429:C3431"/>
    <mergeCell ref="D3429:D3431"/>
    <mergeCell ref="E3429:E3431"/>
    <mergeCell ref="F3429:F3431"/>
    <mergeCell ref="C3432:C3434"/>
    <mergeCell ref="D3432:D3434"/>
    <mergeCell ref="E3432:E3434"/>
    <mergeCell ref="F3432:F3434"/>
    <mergeCell ref="C3423:C3425"/>
    <mergeCell ref="D3423:D3425"/>
    <mergeCell ref="E3423:E3425"/>
    <mergeCell ref="F3423:F3425"/>
    <mergeCell ref="C3426:C3428"/>
    <mergeCell ref="D3426:D3428"/>
    <mergeCell ref="E3426:E3428"/>
    <mergeCell ref="F3426:F3428"/>
    <mergeCell ref="C3452:C3453"/>
    <mergeCell ref="D3452:D3453"/>
    <mergeCell ref="E3452:E3453"/>
    <mergeCell ref="F3452:F3453"/>
    <mergeCell ref="C3454:C3456"/>
    <mergeCell ref="D3454:D3456"/>
    <mergeCell ref="E3454:E3456"/>
    <mergeCell ref="F3454:F3456"/>
    <mergeCell ref="C3446:C3448"/>
    <mergeCell ref="D3446:D3448"/>
    <mergeCell ref="E3446:E3448"/>
    <mergeCell ref="F3446:F3448"/>
    <mergeCell ref="C3449:C3451"/>
    <mergeCell ref="D3449:D3451"/>
    <mergeCell ref="E3449:E3451"/>
    <mergeCell ref="F3449:F3451"/>
    <mergeCell ref="C3441:C3442"/>
    <mergeCell ref="D3441:D3442"/>
    <mergeCell ref="E3441:E3442"/>
    <mergeCell ref="F3441:F3442"/>
    <mergeCell ref="C3443:C3445"/>
    <mergeCell ref="D3443:D3445"/>
    <mergeCell ref="E3443:E3445"/>
    <mergeCell ref="F3443:F3445"/>
    <mergeCell ref="C3469:C3471"/>
    <mergeCell ref="D3469:D3471"/>
    <mergeCell ref="E3469:E3471"/>
    <mergeCell ref="F3469:F3471"/>
    <mergeCell ref="C3472:C3474"/>
    <mergeCell ref="D3472:D3474"/>
    <mergeCell ref="E3472:E3474"/>
    <mergeCell ref="F3472:F3474"/>
    <mergeCell ref="C3463:C3465"/>
    <mergeCell ref="D3463:D3465"/>
    <mergeCell ref="E3463:E3465"/>
    <mergeCell ref="F3463:F3465"/>
    <mergeCell ref="C3466:C3468"/>
    <mergeCell ref="D3466:D3468"/>
    <mergeCell ref="E3466:E3468"/>
    <mergeCell ref="F3466:F3468"/>
    <mergeCell ref="C3457:C3459"/>
    <mergeCell ref="D3457:D3459"/>
    <mergeCell ref="E3457:E3459"/>
    <mergeCell ref="F3457:F3459"/>
    <mergeCell ref="C3460:C3462"/>
    <mergeCell ref="D3460:D3462"/>
    <mergeCell ref="E3460:E3462"/>
    <mergeCell ref="F3460:F3462"/>
    <mergeCell ref="C3486:C3488"/>
    <mergeCell ref="D3486:D3488"/>
    <mergeCell ref="E3486:E3488"/>
    <mergeCell ref="F3486:F3488"/>
    <mergeCell ref="C3489:C3491"/>
    <mergeCell ref="D3489:D3491"/>
    <mergeCell ref="E3489:E3491"/>
    <mergeCell ref="F3489:F3491"/>
    <mergeCell ref="C3480:C3482"/>
    <mergeCell ref="D3480:D3482"/>
    <mergeCell ref="E3480:E3482"/>
    <mergeCell ref="F3480:F3482"/>
    <mergeCell ref="C3483:C3485"/>
    <mergeCell ref="D3483:D3485"/>
    <mergeCell ref="E3483:E3485"/>
    <mergeCell ref="F3483:F3485"/>
    <mergeCell ref="C3475:C3476"/>
    <mergeCell ref="D3475:D3476"/>
    <mergeCell ref="E3475:E3476"/>
    <mergeCell ref="F3475:F3476"/>
    <mergeCell ref="C3477:C3479"/>
    <mergeCell ref="D3477:D3479"/>
    <mergeCell ref="E3477:E3479"/>
    <mergeCell ref="F3477:F3479"/>
    <mergeCell ref="C3504:C3506"/>
    <mergeCell ref="D3504:D3506"/>
    <mergeCell ref="E3504:E3506"/>
    <mergeCell ref="F3504:F3506"/>
    <mergeCell ref="C3507:C3509"/>
    <mergeCell ref="D3507:D3509"/>
    <mergeCell ref="E3507:E3509"/>
    <mergeCell ref="F3507:F3509"/>
    <mergeCell ref="C3498:C3500"/>
    <mergeCell ref="D3498:D3500"/>
    <mergeCell ref="E3498:E3500"/>
    <mergeCell ref="F3498:F3500"/>
    <mergeCell ref="C3501:C3503"/>
    <mergeCell ref="D3501:D3503"/>
    <mergeCell ref="E3501:E3503"/>
    <mergeCell ref="F3501:F3503"/>
    <mergeCell ref="C3492:C3494"/>
    <mergeCell ref="D3492:D3494"/>
    <mergeCell ref="E3492:E3494"/>
    <mergeCell ref="F3492:F3494"/>
    <mergeCell ref="C3495:C3497"/>
    <mergeCell ref="D3495:D3497"/>
    <mergeCell ref="E3495:E3497"/>
    <mergeCell ref="F3495:F3497"/>
    <mergeCell ref="C3522:C3524"/>
    <mergeCell ref="D3522:D3524"/>
    <mergeCell ref="E3522:E3524"/>
    <mergeCell ref="F3522:F3524"/>
    <mergeCell ref="C3525:C3527"/>
    <mergeCell ref="D3525:D3527"/>
    <mergeCell ref="E3525:E3527"/>
    <mergeCell ref="F3525:F3527"/>
    <mergeCell ref="C3516:C3518"/>
    <mergeCell ref="D3516:D3518"/>
    <mergeCell ref="E3516:E3518"/>
    <mergeCell ref="F3516:F3518"/>
    <mergeCell ref="C3519:C3521"/>
    <mergeCell ref="D3519:D3521"/>
    <mergeCell ref="E3519:E3521"/>
    <mergeCell ref="F3519:F3521"/>
    <mergeCell ref="C3510:C3512"/>
    <mergeCell ref="D3510:D3512"/>
    <mergeCell ref="E3510:E3512"/>
    <mergeCell ref="F3510:F3512"/>
    <mergeCell ref="C3513:C3515"/>
    <mergeCell ref="D3513:D3515"/>
    <mergeCell ref="E3513:E3515"/>
    <mergeCell ref="F3513:F3515"/>
    <mergeCell ref="C3540:C3542"/>
    <mergeCell ref="D3540:D3542"/>
    <mergeCell ref="E3540:E3542"/>
    <mergeCell ref="F3540:F3542"/>
    <mergeCell ref="C3543:C3545"/>
    <mergeCell ref="D3543:D3545"/>
    <mergeCell ref="E3543:E3545"/>
    <mergeCell ref="F3543:F3545"/>
    <mergeCell ref="C3534:C3536"/>
    <mergeCell ref="D3534:D3536"/>
    <mergeCell ref="E3534:E3536"/>
    <mergeCell ref="F3534:F3536"/>
    <mergeCell ref="C3537:C3539"/>
    <mergeCell ref="D3537:D3539"/>
    <mergeCell ref="E3537:E3539"/>
    <mergeCell ref="F3537:F3539"/>
    <mergeCell ref="C3528:C3530"/>
    <mergeCell ref="D3528:D3530"/>
    <mergeCell ref="E3528:E3530"/>
    <mergeCell ref="F3528:F3530"/>
    <mergeCell ref="C3531:C3533"/>
    <mergeCell ref="D3531:D3533"/>
    <mergeCell ref="E3531:E3533"/>
    <mergeCell ref="F3531:F3533"/>
    <mergeCell ref="C3557:C3559"/>
    <mergeCell ref="D3557:D3559"/>
    <mergeCell ref="E3557:E3559"/>
    <mergeCell ref="F3557:F3559"/>
    <mergeCell ref="C3560:C3562"/>
    <mergeCell ref="D3560:D3562"/>
    <mergeCell ref="E3560:E3562"/>
    <mergeCell ref="F3560:F3562"/>
    <mergeCell ref="C3552:C3553"/>
    <mergeCell ref="D3552:D3553"/>
    <mergeCell ref="E3552:E3553"/>
    <mergeCell ref="F3552:F3553"/>
    <mergeCell ref="C3554:C3556"/>
    <mergeCell ref="D3554:D3556"/>
    <mergeCell ref="E3554:E3556"/>
    <mergeCell ref="F3554:F3556"/>
    <mergeCell ref="C3546:C3548"/>
    <mergeCell ref="D3546:D3548"/>
    <mergeCell ref="E3546:E3548"/>
    <mergeCell ref="F3546:F3548"/>
    <mergeCell ref="C3549:C3551"/>
    <mergeCell ref="D3549:D3551"/>
    <mergeCell ref="E3549:E3551"/>
    <mergeCell ref="F3549:F3551"/>
    <mergeCell ref="C3575:C3577"/>
    <mergeCell ref="D3575:D3577"/>
    <mergeCell ref="E3575:E3577"/>
    <mergeCell ref="F3575:F3577"/>
    <mergeCell ref="C3578:C3580"/>
    <mergeCell ref="D3578:D3580"/>
    <mergeCell ref="E3578:E3580"/>
    <mergeCell ref="F3578:F3580"/>
    <mergeCell ref="C3569:C3571"/>
    <mergeCell ref="D3569:D3571"/>
    <mergeCell ref="E3569:E3571"/>
    <mergeCell ref="F3569:F3571"/>
    <mergeCell ref="C3572:C3574"/>
    <mergeCell ref="D3572:D3574"/>
    <mergeCell ref="E3572:E3574"/>
    <mergeCell ref="F3572:F3574"/>
    <mergeCell ref="C3563:C3565"/>
    <mergeCell ref="D3563:D3565"/>
    <mergeCell ref="E3563:E3565"/>
    <mergeCell ref="F3563:F3565"/>
    <mergeCell ref="C3566:C3568"/>
    <mergeCell ref="D3566:D3568"/>
    <mergeCell ref="E3566:E3568"/>
    <mergeCell ref="F3566:F3568"/>
    <mergeCell ref="C3593:C3595"/>
    <mergeCell ref="D3593:D3595"/>
    <mergeCell ref="E3593:E3595"/>
    <mergeCell ref="F3593:F3595"/>
    <mergeCell ref="C3596:C3598"/>
    <mergeCell ref="D3596:D3598"/>
    <mergeCell ref="E3596:E3598"/>
    <mergeCell ref="F3596:F3598"/>
    <mergeCell ref="C3587:C3589"/>
    <mergeCell ref="D3587:D3589"/>
    <mergeCell ref="E3587:E3589"/>
    <mergeCell ref="F3587:F3589"/>
    <mergeCell ref="C3590:C3592"/>
    <mergeCell ref="D3590:D3592"/>
    <mergeCell ref="E3590:E3592"/>
    <mergeCell ref="F3590:F3592"/>
    <mergeCell ref="C3581:C3583"/>
    <mergeCell ref="D3581:D3583"/>
    <mergeCell ref="E3581:E3583"/>
    <mergeCell ref="F3581:F3583"/>
    <mergeCell ref="C3584:C3586"/>
    <mergeCell ref="D3584:D3586"/>
    <mergeCell ref="E3584:E3586"/>
    <mergeCell ref="F3584:F3586"/>
    <mergeCell ref="C3611:C3612"/>
    <mergeCell ref="D3611:D3612"/>
    <mergeCell ref="E3611:E3612"/>
    <mergeCell ref="F3611:F3612"/>
    <mergeCell ref="C3613:C3615"/>
    <mergeCell ref="D3613:D3615"/>
    <mergeCell ref="E3613:E3615"/>
    <mergeCell ref="F3613:F3615"/>
    <mergeCell ref="C3605:C3607"/>
    <mergeCell ref="D3605:D3607"/>
    <mergeCell ref="E3605:E3607"/>
    <mergeCell ref="F3605:F3607"/>
    <mergeCell ref="C3608:C3610"/>
    <mergeCell ref="D3608:D3610"/>
    <mergeCell ref="E3608:E3610"/>
    <mergeCell ref="F3608:F3610"/>
    <mergeCell ref="C3599:C3601"/>
    <mergeCell ref="D3599:D3601"/>
    <mergeCell ref="E3599:E3601"/>
    <mergeCell ref="F3599:F3601"/>
    <mergeCell ref="C3602:C3604"/>
    <mergeCell ref="D3602:D3604"/>
    <mergeCell ref="E3602:E3604"/>
    <mergeCell ref="F3602:F3604"/>
    <mergeCell ref="C3627:C3629"/>
    <mergeCell ref="D3627:D3629"/>
    <mergeCell ref="E3627:E3629"/>
    <mergeCell ref="F3627:F3629"/>
    <mergeCell ref="C3630:C3632"/>
    <mergeCell ref="D3630:D3632"/>
    <mergeCell ref="E3630:E3632"/>
    <mergeCell ref="F3630:F3632"/>
    <mergeCell ref="C3622:C3623"/>
    <mergeCell ref="D3622:D3623"/>
    <mergeCell ref="E3622:E3623"/>
    <mergeCell ref="F3622:F3623"/>
    <mergeCell ref="C3624:C3626"/>
    <mergeCell ref="D3624:D3626"/>
    <mergeCell ref="E3624:E3626"/>
    <mergeCell ref="F3624:F3626"/>
    <mergeCell ref="C3616:C3618"/>
    <mergeCell ref="D3616:D3618"/>
    <mergeCell ref="E3616:E3618"/>
    <mergeCell ref="F3616:F3618"/>
    <mergeCell ref="C3619:C3621"/>
    <mergeCell ref="D3619:D3621"/>
    <mergeCell ref="E3619:E3621"/>
    <mergeCell ref="F3619:F3621"/>
    <mergeCell ref="C3645:C3647"/>
    <mergeCell ref="D3645:D3647"/>
    <mergeCell ref="E3645:E3647"/>
    <mergeCell ref="F3645:F3647"/>
    <mergeCell ref="C3648:C3650"/>
    <mergeCell ref="D3648:D3650"/>
    <mergeCell ref="E3648:E3650"/>
    <mergeCell ref="F3648:F3650"/>
    <mergeCell ref="C3639:C3641"/>
    <mergeCell ref="D3639:D3641"/>
    <mergeCell ref="E3639:E3641"/>
    <mergeCell ref="F3639:F3641"/>
    <mergeCell ref="C3642:C3644"/>
    <mergeCell ref="D3642:D3644"/>
    <mergeCell ref="E3642:E3644"/>
    <mergeCell ref="F3642:F3644"/>
    <mergeCell ref="C3633:C3635"/>
    <mergeCell ref="D3633:D3635"/>
    <mergeCell ref="E3633:E3635"/>
    <mergeCell ref="F3633:F3635"/>
    <mergeCell ref="C3636:C3638"/>
    <mergeCell ref="D3636:D3638"/>
    <mergeCell ref="E3636:E3638"/>
    <mergeCell ref="F3636:F3638"/>
    <mergeCell ref="C3662:C3664"/>
    <mergeCell ref="D3662:D3664"/>
    <mergeCell ref="E3662:E3664"/>
    <mergeCell ref="F3662:F3664"/>
    <mergeCell ref="C3665:C3667"/>
    <mergeCell ref="D3665:D3667"/>
    <mergeCell ref="E3665:E3667"/>
    <mergeCell ref="F3665:F3667"/>
    <mergeCell ref="C3656:C3658"/>
    <mergeCell ref="D3656:D3658"/>
    <mergeCell ref="E3656:E3658"/>
    <mergeCell ref="F3656:F3658"/>
    <mergeCell ref="C3659:C3661"/>
    <mergeCell ref="D3659:D3661"/>
    <mergeCell ref="E3659:E3661"/>
    <mergeCell ref="F3659:F3661"/>
    <mergeCell ref="C3651:C3653"/>
    <mergeCell ref="D3651:D3653"/>
    <mergeCell ref="E3651:E3653"/>
    <mergeCell ref="F3651:F3653"/>
    <mergeCell ref="C3654:C3655"/>
    <mergeCell ref="D3654:D3655"/>
    <mergeCell ref="E3654:E3655"/>
    <mergeCell ref="F3654:F3655"/>
    <mergeCell ref="C3679:C3681"/>
    <mergeCell ref="D3679:D3681"/>
    <mergeCell ref="E3679:E3681"/>
    <mergeCell ref="F3679:F3681"/>
    <mergeCell ref="C3682:C3684"/>
    <mergeCell ref="D3682:D3684"/>
    <mergeCell ref="E3682:E3684"/>
    <mergeCell ref="F3682:F3684"/>
    <mergeCell ref="C3674:C3675"/>
    <mergeCell ref="D3674:D3675"/>
    <mergeCell ref="E3674:E3675"/>
    <mergeCell ref="F3674:F3675"/>
    <mergeCell ref="C3676:C3678"/>
    <mergeCell ref="D3676:D3678"/>
    <mergeCell ref="E3676:E3678"/>
    <mergeCell ref="F3676:F3678"/>
    <mergeCell ref="C3668:C3670"/>
    <mergeCell ref="D3668:D3670"/>
    <mergeCell ref="E3668:E3670"/>
    <mergeCell ref="F3668:F3670"/>
    <mergeCell ref="C3671:C3673"/>
    <mergeCell ref="D3671:D3673"/>
    <mergeCell ref="E3671:E3673"/>
    <mergeCell ref="F3671:F3673"/>
    <mergeCell ref="C3697:C3699"/>
    <mergeCell ref="D3697:D3699"/>
    <mergeCell ref="E3697:E3699"/>
    <mergeCell ref="F3697:F3699"/>
    <mergeCell ref="C3700:C3702"/>
    <mergeCell ref="D3700:D3702"/>
    <mergeCell ref="E3700:E3702"/>
    <mergeCell ref="F3700:F3702"/>
    <mergeCell ref="C3691:C3693"/>
    <mergeCell ref="D3691:D3693"/>
    <mergeCell ref="E3691:E3693"/>
    <mergeCell ref="F3691:F3693"/>
    <mergeCell ref="C3694:C3696"/>
    <mergeCell ref="D3694:D3696"/>
    <mergeCell ref="E3694:E3696"/>
    <mergeCell ref="F3694:F3696"/>
    <mergeCell ref="C3685:C3687"/>
    <mergeCell ref="D3685:D3687"/>
    <mergeCell ref="E3685:E3687"/>
    <mergeCell ref="F3685:F3687"/>
    <mergeCell ref="C3688:C3690"/>
    <mergeCell ref="D3688:D3690"/>
    <mergeCell ref="E3688:E3690"/>
    <mergeCell ref="F3688:F3690"/>
    <mergeCell ref="C3715:C3717"/>
    <mergeCell ref="D3715:D3717"/>
    <mergeCell ref="E3715:E3717"/>
    <mergeCell ref="F3715:F3717"/>
    <mergeCell ref="C3718:C3720"/>
    <mergeCell ref="D3718:D3720"/>
    <mergeCell ref="E3718:E3720"/>
    <mergeCell ref="F3718:F3720"/>
    <mergeCell ref="C3709:C3711"/>
    <mergeCell ref="D3709:D3711"/>
    <mergeCell ref="E3709:E3711"/>
    <mergeCell ref="F3709:F3711"/>
    <mergeCell ref="C3712:C3714"/>
    <mergeCell ref="D3712:D3714"/>
    <mergeCell ref="E3712:E3714"/>
    <mergeCell ref="F3712:F3714"/>
    <mergeCell ref="C3703:C3705"/>
    <mergeCell ref="D3703:D3705"/>
    <mergeCell ref="E3703:E3705"/>
    <mergeCell ref="F3703:F3705"/>
    <mergeCell ref="C3706:C3708"/>
    <mergeCell ref="D3706:D3708"/>
    <mergeCell ref="E3706:E3708"/>
    <mergeCell ref="F3706:F3708"/>
    <mergeCell ref="C3733:C3735"/>
    <mergeCell ref="D3733:D3735"/>
    <mergeCell ref="E3733:E3735"/>
    <mergeCell ref="F3733:F3735"/>
    <mergeCell ref="C3736:C3738"/>
    <mergeCell ref="D3736:D3738"/>
    <mergeCell ref="E3736:E3738"/>
    <mergeCell ref="F3736:F3738"/>
    <mergeCell ref="C3727:C3729"/>
    <mergeCell ref="D3727:D3729"/>
    <mergeCell ref="E3727:E3729"/>
    <mergeCell ref="F3727:F3729"/>
    <mergeCell ref="C3730:C3732"/>
    <mergeCell ref="D3730:D3732"/>
    <mergeCell ref="E3730:E3732"/>
    <mergeCell ref="F3730:F3732"/>
    <mergeCell ref="C3721:C3723"/>
    <mergeCell ref="D3721:D3723"/>
    <mergeCell ref="E3721:E3723"/>
    <mergeCell ref="F3721:F3723"/>
    <mergeCell ref="C3724:C3726"/>
    <mergeCell ref="D3724:D3726"/>
    <mergeCell ref="E3724:E3726"/>
    <mergeCell ref="F3724:F3726"/>
    <mergeCell ref="B3761:F3761"/>
    <mergeCell ref="C3770:C3771"/>
    <mergeCell ref="D3770:D3771"/>
    <mergeCell ref="E3770:E3771"/>
    <mergeCell ref="F3770:F3771"/>
    <mergeCell ref="C3772:C3773"/>
    <mergeCell ref="D3772:D3773"/>
    <mergeCell ref="E3772:E3773"/>
    <mergeCell ref="F3772:F3773"/>
    <mergeCell ref="C3743:C3744"/>
    <mergeCell ref="D3743:D3744"/>
    <mergeCell ref="E3743:E3744"/>
    <mergeCell ref="F3743:F3744"/>
    <mergeCell ref="B3745:F3745"/>
    <mergeCell ref="B3758:F3758"/>
    <mergeCell ref="C3739:C3740"/>
    <mergeCell ref="D3739:D3740"/>
    <mergeCell ref="E3739:E3740"/>
    <mergeCell ref="F3739:F3740"/>
    <mergeCell ref="C3741:C3742"/>
    <mergeCell ref="D3741:D3742"/>
    <mergeCell ref="E3741:E3742"/>
    <mergeCell ref="F3741:F3742"/>
    <mergeCell ref="B3780:F3780"/>
    <mergeCell ref="B3783:F3783"/>
    <mergeCell ref="C3784:C3787"/>
    <mergeCell ref="F3784:F3787"/>
    <mergeCell ref="B3788:F3788"/>
    <mergeCell ref="C3789:C3790"/>
    <mergeCell ref="D3789:D3790"/>
    <mergeCell ref="E3789:E3790"/>
    <mergeCell ref="F3789:F3790"/>
    <mergeCell ref="B3775:F3775"/>
    <mergeCell ref="C3776:C3777"/>
    <mergeCell ref="D3776:D3777"/>
    <mergeCell ref="E3776:E3777"/>
    <mergeCell ref="F3776:F3777"/>
    <mergeCell ref="C3778:C3779"/>
    <mergeCell ref="D3778:D3779"/>
    <mergeCell ref="E3778:E3779"/>
    <mergeCell ref="F3778:F3779"/>
    <mergeCell ref="C3815:C3816"/>
    <mergeCell ref="D3815:D3816"/>
    <mergeCell ref="E3815:E3816"/>
    <mergeCell ref="F3815:F3816"/>
    <mergeCell ref="C3817:C3820"/>
    <mergeCell ref="F3817:F3820"/>
    <mergeCell ref="D3819:D3820"/>
    <mergeCell ref="E3819:E3820"/>
    <mergeCell ref="C3809:C3812"/>
    <mergeCell ref="F3809:F3812"/>
    <mergeCell ref="C3813:C3814"/>
    <mergeCell ref="D3813:D3814"/>
    <mergeCell ref="E3813:E3814"/>
    <mergeCell ref="F3813:F3814"/>
    <mergeCell ref="B3791:F3791"/>
    <mergeCell ref="B3803:F3803"/>
    <mergeCell ref="C3805:C3806"/>
    <mergeCell ref="F3805:F3806"/>
    <mergeCell ref="C3807:C3808"/>
    <mergeCell ref="D3807:D3808"/>
    <mergeCell ref="E3807:E3808"/>
    <mergeCell ref="F3807:F3808"/>
    <mergeCell ref="C3840:C3845"/>
    <mergeCell ref="F3840:F3845"/>
    <mergeCell ref="D3843:D3844"/>
    <mergeCell ref="E3843:E3844"/>
    <mergeCell ref="C3846:C3847"/>
    <mergeCell ref="F3846:F3847"/>
    <mergeCell ref="C3830:C3834"/>
    <mergeCell ref="F3830:F3834"/>
    <mergeCell ref="D3833:D3834"/>
    <mergeCell ref="E3833:E3834"/>
    <mergeCell ref="C3835:C3839"/>
    <mergeCell ref="F3835:F3839"/>
    <mergeCell ref="D3838:D3839"/>
    <mergeCell ref="E3838:E3839"/>
    <mergeCell ref="C3821:C3824"/>
    <mergeCell ref="F3821:F3824"/>
    <mergeCell ref="D3823:D3824"/>
    <mergeCell ref="E3823:E3824"/>
    <mergeCell ref="C3825:C3829"/>
    <mergeCell ref="F3825:F3829"/>
    <mergeCell ref="D3828:D3829"/>
    <mergeCell ref="E3828:E3829"/>
    <mergeCell ref="B3864:F3864"/>
    <mergeCell ref="B3866:F3866"/>
    <mergeCell ref="B3867:F3867"/>
    <mergeCell ref="B3869:F3869"/>
    <mergeCell ref="B3875:F3875"/>
    <mergeCell ref="B3877:F3877"/>
    <mergeCell ref="C3857:C3858"/>
    <mergeCell ref="D3857:D3858"/>
    <mergeCell ref="E3857:E3858"/>
    <mergeCell ref="F3857:F3858"/>
    <mergeCell ref="B3859:F3859"/>
    <mergeCell ref="B3861:F3861"/>
    <mergeCell ref="B3848:F3848"/>
    <mergeCell ref="C3849:C3850"/>
    <mergeCell ref="D3849:D3850"/>
    <mergeCell ref="E3849:E3850"/>
    <mergeCell ref="F3849:F3850"/>
    <mergeCell ref="B3854:F3854"/>
    <mergeCell ref="C3895:C3896"/>
    <mergeCell ref="D3895:D3896"/>
    <mergeCell ref="E3895:E3896"/>
    <mergeCell ref="F3895:F3896"/>
    <mergeCell ref="C3898:C3900"/>
    <mergeCell ref="F3898:F3900"/>
    <mergeCell ref="C3891:C3892"/>
    <mergeCell ref="D3891:D3892"/>
    <mergeCell ref="E3891:E3892"/>
    <mergeCell ref="F3891:F3892"/>
    <mergeCell ref="C3893:C3894"/>
    <mergeCell ref="F3893:F3894"/>
    <mergeCell ref="C3878:C3879"/>
    <mergeCell ref="F3878:F3879"/>
    <mergeCell ref="C3881:C3886"/>
    <mergeCell ref="F3881:F3886"/>
    <mergeCell ref="C3888:C3889"/>
    <mergeCell ref="F3888:F3889"/>
    <mergeCell ref="B3953:F3953"/>
    <mergeCell ref="B3957:F3957"/>
    <mergeCell ref="B3959:F3959"/>
    <mergeCell ref="C3960:C3961"/>
    <mergeCell ref="D3960:D3961"/>
    <mergeCell ref="E3960:E3961"/>
    <mergeCell ref="F3960:F3961"/>
    <mergeCell ref="C3909:C3912"/>
    <mergeCell ref="F3909:F3912"/>
    <mergeCell ref="C3917:C3919"/>
    <mergeCell ref="F3917:F3919"/>
    <mergeCell ref="C3920:C3951"/>
    <mergeCell ref="F3920:F3951"/>
    <mergeCell ref="C3901:C3902"/>
    <mergeCell ref="F3901:F3902"/>
    <mergeCell ref="C3905:C3906"/>
    <mergeCell ref="D3905:D3906"/>
    <mergeCell ref="E3905:E3906"/>
    <mergeCell ref="F3905:F3906"/>
    <mergeCell ref="C3987:C3990"/>
    <mergeCell ref="D3987:D3990"/>
    <mergeCell ref="E3987:E3990"/>
    <mergeCell ref="F3987:F3990"/>
    <mergeCell ref="B3991:F3991"/>
    <mergeCell ref="C3992:C3993"/>
    <mergeCell ref="D3992:D3993"/>
    <mergeCell ref="E3992:E3993"/>
    <mergeCell ref="F3992:F3993"/>
    <mergeCell ref="C3977:C3979"/>
    <mergeCell ref="D3977:D3979"/>
    <mergeCell ref="E3977:E3979"/>
    <mergeCell ref="F3977:F3979"/>
    <mergeCell ref="B3980:F3980"/>
    <mergeCell ref="B3982:F3982"/>
    <mergeCell ref="B3962:F3962"/>
    <mergeCell ref="B3964:F3964"/>
    <mergeCell ref="B3966:F3966"/>
    <mergeCell ref="B3968:F3968"/>
    <mergeCell ref="C3970:C3972"/>
    <mergeCell ref="D3970:D3972"/>
    <mergeCell ref="E3970:E3972"/>
    <mergeCell ref="F3970:F3972"/>
    <mergeCell ref="B4013:F4013"/>
    <mergeCell ref="B4015:F4015"/>
    <mergeCell ref="B4018:F4018"/>
    <mergeCell ref="B4021:F4021"/>
    <mergeCell ref="B4023:F4023"/>
    <mergeCell ref="C4024:C4025"/>
    <mergeCell ref="D4024:D4025"/>
    <mergeCell ref="E4024:E4025"/>
    <mergeCell ref="F4024:F4025"/>
    <mergeCell ref="B4008:F4008"/>
    <mergeCell ref="C4009:C4010"/>
    <mergeCell ref="D4009:D4010"/>
    <mergeCell ref="E4009:E4010"/>
    <mergeCell ref="F4009:F4010"/>
    <mergeCell ref="B4011:F4011"/>
    <mergeCell ref="B3995:F3995"/>
    <mergeCell ref="B3997:F3997"/>
    <mergeCell ref="B3999:F3999"/>
    <mergeCell ref="B4001:F4001"/>
    <mergeCell ref="C4002:C4006"/>
    <mergeCell ref="F4002:F4006"/>
    <mergeCell ref="B4053:F4053"/>
    <mergeCell ref="C4054:C4055"/>
    <mergeCell ref="D4054:D4055"/>
    <mergeCell ref="E4054:E4055"/>
    <mergeCell ref="F4054:F4055"/>
    <mergeCell ref="B4056:F4056"/>
    <mergeCell ref="C4048:C4049"/>
    <mergeCell ref="D4048:D4049"/>
    <mergeCell ref="E4048:E4049"/>
    <mergeCell ref="F4048:F4049"/>
    <mergeCell ref="B4050:F4050"/>
    <mergeCell ref="C4051:C4052"/>
    <mergeCell ref="D4051:D4052"/>
    <mergeCell ref="E4051:E4052"/>
    <mergeCell ref="F4051:F4052"/>
    <mergeCell ref="B4026:F4026"/>
    <mergeCell ref="B4028:F4028"/>
    <mergeCell ref="B4038:F4038"/>
    <mergeCell ref="B4040:F4040"/>
    <mergeCell ref="B4045:F4045"/>
    <mergeCell ref="C4046:C4047"/>
    <mergeCell ref="D4046:D4047"/>
    <mergeCell ref="E4046:E4047"/>
    <mergeCell ref="F4046:F4047"/>
    <mergeCell ref="B4089:F4089"/>
    <mergeCell ref="C4090:C4091"/>
    <mergeCell ref="D4090:D4091"/>
    <mergeCell ref="E4090:E4091"/>
    <mergeCell ref="F4090:F4091"/>
    <mergeCell ref="B4092:F4092"/>
    <mergeCell ref="C4079:C4081"/>
    <mergeCell ref="F4079:F4081"/>
    <mergeCell ref="B4083:F4083"/>
    <mergeCell ref="C4084:C4086"/>
    <mergeCell ref="F4084:F4086"/>
    <mergeCell ref="B4087:F4087"/>
    <mergeCell ref="B4059:F4059"/>
    <mergeCell ref="C4060:C4070"/>
    <mergeCell ref="F4060:F4070"/>
    <mergeCell ref="B4074:F4074"/>
    <mergeCell ref="C4077:C4078"/>
    <mergeCell ref="D4077:D4078"/>
    <mergeCell ref="E4077:E4078"/>
    <mergeCell ref="F4077:F4078"/>
    <mergeCell ref="C4114:C4115"/>
    <mergeCell ref="D4114:D4115"/>
    <mergeCell ref="E4114:E4115"/>
    <mergeCell ref="F4114:F4115"/>
    <mergeCell ref="B4117:F4117"/>
    <mergeCell ref="B4119:F4119"/>
    <mergeCell ref="C4107:C4108"/>
    <mergeCell ref="D4107:D4108"/>
    <mergeCell ref="E4107:E4108"/>
    <mergeCell ref="F4107:F4108"/>
    <mergeCell ref="B4109:F4109"/>
    <mergeCell ref="C4112:C4113"/>
    <mergeCell ref="D4112:D4113"/>
    <mergeCell ref="E4112:E4113"/>
    <mergeCell ref="F4112:F4113"/>
    <mergeCell ref="B4102:F4102"/>
    <mergeCell ref="C4104:C4105"/>
    <mergeCell ref="D4104:D4105"/>
    <mergeCell ref="E4104:E4105"/>
    <mergeCell ref="F4104:F4105"/>
    <mergeCell ref="B4106:F4106"/>
    <mergeCell ref="C4131:C4132"/>
    <mergeCell ref="D4131:D4132"/>
    <mergeCell ref="E4131:E4132"/>
    <mergeCell ref="F4131:F4132"/>
    <mergeCell ref="B4133:F4133"/>
    <mergeCell ref="B4135:F4135"/>
    <mergeCell ref="C4126:C4127"/>
    <mergeCell ref="D4126:D4127"/>
    <mergeCell ref="E4126:E4127"/>
    <mergeCell ref="F4126:F4127"/>
    <mergeCell ref="B4128:F4128"/>
    <mergeCell ref="C4129:C4130"/>
    <mergeCell ref="D4129:D4130"/>
    <mergeCell ref="E4129:E4130"/>
    <mergeCell ref="F4129:F4130"/>
    <mergeCell ref="B4121:F4121"/>
    <mergeCell ref="C4122:C4123"/>
    <mergeCell ref="D4122:D4123"/>
    <mergeCell ref="E4122:E4123"/>
    <mergeCell ref="F4122:F4123"/>
    <mergeCell ref="B4124:F4124"/>
    <mergeCell ref="B4152:F4152"/>
    <mergeCell ref="B4154:F4154"/>
    <mergeCell ref="C4155:C4156"/>
    <mergeCell ref="D4155:D4156"/>
    <mergeCell ref="E4155:E4156"/>
    <mergeCell ref="F4155:F4156"/>
    <mergeCell ref="C4140:C4142"/>
    <mergeCell ref="D4140:D4142"/>
    <mergeCell ref="E4140:E4142"/>
    <mergeCell ref="F4140:F4142"/>
    <mergeCell ref="B4143:F4143"/>
    <mergeCell ref="B4149:F4149"/>
    <mergeCell ref="C4136:C4137"/>
    <mergeCell ref="D4136:D4137"/>
    <mergeCell ref="E4136:E4137"/>
    <mergeCell ref="F4136:F4137"/>
    <mergeCell ref="C4138:C4139"/>
    <mergeCell ref="D4138:D4139"/>
    <mergeCell ref="E4138:E4139"/>
    <mergeCell ref="F4138:F4139"/>
    <mergeCell ref="B4234:B4235"/>
    <mergeCell ref="C4234:C4235"/>
    <mergeCell ref="D4234:D4235"/>
    <mergeCell ref="E4234:E4235"/>
    <mergeCell ref="B4239:B4241"/>
    <mergeCell ref="C4239:C4241"/>
    <mergeCell ref="D4239:D4241"/>
    <mergeCell ref="E4239:E4241"/>
    <mergeCell ref="B4162:F4162"/>
    <mergeCell ref="B4168:B4182"/>
    <mergeCell ref="B4183:B4187"/>
    <mergeCell ref="B4188:B4202"/>
    <mergeCell ref="B4203:B4211"/>
    <mergeCell ref="B4212:B4220"/>
    <mergeCell ref="B4157:F4157"/>
    <mergeCell ref="C4158:C4159"/>
    <mergeCell ref="D4158:D4159"/>
    <mergeCell ref="E4158:E4159"/>
    <mergeCell ref="F4158:F4159"/>
    <mergeCell ref="B4160:F4160"/>
    <mergeCell ref="B4259:B4260"/>
    <mergeCell ref="C4259:C4260"/>
    <mergeCell ref="D4259:D4260"/>
    <mergeCell ref="E4259:E4260"/>
    <mergeCell ref="B4249:B4250"/>
    <mergeCell ref="C4249:C4250"/>
    <mergeCell ref="D4249:D4250"/>
    <mergeCell ref="E4249:E4250"/>
    <mergeCell ref="B4251:B4252"/>
    <mergeCell ref="C4251:C4252"/>
    <mergeCell ref="D4251:D4252"/>
    <mergeCell ref="E4251:E4252"/>
    <mergeCell ref="B4245:B4246"/>
    <mergeCell ref="C4245:C4246"/>
    <mergeCell ref="D4245:D4246"/>
    <mergeCell ref="E4245:E4246"/>
    <mergeCell ref="B4247:B4248"/>
    <mergeCell ref="C4247:C4248"/>
    <mergeCell ref="D4247:D4248"/>
    <mergeCell ref="E4247:E4248"/>
    <mergeCell ref="B5:E5"/>
    <mergeCell ref="A1:E1"/>
    <mergeCell ref="B2:E2"/>
    <mergeCell ref="B3:E3"/>
    <mergeCell ref="B4:E4"/>
    <mergeCell ref="B8:C8"/>
    <mergeCell ref="B9:C9"/>
    <mergeCell ref="B10:C10"/>
    <mergeCell ref="B11:C11"/>
    <mergeCell ref="A4:A5"/>
    <mergeCell ref="B4300:B4301"/>
    <mergeCell ref="D4300:D4301"/>
    <mergeCell ref="C4311:C4312"/>
    <mergeCell ref="B4318:C4318"/>
    <mergeCell ref="B4319:C4319"/>
    <mergeCell ref="B4294:B4295"/>
    <mergeCell ref="D4294:D4295"/>
    <mergeCell ref="B4296:B4297"/>
    <mergeCell ref="D4296:D4297"/>
    <mergeCell ref="B4298:B4299"/>
    <mergeCell ref="D4298:D4299"/>
    <mergeCell ref="B4263:B4264"/>
    <mergeCell ref="C4263:C4264"/>
    <mergeCell ref="D4263:D4264"/>
    <mergeCell ref="E4263:E4264"/>
    <mergeCell ref="B4277:B4282"/>
    <mergeCell ref="D4277:D4282"/>
    <mergeCell ref="E4277:E4282"/>
    <mergeCell ref="B4255:B4256"/>
    <mergeCell ref="C4255:C4256"/>
    <mergeCell ref="D4255:D4256"/>
    <mergeCell ref="E4255:E4256"/>
  </mergeCells>
  <phoneticPr fontId="4"/>
  <hyperlinks>
    <hyperlink ref="B4" r:id="rId1"/>
    <hyperlink ref="B4:E4" r:id="rId2" display="https://eur-lex.europa.eu/legal-content/EN/TXT/?uri=CELEX%3A02006R1907-20200824"/>
    <hyperlink ref="B5" r:id="rId3"/>
  </hyperlinks>
  <pageMargins left="0.7" right="0.7" top="0.75" bottom="0.75" header="0.3" footer="0.3"/>
  <drawing r:id="rId4"/>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26258"/>
  <sheetViews>
    <sheetView showGridLines="0" zoomScale="90" zoomScaleNormal="90" workbookViewId="0">
      <selection activeCell="A4" sqref="A4:A7"/>
    </sheetView>
  </sheetViews>
  <sheetFormatPr defaultColWidth="9" defaultRowHeight="15.75"/>
  <cols>
    <col min="1" max="1" width="9" style="71"/>
    <col min="2" max="2" width="23.375" style="71" customWidth="1"/>
    <col min="3" max="3" width="45.125" style="71" customWidth="1"/>
    <col min="4" max="4" width="14.75" style="71" customWidth="1"/>
    <col min="5" max="5" width="11.875" style="71" bestFit="1" customWidth="1"/>
    <col min="6" max="6" width="14.125" style="71" customWidth="1"/>
    <col min="7" max="10" width="10.75" style="71" customWidth="1"/>
    <col min="11" max="11" width="11.875" style="71" bestFit="1" customWidth="1"/>
    <col min="12" max="12" width="11" style="71" customWidth="1"/>
    <col min="13" max="16384" width="9" style="71"/>
  </cols>
  <sheetData>
    <row r="1" spans="1:5" s="65" customFormat="1" ht="36.75" customHeight="1" thickBot="1">
      <c r="A1" s="1196" t="s">
        <v>27219</v>
      </c>
      <c r="B1" s="1197"/>
      <c r="C1" s="1197"/>
      <c r="D1" s="1198"/>
      <c r="E1" s="64"/>
    </row>
    <row r="2" spans="1:5" s="68" customFormat="1" ht="73.5" customHeight="1" thickBot="1">
      <c r="A2" s="66" t="s">
        <v>13352</v>
      </c>
      <c r="B2" s="1199" t="s">
        <v>31881</v>
      </c>
      <c r="C2" s="1200"/>
      <c r="D2" s="1200"/>
      <c r="E2" s="67"/>
    </row>
    <row r="3" spans="1:5" s="68" customFormat="1" ht="63.6" customHeight="1" thickBot="1">
      <c r="A3" s="69" t="s">
        <v>13388</v>
      </c>
      <c r="B3" s="1199" t="s">
        <v>33981</v>
      </c>
      <c r="C3" s="1200"/>
      <c r="D3" s="1201"/>
      <c r="E3" s="67"/>
    </row>
    <row r="4" spans="1:5" s="68" customFormat="1" ht="14.25">
      <c r="A4" s="1219" t="s">
        <v>13353</v>
      </c>
      <c r="B4" s="1202" t="s">
        <v>33983</v>
      </c>
      <c r="C4" s="1203"/>
      <c r="D4" s="1204"/>
      <c r="E4" s="67"/>
    </row>
    <row r="5" spans="1:5" s="68" customFormat="1" ht="14.25">
      <c r="A5" s="1220"/>
      <c r="B5" s="1212" t="s">
        <v>33982</v>
      </c>
      <c r="C5" s="1213"/>
      <c r="D5" s="1214"/>
      <c r="E5" s="394"/>
    </row>
    <row r="6" spans="1:5" s="68" customFormat="1" ht="14.25">
      <c r="A6" s="1220"/>
      <c r="B6" s="1215" t="s">
        <v>33984</v>
      </c>
      <c r="C6" s="1213"/>
      <c r="D6" s="1214"/>
      <c r="E6" s="394"/>
    </row>
    <row r="7" spans="1:5" s="68" customFormat="1" ht="15" thickBot="1">
      <c r="A7" s="1221"/>
      <c r="B7" s="1216" t="s">
        <v>33985</v>
      </c>
      <c r="C7" s="1217"/>
      <c r="D7" s="1218"/>
      <c r="E7" s="394"/>
    </row>
    <row r="8" spans="1:5" s="68" customFormat="1" ht="84" customHeight="1">
      <c r="A8" s="1205" t="s">
        <v>35331</v>
      </c>
      <c r="B8" s="1205"/>
      <c r="C8" s="1205"/>
      <c r="D8" s="1205"/>
    </row>
    <row r="9" spans="1:5" s="68" customFormat="1" ht="12.75" customHeight="1">
      <c r="A9" s="74"/>
      <c r="B9" s="74"/>
      <c r="C9" s="74"/>
      <c r="D9" s="74"/>
    </row>
    <row r="10" spans="1:5">
      <c r="A10" s="70" t="s">
        <v>31432</v>
      </c>
      <c r="B10" s="1176" t="s">
        <v>14286</v>
      </c>
      <c r="C10" s="1176"/>
      <c r="D10" s="1176"/>
    </row>
    <row r="11" spans="1:5" s="68" customFormat="1">
      <c r="B11" s="1176" t="s">
        <v>14287</v>
      </c>
      <c r="C11" s="1176"/>
      <c r="D11" s="1176"/>
    </row>
    <row r="12" spans="1:5" s="68" customFormat="1" ht="47.25" customHeight="1">
      <c r="B12" s="1177" t="s">
        <v>14288</v>
      </c>
      <c r="C12" s="1177"/>
      <c r="D12" s="1177"/>
    </row>
    <row r="13" spans="1:5" s="68" customFormat="1" ht="14.25"/>
    <row r="14" spans="1:5" s="68" customFormat="1">
      <c r="B14" s="335" t="s">
        <v>8348</v>
      </c>
    </row>
    <row r="15" spans="1:5" s="68" customFormat="1" ht="14.25"/>
    <row r="16" spans="1:5" s="68" customFormat="1" ht="14.25">
      <c r="B16" s="68" t="s">
        <v>14289</v>
      </c>
    </row>
    <row r="17" spans="2:2" s="68" customFormat="1" ht="14.25">
      <c r="B17" s="68" t="s">
        <v>14290</v>
      </c>
    </row>
    <row r="18" spans="2:2" s="68" customFormat="1" ht="14.25">
      <c r="B18" s="68" t="s">
        <v>14291</v>
      </c>
    </row>
    <row r="19" spans="2:2" s="68" customFormat="1" ht="14.25">
      <c r="B19" s="68" t="s">
        <v>14292</v>
      </c>
    </row>
    <row r="20" spans="2:2" s="68" customFormat="1" ht="14.25">
      <c r="B20" s="68" t="s">
        <v>14293</v>
      </c>
    </row>
    <row r="21" spans="2:2" s="68" customFormat="1" ht="14.25">
      <c r="B21" s="68" t="s">
        <v>14294</v>
      </c>
    </row>
    <row r="22" spans="2:2" s="68" customFormat="1" ht="14.25">
      <c r="B22" s="68" t="s">
        <v>14295</v>
      </c>
    </row>
    <row r="23" spans="2:2" s="68" customFormat="1" ht="14.25">
      <c r="B23" s="68" t="s">
        <v>14296</v>
      </c>
    </row>
    <row r="24" spans="2:2" s="68" customFormat="1" ht="14.25">
      <c r="B24" s="68" t="s">
        <v>14297</v>
      </c>
    </row>
    <row r="25" spans="2:2" s="68" customFormat="1" ht="14.25">
      <c r="B25" s="68" t="s">
        <v>14298</v>
      </c>
    </row>
    <row r="26" spans="2:2" s="68" customFormat="1" ht="14.25">
      <c r="B26" s="68" t="s">
        <v>14299</v>
      </c>
    </row>
    <row r="27" spans="2:2" s="68" customFormat="1" ht="14.25">
      <c r="B27" s="68" t="s">
        <v>14300</v>
      </c>
    </row>
    <row r="28" spans="2:2" s="68" customFormat="1" ht="14.25">
      <c r="B28" s="68" t="s">
        <v>14301</v>
      </c>
    </row>
    <row r="29" spans="2:2" s="68" customFormat="1" ht="14.25">
      <c r="B29" s="68" t="s">
        <v>14302</v>
      </c>
    </row>
    <row r="30" spans="2:2" s="68" customFormat="1" ht="14.25">
      <c r="B30" s="68" t="s">
        <v>14303</v>
      </c>
    </row>
    <row r="31" spans="2:2" s="68" customFormat="1" ht="14.25">
      <c r="B31" s="68" t="s">
        <v>14304</v>
      </c>
    </row>
    <row r="32" spans="2:2" s="68" customFormat="1" ht="14.25">
      <c r="B32" s="68" t="s">
        <v>14305</v>
      </c>
    </row>
    <row r="33" spans="1:4" s="68" customFormat="1" ht="14.25">
      <c r="B33" s="68" t="s">
        <v>14306</v>
      </c>
    </row>
    <row r="34" spans="1:4" s="68" customFormat="1" ht="14.25">
      <c r="B34" s="68" t="s">
        <v>14307</v>
      </c>
    </row>
    <row r="35" spans="1:4" s="68" customFormat="1" ht="14.25">
      <c r="B35" s="68" t="s">
        <v>14308</v>
      </c>
    </row>
    <row r="36" spans="1:4" s="68" customFormat="1" ht="14.25">
      <c r="B36" s="68" t="s">
        <v>14309</v>
      </c>
    </row>
    <row r="37" spans="1:4" s="68" customFormat="1" ht="14.25">
      <c r="B37" s="68" t="s">
        <v>14310</v>
      </c>
    </row>
    <row r="38" spans="1:4" s="68" customFormat="1" ht="14.25">
      <c r="B38" s="68" t="s">
        <v>14311</v>
      </c>
    </row>
    <row r="39" spans="1:4" s="68" customFormat="1" ht="14.25">
      <c r="B39" s="68" t="s">
        <v>14312</v>
      </c>
    </row>
    <row r="40" spans="1:4" s="68" customFormat="1" ht="14.25">
      <c r="B40" s="75"/>
    </row>
    <row r="41" spans="1:4" s="68" customFormat="1" ht="14.25">
      <c r="B41" s="75"/>
    </row>
    <row r="42" spans="1:4">
      <c r="A42" s="70" t="s">
        <v>31433</v>
      </c>
      <c r="B42" s="1176" t="s">
        <v>33715</v>
      </c>
      <c r="C42" s="1176"/>
      <c r="D42" s="1176"/>
    </row>
    <row r="43" spans="1:4" s="68" customFormat="1">
      <c r="B43" s="1176" t="s">
        <v>33716</v>
      </c>
      <c r="C43" s="1176"/>
      <c r="D43" s="1176"/>
    </row>
    <row r="44" spans="1:4" s="68" customFormat="1" ht="45" customHeight="1">
      <c r="B44" s="1177" t="s">
        <v>33717</v>
      </c>
      <c r="C44" s="1177"/>
      <c r="D44" s="1177"/>
    </row>
    <row r="45" spans="1:4" s="68" customFormat="1">
      <c r="B45" s="1176" t="s">
        <v>33718</v>
      </c>
      <c r="C45" s="1176"/>
      <c r="D45" s="1176"/>
    </row>
    <row r="46" spans="1:4" s="68" customFormat="1" ht="14.25">
      <c r="B46" s="75"/>
    </row>
    <row r="47" spans="1:4" s="68" customFormat="1">
      <c r="B47" s="336" t="s">
        <v>14314</v>
      </c>
    </row>
    <row r="48" spans="1:4" s="68" customFormat="1" ht="14.25">
      <c r="B48" s="76" t="s">
        <v>35393</v>
      </c>
    </row>
    <row r="49" spans="2:12" s="68" customFormat="1" ht="14.25"/>
    <row r="50" spans="2:12" s="68" customFormat="1" ht="14.25">
      <c r="B50" s="77" t="s">
        <v>35392</v>
      </c>
      <c r="C50" s="78"/>
      <c r="D50" s="78"/>
      <c r="E50" s="78"/>
      <c r="F50" s="78"/>
      <c r="G50" s="78"/>
      <c r="H50" s="78"/>
      <c r="I50" s="78"/>
      <c r="J50" s="78"/>
      <c r="K50" s="78"/>
      <c r="L50" s="78"/>
    </row>
    <row r="51" spans="2:12" s="68" customFormat="1" ht="14.25">
      <c r="B51" s="77"/>
      <c r="C51" s="78"/>
      <c r="D51" s="78"/>
      <c r="E51" s="78"/>
      <c r="F51" s="78"/>
      <c r="G51" s="78"/>
      <c r="H51" s="78"/>
      <c r="I51" s="78"/>
      <c r="J51" s="78"/>
      <c r="K51" s="78"/>
      <c r="L51" s="78"/>
    </row>
    <row r="52" spans="2:12" s="50" customFormat="1" ht="16.5">
      <c r="B52" s="922" t="s">
        <v>35332</v>
      </c>
    </row>
    <row r="53" spans="2:12" s="50" customFormat="1" ht="13.5">
      <c r="B53" s="401"/>
    </row>
    <row r="54" spans="2:12" s="50" customFormat="1" ht="16.5">
      <c r="B54" s="922" t="s">
        <v>35333</v>
      </c>
    </row>
    <row r="55" spans="2:12" s="50" customFormat="1" ht="13.5">
      <c r="B55" s="401"/>
    </row>
    <row r="56" spans="2:12" s="50" customFormat="1" ht="16.5">
      <c r="B56" s="922" t="s">
        <v>35334</v>
      </c>
    </row>
    <row r="57" spans="2:12" s="50" customFormat="1" ht="13.5">
      <c r="B57" s="401"/>
    </row>
    <row r="58" spans="2:12" s="50" customFormat="1" ht="16.5">
      <c r="B58" s="922" t="s">
        <v>9025</v>
      </c>
    </row>
    <row r="59" spans="2:12" s="50" customFormat="1" ht="13.5">
      <c r="B59" s="401"/>
    </row>
    <row r="60" spans="2:12" s="50" customFormat="1" ht="16.5">
      <c r="B60" s="922" t="s">
        <v>35335</v>
      </c>
    </row>
    <row r="61" spans="2:12" s="50" customFormat="1" ht="13.5">
      <c r="B61" s="401"/>
    </row>
    <row r="62" spans="2:12" s="50" customFormat="1" ht="16.5">
      <c r="B62" s="922" t="s">
        <v>35336</v>
      </c>
    </row>
    <row r="63" spans="2:12" s="50" customFormat="1" ht="13.5">
      <c r="B63" s="401"/>
    </row>
    <row r="64" spans="2:12" s="50" customFormat="1" ht="16.5">
      <c r="B64" s="922" t="s">
        <v>9028</v>
      </c>
    </row>
    <row r="65" spans="2:2" s="50" customFormat="1" ht="13.5">
      <c r="B65" s="401"/>
    </row>
    <row r="66" spans="2:2" s="50" customFormat="1" ht="16.5">
      <c r="B66" s="922" t="s">
        <v>9029</v>
      </c>
    </row>
    <row r="67" spans="2:2" s="50" customFormat="1" ht="13.5">
      <c r="B67" s="401"/>
    </row>
    <row r="68" spans="2:2" s="50" customFormat="1" ht="16.5">
      <c r="B68" s="922" t="s">
        <v>35337</v>
      </c>
    </row>
    <row r="69" spans="2:2" s="50" customFormat="1" ht="13.5">
      <c r="B69" s="401"/>
    </row>
    <row r="70" spans="2:2" s="50" customFormat="1" ht="16.5">
      <c r="B70" s="922" t="s">
        <v>35338</v>
      </c>
    </row>
    <row r="71" spans="2:2" s="50" customFormat="1" ht="13.5">
      <c r="B71" s="401"/>
    </row>
    <row r="72" spans="2:2" s="50" customFormat="1" ht="16.5">
      <c r="B72" s="922" t="s">
        <v>9030</v>
      </c>
    </row>
    <row r="73" spans="2:2" s="50" customFormat="1" ht="13.5">
      <c r="B73" s="401"/>
    </row>
    <row r="74" spans="2:2" s="50" customFormat="1" ht="16.5">
      <c r="B74" s="922" t="s">
        <v>9031</v>
      </c>
    </row>
    <row r="75" spans="2:2" s="50" customFormat="1" ht="13.5">
      <c r="B75" s="401"/>
    </row>
    <row r="76" spans="2:2" s="50" customFormat="1" ht="16.5">
      <c r="B76" s="922" t="s">
        <v>35339</v>
      </c>
    </row>
    <row r="77" spans="2:2" s="50" customFormat="1" ht="13.5">
      <c r="B77" s="401"/>
    </row>
    <row r="78" spans="2:2" s="50" customFormat="1" ht="16.5">
      <c r="B78" s="922" t="s">
        <v>9032</v>
      </c>
    </row>
    <row r="79" spans="2:2" s="50" customFormat="1" ht="13.5">
      <c r="B79" s="401"/>
    </row>
    <row r="80" spans="2:2" s="50" customFormat="1" ht="16.5">
      <c r="B80" s="922" t="s">
        <v>35340</v>
      </c>
    </row>
    <row r="81" spans="2:2" s="50" customFormat="1" ht="13.5">
      <c r="B81" s="401"/>
    </row>
    <row r="82" spans="2:2" s="50" customFormat="1" ht="16.5">
      <c r="B82" s="922" t="s">
        <v>35341</v>
      </c>
    </row>
    <row r="83" spans="2:2" s="50" customFormat="1" ht="13.5">
      <c r="B83" s="401"/>
    </row>
    <row r="84" spans="2:2" s="50" customFormat="1" ht="14.25">
      <c r="B84" s="923" t="s">
        <v>35342</v>
      </c>
    </row>
    <row r="85" spans="2:2" s="50" customFormat="1" ht="13.5">
      <c r="B85" s="401"/>
    </row>
    <row r="86" spans="2:2" s="50" customFormat="1" ht="14.25">
      <c r="B86" s="923" t="s">
        <v>14342</v>
      </c>
    </row>
    <row r="87" spans="2:2" s="50" customFormat="1" ht="13.5">
      <c r="B87" s="401"/>
    </row>
    <row r="88" spans="2:2" s="50" customFormat="1" ht="16.5">
      <c r="B88" s="922" t="s">
        <v>35343</v>
      </c>
    </row>
    <row r="89" spans="2:2" s="50" customFormat="1" ht="13.5">
      <c r="B89" s="401"/>
    </row>
    <row r="90" spans="2:2" s="50" customFormat="1" ht="16.5">
      <c r="B90" s="922" t="s">
        <v>35344</v>
      </c>
    </row>
    <row r="91" spans="2:2" s="50" customFormat="1" ht="13.5">
      <c r="B91" s="401"/>
    </row>
    <row r="92" spans="2:2" s="50" customFormat="1" ht="16.5">
      <c r="B92" s="922" t="s">
        <v>35345</v>
      </c>
    </row>
    <row r="93" spans="2:2" s="50" customFormat="1" ht="13.5">
      <c r="B93" s="401"/>
    </row>
    <row r="94" spans="2:2" s="50" customFormat="1" ht="16.5">
      <c r="B94" s="922" t="s">
        <v>35346</v>
      </c>
    </row>
    <row r="95" spans="2:2" s="50" customFormat="1" ht="13.5">
      <c r="B95" s="401"/>
    </row>
    <row r="96" spans="2:2" s="50" customFormat="1" ht="14.25">
      <c r="B96" s="923" t="s">
        <v>35347</v>
      </c>
    </row>
    <row r="97" spans="2:2" s="50" customFormat="1" ht="13.5">
      <c r="B97" s="401"/>
    </row>
    <row r="98" spans="2:2" s="50" customFormat="1" ht="14.25">
      <c r="B98" s="923" t="s">
        <v>31592</v>
      </c>
    </row>
    <row r="99" spans="2:2" s="50" customFormat="1" ht="13.5">
      <c r="B99" s="401"/>
    </row>
    <row r="100" spans="2:2" s="50" customFormat="1" ht="16.5">
      <c r="B100" s="922" t="s">
        <v>9035</v>
      </c>
    </row>
    <row r="101" spans="2:2" s="50" customFormat="1" ht="13.5">
      <c r="B101" s="401"/>
    </row>
    <row r="102" spans="2:2" s="50" customFormat="1" ht="16.5">
      <c r="B102" s="922" t="s">
        <v>35348</v>
      </c>
    </row>
    <row r="103" spans="2:2" s="50" customFormat="1" ht="13.5">
      <c r="B103" s="401"/>
    </row>
    <row r="104" spans="2:2" s="50" customFormat="1" ht="16.5">
      <c r="B104" s="922" t="s">
        <v>9036</v>
      </c>
    </row>
    <row r="105" spans="2:2" s="50" customFormat="1" ht="13.5">
      <c r="B105" s="401"/>
    </row>
    <row r="106" spans="2:2" s="50" customFormat="1" ht="16.5">
      <c r="B106" s="922" t="s">
        <v>35349</v>
      </c>
    </row>
    <row r="107" spans="2:2" s="50" customFormat="1" ht="13.5">
      <c r="B107" s="401"/>
    </row>
    <row r="108" spans="2:2" s="50" customFormat="1" ht="16.5">
      <c r="B108" s="922" t="s">
        <v>9037</v>
      </c>
    </row>
    <row r="109" spans="2:2" s="50" customFormat="1" ht="13.5">
      <c r="B109" s="401"/>
    </row>
    <row r="110" spans="2:2" s="50" customFormat="1" ht="16.5">
      <c r="B110" s="922" t="s">
        <v>35350</v>
      </c>
    </row>
    <row r="111" spans="2:2" s="50" customFormat="1" ht="13.5">
      <c r="B111" s="401"/>
    </row>
    <row r="112" spans="2:2" s="50" customFormat="1" ht="16.5">
      <c r="B112" s="922" t="s">
        <v>9038</v>
      </c>
    </row>
    <row r="113" spans="2:2" s="50" customFormat="1" ht="13.5">
      <c r="B113" s="401"/>
    </row>
    <row r="114" spans="2:2" s="50" customFormat="1" ht="16.5">
      <c r="B114" s="922" t="s">
        <v>35351</v>
      </c>
    </row>
    <row r="115" spans="2:2" s="50" customFormat="1" ht="13.5">
      <c r="B115" s="401"/>
    </row>
    <row r="116" spans="2:2" s="50" customFormat="1" ht="16.5">
      <c r="B116" s="922" t="s">
        <v>9039</v>
      </c>
    </row>
    <row r="117" spans="2:2" s="50" customFormat="1" ht="13.5">
      <c r="B117" s="401"/>
    </row>
    <row r="118" spans="2:2" s="50" customFormat="1" ht="16.5">
      <c r="B118" s="922" t="s">
        <v>35352</v>
      </c>
    </row>
    <row r="119" spans="2:2" s="50" customFormat="1" ht="13.5">
      <c r="B119" s="401"/>
    </row>
    <row r="120" spans="2:2" s="50" customFormat="1" ht="16.5">
      <c r="B120" s="922" t="s">
        <v>9041</v>
      </c>
    </row>
    <row r="121" spans="2:2" s="50" customFormat="1" ht="13.5">
      <c r="B121" s="401"/>
    </row>
    <row r="122" spans="2:2" s="50" customFormat="1" ht="16.5">
      <c r="B122" s="922" t="s">
        <v>35353</v>
      </c>
    </row>
    <row r="123" spans="2:2" s="50" customFormat="1" ht="13.5">
      <c r="B123" s="401"/>
    </row>
    <row r="124" spans="2:2" s="50" customFormat="1" ht="16.5">
      <c r="B124" s="922" t="s">
        <v>35354</v>
      </c>
    </row>
    <row r="125" spans="2:2" s="50" customFormat="1" ht="13.5">
      <c r="B125" s="401"/>
    </row>
    <row r="126" spans="2:2" s="50" customFormat="1" ht="16.5">
      <c r="B126" s="922" t="s">
        <v>35355</v>
      </c>
    </row>
    <row r="127" spans="2:2" s="50" customFormat="1" ht="13.5">
      <c r="B127" s="401"/>
    </row>
    <row r="128" spans="2:2" s="50" customFormat="1" ht="16.5">
      <c r="B128" s="922" t="s">
        <v>35356</v>
      </c>
    </row>
    <row r="129" spans="2:2" s="50" customFormat="1" ht="13.5">
      <c r="B129" s="401"/>
    </row>
    <row r="130" spans="2:2" s="50" customFormat="1" ht="16.5">
      <c r="B130" s="922" t="s">
        <v>8700</v>
      </c>
    </row>
    <row r="131" spans="2:2" s="50" customFormat="1" ht="16.5">
      <c r="B131" s="922" t="s">
        <v>35357</v>
      </c>
    </row>
    <row r="132" spans="2:2" s="50" customFormat="1" ht="16.5">
      <c r="B132" s="922" t="s">
        <v>8700</v>
      </c>
    </row>
    <row r="133" spans="2:2" s="50" customFormat="1" ht="16.5">
      <c r="B133" s="922" t="s">
        <v>35358</v>
      </c>
    </row>
    <row r="134" spans="2:2" s="50" customFormat="1" ht="16.5">
      <c r="B134" s="922" t="s">
        <v>35359</v>
      </c>
    </row>
    <row r="135" spans="2:2" s="50" customFormat="1" ht="16.5">
      <c r="B135" s="922" t="s">
        <v>8700</v>
      </c>
    </row>
    <row r="136" spans="2:2" s="50" customFormat="1" ht="16.5">
      <c r="B136" s="922" t="s">
        <v>35360</v>
      </c>
    </row>
    <row r="137" spans="2:2" s="50" customFormat="1" ht="16.5">
      <c r="B137" s="922" t="s">
        <v>8700</v>
      </c>
    </row>
    <row r="138" spans="2:2" s="50" customFormat="1" ht="16.5">
      <c r="B138" s="922" t="s">
        <v>35361</v>
      </c>
    </row>
    <row r="139" spans="2:2" s="50" customFormat="1" ht="13.5">
      <c r="B139" s="401"/>
    </row>
    <row r="140" spans="2:2" s="50" customFormat="1" ht="16.5">
      <c r="B140" s="922" t="s">
        <v>27361</v>
      </c>
    </row>
    <row r="141" spans="2:2" s="50" customFormat="1" ht="13.5">
      <c r="B141" s="401"/>
    </row>
    <row r="142" spans="2:2" s="50" customFormat="1" ht="13.5">
      <c r="B142" s="50" t="s">
        <v>35362</v>
      </c>
    </row>
    <row r="143" spans="2:2" s="50" customFormat="1" ht="13.5">
      <c r="B143" s="401"/>
    </row>
    <row r="144" spans="2:2" s="50" customFormat="1" ht="14.25">
      <c r="B144" s="923" t="s">
        <v>8444</v>
      </c>
    </row>
    <row r="145" spans="2:2" s="50" customFormat="1" ht="13.5">
      <c r="B145" s="401"/>
    </row>
    <row r="146" spans="2:2" s="50" customFormat="1" ht="16.5">
      <c r="B146" s="922" t="s">
        <v>35363</v>
      </c>
    </row>
    <row r="147" spans="2:2" s="50" customFormat="1" ht="13.5">
      <c r="B147" s="401"/>
    </row>
    <row r="148" spans="2:2" s="50" customFormat="1" ht="16.5">
      <c r="B148" s="922" t="s">
        <v>35364</v>
      </c>
    </row>
    <row r="149" spans="2:2" s="50" customFormat="1" ht="13.5">
      <c r="B149" s="401"/>
    </row>
    <row r="150" spans="2:2" s="50" customFormat="1" ht="14.25">
      <c r="B150" s="923" t="s">
        <v>14342</v>
      </c>
    </row>
    <row r="151" spans="2:2" s="50" customFormat="1" ht="13.5">
      <c r="B151" s="401"/>
    </row>
    <row r="152" spans="2:2" s="50" customFormat="1" ht="16.5">
      <c r="B152" s="922" t="s">
        <v>35365</v>
      </c>
    </row>
    <row r="153" spans="2:2" s="50" customFormat="1" ht="13.5">
      <c r="B153" s="401"/>
    </row>
    <row r="154" spans="2:2" s="50" customFormat="1" ht="16.5">
      <c r="B154" s="922" t="s">
        <v>35366</v>
      </c>
    </row>
    <row r="155" spans="2:2" s="50" customFormat="1" ht="13.5">
      <c r="B155" s="401"/>
    </row>
    <row r="156" spans="2:2" s="50" customFormat="1" ht="14.25">
      <c r="B156" s="923" t="s">
        <v>8444</v>
      </c>
    </row>
    <row r="157" spans="2:2" s="50" customFormat="1" ht="13.5">
      <c r="B157" s="401"/>
    </row>
    <row r="158" spans="2:2" s="50" customFormat="1" ht="16.5">
      <c r="B158" s="922" t="s">
        <v>35367</v>
      </c>
    </row>
    <row r="159" spans="2:2" s="50" customFormat="1" ht="13.5">
      <c r="B159" s="401"/>
    </row>
    <row r="160" spans="2:2" s="50" customFormat="1" ht="14.25">
      <c r="B160" s="923" t="s">
        <v>31510</v>
      </c>
    </row>
    <row r="161" spans="2:2" s="50" customFormat="1" ht="13.5">
      <c r="B161" s="401"/>
    </row>
    <row r="162" spans="2:2" s="50" customFormat="1" ht="16.5">
      <c r="B162" s="922" t="s">
        <v>35368</v>
      </c>
    </row>
    <row r="163" spans="2:2" s="50" customFormat="1" ht="13.5">
      <c r="B163" s="401"/>
    </row>
    <row r="164" spans="2:2" s="50" customFormat="1" ht="16.5">
      <c r="B164" s="922" t="s">
        <v>35369</v>
      </c>
    </row>
    <row r="165" spans="2:2" s="50" customFormat="1" ht="16.5">
      <c r="B165" s="922" t="s">
        <v>35370</v>
      </c>
    </row>
    <row r="166" spans="2:2" s="50" customFormat="1" ht="16.5">
      <c r="B166" s="922" t="s">
        <v>35371</v>
      </c>
    </row>
    <row r="167" spans="2:2" s="50" customFormat="1" ht="16.5">
      <c r="B167" s="922" t="s">
        <v>35372</v>
      </c>
    </row>
    <row r="168" spans="2:2" s="50" customFormat="1" ht="13.5">
      <c r="B168" s="401"/>
    </row>
    <row r="169" spans="2:2" s="50" customFormat="1" ht="16.5">
      <c r="B169" s="922" t="s">
        <v>35373</v>
      </c>
    </row>
    <row r="170" spans="2:2" s="50" customFormat="1" ht="13.5">
      <c r="B170" s="401"/>
    </row>
    <row r="171" spans="2:2" s="50" customFormat="1" ht="14.25">
      <c r="B171" s="923" t="s">
        <v>14342</v>
      </c>
    </row>
    <row r="172" spans="2:2" s="50" customFormat="1" ht="13.5">
      <c r="B172" s="401"/>
    </row>
    <row r="173" spans="2:2" s="50" customFormat="1" ht="16.5">
      <c r="B173" s="922" t="s">
        <v>35374</v>
      </c>
    </row>
    <row r="174" spans="2:2" s="50" customFormat="1" ht="13.5">
      <c r="B174" s="401"/>
    </row>
    <row r="175" spans="2:2" s="50" customFormat="1" ht="14.25">
      <c r="B175" s="923" t="s">
        <v>8444</v>
      </c>
    </row>
    <row r="176" spans="2:2" s="50" customFormat="1" ht="13.5">
      <c r="B176" s="401"/>
    </row>
    <row r="177" spans="2:2" s="50" customFormat="1" ht="16.5">
      <c r="B177" s="922" t="s">
        <v>35375</v>
      </c>
    </row>
    <row r="178" spans="2:2" s="50" customFormat="1" ht="13.5">
      <c r="B178" s="401"/>
    </row>
    <row r="179" spans="2:2" s="50" customFormat="1" ht="16.5">
      <c r="B179" s="922" t="s">
        <v>35376</v>
      </c>
    </row>
    <row r="180" spans="2:2" s="50" customFormat="1" ht="13.5">
      <c r="B180" s="401"/>
    </row>
    <row r="181" spans="2:2" s="50" customFormat="1" ht="14.25">
      <c r="B181" s="923" t="s">
        <v>14342</v>
      </c>
    </row>
    <row r="182" spans="2:2" s="50" customFormat="1" ht="13.5">
      <c r="B182" s="401"/>
    </row>
    <row r="183" spans="2:2" s="50" customFormat="1" ht="16.5">
      <c r="B183" s="922" t="s">
        <v>35377</v>
      </c>
    </row>
    <row r="184" spans="2:2" s="50" customFormat="1" ht="13.5">
      <c r="B184" s="401"/>
    </row>
    <row r="185" spans="2:2" s="50" customFormat="1" ht="16.5">
      <c r="B185" s="922" t="s">
        <v>35378</v>
      </c>
    </row>
    <row r="186" spans="2:2" s="50" customFormat="1" ht="13.5">
      <c r="B186" s="401"/>
    </row>
    <row r="187" spans="2:2" s="50" customFormat="1" ht="16.5">
      <c r="B187" s="922" t="s">
        <v>35379</v>
      </c>
    </row>
    <row r="188" spans="2:2" s="50" customFormat="1" ht="13.5">
      <c r="B188" s="401"/>
    </row>
    <row r="189" spans="2:2" s="50" customFormat="1" ht="16.5">
      <c r="B189" s="922" t="s">
        <v>35380</v>
      </c>
    </row>
    <row r="190" spans="2:2" s="50" customFormat="1" ht="13.5">
      <c r="B190" s="401"/>
    </row>
    <row r="191" spans="2:2" s="50" customFormat="1" ht="16.5">
      <c r="B191" s="922" t="s">
        <v>35381</v>
      </c>
    </row>
    <row r="192" spans="2:2" s="50" customFormat="1" ht="13.5">
      <c r="B192" s="401"/>
    </row>
    <row r="193" spans="2:13" s="50" customFormat="1" ht="16.5">
      <c r="B193" s="922" t="s">
        <v>35382</v>
      </c>
    </row>
    <row r="194" spans="2:13" s="50" customFormat="1" ht="13.5">
      <c r="B194" s="401"/>
    </row>
    <row r="195" spans="2:13" s="50" customFormat="1" ht="16.5">
      <c r="B195" s="922" t="s">
        <v>35383</v>
      </c>
    </row>
    <row r="196" spans="2:13" s="50" customFormat="1" ht="13.5">
      <c r="B196" s="401"/>
    </row>
    <row r="197" spans="2:13" s="50" customFormat="1" ht="16.5">
      <c r="B197" s="922" t="s">
        <v>35384</v>
      </c>
    </row>
    <row r="198" spans="2:13" s="50" customFormat="1" ht="13.5">
      <c r="B198" s="401"/>
    </row>
    <row r="199" spans="2:13" s="50" customFormat="1" ht="14.25">
      <c r="B199" s="923" t="s">
        <v>31592</v>
      </c>
    </row>
    <row r="200" spans="2:13" s="50" customFormat="1" ht="13.5">
      <c r="B200" s="401"/>
    </row>
    <row r="201" spans="2:13" s="50" customFormat="1" ht="16.5">
      <c r="B201" s="922" t="s">
        <v>35385</v>
      </c>
    </row>
    <row r="202" spans="2:13" s="50" customFormat="1" ht="13.5">
      <c r="B202" s="401"/>
    </row>
    <row r="203" spans="2:13" s="50" customFormat="1" ht="16.5">
      <c r="B203" s="922" t="s">
        <v>35386</v>
      </c>
    </row>
    <row r="204" spans="2:13" s="50" customFormat="1" ht="13.5">
      <c r="B204" s="401"/>
    </row>
    <row r="205" spans="2:13" s="50" customFormat="1" ht="16.5">
      <c r="B205" s="922" t="s">
        <v>35387</v>
      </c>
    </row>
    <row r="206" spans="2:13" s="50" customFormat="1" ht="13.5">
      <c r="B206" s="401"/>
    </row>
    <row r="207" spans="2:13" s="50" customFormat="1" ht="16.5">
      <c r="B207" s="922" t="s">
        <v>35388</v>
      </c>
    </row>
    <row r="208" spans="2:13" s="68" customFormat="1" ht="14.25">
      <c r="C208" s="79"/>
      <c r="D208" s="78"/>
      <c r="E208" s="78"/>
      <c r="F208" s="78"/>
      <c r="G208" s="78"/>
      <c r="H208" s="78"/>
      <c r="I208" s="78"/>
      <c r="J208" s="78"/>
      <c r="K208" s="78"/>
      <c r="L208" s="78"/>
      <c r="M208" s="78"/>
    </row>
    <row r="209" spans="2:12" s="68" customFormat="1" ht="14.25">
      <c r="B209" s="79"/>
      <c r="C209" s="78"/>
      <c r="D209" s="78"/>
      <c r="E209" s="78"/>
      <c r="F209" s="78"/>
      <c r="G209" s="78"/>
      <c r="H209" s="78"/>
      <c r="I209" s="78"/>
      <c r="J209" s="78"/>
      <c r="K209" s="78"/>
      <c r="L209" s="78"/>
    </row>
    <row r="210" spans="2:12" s="68" customFormat="1" ht="14.25">
      <c r="B210" s="80" t="s">
        <v>14315</v>
      </c>
      <c r="C210" s="78"/>
      <c r="D210" s="78"/>
      <c r="E210" s="78"/>
      <c r="F210" s="78"/>
      <c r="G210" s="78"/>
      <c r="H210" s="78"/>
      <c r="I210" s="78"/>
      <c r="J210" s="78"/>
      <c r="K210" s="78"/>
      <c r="L210" s="78"/>
    </row>
    <row r="211" spans="2:12" s="68" customFormat="1" ht="14.25">
      <c r="B211" s="337" t="s">
        <v>14316</v>
      </c>
      <c r="C211" s="338"/>
      <c r="D211" s="338"/>
      <c r="E211" s="338"/>
      <c r="F211" s="338"/>
      <c r="G211" s="338"/>
      <c r="H211" s="338"/>
      <c r="I211" s="338"/>
      <c r="J211" s="338"/>
      <c r="K211" s="338"/>
      <c r="L211" s="338"/>
    </row>
    <row r="212" spans="2:12">
      <c r="B212" s="340" t="s">
        <v>8444</v>
      </c>
      <c r="C212" s="342"/>
      <c r="D212" s="342"/>
      <c r="E212" s="342"/>
      <c r="F212" s="342"/>
      <c r="G212" s="342"/>
      <c r="H212" s="342"/>
      <c r="I212" s="342"/>
      <c r="J212" s="342"/>
      <c r="K212" s="342"/>
      <c r="L212" s="342"/>
    </row>
    <row r="213" spans="2:12">
      <c r="B213" s="341"/>
      <c r="C213" s="342"/>
      <c r="D213" s="342"/>
      <c r="E213" s="342"/>
      <c r="F213" s="342"/>
      <c r="G213" s="342"/>
      <c r="H213" s="342"/>
      <c r="I213" s="342"/>
      <c r="J213" s="342"/>
      <c r="K213" s="342"/>
      <c r="L213" s="342"/>
    </row>
    <row r="214" spans="2:12">
      <c r="B214" s="340" t="s">
        <v>14342</v>
      </c>
      <c r="C214" s="342"/>
      <c r="D214" s="342"/>
      <c r="E214" s="342"/>
      <c r="F214" s="342"/>
      <c r="G214" s="342"/>
      <c r="H214" s="342"/>
      <c r="I214" s="342"/>
      <c r="J214" s="342"/>
      <c r="K214" s="342"/>
      <c r="L214" s="342"/>
    </row>
    <row r="215" spans="2:12">
      <c r="B215" s="341"/>
      <c r="C215" s="342"/>
      <c r="D215" s="342"/>
      <c r="E215" s="342"/>
      <c r="F215" s="342"/>
      <c r="G215" s="342"/>
      <c r="H215" s="342"/>
      <c r="I215" s="342"/>
      <c r="J215" s="342"/>
      <c r="K215" s="342"/>
      <c r="L215" s="342"/>
    </row>
    <row r="216" spans="2:12" ht="99" customHeight="1">
      <c r="B216" s="343" t="s">
        <v>9045</v>
      </c>
      <c r="C216" s="339" t="s">
        <v>28527</v>
      </c>
      <c r="D216" s="343" t="s">
        <v>8</v>
      </c>
      <c r="E216" s="343" t="s">
        <v>8349</v>
      </c>
      <c r="F216" s="344" t="s">
        <v>586</v>
      </c>
      <c r="G216" s="345"/>
      <c r="H216" s="344" t="s">
        <v>14317</v>
      </c>
      <c r="I216" s="346"/>
      <c r="J216" s="346"/>
      <c r="K216" s="1178" t="s">
        <v>30003</v>
      </c>
      <c r="L216" s="347" t="s">
        <v>9046</v>
      </c>
    </row>
    <row r="217" spans="2:12" ht="57">
      <c r="B217" s="348"/>
      <c r="C217" s="349"/>
      <c r="D217" s="348"/>
      <c r="E217" s="348"/>
      <c r="F217" s="343" t="s">
        <v>33719</v>
      </c>
      <c r="G217" s="343" t="s">
        <v>14319</v>
      </c>
      <c r="H217" s="343" t="s">
        <v>14320</v>
      </c>
      <c r="I217" s="343" t="s">
        <v>14319</v>
      </c>
      <c r="J217" s="350" t="s">
        <v>14321</v>
      </c>
      <c r="K217" s="1178"/>
      <c r="L217" s="351"/>
    </row>
    <row r="218" spans="2:12">
      <c r="B218" s="352"/>
      <c r="C218" s="353"/>
      <c r="D218" s="352"/>
      <c r="E218" s="352"/>
      <c r="F218" s="354" t="s">
        <v>28528</v>
      </c>
      <c r="G218" s="355"/>
      <c r="H218" s="355"/>
      <c r="I218" s="355"/>
      <c r="J218" s="355"/>
      <c r="K218" s="356"/>
      <c r="L218" s="357"/>
    </row>
    <row r="219" spans="2:12">
      <c r="B219" s="358" t="s">
        <v>14322</v>
      </c>
      <c r="C219" s="358" t="s">
        <v>14323</v>
      </c>
      <c r="D219" s="358" t="s">
        <v>14324</v>
      </c>
      <c r="E219" s="358" t="s">
        <v>14325</v>
      </c>
      <c r="F219" s="358" t="s">
        <v>14326</v>
      </c>
      <c r="G219" s="358" t="s">
        <v>14327</v>
      </c>
      <c r="H219" s="358" t="s">
        <v>14328</v>
      </c>
      <c r="I219" s="358" t="s">
        <v>14327</v>
      </c>
      <c r="J219" s="358"/>
      <c r="K219" s="358"/>
      <c r="L219" s="358" t="s">
        <v>14329</v>
      </c>
    </row>
    <row r="220" spans="2:12">
      <c r="B220" s="359"/>
      <c r="C220" s="359"/>
      <c r="D220" s="359"/>
      <c r="E220" s="359"/>
      <c r="F220" s="360"/>
      <c r="G220" s="359"/>
      <c r="H220" s="360"/>
      <c r="I220" s="359"/>
      <c r="J220" s="359"/>
      <c r="K220" s="359"/>
      <c r="L220" s="359"/>
    </row>
    <row r="221" spans="2:12">
      <c r="B221" s="359"/>
      <c r="C221" s="359"/>
      <c r="D221" s="359"/>
      <c r="E221" s="359"/>
      <c r="F221" s="359" t="s">
        <v>14330</v>
      </c>
      <c r="G221" s="359"/>
      <c r="H221" s="359" t="s">
        <v>14331</v>
      </c>
      <c r="I221" s="359"/>
      <c r="J221" s="359"/>
      <c r="K221" s="359"/>
      <c r="L221" s="359"/>
    </row>
    <row r="222" spans="2:12">
      <c r="B222" s="359"/>
      <c r="C222" s="359"/>
      <c r="D222" s="359"/>
      <c r="E222" s="359"/>
      <c r="F222" s="360"/>
      <c r="G222" s="359"/>
      <c r="H222" s="360"/>
      <c r="I222" s="359"/>
      <c r="J222" s="359"/>
      <c r="K222" s="359"/>
      <c r="L222" s="359"/>
    </row>
    <row r="223" spans="2:12">
      <c r="B223" s="361"/>
      <c r="C223" s="361"/>
      <c r="D223" s="361"/>
      <c r="E223" s="361"/>
      <c r="F223" s="362"/>
      <c r="G223" s="361"/>
      <c r="H223" s="361" t="s">
        <v>14332</v>
      </c>
      <c r="I223" s="361"/>
      <c r="J223" s="361"/>
      <c r="K223" s="361"/>
      <c r="L223" s="361"/>
    </row>
    <row r="224" spans="2:12">
      <c r="B224" s="358" t="s">
        <v>14333</v>
      </c>
      <c r="C224" s="358" t="s">
        <v>14334</v>
      </c>
      <c r="D224" s="358" t="s">
        <v>14335</v>
      </c>
      <c r="E224" s="358" t="s">
        <v>14336</v>
      </c>
      <c r="F224" s="358" t="s">
        <v>14337</v>
      </c>
      <c r="G224" s="358" t="s">
        <v>14338</v>
      </c>
      <c r="H224" s="358" t="s">
        <v>14328</v>
      </c>
      <c r="I224" s="358" t="s">
        <v>14338</v>
      </c>
      <c r="J224" s="358"/>
      <c r="K224" s="358"/>
      <c r="L224" s="358"/>
    </row>
    <row r="225" spans="2:12">
      <c r="B225" s="359"/>
      <c r="C225" s="359"/>
      <c r="D225" s="359"/>
      <c r="E225" s="359"/>
      <c r="F225" s="360"/>
      <c r="G225" s="360"/>
      <c r="H225" s="360"/>
      <c r="I225" s="360"/>
      <c r="J225" s="359"/>
      <c r="K225" s="359"/>
      <c r="L225" s="359"/>
    </row>
    <row r="226" spans="2:12">
      <c r="B226" s="359"/>
      <c r="C226" s="359"/>
      <c r="D226" s="359"/>
      <c r="E226" s="359"/>
      <c r="F226" s="359" t="s">
        <v>14339</v>
      </c>
      <c r="G226" s="359" t="s">
        <v>14340</v>
      </c>
      <c r="H226" s="359" t="s">
        <v>14341</v>
      </c>
      <c r="I226" s="359" t="s">
        <v>14340</v>
      </c>
      <c r="J226" s="359"/>
      <c r="K226" s="359"/>
      <c r="L226" s="359"/>
    </row>
    <row r="227" spans="2:12">
      <c r="B227" s="359"/>
      <c r="C227" s="359"/>
      <c r="D227" s="359"/>
      <c r="E227" s="359"/>
      <c r="F227" s="360"/>
      <c r="G227" s="360"/>
      <c r="H227" s="360"/>
      <c r="I227" s="360"/>
      <c r="J227" s="359"/>
      <c r="K227" s="359"/>
      <c r="L227" s="359"/>
    </row>
    <row r="228" spans="2:12">
      <c r="B228" s="361"/>
      <c r="C228" s="361"/>
      <c r="D228" s="361"/>
      <c r="E228" s="361"/>
      <c r="F228" s="362"/>
      <c r="G228" s="362"/>
      <c r="H228" s="361" t="s">
        <v>14332</v>
      </c>
      <c r="I228" s="362"/>
      <c r="J228" s="361"/>
      <c r="K228" s="361"/>
      <c r="L228" s="361"/>
    </row>
    <row r="229" spans="2:12">
      <c r="B229" s="358" t="s">
        <v>14343</v>
      </c>
      <c r="C229" s="358" t="s">
        <v>14344</v>
      </c>
      <c r="D229" s="358" t="s">
        <v>14345</v>
      </c>
      <c r="E229" s="358" t="s">
        <v>14346</v>
      </c>
      <c r="F229" s="358" t="s">
        <v>14337</v>
      </c>
      <c r="G229" s="358" t="s">
        <v>14338</v>
      </c>
      <c r="H229" s="358" t="s">
        <v>14328</v>
      </c>
      <c r="I229" s="358" t="s">
        <v>14338</v>
      </c>
      <c r="J229" s="358"/>
      <c r="K229" s="358"/>
      <c r="L229" s="358"/>
    </row>
    <row r="230" spans="2:12">
      <c r="B230" s="359"/>
      <c r="C230" s="359"/>
      <c r="D230" s="359"/>
      <c r="E230" s="359"/>
      <c r="F230" s="359"/>
      <c r="G230" s="359"/>
      <c r="H230" s="360"/>
      <c r="I230" s="359"/>
      <c r="J230" s="359"/>
      <c r="K230" s="359"/>
      <c r="L230" s="359"/>
    </row>
    <row r="231" spans="2:12">
      <c r="B231" s="361"/>
      <c r="C231" s="361"/>
      <c r="D231" s="361"/>
      <c r="E231" s="361"/>
      <c r="F231" s="361"/>
      <c r="G231" s="361"/>
      <c r="H231" s="361" t="s">
        <v>14332</v>
      </c>
      <c r="I231" s="361"/>
      <c r="J231" s="361"/>
      <c r="K231" s="361"/>
      <c r="L231" s="361"/>
    </row>
    <row r="232" spans="2:12">
      <c r="B232" s="358" t="s">
        <v>14347</v>
      </c>
      <c r="C232" s="358" t="s">
        <v>14348</v>
      </c>
      <c r="D232" s="358" t="s">
        <v>14349</v>
      </c>
      <c r="E232" s="358" t="s">
        <v>14350</v>
      </c>
      <c r="F232" s="358" t="s">
        <v>14337</v>
      </c>
      <c r="G232" s="358" t="s">
        <v>14338</v>
      </c>
      <c r="H232" s="358" t="s">
        <v>14328</v>
      </c>
      <c r="I232" s="358" t="s">
        <v>14338</v>
      </c>
      <c r="J232" s="358"/>
      <c r="K232" s="358"/>
      <c r="L232" s="358"/>
    </row>
    <row r="233" spans="2:12">
      <c r="B233" s="359"/>
      <c r="C233" s="359"/>
      <c r="D233" s="359"/>
      <c r="E233" s="359"/>
      <c r="F233" s="359"/>
      <c r="G233" s="359"/>
      <c r="H233" s="360"/>
      <c r="I233" s="359"/>
      <c r="J233" s="359"/>
      <c r="K233" s="359"/>
      <c r="L233" s="359"/>
    </row>
    <row r="234" spans="2:12">
      <c r="B234" s="361"/>
      <c r="C234" s="361"/>
      <c r="D234" s="361"/>
      <c r="E234" s="361"/>
      <c r="F234" s="361"/>
      <c r="G234" s="361"/>
      <c r="H234" s="361" t="s">
        <v>14332</v>
      </c>
      <c r="I234" s="361"/>
      <c r="J234" s="361"/>
      <c r="K234" s="361"/>
      <c r="L234" s="361"/>
    </row>
    <row r="235" spans="2:12">
      <c r="B235" s="358" t="s">
        <v>14351</v>
      </c>
      <c r="C235" s="358" t="s">
        <v>14352</v>
      </c>
      <c r="D235" s="358" t="s">
        <v>14353</v>
      </c>
      <c r="E235" s="358" t="s">
        <v>14354</v>
      </c>
      <c r="F235" s="358" t="s">
        <v>14337</v>
      </c>
      <c r="G235" s="358" t="s">
        <v>14338</v>
      </c>
      <c r="H235" s="358" t="s">
        <v>14328</v>
      </c>
      <c r="I235" s="358" t="s">
        <v>14338</v>
      </c>
      <c r="J235" s="358" t="s">
        <v>14355</v>
      </c>
      <c r="K235" s="358"/>
      <c r="L235" s="358"/>
    </row>
    <row r="236" spans="2:12">
      <c r="B236" s="359"/>
      <c r="C236" s="359"/>
      <c r="D236" s="359"/>
      <c r="E236" s="359"/>
      <c r="F236" s="360"/>
      <c r="G236" s="360"/>
      <c r="H236" s="360"/>
      <c r="I236" s="360"/>
      <c r="J236" s="359"/>
      <c r="K236" s="359"/>
      <c r="L236" s="359"/>
    </row>
    <row r="237" spans="2:12">
      <c r="B237" s="359"/>
      <c r="C237" s="359"/>
      <c r="D237" s="359"/>
      <c r="E237" s="359"/>
      <c r="F237" s="359" t="s">
        <v>14356</v>
      </c>
      <c r="G237" s="359" t="s">
        <v>14340</v>
      </c>
      <c r="H237" s="359" t="s">
        <v>14341</v>
      </c>
      <c r="I237" s="359" t="s">
        <v>14340</v>
      </c>
      <c r="J237" s="359"/>
      <c r="K237" s="359"/>
      <c r="L237" s="359"/>
    </row>
    <row r="238" spans="2:12">
      <c r="B238" s="359"/>
      <c r="C238" s="359"/>
      <c r="D238" s="359"/>
      <c r="E238" s="359"/>
      <c r="F238" s="360"/>
      <c r="G238" s="360"/>
      <c r="H238" s="360"/>
      <c r="I238" s="360"/>
      <c r="J238" s="359"/>
      <c r="K238" s="359"/>
      <c r="L238" s="359"/>
    </row>
    <row r="239" spans="2:12">
      <c r="B239" s="361"/>
      <c r="C239" s="361"/>
      <c r="D239" s="361"/>
      <c r="E239" s="361"/>
      <c r="F239" s="362"/>
      <c r="G239" s="362"/>
      <c r="H239" s="361" t="s">
        <v>14332</v>
      </c>
      <c r="I239" s="362"/>
      <c r="J239" s="361"/>
      <c r="K239" s="361"/>
      <c r="L239" s="361"/>
    </row>
    <row r="240" spans="2:12">
      <c r="B240" s="358" t="s">
        <v>14357</v>
      </c>
      <c r="C240" s="358" t="s">
        <v>14358</v>
      </c>
      <c r="D240" s="358" t="s">
        <v>14359</v>
      </c>
      <c r="E240" s="358" t="s">
        <v>14360</v>
      </c>
      <c r="F240" s="358" t="s">
        <v>14337</v>
      </c>
      <c r="G240" s="358" t="s">
        <v>14338</v>
      </c>
      <c r="H240" s="358" t="s">
        <v>14328</v>
      </c>
      <c r="I240" s="358" t="s">
        <v>14338</v>
      </c>
      <c r="J240" s="358" t="s">
        <v>14355</v>
      </c>
      <c r="K240" s="358"/>
      <c r="L240" s="358"/>
    </row>
    <row r="241" spans="2:12">
      <c r="B241" s="359"/>
      <c r="C241" s="359"/>
      <c r="D241" s="359"/>
      <c r="E241" s="359"/>
      <c r="F241" s="360"/>
      <c r="G241" s="360"/>
      <c r="H241" s="360"/>
      <c r="I241" s="360"/>
      <c r="J241" s="359"/>
      <c r="K241" s="359"/>
      <c r="L241" s="359"/>
    </row>
    <row r="242" spans="2:12">
      <c r="B242" s="359"/>
      <c r="C242" s="359"/>
      <c r="D242" s="359"/>
      <c r="E242" s="359"/>
      <c r="F242" s="359" t="s">
        <v>14361</v>
      </c>
      <c r="G242" s="359" t="s">
        <v>14362</v>
      </c>
      <c r="H242" s="359" t="s">
        <v>14341</v>
      </c>
      <c r="I242" s="359" t="s">
        <v>14362</v>
      </c>
      <c r="J242" s="359"/>
      <c r="K242" s="359"/>
      <c r="L242" s="359"/>
    </row>
    <row r="243" spans="2:12">
      <c r="B243" s="359"/>
      <c r="C243" s="359"/>
      <c r="D243" s="359"/>
      <c r="E243" s="359"/>
      <c r="F243" s="360"/>
      <c r="G243" s="360"/>
      <c r="H243" s="360"/>
      <c r="I243" s="360"/>
      <c r="J243" s="359"/>
      <c r="K243" s="359"/>
      <c r="L243" s="359"/>
    </row>
    <row r="244" spans="2:12">
      <c r="B244" s="361"/>
      <c r="C244" s="361"/>
      <c r="D244" s="361"/>
      <c r="E244" s="361"/>
      <c r="F244" s="361" t="s">
        <v>14339</v>
      </c>
      <c r="G244" s="361" t="s">
        <v>14340</v>
      </c>
      <c r="H244" s="361" t="s">
        <v>14332</v>
      </c>
      <c r="I244" s="361" t="s">
        <v>14340</v>
      </c>
      <c r="J244" s="361"/>
      <c r="K244" s="361"/>
      <c r="L244" s="361"/>
    </row>
    <row r="245" spans="2:12">
      <c r="B245" s="358" t="s">
        <v>14363</v>
      </c>
      <c r="C245" s="358" t="s">
        <v>28529</v>
      </c>
      <c r="D245" s="358" t="s">
        <v>14364</v>
      </c>
      <c r="E245" s="358" t="s">
        <v>14365</v>
      </c>
      <c r="F245" s="358" t="s">
        <v>14337</v>
      </c>
      <c r="G245" s="358" t="s">
        <v>14338</v>
      </c>
      <c r="H245" s="358" t="s">
        <v>14328</v>
      </c>
      <c r="I245" s="358" t="s">
        <v>14338</v>
      </c>
      <c r="J245" s="358" t="s">
        <v>14355</v>
      </c>
      <c r="K245" s="358"/>
      <c r="L245" s="358"/>
    </row>
    <row r="246" spans="2:12">
      <c r="B246" s="359"/>
      <c r="C246" s="359"/>
      <c r="D246" s="359"/>
      <c r="E246" s="359"/>
      <c r="F246" s="360"/>
      <c r="G246" s="360"/>
      <c r="H246" s="360"/>
      <c r="I246" s="360"/>
      <c r="J246" s="359"/>
      <c r="K246" s="359"/>
      <c r="L246" s="359"/>
    </row>
    <row r="247" spans="2:12">
      <c r="B247" s="359"/>
      <c r="C247" s="359"/>
      <c r="D247" s="359"/>
      <c r="E247" s="359"/>
      <c r="F247" s="359" t="s">
        <v>14366</v>
      </c>
      <c r="G247" s="359" t="s">
        <v>14362</v>
      </c>
      <c r="H247" s="359" t="s">
        <v>14341</v>
      </c>
      <c r="I247" s="359" t="s">
        <v>14362</v>
      </c>
      <c r="J247" s="359"/>
      <c r="K247" s="359"/>
      <c r="L247" s="359"/>
    </row>
    <row r="248" spans="2:12">
      <c r="B248" s="359"/>
      <c r="C248" s="359"/>
      <c r="D248" s="359"/>
      <c r="E248" s="359"/>
      <c r="F248" s="360"/>
      <c r="G248" s="360"/>
      <c r="H248" s="360"/>
      <c r="I248" s="360"/>
      <c r="J248" s="359"/>
      <c r="K248" s="359"/>
      <c r="L248" s="359"/>
    </row>
    <row r="249" spans="2:12">
      <c r="B249" s="359"/>
      <c r="C249" s="359"/>
      <c r="D249" s="359"/>
      <c r="E249" s="359"/>
      <c r="F249" s="359" t="s">
        <v>14339</v>
      </c>
      <c r="G249" s="359" t="s">
        <v>14340</v>
      </c>
      <c r="H249" s="359" t="s">
        <v>14367</v>
      </c>
      <c r="I249" s="359" t="s">
        <v>14340</v>
      </c>
      <c r="J249" s="359"/>
      <c r="K249" s="359"/>
      <c r="L249" s="359"/>
    </row>
    <row r="250" spans="2:12">
      <c r="B250" s="359"/>
      <c r="C250" s="359"/>
      <c r="D250" s="359"/>
      <c r="E250" s="359"/>
      <c r="F250" s="360"/>
      <c r="G250" s="360"/>
      <c r="H250" s="360"/>
      <c r="I250" s="360"/>
      <c r="J250" s="359"/>
      <c r="K250" s="359"/>
      <c r="L250" s="359"/>
    </row>
    <row r="251" spans="2:12">
      <c r="B251" s="359"/>
      <c r="C251" s="359"/>
      <c r="D251" s="359"/>
      <c r="E251" s="359"/>
      <c r="F251" s="359" t="s">
        <v>14368</v>
      </c>
      <c r="G251" s="359" t="s">
        <v>14369</v>
      </c>
      <c r="H251" s="359" t="s">
        <v>14370</v>
      </c>
      <c r="I251" s="359" t="s">
        <v>14369</v>
      </c>
      <c r="J251" s="359"/>
      <c r="K251" s="359"/>
      <c r="L251" s="359"/>
    </row>
    <row r="252" spans="2:12">
      <c r="B252" s="359"/>
      <c r="C252" s="359"/>
      <c r="D252" s="359"/>
      <c r="E252" s="359"/>
      <c r="F252" s="360"/>
      <c r="G252" s="360"/>
      <c r="H252" s="360"/>
      <c r="I252" s="360"/>
      <c r="J252" s="359"/>
      <c r="K252" s="359"/>
      <c r="L252" s="359"/>
    </row>
    <row r="253" spans="2:12">
      <c r="B253" s="359"/>
      <c r="C253" s="359"/>
      <c r="D253" s="359"/>
      <c r="E253" s="359"/>
      <c r="F253" s="359" t="s">
        <v>14371</v>
      </c>
      <c r="G253" s="359" t="s">
        <v>14372</v>
      </c>
      <c r="H253" s="359" t="s">
        <v>14332</v>
      </c>
      <c r="I253" s="359" t="s">
        <v>14373</v>
      </c>
      <c r="J253" s="359"/>
      <c r="K253" s="359"/>
      <c r="L253" s="359"/>
    </row>
    <row r="254" spans="2:12">
      <c r="B254" s="359"/>
      <c r="C254" s="359"/>
      <c r="D254" s="359"/>
      <c r="E254" s="359"/>
      <c r="F254" s="360"/>
      <c r="G254" s="360"/>
      <c r="H254" s="360"/>
      <c r="I254" s="360"/>
      <c r="J254" s="359"/>
      <c r="K254" s="359"/>
      <c r="L254" s="359"/>
    </row>
    <row r="255" spans="2:12" ht="28.5">
      <c r="B255" s="361"/>
      <c r="C255" s="361"/>
      <c r="D255" s="361"/>
      <c r="E255" s="361"/>
      <c r="F255" s="361" t="s">
        <v>14374</v>
      </c>
      <c r="G255" s="361" t="s">
        <v>14373</v>
      </c>
      <c r="H255" s="362"/>
      <c r="I255" s="362"/>
      <c r="J255" s="361"/>
      <c r="K255" s="361"/>
      <c r="L255" s="361"/>
    </row>
    <row r="256" spans="2:12">
      <c r="B256" s="358" t="s">
        <v>10167</v>
      </c>
      <c r="C256" s="358" t="s">
        <v>14375</v>
      </c>
      <c r="D256" s="358" t="s">
        <v>10168</v>
      </c>
      <c r="E256" s="358" t="s">
        <v>1494</v>
      </c>
      <c r="F256" s="358" t="s">
        <v>14376</v>
      </c>
      <c r="G256" s="358" t="s">
        <v>14377</v>
      </c>
      <c r="H256" s="358" t="s">
        <v>14378</v>
      </c>
      <c r="I256" s="358" t="s">
        <v>14377</v>
      </c>
      <c r="J256" s="358"/>
      <c r="K256" s="358"/>
      <c r="L256" s="358"/>
    </row>
    <row r="257" spans="2:12">
      <c r="B257" s="359"/>
      <c r="C257" s="359"/>
      <c r="D257" s="359"/>
      <c r="E257" s="359"/>
      <c r="F257" s="360"/>
      <c r="G257" s="360"/>
      <c r="H257" s="360"/>
      <c r="I257" s="360"/>
      <c r="J257" s="359"/>
      <c r="K257" s="359"/>
      <c r="L257" s="359"/>
    </row>
    <row r="258" spans="2:12">
      <c r="B258" s="359"/>
      <c r="C258" s="359"/>
      <c r="D258" s="359"/>
      <c r="E258" s="359"/>
      <c r="F258" s="359" t="s">
        <v>14379</v>
      </c>
      <c r="G258" s="359" t="s">
        <v>14380</v>
      </c>
      <c r="H258" s="359" t="s">
        <v>14381</v>
      </c>
      <c r="I258" s="359" t="s">
        <v>14380</v>
      </c>
      <c r="J258" s="359"/>
      <c r="K258" s="359"/>
      <c r="L258" s="359"/>
    </row>
    <row r="259" spans="2:12">
      <c r="B259" s="359"/>
      <c r="C259" s="359"/>
      <c r="D259" s="359"/>
      <c r="E259" s="359"/>
      <c r="F259" s="360"/>
      <c r="G259" s="360"/>
      <c r="H259" s="360"/>
      <c r="I259" s="360"/>
      <c r="J259" s="359"/>
      <c r="K259" s="359"/>
      <c r="L259" s="359"/>
    </row>
    <row r="260" spans="2:12">
      <c r="B260" s="359"/>
      <c r="C260" s="359"/>
      <c r="D260" s="359"/>
      <c r="E260" s="359"/>
      <c r="F260" s="359" t="s">
        <v>14382</v>
      </c>
      <c r="G260" s="359" t="s">
        <v>14383</v>
      </c>
      <c r="H260" s="359" t="s">
        <v>14332</v>
      </c>
      <c r="I260" s="359" t="s">
        <v>14383</v>
      </c>
      <c r="J260" s="359"/>
      <c r="K260" s="359"/>
      <c r="L260" s="359"/>
    </row>
    <row r="261" spans="2:12">
      <c r="B261" s="359"/>
      <c r="C261" s="359"/>
      <c r="D261" s="359"/>
      <c r="E261" s="359"/>
      <c r="F261" s="360"/>
      <c r="G261" s="360"/>
      <c r="H261" s="360"/>
      <c r="I261" s="360"/>
      <c r="J261" s="359"/>
      <c r="K261" s="359"/>
      <c r="L261" s="359"/>
    </row>
    <row r="262" spans="2:12">
      <c r="B262" s="359"/>
      <c r="C262" s="359"/>
      <c r="D262" s="359"/>
      <c r="E262" s="359"/>
      <c r="F262" s="359" t="s">
        <v>14384</v>
      </c>
      <c r="G262" s="359" t="s">
        <v>14385</v>
      </c>
      <c r="H262" s="360"/>
      <c r="I262" s="359" t="s">
        <v>14385</v>
      </c>
      <c r="J262" s="359"/>
      <c r="K262" s="359"/>
      <c r="L262" s="359"/>
    </row>
    <row r="263" spans="2:12">
      <c r="B263" s="359"/>
      <c r="C263" s="359"/>
      <c r="D263" s="359"/>
      <c r="E263" s="359"/>
      <c r="F263" s="360"/>
      <c r="G263" s="360"/>
      <c r="H263" s="360"/>
      <c r="I263" s="360"/>
      <c r="J263" s="359"/>
      <c r="K263" s="359"/>
      <c r="L263" s="359"/>
    </row>
    <row r="264" spans="2:12">
      <c r="B264" s="359"/>
      <c r="C264" s="359"/>
      <c r="D264" s="359"/>
      <c r="E264" s="359"/>
      <c r="F264" s="359" t="s">
        <v>14386</v>
      </c>
      <c r="G264" s="359" t="s">
        <v>14387</v>
      </c>
      <c r="H264" s="360"/>
      <c r="I264" s="359" t="s">
        <v>14387</v>
      </c>
      <c r="J264" s="359"/>
      <c r="K264" s="359"/>
      <c r="L264" s="359"/>
    </row>
    <row r="265" spans="2:12">
      <c r="B265" s="359"/>
      <c r="C265" s="359"/>
      <c r="D265" s="359"/>
      <c r="E265" s="359"/>
      <c r="F265" s="360"/>
      <c r="G265" s="360"/>
      <c r="H265" s="360"/>
      <c r="I265" s="360"/>
      <c r="J265" s="359"/>
      <c r="K265" s="359"/>
      <c r="L265" s="359"/>
    </row>
    <row r="266" spans="2:12">
      <c r="B266" s="359"/>
      <c r="C266" s="359"/>
      <c r="D266" s="359"/>
      <c r="E266" s="359"/>
      <c r="F266" s="359" t="s">
        <v>14368</v>
      </c>
      <c r="G266" s="359" t="s">
        <v>14388</v>
      </c>
      <c r="H266" s="360"/>
      <c r="I266" s="359" t="s">
        <v>14388</v>
      </c>
      <c r="J266" s="359"/>
      <c r="K266" s="359"/>
      <c r="L266" s="359"/>
    </row>
    <row r="267" spans="2:12">
      <c r="B267" s="359"/>
      <c r="C267" s="359"/>
      <c r="D267" s="359"/>
      <c r="E267" s="359"/>
      <c r="F267" s="360"/>
      <c r="G267" s="360"/>
      <c r="H267" s="360"/>
      <c r="I267" s="360"/>
      <c r="J267" s="359"/>
      <c r="K267" s="359"/>
      <c r="L267" s="359"/>
    </row>
    <row r="268" spans="2:12">
      <c r="B268" s="359"/>
      <c r="C268" s="359"/>
      <c r="D268" s="359"/>
      <c r="E268" s="359"/>
      <c r="F268" s="359" t="s">
        <v>14389</v>
      </c>
      <c r="G268" s="359" t="s">
        <v>14390</v>
      </c>
      <c r="H268" s="360"/>
      <c r="I268" s="359" t="s">
        <v>14390</v>
      </c>
      <c r="J268" s="359"/>
      <c r="K268" s="359"/>
      <c r="L268" s="359"/>
    </row>
    <row r="269" spans="2:12">
      <c r="B269" s="359"/>
      <c r="C269" s="359"/>
      <c r="D269" s="359"/>
      <c r="E269" s="359"/>
      <c r="F269" s="360"/>
      <c r="G269" s="360"/>
      <c r="H269" s="360"/>
      <c r="I269" s="360"/>
      <c r="J269" s="359"/>
      <c r="K269" s="359"/>
      <c r="L269" s="359"/>
    </row>
    <row r="270" spans="2:12">
      <c r="B270" s="361"/>
      <c r="C270" s="361"/>
      <c r="D270" s="361"/>
      <c r="E270" s="361"/>
      <c r="F270" s="361" t="s">
        <v>14391</v>
      </c>
      <c r="G270" s="361" t="s">
        <v>14392</v>
      </c>
      <c r="H270" s="362"/>
      <c r="I270" s="361" t="s">
        <v>14392</v>
      </c>
      <c r="J270" s="361"/>
      <c r="K270" s="361"/>
      <c r="L270" s="361"/>
    </row>
    <row r="271" spans="2:12" ht="42.75">
      <c r="B271" s="358" t="s">
        <v>10170</v>
      </c>
      <c r="C271" s="358" t="s">
        <v>14393</v>
      </c>
      <c r="D271" s="358" t="s">
        <v>8356</v>
      </c>
      <c r="E271" s="358" t="s">
        <v>8356</v>
      </c>
      <c r="F271" s="358" t="s">
        <v>14376</v>
      </c>
      <c r="G271" s="358" t="s">
        <v>14377</v>
      </c>
      <c r="H271" s="358" t="s">
        <v>14378</v>
      </c>
      <c r="I271" s="358" t="s">
        <v>14377</v>
      </c>
      <c r="J271" s="358"/>
      <c r="K271" s="358"/>
      <c r="L271" s="358" t="s">
        <v>9491</v>
      </c>
    </row>
    <row r="272" spans="2:12">
      <c r="B272" s="359"/>
      <c r="C272" s="359"/>
      <c r="D272" s="359"/>
      <c r="E272" s="359"/>
      <c r="F272" s="360"/>
      <c r="G272" s="360"/>
      <c r="H272" s="360"/>
      <c r="I272" s="360"/>
      <c r="J272" s="359"/>
      <c r="K272" s="359"/>
      <c r="L272" s="359"/>
    </row>
    <row r="273" spans="2:12">
      <c r="B273" s="359"/>
      <c r="C273" s="359"/>
      <c r="D273" s="359"/>
      <c r="E273" s="359"/>
      <c r="F273" s="359" t="s">
        <v>14379</v>
      </c>
      <c r="G273" s="359" t="s">
        <v>14380</v>
      </c>
      <c r="H273" s="359" t="s">
        <v>14381</v>
      </c>
      <c r="I273" s="359" t="s">
        <v>14380</v>
      </c>
      <c r="J273" s="359"/>
      <c r="K273" s="359"/>
      <c r="L273" s="359"/>
    </row>
    <row r="274" spans="2:12">
      <c r="B274" s="359"/>
      <c r="C274" s="359"/>
      <c r="D274" s="359"/>
      <c r="E274" s="359"/>
      <c r="F274" s="360"/>
      <c r="G274" s="360"/>
      <c r="H274" s="360"/>
      <c r="I274" s="360"/>
      <c r="J274" s="359"/>
      <c r="K274" s="359"/>
      <c r="L274" s="359"/>
    </row>
    <row r="275" spans="2:12">
      <c r="B275" s="359"/>
      <c r="C275" s="359"/>
      <c r="D275" s="359"/>
      <c r="E275" s="359"/>
      <c r="F275" s="359" t="s">
        <v>14382</v>
      </c>
      <c r="G275" s="359" t="s">
        <v>14383</v>
      </c>
      <c r="H275" s="359" t="s">
        <v>14370</v>
      </c>
      <c r="I275" s="359" t="s">
        <v>14383</v>
      </c>
      <c r="J275" s="359"/>
      <c r="K275" s="359"/>
      <c r="L275" s="359"/>
    </row>
    <row r="276" spans="2:12">
      <c r="B276" s="359"/>
      <c r="C276" s="359"/>
      <c r="D276" s="359"/>
      <c r="E276" s="359"/>
      <c r="F276" s="360"/>
      <c r="G276" s="360"/>
      <c r="H276" s="360"/>
      <c r="I276" s="360"/>
      <c r="J276" s="359"/>
      <c r="K276" s="359"/>
      <c r="L276" s="359"/>
    </row>
    <row r="277" spans="2:12">
      <c r="B277" s="359"/>
      <c r="C277" s="359"/>
      <c r="D277" s="359"/>
      <c r="E277" s="359"/>
      <c r="F277" s="359" t="s">
        <v>14384</v>
      </c>
      <c r="G277" s="359" t="s">
        <v>14385</v>
      </c>
      <c r="H277" s="359" t="s">
        <v>14332</v>
      </c>
      <c r="I277" s="359" t="s">
        <v>14385</v>
      </c>
      <c r="J277" s="359"/>
      <c r="K277" s="359"/>
      <c r="L277" s="359"/>
    </row>
    <row r="278" spans="2:12">
      <c r="B278" s="359"/>
      <c r="C278" s="359"/>
      <c r="D278" s="359"/>
      <c r="E278" s="359"/>
      <c r="F278" s="360"/>
      <c r="G278" s="360"/>
      <c r="H278" s="360"/>
      <c r="I278" s="360"/>
      <c r="J278" s="359"/>
      <c r="K278" s="359"/>
      <c r="L278" s="359"/>
    </row>
    <row r="279" spans="2:12">
      <c r="B279" s="359"/>
      <c r="C279" s="359"/>
      <c r="D279" s="359"/>
      <c r="E279" s="359"/>
      <c r="F279" s="359" t="s">
        <v>14386</v>
      </c>
      <c r="G279" s="359" t="s">
        <v>14387</v>
      </c>
      <c r="H279" s="360"/>
      <c r="I279" s="359" t="s">
        <v>14387</v>
      </c>
      <c r="J279" s="359"/>
      <c r="K279" s="359"/>
      <c r="L279" s="359"/>
    </row>
    <row r="280" spans="2:12">
      <c r="B280" s="359"/>
      <c r="C280" s="359"/>
      <c r="D280" s="359"/>
      <c r="E280" s="359"/>
      <c r="F280" s="360"/>
      <c r="G280" s="360"/>
      <c r="H280" s="360"/>
      <c r="I280" s="360"/>
      <c r="J280" s="359"/>
      <c r="K280" s="359"/>
      <c r="L280" s="359"/>
    </row>
    <row r="281" spans="2:12">
      <c r="B281" s="359"/>
      <c r="C281" s="359"/>
      <c r="D281" s="359"/>
      <c r="E281" s="359"/>
      <c r="F281" s="359" t="s">
        <v>14368</v>
      </c>
      <c r="G281" s="359" t="s">
        <v>14388</v>
      </c>
      <c r="H281" s="360"/>
      <c r="I281" s="359" t="s">
        <v>14388</v>
      </c>
      <c r="J281" s="359"/>
      <c r="K281" s="359"/>
      <c r="L281" s="359"/>
    </row>
    <row r="282" spans="2:12">
      <c r="B282" s="359"/>
      <c r="C282" s="359"/>
      <c r="D282" s="359"/>
      <c r="E282" s="359"/>
      <c r="F282" s="360"/>
      <c r="G282" s="360"/>
      <c r="H282" s="360"/>
      <c r="I282" s="360"/>
      <c r="J282" s="359"/>
      <c r="K282" s="359"/>
      <c r="L282" s="359"/>
    </row>
    <row r="283" spans="2:12">
      <c r="B283" s="359"/>
      <c r="C283" s="359"/>
      <c r="D283" s="359"/>
      <c r="E283" s="359"/>
      <c r="F283" s="359" t="s">
        <v>14389</v>
      </c>
      <c r="G283" s="359" t="s">
        <v>14390</v>
      </c>
      <c r="H283" s="360"/>
      <c r="I283" s="359" t="s">
        <v>14390</v>
      </c>
      <c r="J283" s="359"/>
      <c r="K283" s="359"/>
      <c r="L283" s="359"/>
    </row>
    <row r="284" spans="2:12">
      <c r="B284" s="359"/>
      <c r="C284" s="359"/>
      <c r="D284" s="359"/>
      <c r="E284" s="359"/>
      <c r="F284" s="360"/>
      <c r="G284" s="360"/>
      <c r="H284" s="360"/>
      <c r="I284" s="360"/>
      <c r="J284" s="359"/>
      <c r="K284" s="359"/>
      <c r="L284" s="359"/>
    </row>
    <row r="285" spans="2:12">
      <c r="B285" s="359"/>
      <c r="C285" s="359"/>
      <c r="D285" s="359"/>
      <c r="E285" s="359"/>
      <c r="F285" s="359" t="s">
        <v>14391</v>
      </c>
      <c r="G285" s="359" t="s">
        <v>14392</v>
      </c>
      <c r="H285" s="360"/>
      <c r="I285" s="359" t="s">
        <v>14392</v>
      </c>
      <c r="J285" s="359"/>
      <c r="K285" s="359"/>
      <c r="L285" s="359"/>
    </row>
    <row r="286" spans="2:12">
      <c r="B286" s="359"/>
      <c r="C286" s="359"/>
      <c r="D286" s="359"/>
      <c r="E286" s="359"/>
      <c r="F286" s="360"/>
      <c r="G286" s="360"/>
      <c r="H286" s="360"/>
      <c r="I286" s="360"/>
      <c r="J286" s="359"/>
      <c r="K286" s="359"/>
      <c r="L286" s="359"/>
    </row>
    <row r="287" spans="2:12" ht="28.5">
      <c r="B287" s="361"/>
      <c r="C287" s="361"/>
      <c r="D287" s="361"/>
      <c r="E287" s="361"/>
      <c r="F287" s="361" t="s">
        <v>14394</v>
      </c>
      <c r="G287" s="361" t="s">
        <v>14395</v>
      </c>
      <c r="H287" s="362"/>
      <c r="I287" s="361" t="s">
        <v>14395</v>
      </c>
      <c r="J287" s="361"/>
      <c r="K287" s="361"/>
      <c r="L287" s="361"/>
    </row>
    <row r="288" spans="2:12">
      <c r="B288" s="358" t="s">
        <v>10171</v>
      </c>
      <c r="C288" s="358" t="s">
        <v>14396</v>
      </c>
      <c r="D288" s="358" t="s">
        <v>10172</v>
      </c>
      <c r="E288" s="358" t="s">
        <v>1526</v>
      </c>
      <c r="F288" s="358" t="s">
        <v>14376</v>
      </c>
      <c r="G288" s="358" t="s">
        <v>14377</v>
      </c>
      <c r="H288" s="358" t="s">
        <v>14378</v>
      </c>
      <c r="I288" s="358" t="s">
        <v>14377</v>
      </c>
      <c r="J288" s="358"/>
      <c r="K288" s="358"/>
      <c r="L288" s="358"/>
    </row>
    <row r="289" spans="2:12">
      <c r="B289" s="359"/>
      <c r="C289" s="359"/>
      <c r="D289" s="359"/>
      <c r="E289" s="359"/>
      <c r="F289" s="360"/>
      <c r="G289" s="360"/>
      <c r="H289" s="360"/>
      <c r="I289" s="360"/>
      <c r="J289" s="359"/>
      <c r="K289" s="359"/>
      <c r="L289" s="359"/>
    </row>
    <row r="290" spans="2:12">
      <c r="B290" s="359"/>
      <c r="C290" s="359"/>
      <c r="D290" s="359"/>
      <c r="E290" s="359"/>
      <c r="F290" s="359" t="s">
        <v>14379</v>
      </c>
      <c r="G290" s="359" t="s">
        <v>14380</v>
      </c>
      <c r="H290" s="359" t="s">
        <v>14381</v>
      </c>
      <c r="I290" s="359" t="s">
        <v>14380</v>
      </c>
      <c r="J290" s="359"/>
      <c r="K290" s="359"/>
      <c r="L290" s="359"/>
    </row>
    <row r="291" spans="2:12">
      <c r="B291" s="359"/>
      <c r="C291" s="359"/>
      <c r="D291" s="359"/>
      <c r="E291" s="359"/>
      <c r="F291" s="360"/>
      <c r="G291" s="360"/>
      <c r="H291" s="360"/>
      <c r="I291" s="360"/>
      <c r="J291" s="359"/>
      <c r="K291" s="359"/>
      <c r="L291" s="359"/>
    </row>
    <row r="292" spans="2:12">
      <c r="B292" s="359"/>
      <c r="C292" s="359"/>
      <c r="D292" s="359"/>
      <c r="E292" s="359"/>
      <c r="F292" s="359" t="s">
        <v>14382</v>
      </c>
      <c r="G292" s="359" t="s">
        <v>14383</v>
      </c>
      <c r="H292" s="359" t="s">
        <v>14332</v>
      </c>
      <c r="I292" s="359" t="s">
        <v>14383</v>
      </c>
      <c r="J292" s="359"/>
      <c r="K292" s="359"/>
      <c r="L292" s="359"/>
    </row>
    <row r="293" spans="2:12">
      <c r="B293" s="359"/>
      <c r="C293" s="359"/>
      <c r="D293" s="359"/>
      <c r="E293" s="359"/>
      <c r="F293" s="360"/>
      <c r="G293" s="360"/>
      <c r="H293" s="360"/>
      <c r="I293" s="360"/>
      <c r="J293" s="359"/>
      <c r="K293" s="359"/>
      <c r="L293" s="359"/>
    </row>
    <row r="294" spans="2:12">
      <c r="B294" s="359"/>
      <c r="C294" s="359"/>
      <c r="D294" s="359"/>
      <c r="E294" s="359"/>
      <c r="F294" s="359" t="s">
        <v>14384</v>
      </c>
      <c r="G294" s="359" t="s">
        <v>14385</v>
      </c>
      <c r="H294" s="360"/>
      <c r="I294" s="359" t="s">
        <v>14385</v>
      </c>
      <c r="J294" s="359"/>
      <c r="K294" s="359"/>
      <c r="L294" s="359"/>
    </row>
    <row r="295" spans="2:12">
      <c r="B295" s="359"/>
      <c r="C295" s="359"/>
      <c r="D295" s="359"/>
      <c r="E295" s="359"/>
      <c r="F295" s="360"/>
      <c r="G295" s="360"/>
      <c r="H295" s="360"/>
      <c r="I295" s="360"/>
      <c r="J295" s="359"/>
      <c r="K295" s="359"/>
      <c r="L295" s="359"/>
    </row>
    <row r="296" spans="2:12">
      <c r="B296" s="359"/>
      <c r="C296" s="359"/>
      <c r="D296" s="359"/>
      <c r="E296" s="359"/>
      <c r="F296" s="359" t="s">
        <v>14386</v>
      </c>
      <c r="G296" s="359" t="s">
        <v>14387</v>
      </c>
      <c r="H296" s="360"/>
      <c r="I296" s="359" t="s">
        <v>14387</v>
      </c>
      <c r="J296" s="359"/>
      <c r="K296" s="359"/>
      <c r="L296" s="359"/>
    </row>
    <row r="297" spans="2:12">
      <c r="B297" s="359"/>
      <c r="C297" s="359"/>
      <c r="D297" s="359"/>
      <c r="E297" s="359"/>
      <c r="F297" s="360"/>
      <c r="G297" s="360"/>
      <c r="H297" s="360"/>
      <c r="I297" s="360"/>
      <c r="J297" s="359"/>
      <c r="K297" s="359"/>
      <c r="L297" s="359"/>
    </row>
    <row r="298" spans="2:12">
      <c r="B298" s="359"/>
      <c r="C298" s="359"/>
      <c r="D298" s="359"/>
      <c r="E298" s="359"/>
      <c r="F298" s="359" t="s">
        <v>14368</v>
      </c>
      <c r="G298" s="359" t="s">
        <v>14388</v>
      </c>
      <c r="H298" s="360"/>
      <c r="I298" s="359" t="s">
        <v>14388</v>
      </c>
      <c r="J298" s="359"/>
      <c r="K298" s="359"/>
      <c r="L298" s="359"/>
    </row>
    <row r="299" spans="2:12">
      <c r="B299" s="359"/>
      <c r="C299" s="359"/>
      <c r="D299" s="359"/>
      <c r="E299" s="359"/>
      <c r="F299" s="360"/>
      <c r="G299" s="360"/>
      <c r="H299" s="360"/>
      <c r="I299" s="360"/>
      <c r="J299" s="359"/>
      <c r="K299" s="359"/>
      <c r="L299" s="359"/>
    </row>
    <row r="300" spans="2:12">
      <c r="B300" s="359"/>
      <c r="C300" s="359"/>
      <c r="D300" s="359"/>
      <c r="E300" s="359"/>
      <c r="F300" s="359" t="s">
        <v>14389</v>
      </c>
      <c r="G300" s="359" t="s">
        <v>14390</v>
      </c>
      <c r="H300" s="360"/>
      <c r="I300" s="359" t="s">
        <v>14390</v>
      </c>
      <c r="J300" s="359"/>
      <c r="K300" s="359"/>
      <c r="L300" s="359"/>
    </row>
    <row r="301" spans="2:12">
      <c r="B301" s="359"/>
      <c r="C301" s="359"/>
      <c r="D301" s="359"/>
      <c r="E301" s="359"/>
      <c r="F301" s="360"/>
      <c r="G301" s="360"/>
      <c r="H301" s="360"/>
      <c r="I301" s="360"/>
      <c r="J301" s="359"/>
      <c r="K301" s="359"/>
      <c r="L301" s="359"/>
    </row>
    <row r="302" spans="2:12">
      <c r="B302" s="361"/>
      <c r="C302" s="361"/>
      <c r="D302" s="361"/>
      <c r="E302" s="361"/>
      <c r="F302" s="361" t="s">
        <v>14391</v>
      </c>
      <c r="G302" s="361" t="s">
        <v>14392</v>
      </c>
      <c r="H302" s="362"/>
      <c r="I302" s="361" t="s">
        <v>14392</v>
      </c>
      <c r="J302" s="361"/>
      <c r="K302" s="361"/>
      <c r="L302" s="361"/>
    </row>
    <row r="303" spans="2:12">
      <c r="B303" s="358" t="s">
        <v>14397</v>
      </c>
      <c r="C303" s="358" t="s">
        <v>14398</v>
      </c>
      <c r="D303" s="358" t="s">
        <v>14399</v>
      </c>
      <c r="E303" s="358" t="s">
        <v>14400</v>
      </c>
      <c r="F303" s="358" t="s">
        <v>14330</v>
      </c>
      <c r="G303" s="358" t="s">
        <v>14380</v>
      </c>
      <c r="H303" s="358" t="s">
        <v>14331</v>
      </c>
      <c r="I303" s="358" t="s">
        <v>14380</v>
      </c>
      <c r="J303" s="358" t="s">
        <v>14355</v>
      </c>
      <c r="K303" s="358"/>
      <c r="L303" s="358" t="s">
        <v>14329</v>
      </c>
    </row>
    <row r="304" spans="2:12">
      <c r="B304" s="359"/>
      <c r="C304" s="359"/>
      <c r="D304" s="359"/>
      <c r="E304" s="359"/>
      <c r="F304" s="360"/>
      <c r="G304" s="360"/>
      <c r="H304" s="360"/>
      <c r="I304" s="360"/>
      <c r="J304" s="359"/>
      <c r="K304" s="359"/>
      <c r="L304" s="359"/>
    </row>
    <row r="305" spans="2:12">
      <c r="B305" s="359"/>
      <c r="C305" s="359"/>
      <c r="D305" s="359"/>
      <c r="E305" s="359"/>
      <c r="F305" s="359" t="s">
        <v>14379</v>
      </c>
      <c r="G305" s="359" t="s">
        <v>14340</v>
      </c>
      <c r="H305" s="359" t="s">
        <v>14378</v>
      </c>
      <c r="I305" s="359" t="s">
        <v>14340</v>
      </c>
      <c r="J305" s="359"/>
      <c r="K305" s="359"/>
      <c r="L305" s="359"/>
    </row>
    <row r="306" spans="2:12">
      <c r="B306" s="359"/>
      <c r="C306" s="359"/>
      <c r="D306" s="359"/>
      <c r="E306" s="359"/>
      <c r="F306" s="360"/>
      <c r="G306" s="360"/>
      <c r="H306" s="360"/>
      <c r="I306" s="360"/>
      <c r="J306" s="359"/>
      <c r="K306" s="359"/>
      <c r="L306" s="359"/>
    </row>
    <row r="307" spans="2:12">
      <c r="B307" s="359"/>
      <c r="C307" s="359"/>
      <c r="D307" s="359"/>
      <c r="E307" s="359"/>
      <c r="F307" s="359" t="s">
        <v>14339</v>
      </c>
      <c r="G307" s="360"/>
      <c r="H307" s="359" t="s">
        <v>14341</v>
      </c>
      <c r="I307" s="360"/>
      <c r="J307" s="359"/>
      <c r="K307" s="359"/>
      <c r="L307" s="359"/>
    </row>
    <row r="308" spans="2:12">
      <c r="B308" s="359"/>
      <c r="C308" s="359"/>
      <c r="D308" s="359"/>
      <c r="E308" s="359"/>
      <c r="F308" s="360"/>
      <c r="G308" s="360"/>
      <c r="H308" s="360"/>
      <c r="I308" s="360"/>
      <c r="J308" s="359"/>
      <c r="K308" s="359"/>
      <c r="L308" s="359"/>
    </row>
    <row r="309" spans="2:12">
      <c r="B309" s="361"/>
      <c r="C309" s="361"/>
      <c r="D309" s="361"/>
      <c r="E309" s="361"/>
      <c r="F309" s="362"/>
      <c r="G309" s="362"/>
      <c r="H309" s="361" t="s">
        <v>14332</v>
      </c>
      <c r="I309" s="362"/>
      <c r="J309" s="361"/>
      <c r="K309" s="361"/>
      <c r="L309" s="361"/>
    </row>
    <row r="310" spans="2:12">
      <c r="B310" s="358" t="s">
        <v>14401</v>
      </c>
      <c r="C310" s="358" t="s">
        <v>14402</v>
      </c>
      <c r="D310" s="358" t="s">
        <v>14403</v>
      </c>
      <c r="E310" s="358" t="s">
        <v>14404</v>
      </c>
      <c r="F310" s="358" t="s">
        <v>14330</v>
      </c>
      <c r="G310" s="358" t="s">
        <v>14380</v>
      </c>
      <c r="H310" s="358" t="s">
        <v>14331</v>
      </c>
      <c r="I310" s="358" t="s">
        <v>14380</v>
      </c>
      <c r="J310" s="358" t="s">
        <v>14355</v>
      </c>
      <c r="K310" s="358"/>
      <c r="L310" s="358" t="s">
        <v>14329</v>
      </c>
    </row>
    <row r="311" spans="2:12">
      <c r="B311" s="359"/>
      <c r="C311" s="359"/>
      <c r="D311" s="359"/>
      <c r="E311" s="359"/>
      <c r="F311" s="360"/>
      <c r="G311" s="360"/>
      <c r="H311" s="360"/>
      <c r="I311" s="360"/>
      <c r="J311" s="359"/>
      <c r="K311" s="359"/>
      <c r="L311" s="359"/>
    </row>
    <row r="312" spans="2:12">
      <c r="B312" s="359"/>
      <c r="C312" s="359"/>
      <c r="D312" s="359"/>
      <c r="E312" s="359"/>
      <c r="F312" s="359" t="s">
        <v>14379</v>
      </c>
      <c r="G312" s="359" t="s">
        <v>14405</v>
      </c>
      <c r="H312" s="359" t="s">
        <v>14378</v>
      </c>
      <c r="I312" s="359" t="s">
        <v>14405</v>
      </c>
      <c r="J312" s="359"/>
      <c r="K312" s="359"/>
      <c r="L312" s="359"/>
    </row>
    <row r="313" spans="2:12">
      <c r="B313" s="359"/>
      <c r="C313" s="359"/>
      <c r="D313" s="359"/>
      <c r="E313" s="359"/>
      <c r="F313" s="360"/>
      <c r="G313" s="360"/>
      <c r="H313" s="360"/>
      <c r="I313" s="360"/>
      <c r="J313" s="359"/>
      <c r="K313" s="359"/>
      <c r="L313" s="359"/>
    </row>
    <row r="314" spans="2:12">
      <c r="B314" s="359"/>
      <c r="C314" s="359"/>
      <c r="D314" s="359"/>
      <c r="E314" s="359"/>
      <c r="F314" s="359" t="s">
        <v>14379</v>
      </c>
      <c r="G314" s="359" t="s">
        <v>14340</v>
      </c>
      <c r="H314" s="359" t="s">
        <v>14341</v>
      </c>
      <c r="I314" s="359" t="s">
        <v>14340</v>
      </c>
      <c r="J314" s="359"/>
      <c r="K314" s="359"/>
      <c r="L314" s="359"/>
    </row>
    <row r="315" spans="2:12">
      <c r="B315" s="359"/>
      <c r="C315" s="359"/>
      <c r="D315" s="359"/>
      <c r="E315" s="359"/>
      <c r="F315" s="360"/>
      <c r="G315" s="360"/>
      <c r="H315" s="360"/>
      <c r="I315" s="360"/>
      <c r="J315" s="359"/>
      <c r="K315" s="359"/>
      <c r="L315" s="359"/>
    </row>
    <row r="316" spans="2:12">
      <c r="B316" s="361"/>
      <c r="C316" s="361"/>
      <c r="D316" s="361"/>
      <c r="E316" s="361"/>
      <c r="F316" s="361" t="s">
        <v>14356</v>
      </c>
      <c r="G316" s="362"/>
      <c r="H316" s="361" t="s">
        <v>14332</v>
      </c>
      <c r="I316" s="362"/>
      <c r="J316" s="361"/>
      <c r="K316" s="361"/>
      <c r="L316" s="361"/>
    </row>
    <row r="317" spans="2:12">
      <c r="B317" s="358" t="s">
        <v>14406</v>
      </c>
      <c r="C317" s="358" t="s">
        <v>14407</v>
      </c>
      <c r="D317" s="358" t="s">
        <v>14408</v>
      </c>
      <c r="E317" s="358" t="s">
        <v>14409</v>
      </c>
      <c r="F317" s="358" t="s">
        <v>14379</v>
      </c>
      <c r="G317" s="358" t="s">
        <v>14380</v>
      </c>
      <c r="H317" s="358" t="s">
        <v>14378</v>
      </c>
      <c r="I317" s="358" t="s">
        <v>14380</v>
      </c>
      <c r="J317" s="358" t="s">
        <v>14355</v>
      </c>
      <c r="K317" s="358"/>
      <c r="L317" s="358"/>
    </row>
    <row r="318" spans="2:12">
      <c r="B318" s="359"/>
      <c r="C318" s="359"/>
      <c r="D318" s="359"/>
      <c r="E318" s="359"/>
      <c r="F318" s="360"/>
      <c r="G318" s="360"/>
      <c r="H318" s="360"/>
      <c r="I318" s="360"/>
      <c r="J318" s="359"/>
      <c r="K318" s="359"/>
      <c r="L318" s="359"/>
    </row>
    <row r="319" spans="2:12">
      <c r="B319" s="359"/>
      <c r="C319" s="359"/>
      <c r="D319" s="359"/>
      <c r="E319" s="359"/>
      <c r="F319" s="359" t="s">
        <v>14379</v>
      </c>
      <c r="G319" s="359" t="s">
        <v>14405</v>
      </c>
      <c r="H319" s="359" t="s">
        <v>14341</v>
      </c>
      <c r="I319" s="359" t="s">
        <v>14405</v>
      </c>
      <c r="J319" s="359"/>
      <c r="K319" s="359"/>
      <c r="L319" s="359"/>
    </row>
    <row r="320" spans="2:12">
      <c r="B320" s="359"/>
      <c r="C320" s="359"/>
      <c r="D320" s="359"/>
      <c r="E320" s="359"/>
      <c r="F320" s="360"/>
      <c r="G320" s="360"/>
      <c r="H320" s="360"/>
      <c r="I320" s="360"/>
      <c r="J320" s="359"/>
      <c r="K320" s="359"/>
      <c r="L320" s="359"/>
    </row>
    <row r="321" spans="2:12">
      <c r="B321" s="361"/>
      <c r="C321" s="361"/>
      <c r="D321" s="361"/>
      <c r="E321" s="361"/>
      <c r="F321" s="361" t="s">
        <v>14339</v>
      </c>
      <c r="G321" s="361" t="s">
        <v>14340</v>
      </c>
      <c r="H321" s="361" t="s">
        <v>14332</v>
      </c>
      <c r="I321" s="361" t="s">
        <v>14340</v>
      </c>
      <c r="J321" s="361"/>
      <c r="K321" s="361"/>
      <c r="L321" s="361"/>
    </row>
    <row r="322" spans="2:12">
      <c r="B322" s="358" t="s">
        <v>14410</v>
      </c>
      <c r="C322" s="358" t="s">
        <v>14411</v>
      </c>
      <c r="D322" s="358" t="s">
        <v>8356</v>
      </c>
      <c r="E322" s="358" t="s">
        <v>8356</v>
      </c>
      <c r="F322" s="358" t="s">
        <v>14361</v>
      </c>
      <c r="G322" s="358" t="s">
        <v>14362</v>
      </c>
      <c r="H322" s="358" t="s">
        <v>14328</v>
      </c>
      <c r="I322" s="358" t="s">
        <v>14362</v>
      </c>
      <c r="J322" s="358"/>
      <c r="K322" s="358"/>
      <c r="L322" s="358" t="s">
        <v>9491</v>
      </c>
    </row>
    <row r="323" spans="2:12">
      <c r="B323" s="359"/>
      <c r="C323" s="359"/>
      <c r="D323" s="359"/>
      <c r="E323" s="359"/>
      <c r="F323" s="360"/>
      <c r="G323" s="360"/>
      <c r="H323" s="360"/>
      <c r="I323" s="360"/>
      <c r="J323" s="359"/>
      <c r="K323" s="359"/>
      <c r="L323" s="359"/>
    </row>
    <row r="324" spans="2:12">
      <c r="B324" s="359"/>
      <c r="C324" s="359"/>
      <c r="D324" s="359"/>
      <c r="E324" s="359"/>
      <c r="F324" s="359" t="s">
        <v>14356</v>
      </c>
      <c r="G324" s="359" t="s">
        <v>14340</v>
      </c>
      <c r="H324" s="359" t="s">
        <v>14341</v>
      </c>
      <c r="I324" s="359" t="s">
        <v>14340</v>
      </c>
      <c r="J324" s="359"/>
      <c r="K324" s="359"/>
      <c r="L324" s="359"/>
    </row>
    <row r="325" spans="2:12">
      <c r="B325" s="359"/>
      <c r="C325" s="359"/>
      <c r="D325" s="359"/>
      <c r="E325" s="359"/>
      <c r="F325" s="360"/>
      <c r="G325" s="360"/>
      <c r="H325" s="360"/>
      <c r="I325" s="360"/>
      <c r="J325" s="359"/>
      <c r="K325" s="359"/>
      <c r="L325" s="359"/>
    </row>
    <row r="326" spans="2:12">
      <c r="B326" s="361"/>
      <c r="C326" s="361"/>
      <c r="D326" s="361"/>
      <c r="E326" s="361"/>
      <c r="F326" s="362"/>
      <c r="G326" s="362"/>
      <c r="H326" s="361" t="s">
        <v>14332</v>
      </c>
      <c r="I326" s="362"/>
      <c r="J326" s="361"/>
      <c r="K326" s="361"/>
      <c r="L326" s="361"/>
    </row>
    <row r="327" spans="2:12">
      <c r="B327" s="358" t="s">
        <v>14412</v>
      </c>
      <c r="C327" s="358" t="s">
        <v>14413</v>
      </c>
      <c r="D327" s="358" t="s">
        <v>8356</v>
      </c>
      <c r="E327" s="358" t="s">
        <v>8356</v>
      </c>
      <c r="F327" s="358" t="s">
        <v>14366</v>
      </c>
      <c r="G327" s="358" t="s">
        <v>14362</v>
      </c>
      <c r="H327" s="358" t="s">
        <v>14328</v>
      </c>
      <c r="I327" s="358" t="s">
        <v>14362</v>
      </c>
      <c r="J327" s="358"/>
      <c r="K327" s="358"/>
      <c r="L327" s="358" t="s">
        <v>9491</v>
      </c>
    </row>
    <row r="328" spans="2:12">
      <c r="B328" s="359"/>
      <c r="C328" s="359"/>
      <c r="D328" s="359"/>
      <c r="E328" s="359"/>
      <c r="F328" s="360"/>
      <c r="G328" s="360"/>
      <c r="H328" s="360"/>
      <c r="I328" s="360"/>
      <c r="J328" s="359"/>
      <c r="K328" s="359"/>
      <c r="L328" s="359"/>
    </row>
    <row r="329" spans="2:12">
      <c r="B329" s="359"/>
      <c r="C329" s="359"/>
      <c r="D329" s="359"/>
      <c r="E329" s="359"/>
      <c r="F329" s="359" t="s">
        <v>14356</v>
      </c>
      <c r="G329" s="359" t="s">
        <v>14340</v>
      </c>
      <c r="H329" s="359" t="s">
        <v>14341</v>
      </c>
      <c r="I329" s="359" t="s">
        <v>14340</v>
      </c>
      <c r="J329" s="359"/>
      <c r="K329" s="359"/>
      <c r="L329" s="359"/>
    </row>
    <row r="330" spans="2:12">
      <c r="B330" s="359"/>
      <c r="C330" s="359"/>
      <c r="D330" s="359"/>
      <c r="E330" s="359"/>
      <c r="F330" s="360"/>
      <c r="G330" s="360"/>
      <c r="H330" s="360"/>
      <c r="I330" s="360"/>
      <c r="J330" s="359"/>
      <c r="K330" s="359"/>
      <c r="L330" s="359"/>
    </row>
    <row r="331" spans="2:12">
      <c r="B331" s="361"/>
      <c r="C331" s="361"/>
      <c r="D331" s="361"/>
      <c r="E331" s="361"/>
      <c r="F331" s="362"/>
      <c r="G331" s="362"/>
      <c r="H331" s="361" t="s">
        <v>14332</v>
      </c>
      <c r="I331" s="362"/>
      <c r="J331" s="361"/>
      <c r="K331" s="361"/>
      <c r="L331" s="361"/>
    </row>
    <row r="332" spans="2:12">
      <c r="B332" s="358" t="s">
        <v>14414</v>
      </c>
      <c r="C332" s="358" t="s">
        <v>14415</v>
      </c>
      <c r="D332" s="358" t="s">
        <v>14416</v>
      </c>
      <c r="E332" s="358" t="s">
        <v>14417</v>
      </c>
      <c r="F332" s="358" t="s">
        <v>14418</v>
      </c>
      <c r="G332" s="358" t="s">
        <v>14419</v>
      </c>
      <c r="H332" s="358" t="s">
        <v>14328</v>
      </c>
      <c r="I332" s="358" t="s">
        <v>14419</v>
      </c>
      <c r="J332" s="358"/>
      <c r="K332" s="358"/>
      <c r="L332" s="358"/>
    </row>
    <row r="333" spans="2:12">
      <c r="B333" s="359"/>
      <c r="C333" s="359"/>
      <c r="D333" s="359"/>
      <c r="E333" s="359"/>
      <c r="F333" s="360"/>
      <c r="G333" s="360"/>
      <c r="H333" s="360"/>
      <c r="I333" s="360"/>
      <c r="J333" s="359"/>
      <c r="K333" s="359"/>
      <c r="L333" s="359"/>
    </row>
    <row r="334" spans="2:12">
      <c r="B334" s="359"/>
      <c r="C334" s="359"/>
      <c r="D334" s="359"/>
      <c r="E334" s="359"/>
      <c r="F334" s="359" t="s">
        <v>14420</v>
      </c>
      <c r="G334" s="359" t="s">
        <v>14421</v>
      </c>
      <c r="H334" s="359" t="s">
        <v>14367</v>
      </c>
      <c r="I334" s="359" t="s">
        <v>14421</v>
      </c>
      <c r="J334" s="359"/>
      <c r="K334" s="359"/>
      <c r="L334" s="359"/>
    </row>
    <row r="335" spans="2:12">
      <c r="B335" s="359"/>
      <c r="C335" s="359"/>
      <c r="D335" s="359"/>
      <c r="E335" s="359"/>
      <c r="F335" s="360"/>
      <c r="G335" s="360"/>
      <c r="H335" s="360"/>
      <c r="I335" s="360"/>
      <c r="J335" s="359"/>
      <c r="K335" s="359"/>
      <c r="L335" s="359"/>
    </row>
    <row r="336" spans="2:12">
      <c r="B336" s="361"/>
      <c r="C336" s="361"/>
      <c r="D336" s="361"/>
      <c r="E336" s="361"/>
      <c r="F336" s="362"/>
      <c r="G336" s="362"/>
      <c r="H336" s="361" t="s">
        <v>14422</v>
      </c>
      <c r="I336" s="362"/>
      <c r="J336" s="361"/>
      <c r="K336" s="361"/>
      <c r="L336" s="361"/>
    </row>
    <row r="337" spans="2:12">
      <c r="B337" s="358" t="s">
        <v>12947</v>
      </c>
      <c r="C337" s="358" t="s">
        <v>14423</v>
      </c>
      <c r="D337" s="358" t="s">
        <v>12948</v>
      </c>
      <c r="E337" s="358" t="s">
        <v>3407</v>
      </c>
      <c r="F337" s="358" t="s">
        <v>14424</v>
      </c>
      <c r="G337" s="358" t="s">
        <v>14425</v>
      </c>
      <c r="H337" s="358" t="s">
        <v>14341</v>
      </c>
      <c r="I337" s="358" t="s">
        <v>14425</v>
      </c>
      <c r="J337" s="358"/>
      <c r="K337" s="358"/>
      <c r="L337" s="358"/>
    </row>
    <row r="338" spans="2:12">
      <c r="B338" s="359"/>
      <c r="C338" s="359"/>
      <c r="D338" s="359"/>
      <c r="E338" s="359"/>
      <c r="F338" s="360"/>
      <c r="G338" s="360"/>
      <c r="H338" s="360"/>
      <c r="I338" s="360"/>
      <c r="J338" s="359"/>
      <c r="K338" s="359"/>
      <c r="L338" s="359"/>
    </row>
    <row r="339" spans="2:12">
      <c r="B339" s="359"/>
      <c r="C339" s="359"/>
      <c r="D339" s="359"/>
      <c r="E339" s="359"/>
      <c r="F339" s="359" t="s">
        <v>14426</v>
      </c>
      <c r="G339" s="359" t="s">
        <v>14427</v>
      </c>
      <c r="H339" s="359" t="s">
        <v>14381</v>
      </c>
      <c r="I339" s="359" t="s">
        <v>14427</v>
      </c>
      <c r="J339" s="359"/>
      <c r="K339" s="359"/>
      <c r="L339" s="359"/>
    </row>
    <row r="340" spans="2:12">
      <c r="B340" s="359"/>
      <c r="C340" s="359"/>
      <c r="D340" s="359"/>
      <c r="E340" s="359"/>
      <c r="F340" s="360"/>
      <c r="G340" s="360"/>
      <c r="H340" s="360"/>
      <c r="I340" s="360"/>
      <c r="J340" s="359"/>
      <c r="K340" s="359"/>
      <c r="L340" s="359"/>
    </row>
    <row r="341" spans="2:12">
      <c r="B341" s="359"/>
      <c r="C341" s="359"/>
      <c r="D341" s="359"/>
      <c r="E341" s="359"/>
      <c r="F341" s="359" t="s">
        <v>14384</v>
      </c>
      <c r="G341" s="359" t="s">
        <v>14428</v>
      </c>
      <c r="H341" s="359" t="s">
        <v>14367</v>
      </c>
      <c r="I341" s="359" t="s">
        <v>14428</v>
      </c>
      <c r="J341" s="359"/>
      <c r="K341" s="359"/>
      <c r="L341" s="359"/>
    </row>
    <row r="342" spans="2:12">
      <c r="B342" s="359"/>
      <c r="C342" s="359"/>
      <c r="D342" s="359"/>
      <c r="E342" s="359"/>
      <c r="F342" s="360"/>
      <c r="G342" s="360"/>
      <c r="H342" s="360"/>
      <c r="I342" s="360"/>
      <c r="J342" s="359"/>
      <c r="K342" s="359"/>
      <c r="L342" s="359"/>
    </row>
    <row r="343" spans="2:12">
      <c r="B343" s="359"/>
      <c r="C343" s="359"/>
      <c r="D343" s="359"/>
      <c r="E343" s="359"/>
      <c r="F343" s="359" t="s">
        <v>14420</v>
      </c>
      <c r="G343" s="359" t="s">
        <v>14421</v>
      </c>
      <c r="H343" s="359" t="s">
        <v>14370</v>
      </c>
      <c r="I343" s="359" t="s">
        <v>14421</v>
      </c>
      <c r="J343" s="359"/>
      <c r="K343" s="359"/>
      <c r="L343" s="359"/>
    </row>
    <row r="344" spans="2:12">
      <c r="B344" s="359"/>
      <c r="C344" s="359"/>
      <c r="D344" s="359"/>
      <c r="E344" s="359"/>
      <c r="F344" s="360"/>
      <c r="G344" s="360"/>
      <c r="H344" s="360"/>
      <c r="I344" s="360"/>
      <c r="J344" s="359"/>
      <c r="K344" s="359"/>
      <c r="L344" s="359"/>
    </row>
    <row r="345" spans="2:12">
      <c r="B345" s="359"/>
      <c r="C345" s="359"/>
      <c r="D345" s="359"/>
      <c r="E345" s="359"/>
      <c r="F345" s="359" t="s">
        <v>14420</v>
      </c>
      <c r="G345" s="359" t="s">
        <v>14429</v>
      </c>
      <c r="H345" s="359" t="s">
        <v>14332</v>
      </c>
      <c r="I345" s="359" t="s">
        <v>14429</v>
      </c>
      <c r="J345" s="359"/>
      <c r="K345" s="359"/>
      <c r="L345" s="359"/>
    </row>
    <row r="346" spans="2:12">
      <c r="B346" s="359"/>
      <c r="C346" s="359"/>
      <c r="D346" s="359"/>
      <c r="E346" s="359"/>
      <c r="F346" s="360"/>
      <c r="G346" s="360"/>
      <c r="H346" s="360"/>
      <c r="I346" s="360"/>
      <c r="J346" s="359"/>
      <c r="K346" s="359"/>
      <c r="L346" s="359"/>
    </row>
    <row r="347" spans="2:12">
      <c r="B347" s="359"/>
      <c r="C347" s="359"/>
      <c r="D347" s="359"/>
      <c r="E347" s="359"/>
      <c r="F347" s="359" t="s">
        <v>14430</v>
      </c>
      <c r="G347" s="359" t="s">
        <v>14431</v>
      </c>
      <c r="H347" s="360"/>
      <c r="I347" s="359" t="s">
        <v>14431</v>
      </c>
      <c r="J347" s="359"/>
      <c r="K347" s="359"/>
      <c r="L347" s="359"/>
    </row>
    <row r="348" spans="2:12">
      <c r="B348" s="359"/>
      <c r="C348" s="359"/>
      <c r="D348" s="359"/>
      <c r="E348" s="359"/>
      <c r="F348" s="360"/>
      <c r="G348" s="360"/>
      <c r="H348" s="360"/>
      <c r="I348" s="360"/>
      <c r="J348" s="359"/>
      <c r="K348" s="359"/>
      <c r="L348" s="359"/>
    </row>
    <row r="349" spans="2:12">
      <c r="B349" s="359"/>
      <c r="C349" s="359"/>
      <c r="D349" s="359"/>
      <c r="E349" s="359"/>
      <c r="F349" s="359" t="s">
        <v>14391</v>
      </c>
      <c r="G349" s="359" t="s">
        <v>14392</v>
      </c>
      <c r="H349" s="360"/>
      <c r="I349" s="359" t="s">
        <v>14392</v>
      </c>
      <c r="J349" s="359"/>
      <c r="K349" s="359"/>
      <c r="L349" s="359"/>
    </row>
    <row r="350" spans="2:12">
      <c r="B350" s="359"/>
      <c r="C350" s="359"/>
      <c r="D350" s="359"/>
      <c r="E350" s="359"/>
      <c r="F350" s="360"/>
      <c r="G350" s="360"/>
      <c r="H350" s="360"/>
      <c r="I350" s="360"/>
      <c r="J350" s="359"/>
      <c r="K350" s="359"/>
      <c r="L350" s="359"/>
    </row>
    <row r="351" spans="2:12">
      <c r="B351" s="359"/>
      <c r="C351" s="359"/>
      <c r="D351" s="359"/>
      <c r="E351" s="359"/>
      <c r="F351" s="359" t="s">
        <v>14371</v>
      </c>
      <c r="G351" s="359" t="s">
        <v>14372</v>
      </c>
      <c r="H351" s="360"/>
      <c r="I351" s="359" t="s">
        <v>14373</v>
      </c>
      <c r="J351" s="359"/>
      <c r="K351" s="359"/>
      <c r="L351" s="359"/>
    </row>
    <row r="352" spans="2:12">
      <c r="B352" s="359"/>
      <c r="C352" s="359"/>
      <c r="D352" s="359"/>
      <c r="E352" s="359"/>
      <c r="F352" s="360"/>
      <c r="G352" s="360"/>
      <c r="H352" s="360"/>
      <c r="I352" s="360"/>
      <c r="J352" s="359"/>
      <c r="K352" s="359"/>
      <c r="L352" s="359"/>
    </row>
    <row r="353" spans="2:12" ht="28.5">
      <c r="B353" s="361"/>
      <c r="C353" s="361"/>
      <c r="D353" s="361"/>
      <c r="E353" s="361"/>
      <c r="F353" s="361" t="s">
        <v>14374</v>
      </c>
      <c r="G353" s="361" t="s">
        <v>14373</v>
      </c>
      <c r="H353" s="362"/>
      <c r="I353" s="362"/>
      <c r="J353" s="361"/>
      <c r="K353" s="361"/>
      <c r="L353" s="361"/>
    </row>
    <row r="354" spans="2:12" ht="28.5">
      <c r="B354" s="358" t="s">
        <v>12950</v>
      </c>
      <c r="C354" s="358" t="s">
        <v>14432</v>
      </c>
      <c r="D354" s="358" t="s">
        <v>12951</v>
      </c>
      <c r="E354" s="358" t="s">
        <v>12952</v>
      </c>
      <c r="F354" s="358" t="s">
        <v>14424</v>
      </c>
      <c r="G354" s="358" t="s">
        <v>14425</v>
      </c>
      <c r="H354" s="358" t="s">
        <v>14381</v>
      </c>
      <c r="I354" s="358" t="s">
        <v>14425</v>
      </c>
      <c r="J354" s="358"/>
      <c r="K354" s="358" t="s">
        <v>28530</v>
      </c>
      <c r="L354" s="358"/>
    </row>
    <row r="355" spans="2:12">
      <c r="B355" s="359"/>
      <c r="C355" s="360"/>
      <c r="D355" s="360"/>
      <c r="E355" s="360"/>
      <c r="F355" s="359"/>
      <c r="G355" s="359"/>
      <c r="H355" s="360"/>
      <c r="I355" s="359"/>
      <c r="J355" s="359"/>
      <c r="K355" s="360"/>
      <c r="L355" s="359"/>
    </row>
    <row r="356" spans="2:12" ht="28.5">
      <c r="B356" s="361"/>
      <c r="C356" s="361" t="s">
        <v>14433</v>
      </c>
      <c r="D356" s="361" t="s">
        <v>12953</v>
      </c>
      <c r="E356" s="361" t="s">
        <v>12954</v>
      </c>
      <c r="F356" s="361"/>
      <c r="G356" s="361"/>
      <c r="H356" s="361" t="s">
        <v>14332</v>
      </c>
      <c r="I356" s="361"/>
      <c r="J356" s="361"/>
      <c r="K356" s="361" t="s">
        <v>28531</v>
      </c>
      <c r="L356" s="361"/>
    </row>
    <row r="357" spans="2:12">
      <c r="B357" s="358" t="s">
        <v>12957</v>
      </c>
      <c r="C357" s="358" t="s">
        <v>14434</v>
      </c>
      <c r="D357" s="358" t="s">
        <v>351</v>
      </c>
      <c r="E357" s="358" t="s">
        <v>352</v>
      </c>
      <c r="F357" s="358" t="s">
        <v>14424</v>
      </c>
      <c r="G357" s="358" t="s">
        <v>14425</v>
      </c>
      <c r="H357" s="358" t="s">
        <v>14381</v>
      </c>
      <c r="I357" s="358" t="s">
        <v>14425</v>
      </c>
      <c r="J357" s="358"/>
      <c r="K357" s="358" t="s">
        <v>28530</v>
      </c>
      <c r="L357" s="358"/>
    </row>
    <row r="358" spans="2:12">
      <c r="B358" s="359"/>
      <c r="C358" s="360"/>
      <c r="D358" s="359"/>
      <c r="E358" s="359"/>
      <c r="F358" s="359"/>
      <c r="G358" s="359"/>
      <c r="H358" s="360"/>
      <c r="I358" s="359"/>
      <c r="J358" s="359"/>
      <c r="K358" s="360"/>
      <c r="L358" s="359"/>
    </row>
    <row r="359" spans="2:12" ht="28.5">
      <c r="B359" s="361"/>
      <c r="C359" s="361" t="s">
        <v>14435</v>
      </c>
      <c r="D359" s="361"/>
      <c r="E359" s="361"/>
      <c r="F359" s="361"/>
      <c r="G359" s="361"/>
      <c r="H359" s="361" t="s">
        <v>14332</v>
      </c>
      <c r="I359" s="361"/>
      <c r="J359" s="361"/>
      <c r="K359" s="361" t="s">
        <v>28532</v>
      </c>
      <c r="L359" s="361"/>
    </row>
    <row r="360" spans="2:12">
      <c r="B360" s="358" t="s">
        <v>14436</v>
      </c>
      <c r="C360" s="358" t="s">
        <v>14437</v>
      </c>
      <c r="D360" s="358" t="s">
        <v>14438</v>
      </c>
      <c r="E360" s="358" t="s">
        <v>14439</v>
      </c>
      <c r="F360" s="358" t="s">
        <v>14391</v>
      </c>
      <c r="G360" s="358" t="s">
        <v>14392</v>
      </c>
      <c r="H360" s="358" t="s">
        <v>14367</v>
      </c>
      <c r="I360" s="358" t="s">
        <v>14392</v>
      </c>
      <c r="J360" s="358"/>
      <c r="K360" s="358"/>
      <c r="L360" s="358"/>
    </row>
    <row r="361" spans="2:12">
      <c r="B361" s="359"/>
      <c r="C361" s="359"/>
      <c r="D361" s="359"/>
      <c r="E361" s="359"/>
      <c r="F361" s="360"/>
      <c r="G361" s="360"/>
      <c r="H361" s="360"/>
      <c r="I361" s="360"/>
      <c r="J361" s="359"/>
      <c r="K361" s="359"/>
      <c r="L361" s="359"/>
    </row>
    <row r="362" spans="2:12">
      <c r="B362" s="359"/>
      <c r="C362" s="359"/>
      <c r="D362" s="359"/>
      <c r="E362" s="359"/>
      <c r="F362" s="359" t="s">
        <v>14371</v>
      </c>
      <c r="G362" s="359" t="s">
        <v>14372</v>
      </c>
      <c r="H362" s="359" t="s">
        <v>14370</v>
      </c>
      <c r="I362" s="359" t="s">
        <v>14373</v>
      </c>
      <c r="J362" s="359"/>
      <c r="K362" s="359"/>
      <c r="L362" s="359"/>
    </row>
    <row r="363" spans="2:12">
      <c r="B363" s="359"/>
      <c r="C363" s="359"/>
      <c r="D363" s="359"/>
      <c r="E363" s="359"/>
      <c r="F363" s="360"/>
      <c r="G363" s="360"/>
      <c r="H363" s="360"/>
      <c r="I363" s="360"/>
      <c r="J363" s="359"/>
      <c r="K363" s="359"/>
      <c r="L363" s="359"/>
    </row>
    <row r="364" spans="2:12" ht="28.5">
      <c r="B364" s="361"/>
      <c r="C364" s="361"/>
      <c r="D364" s="361"/>
      <c r="E364" s="361"/>
      <c r="F364" s="361" t="s">
        <v>14374</v>
      </c>
      <c r="G364" s="361" t="s">
        <v>14373</v>
      </c>
      <c r="H364" s="361" t="s">
        <v>14422</v>
      </c>
      <c r="I364" s="362"/>
      <c r="J364" s="361"/>
      <c r="K364" s="361"/>
      <c r="L364" s="361"/>
    </row>
    <row r="365" spans="2:12" ht="28.5">
      <c r="B365" s="358" t="s">
        <v>14440</v>
      </c>
      <c r="C365" s="358" t="s">
        <v>30004</v>
      </c>
      <c r="D365" s="358" t="s">
        <v>14441</v>
      </c>
      <c r="E365" s="358" t="s">
        <v>14442</v>
      </c>
      <c r="F365" s="358" t="s">
        <v>14443</v>
      </c>
      <c r="G365" s="358" t="s">
        <v>14444</v>
      </c>
      <c r="H365" s="358" t="s">
        <v>14381</v>
      </c>
      <c r="I365" s="358" t="s">
        <v>14444</v>
      </c>
      <c r="J365" s="358"/>
      <c r="K365" s="358"/>
      <c r="L365" s="358"/>
    </row>
    <row r="366" spans="2:12">
      <c r="B366" s="359"/>
      <c r="C366" s="359"/>
      <c r="D366" s="359"/>
      <c r="E366" s="359"/>
      <c r="F366" s="360"/>
      <c r="G366" s="360"/>
      <c r="H366" s="360"/>
      <c r="I366" s="360"/>
      <c r="J366" s="359"/>
      <c r="K366" s="359"/>
      <c r="L366" s="359"/>
    </row>
    <row r="367" spans="2:12">
      <c r="B367" s="359"/>
      <c r="C367" s="359"/>
      <c r="D367" s="359"/>
      <c r="E367" s="359"/>
      <c r="F367" s="359" t="s">
        <v>14420</v>
      </c>
      <c r="G367" s="359" t="s">
        <v>14429</v>
      </c>
      <c r="H367" s="359" t="s">
        <v>14341</v>
      </c>
      <c r="I367" s="359" t="s">
        <v>14429</v>
      </c>
      <c r="J367" s="359"/>
      <c r="K367" s="359"/>
      <c r="L367" s="359"/>
    </row>
    <row r="368" spans="2:12">
      <c r="B368" s="359"/>
      <c r="C368" s="359"/>
      <c r="D368" s="359"/>
      <c r="E368" s="359"/>
      <c r="F368" s="360"/>
      <c r="G368" s="360"/>
      <c r="H368" s="360"/>
      <c r="I368" s="360"/>
      <c r="J368" s="359"/>
      <c r="K368" s="359"/>
      <c r="L368" s="359"/>
    </row>
    <row r="369" spans="2:12">
      <c r="B369" s="359"/>
      <c r="C369" s="359"/>
      <c r="D369" s="359"/>
      <c r="E369" s="359"/>
      <c r="F369" s="359" t="s">
        <v>14389</v>
      </c>
      <c r="G369" s="359" t="s">
        <v>14390</v>
      </c>
      <c r="H369" s="359" t="s">
        <v>14367</v>
      </c>
      <c r="I369" s="359" t="s">
        <v>14390</v>
      </c>
      <c r="J369" s="359"/>
      <c r="K369" s="359"/>
      <c r="L369" s="359"/>
    </row>
    <row r="370" spans="2:12">
      <c r="B370" s="359"/>
      <c r="C370" s="359"/>
      <c r="D370" s="359"/>
      <c r="E370" s="359"/>
      <c r="F370" s="360"/>
      <c r="G370" s="360"/>
      <c r="H370" s="360"/>
      <c r="I370" s="360"/>
      <c r="J370" s="359"/>
      <c r="K370" s="359"/>
      <c r="L370" s="359"/>
    </row>
    <row r="371" spans="2:12">
      <c r="B371" s="361"/>
      <c r="C371" s="361"/>
      <c r="D371" s="361"/>
      <c r="E371" s="361"/>
      <c r="F371" s="361" t="s">
        <v>14430</v>
      </c>
      <c r="G371" s="361" t="s">
        <v>14431</v>
      </c>
      <c r="H371" s="361" t="s">
        <v>14332</v>
      </c>
      <c r="I371" s="361" t="s">
        <v>14431</v>
      </c>
      <c r="J371" s="361"/>
      <c r="K371" s="361"/>
      <c r="L371" s="361"/>
    </row>
    <row r="372" spans="2:12" ht="42.75">
      <c r="B372" s="358" t="s">
        <v>12959</v>
      </c>
      <c r="C372" s="358" t="s">
        <v>28533</v>
      </c>
      <c r="D372" s="358" t="s">
        <v>12961</v>
      </c>
      <c r="E372" s="358" t="s">
        <v>12962</v>
      </c>
      <c r="F372" s="358" t="s">
        <v>14424</v>
      </c>
      <c r="G372" s="358" t="s">
        <v>14425</v>
      </c>
      <c r="H372" s="358" t="s">
        <v>14381</v>
      </c>
      <c r="I372" s="358" t="s">
        <v>14425</v>
      </c>
      <c r="J372" s="358"/>
      <c r="K372" s="358" t="s">
        <v>28534</v>
      </c>
      <c r="L372" s="358"/>
    </row>
    <row r="373" spans="2:12">
      <c r="B373" s="359"/>
      <c r="C373" s="360"/>
      <c r="D373" s="360"/>
      <c r="E373" s="360"/>
      <c r="F373" s="359"/>
      <c r="G373" s="359"/>
      <c r="H373" s="360"/>
      <c r="I373" s="359"/>
      <c r="J373" s="359"/>
      <c r="K373" s="359"/>
      <c r="L373" s="359"/>
    </row>
    <row r="374" spans="2:12" ht="28.5">
      <c r="B374" s="359"/>
      <c r="C374" s="359" t="s">
        <v>14445</v>
      </c>
      <c r="D374" s="359" t="s">
        <v>12964</v>
      </c>
      <c r="E374" s="359" t="s">
        <v>12965</v>
      </c>
      <c r="F374" s="359"/>
      <c r="G374" s="359"/>
      <c r="H374" s="359" t="s">
        <v>14332</v>
      </c>
      <c r="I374" s="359"/>
      <c r="J374" s="359"/>
      <c r="K374" s="359"/>
      <c r="L374" s="359"/>
    </row>
    <row r="375" spans="2:12">
      <c r="B375" s="359"/>
      <c r="C375" s="360"/>
      <c r="D375" s="360"/>
      <c r="E375" s="360"/>
      <c r="F375" s="359"/>
      <c r="G375" s="359"/>
      <c r="H375" s="360"/>
      <c r="I375" s="359"/>
      <c r="J375" s="359"/>
      <c r="K375" s="359"/>
      <c r="L375" s="359"/>
    </row>
    <row r="376" spans="2:12" ht="28.5">
      <c r="B376" s="361"/>
      <c r="C376" s="361" t="s">
        <v>14446</v>
      </c>
      <c r="D376" s="361" t="s">
        <v>12967</v>
      </c>
      <c r="E376" s="361" t="s">
        <v>12968</v>
      </c>
      <c r="F376" s="361"/>
      <c r="G376" s="361"/>
      <c r="H376" s="362"/>
      <c r="I376" s="361"/>
      <c r="J376" s="361"/>
      <c r="K376" s="361"/>
      <c r="L376" s="361"/>
    </row>
    <row r="377" spans="2:12" ht="42.75">
      <c r="B377" s="358" t="s">
        <v>12971</v>
      </c>
      <c r="C377" s="358" t="s">
        <v>14447</v>
      </c>
      <c r="D377" s="358" t="s">
        <v>472</v>
      </c>
      <c r="E377" s="358" t="s">
        <v>1773</v>
      </c>
      <c r="F377" s="358" t="s">
        <v>14424</v>
      </c>
      <c r="G377" s="358" t="s">
        <v>14425</v>
      </c>
      <c r="H377" s="358" t="s">
        <v>14381</v>
      </c>
      <c r="I377" s="358" t="s">
        <v>14425</v>
      </c>
      <c r="J377" s="358"/>
      <c r="K377" s="358" t="s">
        <v>28535</v>
      </c>
      <c r="L377" s="358"/>
    </row>
    <row r="378" spans="2:12">
      <c r="B378" s="359"/>
      <c r="C378" s="360"/>
      <c r="D378" s="359"/>
      <c r="E378" s="359"/>
      <c r="F378" s="359"/>
      <c r="G378" s="359"/>
      <c r="H378" s="360"/>
      <c r="I378" s="359"/>
      <c r="J378" s="359"/>
      <c r="K378" s="359"/>
      <c r="L378" s="359"/>
    </row>
    <row r="379" spans="2:12">
      <c r="B379" s="361"/>
      <c r="C379" s="361" t="s">
        <v>14448</v>
      </c>
      <c r="D379" s="361"/>
      <c r="E379" s="361"/>
      <c r="F379" s="361"/>
      <c r="G379" s="361"/>
      <c r="H379" s="361" t="s">
        <v>14332</v>
      </c>
      <c r="I379" s="361"/>
      <c r="J379" s="361"/>
      <c r="K379" s="361"/>
      <c r="L379" s="361"/>
    </row>
    <row r="380" spans="2:12" ht="42.75">
      <c r="B380" s="358" t="s">
        <v>12974</v>
      </c>
      <c r="C380" s="358" t="s">
        <v>14449</v>
      </c>
      <c r="D380" s="358" t="s">
        <v>472</v>
      </c>
      <c r="E380" s="358" t="s">
        <v>1775</v>
      </c>
      <c r="F380" s="358" t="s">
        <v>14424</v>
      </c>
      <c r="G380" s="358" t="s">
        <v>14425</v>
      </c>
      <c r="H380" s="358" t="s">
        <v>14381</v>
      </c>
      <c r="I380" s="358" t="s">
        <v>14425</v>
      </c>
      <c r="J380" s="358"/>
      <c r="K380" s="358" t="s">
        <v>28536</v>
      </c>
      <c r="L380" s="358"/>
    </row>
    <row r="381" spans="2:12">
      <c r="B381" s="359"/>
      <c r="C381" s="360"/>
      <c r="D381" s="359"/>
      <c r="E381" s="359"/>
      <c r="F381" s="359"/>
      <c r="G381" s="359"/>
      <c r="H381" s="360"/>
      <c r="I381" s="359"/>
      <c r="J381" s="359"/>
      <c r="K381" s="359"/>
      <c r="L381" s="359"/>
    </row>
    <row r="382" spans="2:12">
      <c r="B382" s="361"/>
      <c r="C382" s="361" t="s">
        <v>14450</v>
      </c>
      <c r="D382" s="361"/>
      <c r="E382" s="361"/>
      <c r="F382" s="361"/>
      <c r="G382" s="361"/>
      <c r="H382" s="361" t="s">
        <v>14332</v>
      </c>
      <c r="I382" s="361"/>
      <c r="J382" s="361"/>
      <c r="K382" s="361"/>
      <c r="L382" s="361"/>
    </row>
    <row r="383" spans="2:12" ht="42.75">
      <c r="B383" s="358" t="s">
        <v>14451</v>
      </c>
      <c r="C383" s="358" t="s">
        <v>14452</v>
      </c>
      <c r="D383" s="358" t="s">
        <v>14453</v>
      </c>
      <c r="E383" s="358" t="s">
        <v>14454</v>
      </c>
      <c r="F383" s="358" t="s">
        <v>14391</v>
      </c>
      <c r="G383" s="358" t="s">
        <v>14392</v>
      </c>
      <c r="H383" s="358" t="s">
        <v>14367</v>
      </c>
      <c r="I383" s="358" t="s">
        <v>14392</v>
      </c>
      <c r="J383" s="358"/>
      <c r="K383" s="358"/>
      <c r="L383" s="358"/>
    </row>
    <row r="384" spans="2:12">
      <c r="B384" s="359"/>
      <c r="C384" s="359"/>
      <c r="D384" s="359"/>
      <c r="E384" s="359"/>
      <c r="F384" s="360"/>
      <c r="G384" s="360"/>
      <c r="H384" s="360"/>
      <c r="I384" s="360"/>
      <c r="J384" s="359"/>
      <c r="K384" s="359"/>
      <c r="L384" s="359"/>
    </row>
    <row r="385" spans="2:12">
      <c r="B385" s="359"/>
      <c r="C385" s="359"/>
      <c r="D385" s="359"/>
      <c r="E385" s="359"/>
      <c r="F385" s="359" t="s">
        <v>14371</v>
      </c>
      <c r="G385" s="359" t="s">
        <v>14372</v>
      </c>
      <c r="H385" s="359" t="s">
        <v>14370</v>
      </c>
      <c r="I385" s="359" t="s">
        <v>14373</v>
      </c>
      <c r="J385" s="359"/>
      <c r="K385" s="359"/>
      <c r="L385" s="359"/>
    </row>
    <row r="386" spans="2:12">
      <c r="B386" s="359"/>
      <c r="C386" s="359"/>
      <c r="D386" s="359"/>
      <c r="E386" s="359"/>
      <c r="F386" s="360"/>
      <c r="G386" s="360"/>
      <c r="H386" s="360"/>
      <c r="I386" s="360"/>
      <c r="J386" s="359"/>
      <c r="K386" s="359"/>
      <c r="L386" s="359"/>
    </row>
    <row r="387" spans="2:12" ht="28.5">
      <c r="B387" s="361"/>
      <c r="C387" s="361"/>
      <c r="D387" s="361"/>
      <c r="E387" s="361"/>
      <c r="F387" s="361" t="s">
        <v>14374</v>
      </c>
      <c r="G387" s="361" t="s">
        <v>14373</v>
      </c>
      <c r="H387" s="361" t="s">
        <v>14422</v>
      </c>
      <c r="I387" s="362"/>
      <c r="J387" s="361"/>
      <c r="K387" s="361"/>
      <c r="L387" s="361"/>
    </row>
    <row r="388" spans="2:12">
      <c r="B388" s="358" t="s">
        <v>14455</v>
      </c>
      <c r="C388" s="358" t="s">
        <v>14456</v>
      </c>
      <c r="D388" s="358" t="s">
        <v>14457</v>
      </c>
      <c r="E388" s="358" t="s">
        <v>14458</v>
      </c>
      <c r="F388" s="358" t="s">
        <v>14366</v>
      </c>
      <c r="G388" s="358" t="s">
        <v>14362</v>
      </c>
      <c r="H388" s="358" t="s">
        <v>14328</v>
      </c>
      <c r="I388" s="358" t="s">
        <v>14362</v>
      </c>
      <c r="J388" s="358"/>
      <c r="K388" s="358"/>
      <c r="L388" s="358"/>
    </row>
    <row r="389" spans="2:12">
      <c r="B389" s="359"/>
      <c r="C389" s="359"/>
      <c r="D389" s="359"/>
      <c r="E389" s="359"/>
      <c r="F389" s="360"/>
      <c r="G389" s="360"/>
      <c r="H389" s="360"/>
      <c r="I389" s="360"/>
      <c r="J389" s="359"/>
      <c r="K389" s="359"/>
      <c r="L389" s="359"/>
    </row>
    <row r="390" spans="2:12">
      <c r="B390" s="359"/>
      <c r="C390" s="359"/>
      <c r="D390" s="359"/>
      <c r="E390" s="359"/>
      <c r="F390" s="359" t="s">
        <v>14420</v>
      </c>
      <c r="G390" s="359" t="s">
        <v>14459</v>
      </c>
      <c r="H390" s="359" t="s">
        <v>14341</v>
      </c>
      <c r="I390" s="359" t="s">
        <v>14459</v>
      </c>
      <c r="J390" s="359"/>
      <c r="K390" s="359"/>
      <c r="L390" s="359"/>
    </row>
    <row r="391" spans="2:12">
      <c r="B391" s="359"/>
      <c r="C391" s="359"/>
      <c r="D391" s="359"/>
      <c r="E391" s="359"/>
      <c r="F391" s="360"/>
      <c r="G391" s="360"/>
      <c r="H391" s="360"/>
      <c r="I391" s="360"/>
      <c r="J391" s="359"/>
      <c r="K391" s="359"/>
      <c r="L391" s="359"/>
    </row>
    <row r="392" spans="2:12">
      <c r="B392" s="359"/>
      <c r="C392" s="359"/>
      <c r="D392" s="359"/>
      <c r="E392" s="359"/>
      <c r="F392" s="359" t="s">
        <v>14420</v>
      </c>
      <c r="G392" s="359" t="s">
        <v>14421</v>
      </c>
      <c r="H392" s="359" t="s">
        <v>14381</v>
      </c>
      <c r="I392" s="359" t="s">
        <v>14421</v>
      </c>
      <c r="J392" s="359"/>
      <c r="K392" s="359"/>
      <c r="L392" s="359"/>
    </row>
    <row r="393" spans="2:12">
      <c r="B393" s="359"/>
      <c r="C393" s="359"/>
      <c r="D393" s="359"/>
      <c r="E393" s="359"/>
      <c r="F393" s="360"/>
      <c r="G393" s="360"/>
      <c r="H393" s="360"/>
      <c r="I393" s="360"/>
      <c r="J393" s="359"/>
      <c r="K393" s="359"/>
      <c r="L393" s="359"/>
    </row>
    <row r="394" spans="2:12">
      <c r="B394" s="359"/>
      <c r="C394" s="359"/>
      <c r="D394" s="359"/>
      <c r="E394" s="359"/>
      <c r="F394" s="359" t="s">
        <v>14420</v>
      </c>
      <c r="G394" s="359" t="s">
        <v>14429</v>
      </c>
      <c r="H394" s="359" t="s">
        <v>14367</v>
      </c>
      <c r="I394" s="359" t="s">
        <v>14429</v>
      </c>
      <c r="J394" s="359"/>
      <c r="K394" s="359"/>
      <c r="L394" s="359"/>
    </row>
    <row r="395" spans="2:12">
      <c r="B395" s="359"/>
      <c r="C395" s="359"/>
      <c r="D395" s="359"/>
      <c r="E395" s="359"/>
      <c r="F395" s="360"/>
      <c r="G395" s="360"/>
      <c r="H395" s="360"/>
      <c r="I395" s="360"/>
      <c r="J395" s="359"/>
      <c r="K395" s="359"/>
      <c r="L395" s="359"/>
    </row>
    <row r="396" spans="2:12">
      <c r="B396" s="359"/>
      <c r="C396" s="359"/>
      <c r="D396" s="359"/>
      <c r="E396" s="359"/>
      <c r="F396" s="359" t="s">
        <v>14460</v>
      </c>
      <c r="G396" s="359" t="s">
        <v>14461</v>
      </c>
      <c r="H396" s="359" t="s">
        <v>14332</v>
      </c>
      <c r="I396" s="359" t="s">
        <v>14461</v>
      </c>
      <c r="J396" s="359"/>
      <c r="K396" s="359"/>
      <c r="L396" s="359"/>
    </row>
    <row r="397" spans="2:12">
      <c r="B397" s="359"/>
      <c r="C397" s="359"/>
      <c r="D397" s="359"/>
      <c r="E397" s="359"/>
      <c r="F397" s="360"/>
      <c r="G397" s="360"/>
      <c r="H397" s="360"/>
      <c r="I397" s="360"/>
      <c r="J397" s="359"/>
      <c r="K397" s="359"/>
      <c r="L397" s="359"/>
    </row>
    <row r="398" spans="2:12">
      <c r="B398" s="359"/>
      <c r="C398" s="359"/>
      <c r="D398" s="359"/>
      <c r="E398" s="359"/>
      <c r="F398" s="359" t="s">
        <v>14356</v>
      </c>
      <c r="G398" s="359" t="s">
        <v>14340</v>
      </c>
      <c r="H398" s="360"/>
      <c r="I398" s="359" t="s">
        <v>14340</v>
      </c>
      <c r="J398" s="359"/>
      <c r="K398" s="359"/>
      <c r="L398" s="359"/>
    </row>
    <row r="399" spans="2:12">
      <c r="B399" s="359"/>
      <c r="C399" s="359"/>
      <c r="D399" s="359"/>
      <c r="E399" s="359"/>
      <c r="F399" s="360"/>
      <c r="G399" s="360"/>
      <c r="H399" s="360"/>
      <c r="I399" s="360"/>
      <c r="J399" s="359"/>
      <c r="K399" s="359"/>
      <c r="L399" s="359"/>
    </row>
    <row r="400" spans="2:12">
      <c r="B400" s="359"/>
      <c r="C400" s="359"/>
      <c r="D400" s="359"/>
      <c r="E400" s="359"/>
      <c r="F400" s="359" t="s">
        <v>14391</v>
      </c>
      <c r="G400" s="359" t="s">
        <v>14392</v>
      </c>
      <c r="H400" s="360"/>
      <c r="I400" s="359" t="s">
        <v>14392</v>
      </c>
      <c r="J400" s="359"/>
      <c r="K400" s="359"/>
      <c r="L400" s="359"/>
    </row>
    <row r="401" spans="2:12">
      <c r="B401" s="359"/>
      <c r="C401" s="359"/>
      <c r="D401" s="359"/>
      <c r="E401" s="359"/>
      <c r="F401" s="360"/>
      <c r="G401" s="360"/>
      <c r="H401" s="360"/>
      <c r="I401" s="360"/>
      <c r="J401" s="359"/>
      <c r="K401" s="359"/>
      <c r="L401" s="359"/>
    </row>
    <row r="402" spans="2:12" ht="28.5">
      <c r="B402" s="361"/>
      <c r="C402" s="361"/>
      <c r="D402" s="361"/>
      <c r="E402" s="361"/>
      <c r="F402" s="361" t="s">
        <v>14462</v>
      </c>
      <c r="G402" s="361" t="s">
        <v>14463</v>
      </c>
      <c r="H402" s="362"/>
      <c r="I402" s="361" t="s">
        <v>14463</v>
      </c>
      <c r="J402" s="361"/>
      <c r="K402" s="361"/>
      <c r="L402" s="361"/>
    </row>
    <row r="403" spans="2:12">
      <c r="B403" s="358" t="s">
        <v>14464</v>
      </c>
      <c r="C403" s="358" t="s">
        <v>14465</v>
      </c>
      <c r="D403" s="358" t="s">
        <v>14466</v>
      </c>
      <c r="E403" s="358" t="s">
        <v>14467</v>
      </c>
      <c r="F403" s="358" t="s">
        <v>14391</v>
      </c>
      <c r="G403" s="358" t="s">
        <v>14392</v>
      </c>
      <c r="H403" s="358" t="s">
        <v>14367</v>
      </c>
      <c r="I403" s="358" t="s">
        <v>14392</v>
      </c>
      <c r="J403" s="358"/>
      <c r="K403" s="358"/>
      <c r="L403" s="358"/>
    </row>
    <row r="404" spans="2:12">
      <c r="B404" s="359"/>
      <c r="C404" s="359"/>
      <c r="D404" s="359"/>
      <c r="E404" s="359"/>
      <c r="F404" s="359"/>
      <c r="G404" s="359"/>
      <c r="H404" s="360"/>
      <c r="I404" s="359"/>
      <c r="J404" s="359"/>
      <c r="K404" s="359"/>
      <c r="L404" s="359"/>
    </row>
    <row r="405" spans="2:12">
      <c r="B405" s="361"/>
      <c r="C405" s="361"/>
      <c r="D405" s="361"/>
      <c r="E405" s="361"/>
      <c r="F405" s="361"/>
      <c r="G405" s="361"/>
      <c r="H405" s="361" t="s">
        <v>14422</v>
      </c>
      <c r="I405" s="361"/>
      <c r="J405" s="361"/>
      <c r="K405" s="361"/>
      <c r="L405" s="361"/>
    </row>
    <row r="406" spans="2:12" ht="28.5">
      <c r="B406" s="358" t="s">
        <v>14468</v>
      </c>
      <c r="C406" s="358" t="s">
        <v>14469</v>
      </c>
      <c r="D406" s="358" t="s">
        <v>14470</v>
      </c>
      <c r="E406" s="358" t="s">
        <v>14471</v>
      </c>
      <c r="F406" s="358" t="s">
        <v>14420</v>
      </c>
      <c r="G406" s="358" t="s">
        <v>14429</v>
      </c>
      <c r="H406" s="358" t="s">
        <v>14341</v>
      </c>
      <c r="I406" s="358" t="s">
        <v>14429</v>
      </c>
      <c r="J406" s="358"/>
      <c r="K406" s="358"/>
      <c r="L406" s="358"/>
    </row>
    <row r="407" spans="2:12">
      <c r="B407" s="359"/>
      <c r="C407" s="359"/>
      <c r="D407" s="359"/>
      <c r="E407" s="359"/>
      <c r="F407" s="360"/>
      <c r="G407" s="360"/>
      <c r="H407" s="360"/>
      <c r="I407" s="360"/>
      <c r="J407" s="359"/>
      <c r="K407" s="359"/>
      <c r="L407" s="359"/>
    </row>
    <row r="408" spans="2:12">
      <c r="B408" s="359"/>
      <c r="C408" s="359"/>
      <c r="D408" s="359"/>
      <c r="E408" s="359"/>
      <c r="F408" s="359" t="s">
        <v>14430</v>
      </c>
      <c r="G408" s="359" t="s">
        <v>14431</v>
      </c>
      <c r="H408" s="359" t="s">
        <v>14367</v>
      </c>
      <c r="I408" s="359" t="s">
        <v>14431</v>
      </c>
      <c r="J408" s="359"/>
      <c r="K408" s="359"/>
      <c r="L408" s="359"/>
    </row>
    <row r="409" spans="2:12">
      <c r="B409" s="359"/>
      <c r="C409" s="359"/>
      <c r="D409" s="359"/>
      <c r="E409" s="359"/>
      <c r="F409" s="360"/>
      <c r="G409" s="360"/>
      <c r="H409" s="360"/>
      <c r="I409" s="360"/>
      <c r="J409" s="359"/>
      <c r="K409" s="359"/>
      <c r="L409" s="359"/>
    </row>
    <row r="410" spans="2:12">
      <c r="B410" s="359"/>
      <c r="C410" s="359"/>
      <c r="D410" s="359"/>
      <c r="E410" s="359"/>
      <c r="F410" s="359" t="s">
        <v>14391</v>
      </c>
      <c r="G410" s="359" t="s">
        <v>14392</v>
      </c>
      <c r="H410" s="359" t="s">
        <v>14332</v>
      </c>
      <c r="I410" s="359" t="s">
        <v>14392</v>
      </c>
      <c r="J410" s="359"/>
      <c r="K410" s="359"/>
      <c r="L410" s="359"/>
    </row>
    <row r="411" spans="2:12">
      <c r="B411" s="359"/>
      <c r="C411" s="359"/>
      <c r="D411" s="359"/>
      <c r="E411" s="359"/>
      <c r="F411" s="360"/>
      <c r="G411" s="360"/>
      <c r="H411" s="360"/>
      <c r="I411" s="360"/>
      <c r="J411" s="359"/>
      <c r="K411" s="359"/>
      <c r="L411" s="359"/>
    </row>
    <row r="412" spans="2:12" ht="28.5">
      <c r="B412" s="361"/>
      <c r="C412" s="361"/>
      <c r="D412" s="361"/>
      <c r="E412" s="361"/>
      <c r="F412" s="361" t="s">
        <v>14472</v>
      </c>
      <c r="G412" s="361" t="s">
        <v>14473</v>
      </c>
      <c r="H412" s="362"/>
      <c r="I412" s="361" t="s">
        <v>14473</v>
      </c>
      <c r="J412" s="361"/>
      <c r="K412" s="361"/>
      <c r="L412" s="361"/>
    </row>
    <row r="413" spans="2:12" ht="28.5">
      <c r="B413" s="358" t="s">
        <v>14474</v>
      </c>
      <c r="C413" s="358" t="s">
        <v>27364</v>
      </c>
      <c r="D413" s="358" t="s">
        <v>14475</v>
      </c>
      <c r="E413" s="358" t="s">
        <v>8356</v>
      </c>
      <c r="F413" s="358" t="s">
        <v>14462</v>
      </c>
      <c r="G413" s="358" t="s">
        <v>14463</v>
      </c>
      <c r="H413" s="358" t="s">
        <v>8356</v>
      </c>
      <c r="I413" s="358" t="s">
        <v>14463</v>
      </c>
      <c r="J413" s="358"/>
      <c r="K413" s="358"/>
      <c r="L413" s="358"/>
    </row>
    <row r="414" spans="2:12">
      <c r="B414" s="361"/>
      <c r="C414" s="361"/>
      <c r="D414" s="361"/>
      <c r="E414" s="361"/>
      <c r="F414" s="361"/>
      <c r="G414" s="361"/>
      <c r="H414" s="361"/>
      <c r="I414" s="361"/>
      <c r="J414" s="361"/>
      <c r="K414" s="361"/>
      <c r="L414" s="361"/>
    </row>
    <row r="415" spans="2:12" ht="156.75">
      <c r="B415" s="358" t="s">
        <v>12976</v>
      </c>
      <c r="C415" s="358" t="s">
        <v>14476</v>
      </c>
      <c r="D415" s="358" t="s">
        <v>12977</v>
      </c>
      <c r="E415" s="358" t="s">
        <v>12978</v>
      </c>
      <c r="F415" s="358" t="s">
        <v>14477</v>
      </c>
      <c r="G415" s="358" t="s">
        <v>14478</v>
      </c>
      <c r="H415" s="358" t="s">
        <v>14479</v>
      </c>
      <c r="I415" s="358" t="s">
        <v>14478</v>
      </c>
      <c r="J415" s="358"/>
      <c r="K415" s="358" t="s">
        <v>28537</v>
      </c>
      <c r="L415" s="358"/>
    </row>
    <row r="416" spans="2:12">
      <c r="B416" s="359"/>
      <c r="C416" s="360"/>
      <c r="D416" s="360"/>
      <c r="E416" s="360"/>
      <c r="F416" s="360"/>
      <c r="G416" s="360"/>
      <c r="H416" s="360"/>
      <c r="I416" s="360"/>
      <c r="J416" s="359"/>
      <c r="K416" s="359"/>
      <c r="L416" s="359"/>
    </row>
    <row r="417" spans="2:12" ht="28.5">
      <c r="B417" s="359"/>
      <c r="C417" s="359" t="s">
        <v>14480</v>
      </c>
      <c r="D417" s="359" t="s">
        <v>12980</v>
      </c>
      <c r="E417" s="359" t="s">
        <v>12981</v>
      </c>
      <c r="F417" s="359" t="s">
        <v>14424</v>
      </c>
      <c r="G417" s="359" t="s">
        <v>14481</v>
      </c>
      <c r="H417" s="359" t="s">
        <v>14341</v>
      </c>
      <c r="I417" s="359" t="s">
        <v>14481</v>
      </c>
      <c r="J417" s="359"/>
      <c r="K417" s="359"/>
      <c r="L417" s="359"/>
    </row>
    <row r="418" spans="2:12">
      <c r="B418" s="359"/>
      <c r="C418" s="360"/>
      <c r="D418" s="360"/>
      <c r="E418" s="360"/>
      <c r="F418" s="360"/>
      <c r="G418" s="360"/>
      <c r="H418" s="360"/>
      <c r="I418" s="360"/>
      <c r="J418" s="359"/>
      <c r="K418" s="359"/>
      <c r="L418" s="359"/>
    </row>
    <row r="419" spans="2:12">
      <c r="B419" s="359"/>
      <c r="C419" s="359" t="s">
        <v>14482</v>
      </c>
      <c r="D419" s="360"/>
      <c r="E419" s="360"/>
      <c r="F419" s="359" t="s">
        <v>14420</v>
      </c>
      <c r="G419" s="359" t="s">
        <v>14429</v>
      </c>
      <c r="H419" s="359" t="s">
        <v>14381</v>
      </c>
      <c r="I419" s="359" t="s">
        <v>14429</v>
      </c>
      <c r="J419" s="359"/>
      <c r="K419" s="359"/>
      <c r="L419" s="359"/>
    </row>
    <row r="420" spans="2:12">
      <c r="B420" s="359"/>
      <c r="C420" s="360"/>
      <c r="D420" s="360"/>
      <c r="E420" s="360"/>
      <c r="F420" s="360"/>
      <c r="G420" s="360"/>
      <c r="H420" s="360"/>
      <c r="I420" s="360"/>
      <c r="J420" s="359"/>
      <c r="K420" s="359"/>
      <c r="L420" s="359"/>
    </row>
    <row r="421" spans="2:12" ht="28.5">
      <c r="B421" s="359"/>
      <c r="C421" s="359" t="s">
        <v>13617</v>
      </c>
      <c r="D421" s="360"/>
      <c r="E421" s="360"/>
      <c r="F421" s="359" t="s">
        <v>14368</v>
      </c>
      <c r="G421" s="359" t="s">
        <v>14388</v>
      </c>
      <c r="H421" s="359" t="s">
        <v>14367</v>
      </c>
      <c r="I421" s="359" t="s">
        <v>14388</v>
      </c>
      <c r="J421" s="359"/>
      <c r="K421" s="359"/>
      <c r="L421" s="359"/>
    </row>
    <row r="422" spans="2:12">
      <c r="B422" s="359"/>
      <c r="C422" s="360"/>
      <c r="D422" s="360"/>
      <c r="E422" s="360"/>
      <c r="F422" s="360"/>
      <c r="G422" s="360"/>
      <c r="H422" s="360"/>
      <c r="I422" s="360"/>
      <c r="J422" s="359"/>
      <c r="K422" s="359"/>
      <c r="L422" s="359"/>
    </row>
    <row r="423" spans="2:12">
      <c r="B423" s="361"/>
      <c r="C423" s="362"/>
      <c r="D423" s="362"/>
      <c r="E423" s="362"/>
      <c r="F423" s="361" t="s">
        <v>14430</v>
      </c>
      <c r="G423" s="361" t="s">
        <v>14431</v>
      </c>
      <c r="H423" s="361" t="s">
        <v>14332</v>
      </c>
      <c r="I423" s="361" t="s">
        <v>14431</v>
      </c>
      <c r="J423" s="361"/>
      <c r="K423" s="361"/>
      <c r="L423" s="361"/>
    </row>
    <row r="424" spans="2:12" ht="156.75">
      <c r="B424" s="358" t="s">
        <v>12983</v>
      </c>
      <c r="C424" s="358" t="s">
        <v>14476</v>
      </c>
      <c r="D424" s="358" t="s">
        <v>28539</v>
      </c>
      <c r="E424" s="358" t="s">
        <v>12978</v>
      </c>
      <c r="F424" s="358" t="s">
        <v>14477</v>
      </c>
      <c r="G424" s="358" t="s">
        <v>14478</v>
      </c>
      <c r="H424" s="358" t="s">
        <v>14479</v>
      </c>
      <c r="I424" s="358" t="s">
        <v>14478</v>
      </c>
      <c r="J424" s="358"/>
      <c r="K424" s="358" t="s">
        <v>28540</v>
      </c>
      <c r="L424" s="358"/>
    </row>
    <row r="425" spans="2:12">
      <c r="B425" s="359"/>
      <c r="C425" s="360"/>
      <c r="D425" s="359"/>
      <c r="E425" s="360"/>
      <c r="F425" s="360"/>
      <c r="G425" s="360"/>
      <c r="H425" s="360"/>
      <c r="I425" s="360"/>
      <c r="J425" s="359"/>
      <c r="K425" s="359"/>
      <c r="L425" s="359"/>
    </row>
    <row r="426" spans="2:12" ht="28.5">
      <c r="B426" s="359"/>
      <c r="C426" s="359" t="s">
        <v>14480</v>
      </c>
      <c r="D426" s="359"/>
      <c r="E426" s="359" t="s">
        <v>12981</v>
      </c>
      <c r="F426" s="359" t="s">
        <v>14424</v>
      </c>
      <c r="G426" s="359" t="s">
        <v>14481</v>
      </c>
      <c r="H426" s="359" t="s">
        <v>14378</v>
      </c>
      <c r="I426" s="359" t="s">
        <v>14481</v>
      </c>
      <c r="J426" s="359"/>
      <c r="K426" s="359"/>
      <c r="L426" s="359"/>
    </row>
    <row r="427" spans="2:12">
      <c r="B427" s="359"/>
      <c r="C427" s="360"/>
      <c r="D427" s="359"/>
      <c r="E427" s="360"/>
      <c r="F427" s="360"/>
      <c r="G427" s="360"/>
      <c r="H427" s="360"/>
      <c r="I427" s="360"/>
      <c r="J427" s="359"/>
      <c r="K427" s="359"/>
      <c r="L427" s="359"/>
    </row>
    <row r="428" spans="2:12">
      <c r="B428" s="359"/>
      <c r="C428" s="359" t="s">
        <v>14482</v>
      </c>
      <c r="D428" s="359"/>
      <c r="E428" s="360"/>
      <c r="F428" s="359" t="s">
        <v>14382</v>
      </c>
      <c r="G428" s="359" t="s">
        <v>14483</v>
      </c>
      <c r="H428" s="359" t="s">
        <v>14341</v>
      </c>
      <c r="I428" s="359" t="s">
        <v>14483</v>
      </c>
      <c r="J428" s="359"/>
      <c r="K428" s="359"/>
      <c r="L428" s="359"/>
    </row>
    <row r="429" spans="2:12">
      <c r="B429" s="359"/>
      <c r="C429" s="360"/>
      <c r="D429" s="359"/>
      <c r="E429" s="360"/>
      <c r="F429" s="360"/>
      <c r="G429" s="360"/>
      <c r="H429" s="360"/>
      <c r="I429" s="360"/>
      <c r="J429" s="359"/>
      <c r="K429" s="359"/>
      <c r="L429" s="359"/>
    </row>
    <row r="430" spans="2:12" ht="28.5">
      <c r="B430" s="359"/>
      <c r="C430" s="359" t="s">
        <v>28538</v>
      </c>
      <c r="D430" s="359"/>
      <c r="E430" s="360"/>
      <c r="F430" s="359" t="s">
        <v>14420</v>
      </c>
      <c r="G430" s="359" t="s">
        <v>14429</v>
      </c>
      <c r="H430" s="359" t="s">
        <v>14381</v>
      </c>
      <c r="I430" s="359" t="s">
        <v>14429</v>
      </c>
      <c r="J430" s="359"/>
      <c r="K430" s="359"/>
      <c r="L430" s="359"/>
    </row>
    <row r="431" spans="2:12">
      <c r="B431" s="359"/>
      <c r="C431" s="360"/>
      <c r="D431" s="359"/>
      <c r="E431" s="360"/>
      <c r="F431" s="360"/>
      <c r="G431" s="360"/>
      <c r="H431" s="360"/>
      <c r="I431" s="360"/>
      <c r="J431" s="359"/>
      <c r="K431" s="359"/>
      <c r="L431" s="359"/>
    </row>
    <row r="432" spans="2:12">
      <c r="B432" s="359"/>
      <c r="C432" s="360"/>
      <c r="D432" s="359"/>
      <c r="E432" s="360"/>
      <c r="F432" s="359" t="s">
        <v>14368</v>
      </c>
      <c r="G432" s="359" t="s">
        <v>14388</v>
      </c>
      <c r="H432" s="359" t="s">
        <v>14332</v>
      </c>
      <c r="I432" s="359" t="s">
        <v>14388</v>
      </c>
      <c r="J432" s="359"/>
      <c r="K432" s="359"/>
      <c r="L432" s="359"/>
    </row>
    <row r="433" spans="2:12">
      <c r="B433" s="359"/>
      <c r="C433" s="360"/>
      <c r="D433" s="359"/>
      <c r="E433" s="360"/>
      <c r="F433" s="360"/>
      <c r="G433" s="360"/>
      <c r="H433" s="360"/>
      <c r="I433" s="360"/>
      <c r="J433" s="359"/>
      <c r="K433" s="359"/>
      <c r="L433" s="359"/>
    </row>
    <row r="434" spans="2:12">
      <c r="B434" s="361"/>
      <c r="C434" s="362"/>
      <c r="D434" s="361"/>
      <c r="E434" s="362"/>
      <c r="F434" s="361" t="s">
        <v>14430</v>
      </c>
      <c r="G434" s="361" t="s">
        <v>14431</v>
      </c>
      <c r="H434" s="362"/>
      <c r="I434" s="361" t="s">
        <v>14431</v>
      </c>
      <c r="J434" s="361"/>
      <c r="K434" s="361"/>
      <c r="L434" s="361"/>
    </row>
    <row r="435" spans="2:12" ht="28.5">
      <c r="B435" s="358" t="s">
        <v>12984</v>
      </c>
      <c r="C435" s="358" t="s">
        <v>14484</v>
      </c>
      <c r="D435" s="358" t="s">
        <v>12977</v>
      </c>
      <c r="E435" s="358" t="s">
        <v>12985</v>
      </c>
      <c r="F435" s="358" t="s">
        <v>14424</v>
      </c>
      <c r="G435" s="358" t="s">
        <v>14481</v>
      </c>
      <c r="H435" s="358" t="s">
        <v>14341</v>
      </c>
      <c r="I435" s="358" t="s">
        <v>14481</v>
      </c>
      <c r="J435" s="358"/>
      <c r="K435" s="358" t="s">
        <v>28542</v>
      </c>
      <c r="L435" s="358"/>
    </row>
    <row r="436" spans="2:12">
      <c r="B436" s="359"/>
      <c r="C436" s="360"/>
      <c r="D436" s="360"/>
      <c r="E436" s="360"/>
      <c r="F436" s="360"/>
      <c r="G436" s="360"/>
      <c r="H436" s="360"/>
      <c r="I436" s="360"/>
      <c r="J436" s="359"/>
      <c r="K436" s="360"/>
      <c r="L436" s="359"/>
    </row>
    <row r="437" spans="2:12" ht="42.75">
      <c r="B437" s="359"/>
      <c r="C437" s="359" t="s">
        <v>14485</v>
      </c>
      <c r="D437" s="359" t="s">
        <v>12987</v>
      </c>
      <c r="E437" s="359" t="s">
        <v>12988</v>
      </c>
      <c r="F437" s="359" t="s">
        <v>14368</v>
      </c>
      <c r="G437" s="359" t="s">
        <v>14388</v>
      </c>
      <c r="H437" s="359" t="s">
        <v>14381</v>
      </c>
      <c r="I437" s="359" t="s">
        <v>14388</v>
      </c>
      <c r="J437" s="359"/>
      <c r="K437" s="359" t="s">
        <v>28543</v>
      </c>
      <c r="L437" s="359"/>
    </row>
    <row r="438" spans="2:12">
      <c r="B438" s="359"/>
      <c r="C438" s="360"/>
      <c r="D438" s="360"/>
      <c r="E438" s="360"/>
      <c r="F438" s="360"/>
      <c r="G438" s="360"/>
      <c r="H438" s="360"/>
      <c r="I438" s="360"/>
      <c r="J438" s="359"/>
      <c r="K438" s="360"/>
      <c r="L438" s="359"/>
    </row>
    <row r="439" spans="2:12" ht="85.5">
      <c r="B439" s="359"/>
      <c r="C439" s="359" t="s">
        <v>14487</v>
      </c>
      <c r="D439" s="359" t="s">
        <v>12989</v>
      </c>
      <c r="E439" s="359" t="s">
        <v>12990</v>
      </c>
      <c r="F439" s="359" t="s">
        <v>14430</v>
      </c>
      <c r="G439" s="359" t="s">
        <v>14431</v>
      </c>
      <c r="H439" s="359" t="s">
        <v>14367</v>
      </c>
      <c r="I439" s="359" t="s">
        <v>14431</v>
      </c>
      <c r="J439" s="359"/>
      <c r="K439" s="359" t="s">
        <v>28544</v>
      </c>
      <c r="L439" s="359"/>
    </row>
    <row r="440" spans="2:12">
      <c r="B440" s="359"/>
      <c r="C440" s="360"/>
      <c r="D440" s="360"/>
      <c r="E440" s="360"/>
      <c r="F440" s="360"/>
      <c r="G440" s="360"/>
      <c r="H440" s="360"/>
      <c r="I440" s="360"/>
      <c r="J440" s="359"/>
      <c r="K440" s="360"/>
      <c r="L440" s="359"/>
    </row>
    <row r="441" spans="2:12" ht="42.75">
      <c r="B441" s="361"/>
      <c r="C441" s="361" t="s">
        <v>28541</v>
      </c>
      <c r="D441" s="362"/>
      <c r="E441" s="362"/>
      <c r="F441" s="362"/>
      <c r="G441" s="362"/>
      <c r="H441" s="361" t="s">
        <v>14332</v>
      </c>
      <c r="I441" s="362"/>
      <c r="J441" s="361"/>
      <c r="K441" s="361" t="s">
        <v>28545</v>
      </c>
      <c r="L441" s="361"/>
    </row>
    <row r="442" spans="2:12" ht="28.5">
      <c r="B442" s="358" t="s">
        <v>12992</v>
      </c>
      <c r="C442" s="358" t="s">
        <v>14486</v>
      </c>
      <c r="D442" s="358" t="s">
        <v>12977</v>
      </c>
      <c r="E442" s="358" t="s">
        <v>12985</v>
      </c>
      <c r="F442" s="358" t="s">
        <v>14424</v>
      </c>
      <c r="G442" s="358" t="s">
        <v>14481</v>
      </c>
      <c r="H442" s="358" t="s">
        <v>14341</v>
      </c>
      <c r="I442" s="358" t="s">
        <v>14481</v>
      </c>
      <c r="J442" s="358"/>
      <c r="K442" s="358" t="s">
        <v>28547</v>
      </c>
      <c r="L442" s="358"/>
    </row>
    <row r="443" spans="2:12">
      <c r="B443" s="359"/>
      <c r="C443" s="360"/>
      <c r="D443" s="360"/>
      <c r="E443" s="360"/>
      <c r="F443" s="360"/>
      <c r="G443" s="360"/>
      <c r="H443" s="360"/>
      <c r="I443" s="360"/>
      <c r="J443" s="359"/>
      <c r="K443" s="360"/>
      <c r="L443" s="359"/>
    </row>
    <row r="444" spans="2:12" ht="142.5">
      <c r="B444" s="359"/>
      <c r="C444" s="359" t="s">
        <v>14485</v>
      </c>
      <c r="D444" s="359" t="s">
        <v>12987</v>
      </c>
      <c r="E444" s="359" t="s">
        <v>12988</v>
      </c>
      <c r="F444" s="359" t="s">
        <v>14420</v>
      </c>
      <c r="G444" s="359" t="s">
        <v>14459</v>
      </c>
      <c r="H444" s="359" t="s">
        <v>14381</v>
      </c>
      <c r="I444" s="359" t="s">
        <v>14459</v>
      </c>
      <c r="J444" s="359"/>
      <c r="K444" s="359" t="s">
        <v>28548</v>
      </c>
      <c r="L444" s="359"/>
    </row>
    <row r="445" spans="2:12">
      <c r="B445" s="359"/>
      <c r="C445" s="360"/>
      <c r="D445" s="360"/>
      <c r="E445" s="360"/>
      <c r="F445" s="360"/>
      <c r="G445" s="360"/>
      <c r="H445" s="360"/>
      <c r="I445" s="360"/>
      <c r="J445" s="359"/>
      <c r="K445" s="360"/>
      <c r="L445" s="359"/>
    </row>
    <row r="446" spans="2:12" ht="28.5">
      <c r="B446" s="359"/>
      <c r="C446" s="359" t="s">
        <v>14487</v>
      </c>
      <c r="D446" s="359" t="s">
        <v>12989</v>
      </c>
      <c r="E446" s="359" t="s">
        <v>12990</v>
      </c>
      <c r="F446" s="359" t="s">
        <v>14368</v>
      </c>
      <c r="G446" s="359" t="s">
        <v>14388</v>
      </c>
      <c r="H446" s="359" t="s">
        <v>14367</v>
      </c>
      <c r="I446" s="359" t="s">
        <v>14388</v>
      </c>
      <c r="J446" s="359"/>
      <c r="K446" s="360"/>
      <c r="L446" s="359"/>
    </row>
    <row r="447" spans="2:12">
      <c r="B447" s="359"/>
      <c r="C447" s="360"/>
      <c r="D447" s="360"/>
      <c r="E447" s="360"/>
      <c r="F447" s="360"/>
      <c r="G447" s="360"/>
      <c r="H447" s="360"/>
      <c r="I447" s="360"/>
      <c r="J447" s="359"/>
      <c r="K447" s="360"/>
      <c r="L447" s="359"/>
    </row>
    <row r="448" spans="2:12" ht="42.75">
      <c r="B448" s="361"/>
      <c r="C448" s="361" t="s">
        <v>28546</v>
      </c>
      <c r="D448" s="362"/>
      <c r="E448" s="362"/>
      <c r="F448" s="361" t="s">
        <v>14430</v>
      </c>
      <c r="G448" s="361" t="s">
        <v>14431</v>
      </c>
      <c r="H448" s="361" t="s">
        <v>14332</v>
      </c>
      <c r="I448" s="361" t="s">
        <v>14431</v>
      </c>
      <c r="J448" s="361"/>
      <c r="K448" s="362"/>
      <c r="L448" s="361"/>
    </row>
    <row r="449" spans="2:12" ht="42.75">
      <c r="B449" s="358" t="s">
        <v>12994</v>
      </c>
      <c r="C449" s="358" t="s">
        <v>14488</v>
      </c>
      <c r="D449" s="358" t="s">
        <v>12995</v>
      </c>
      <c r="E449" s="358" t="s">
        <v>12996</v>
      </c>
      <c r="F449" s="358" t="s">
        <v>14489</v>
      </c>
      <c r="G449" s="358" t="s">
        <v>14478</v>
      </c>
      <c r="H449" s="358" t="s">
        <v>14479</v>
      </c>
      <c r="I449" s="358" t="s">
        <v>14478</v>
      </c>
      <c r="J449" s="358"/>
      <c r="K449" s="358" t="s">
        <v>28549</v>
      </c>
      <c r="L449" s="358"/>
    </row>
    <row r="450" spans="2:12">
      <c r="B450" s="359"/>
      <c r="C450" s="360"/>
      <c r="D450" s="360"/>
      <c r="E450" s="360"/>
      <c r="F450" s="360"/>
      <c r="G450" s="360"/>
      <c r="H450" s="360"/>
      <c r="I450" s="360"/>
      <c r="J450" s="359"/>
      <c r="K450" s="360"/>
      <c r="L450" s="359"/>
    </row>
    <row r="451" spans="2:12" ht="42.75">
      <c r="B451" s="359"/>
      <c r="C451" s="359" t="s">
        <v>14490</v>
      </c>
      <c r="D451" s="359" t="s">
        <v>12987</v>
      </c>
      <c r="E451" s="359" t="s">
        <v>12998</v>
      </c>
      <c r="F451" s="359" t="s">
        <v>14424</v>
      </c>
      <c r="G451" s="359" t="s">
        <v>14481</v>
      </c>
      <c r="H451" s="359" t="s">
        <v>14341</v>
      </c>
      <c r="I451" s="359" t="s">
        <v>14481</v>
      </c>
      <c r="J451" s="359"/>
      <c r="K451" s="359" t="s">
        <v>28550</v>
      </c>
      <c r="L451" s="359"/>
    </row>
    <row r="452" spans="2:12">
      <c r="B452" s="359"/>
      <c r="C452" s="360"/>
      <c r="D452" s="360"/>
      <c r="E452" s="360"/>
      <c r="F452" s="360"/>
      <c r="G452" s="360"/>
      <c r="H452" s="360"/>
      <c r="I452" s="360"/>
      <c r="J452" s="359"/>
      <c r="K452" s="360"/>
      <c r="L452" s="359"/>
    </row>
    <row r="453" spans="2:12" ht="42.75">
      <c r="B453" s="359"/>
      <c r="C453" s="359" t="s">
        <v>14491</v>
      </c>
      <c r="D453" s="359" t="s">
        <v>12989</v>
      </c>
      <c r="E453" s="359" t="s">
        <v>12999</v>
      </c>
      <c r="F453" s="359" t="s">
        <v>14420</v>
      </c>
      <c r="G453" s="359" t="s">
        <v>14429</v>
      </c>
      <c r="H453" s="359" t="s">
        <v>14381</v>
      </c>
      <c r="I453" s="359" t="s">
        <v>14429</v>
      </c>
      <c r="J453" s="359"/>
      <c r="K453" s="359" t="s">
        <v>28551</v>
      </c>
      <c r="L453" s="359"/>
    </row>
    <row r="454" spans="2:12">
      <c r="B454" s="359"/>
      <c r="C454" s="360"/>
      <c r="D454" s="360"/>
      <c r="E454" s="360"/>
      <c r="F454" s="360"/>
      <c r="G454" s="360"/>
      <c r="H454" s="360"/>
      <c r="I454" s="360"/>
      <c r="J454" s="359"/>
      <c r="K454" s="360"/>
      <c r="L454" s="359"/>
    </row>
    <row r="455" spans="2:12" ht="42.75">
      <c r="B455" s="359"/>
      <c r="C455" s="359" t="s">
        <v>14482</v>
      </c>
      <c r="D455" s="360"/>
      <c r="E455" s="360"/>
      <c r="F455" s="359" t="s">
        <v>14368</v>
      </c>
      <c r="G455" s="359" t="s">
        <v>14388</v>
      </c>
      <c r="H455" s="359" t="s">
        <v>14367</v>
      </c>
      <c r="I455" s="359" t="s">
        <v>14388</v>
      </c>
      <c r="J455" s="359"/>
      <c r="K455" s="359" t="s">
        <v>28552</v>
      </c>
      <c r="L455" s="359"/>
    </row>
    <row r="456" spans="2:12">
      <c r="B456" s="359"/>
      <c r="C456" s="360"/>
      <c r="D456" s="360"/>
      <c r="E456" s="360"/>
      <c r="F456" s="360"/>
      <c r="G456" s="360"/>
      <c r="H456" s="360"/>
      <c r="I456" s="360"/>
      <c r="J456" s="359"/>
      <c r="K456" s="360"/>
      <c r="L456" s="359"/>
    </row>
    <row r="457" spans="2:12" ht="28.5">
      <c r="B457" s="361"/>
      <c r="C457" s="361" t="s">
        <v>13617</v>
      </c>
      <c r="D457" s="362"/>
      <c r="E457" s="362"/>
      <c r="F457" s="361" t="s">
        <v>14430</v>
      </c>
      <c r="G457" s="361" t="s">
        <v>14431</v>
      </c>
      <c r="H457" s="361" t="s">
        <v>14332</v>
      </c>
      <c r="I457" s="361" t="s">
        <v>14431</v>
      </c>
      <c r="J457" s="361"/>
      <c r="K457" s="362"/>
      <c r="L457" s="361"/>
    </row>
    <row r="458" spans="2:12" ht="28.5">
      <c r="B458" s="358" t="s">
        <v>13000</v>
      </c>
      <c r="C458" s="358" t="s">
        <v>14488</v>
      </c>
      <c r="D458" s="358" t="s">
        <v>12995</v>
      </c>
      <c r="E458" s="358" t="s">
        <v>12996</v>
      </c>
      <c r="F458" s="358" t="s">
        <v>14489</v>
      </c>
      <c r="G458" s="358" t="s">
        <v>14478</v>
      </c>
      <c r="H458" s="358" t="s">
        <v>14479</v>
      </c>
      <c r="I458" s="358" t="s">
        <v>14478</v>
      </c>
      <c r="J458" s="358"/>
      <c r="K458" s="358" t="s">
        <v>28554</v>
      </c>
      <c r="L458" s="358"/>
    </row>
    <row r="459" spans="2:12">
      <c r="B459" s="359"/>
      <c r="C459" s="360"/>
      <c r="D459" s="360"/>
      <c r="E459" s="360"/>
      <c r="F459" s="360"/>
      <c r="G459" s="360"/>
      <c r="H459" s="360"/>
      <c r="I459" s="360"/>
      <c r="J459" s="359"/>
      <c r="K459" s="360"/>
      <c r="L459" s="359"/>
    </row>
    <row r="460" spans="2:12" ht="28.5">
      <c r="B460" s="359"/>
      <c r="C460" s="359" t="s">
        <v>14490</v>
      </c>
      <c r="D460" s="359" t="s">
        <v>12987</v>
      </c>
      <c r="E460" s="359" t="s">
        <v>12998</v>
      </c>
      <c r="F460" s="359" t="s">
        <v>14424</v>
      </c>
      <c r="G460" s="359" t="s">
        <v>14481</v>
      </c>
      <c r="H460" s="359" t="s">
        <v>14378</v>
      </c>
      <c r="I460" s="359" t="s">
        <v>14481</v>
      </c>
      <c r="J460" s="359"/>
      <c r="K460" s="359" t="s">
        <v>28555</v>
      </c>
      <c r="L460" s="359"/>
    </row>
    <row r="461" spans="2:12">
      <c r="B461" s="359"/>
      <c r="C461" s="360"/>
      <c r="D461" s="360"/>
      <c r="E461" s="360"/>
      <c r="F461" s="360"/>
      <c r="G461" s="360"/>
      <c r="H461" s="360"/>
      <c r="I461" s="360"/>
      <c r="J461" s="359"/>
      <c r="K461" s="360"/>
      <c r="L461" s="359"/>
    </row>
    <row r="462" spans="2:12" ht="42.75">
      <c r="B462" s="359"/>
      <c r="C462" s="359" t="s">
        <v>28553</v>
      </c>
      <c r="D462" s="359" t="s">
        <v>12989</v>
      </c>
      <c r="E462" s="359" t="s">
        <v>12999</v>
      </c>
      <c r="F462" s="359" t="s">
        <v>14382</v>
      </c>
      <c r="G462" s="359" t="s">
        <v>14483</v>
      </c>
      <c r="H462" s="359" t="s">
        <v>14341</v>
      </c>
      <c r="I462" s="359" t="s">
        <v>14483</v>
      </c>
      <c r="J462" s="359"/>
      <c r="K462" s="359" t="s">
        <v>28556</v>
      </c>
      <c r="L462" s="359"/>
    </row>
    <row r="463" spans="2:12">
      <c r="B463" s="359"/>
      <c r="C463" s="360"/>
      <c r="D463" s="360"/>
      <c r="E463" s="360"/>
      <c r="F463" s="360"/>
      <c r="G463" s="360"/>
      <c r="H463" s="360"/>
      <c r="I463" s="360"/>
      <c r="J463" s="359"/>
      <c r="K463" s="360"/>
      <c r="L463" s="359"/>
    </row>
    <row r="464" spans="2:12">
      <c r="B464" s="359"/>
      <c r="C464" s="359" t="s">
        <v>14482</v>
      </c>
      <c r="D464" s="360"/>
      <c r="E464" s="360"/>
      <c r="F464" s="359" t="s">
        <v>14420</v>
      </c>
      <c r="G464" s="359" t="s">
        <v>14429</v>
      </c>
      <c r="H464" s="359" t="s">
        <v>14381</v>
      </c>
      <c r="I464" s="359" t="s">
        <v>14429</v>
      </c>
      <c r="J464" s="359"/>
      <c r="K464" s="359" t="s">
        <v>28557</v>
      </c>
      <c r="L464" s="359"/>
    </row>
    <row r="465" spans="2:12">
      <c r="B465" s="359"/>
      <c r="C465" s="360"/>
      <c r="D465" s="360"/>
      <c r="E465" s="360"/>
      <c r="F465" s="360"/>
      <c r="G465" s="360"/>
      <c r="H465" s="360"/>
      <c r="I465" s="360"/>
      <c r="J465" s="359"/>
      <c r="K465" s="360"/>
      <c r="L465" s="359"/>
    </row>
    <row r="466" spans="2:12" ht="42.75">
      <c r="B466" s="359"/>
      <c r="C466" s="359" t="s">
        <v>28538</v>
      </c>
      <c r="D466" s="360"/>
      <c r="E466" s="360"/>
      <c r="F466" s="359" t="s">
        <v>14368</v>
      </c>
      <c r="G466" s="359" t="s">
        <v>14388</v>
      </c>
      <c r="H466" s="359" t="s">
        <v>14332</v>
      </c>
      <c r="I466" s="359" t="s">
        <v>14388</v>
      </c>
      <c r="J466" s="359"/>
      <c r="K466" s="359" t="s">
        <v>28551</v>
      </c>
      <c r="L466" s="359"/>
    </row>
    <row r="467" spans="2:12">
      <c r="B467" s="359"/>
      <c r="C467" s="360"/>
      <c r="D467" s="360"/>
      <c r="E467" s="360"/>
      <c r="F467" s="360"/>
      <c r="G467" s="360"/>
      <c r="H467" s="360"/>
      <c r="I467" s="360"/>
      <c r="J467" s="359"/>
      <c r="K467" s="360"/>
      <c r="L467" s="359"/>
    </row>
    <row r="468" spans="2:12" ht="42.75">
      <c r="B468" s="361"/>
      <c r="C468" s="362"/>
      <c r="D468" s="362"/>
      <c r="E468" s="362"/>
      <c r="F468" s="361" t="s">
        <v>14430</v>
      </c>
      <c r="G468" s="361" t="s">
        <v>14431</v>
      </c>
      <c r="H468" s="362"/>
      <c r="I468" s="361" t="s">
        <v>14431</v>
      </c>
      <c r="J468" s="361"/>
      <c r="K468" s="361" t="s">
        <v>28552</v>
      </c>
      <c r="L468" s="361"/>
    </row>
    <row r="469" spans="2:12">
      <c r="B469" s="354" t="s">
        <v>14492</v>
      </c>
      <c r="C469" s="355"/>
      <c r="D469" s="355"/>
      <c r="E469" s="355"/>
      <c r="F469" s="355"/>
      <c r="G469" s="355"/>
      <c r="H469" s="355"/>
      <c r="I469" s="355"/>
      <c r="J469" s="355"/>
      <c r="K469" s="355"/>
      <c r="L469" s="363"/>
    </row>
    <row r="470" spans="2:12" ht="28.5">
      <c r="B470" s="358" t="s">
        <v>13769</v>
      </c>
      <c r="C470" s="358" t="s">
        <v>14493</v>
      </c>
      <c r="D470" s="358" t="s">
        <v>13770</v>
      </c>
      <c r="E470" s="358" t="s">
        <v>13772</v>
      </c>
      <c r="F470" s="358" t="s">
        <v>14424</v>
      </c>
      <c r="G470" s="358" t="s">
        <v>14425</v>
      </c>
      <c r="H470" s="358" t="s">
        <v>14381</v>
      </c>
      <c r="I470" s="358" t="s">
        <v>14425</v>
      </c>
      <c r="J470" s="358"/>
      <c r="K470" s="358"/>
      <c r="L470" s="358"/>
    </row>
    <row r="471" spans="2:12">
      <c r="B471" s="359"/>
      <c r="C471" s="360"/>
      <c r="D471" s="360"/>
      <c r="E471" s="360"/>
      <c r="F471" s="359"/>
      <c r="G471" s="359"/>
      <c r="H471" s="360"/>
      <c r="I471" s="359"/>
      <c r="J471" s="359"/>
      <c r="K471" s="359"/>
      <c r="L471" s="359"/>
    </row>
    <row r="472" spans="2:12" ht="28.5">
      <c r="B472" s="361"/>
      <c r="C472" s="361" t="s">
        <v>14494</v>
      </c>
      <c r="D472" s="361" t="s">
        <v>13771</v>
      </c>
      <c r="E472" s="361" t="s">
        <v>13773</v>
      </c>
      <c r="F472" s="361"/>
      <c r="G472" s="361"/>
      <c r="H472" s="361" t="s">
        <v>14332</v>
      </c>
      <c r="I472" s="361"/>
      <c r="J472" s="361"/>
      <c r="K472" s="361"/>
      <c r="L472" s="361"/>
    </row>
    <row r="473" spans="2:12">
      <c r="B473" s="354" t="s">
        <v>28528</v>
      </c>
      <c r="C473" s="355"/>
      <c r="D473" s="355"/>
      <c r="E473" s="355"/>
      <c r="F473" s="355"/>
      <c r="G473" s="355"/>
      <c r="H473" s="355"/>
      <c r="I473" s="355"/>
      <c r="J473" s="355"/>
      <c r="K473" s="355"/>
      <c r="L473" s="363"/>
    </row>
    <row r="474" spans="2:12">
      <c r="B474" s="358" t="s">
        <v>12921</v>
      </c>
      <c r="C474" s="358" t="s">
        <v>14495</v>
      </c>
      <c r="D474" s="358" t="s">
        <v>12922</v>
      </c>
      <c r="E474" s="358" t="s">
        <v>12923</v>
      </c>
      <c r="F474" s="358" t="s">
        <v>14326</v>
      </c>
      <c r="G474" s="358" t="s">
        <v>14327</v>
      </c>
      <c r="H474" s="358" t="s">
        <v>14328</v>
      </c>
      <c r="I474" s="358" t="s">
        <v>14327</v>
      </c>
      <c r="J474" s="358"/>
      <c r="K474" s="358"/>
      <c r="L474" s="358" t="s">
        <v>14329</v>
      </c>
    </row>
    <row r="475" spans="2:12">
      <c r="B475" s="359"/>
      <c r="C475" s="359"/>
      <c r="D475" s="359"/>
      <c r="E475" s="359"/>
      <c r="F475" s="360"/>
      <c r="G475" s="360"/>
      <c r="H475" s="360"/>
      <c r="I475" s="360"/>
      <c r="J475" s="359"/>
      <c r="K475" s="359"/>
      <c r="L475" s="359"/>
    </row>
    <row r="476" spans="2:12" ht="28.5">
      <c r="B476" s="359"/>
      <c r="C476" s="359"/>
      <c r="D476" s="359"/>
      <c r="E476" s="359"/>
      <c r="F476" s="359" t="s">
        <v>14330</v>
      </c>
      <c r="G476" s="359" t="s">
        <v>14496</v>
      </c>
      <c r="H476" s="359" t="s">
        <v>14331</v>
      </c>
      <c r="I476" s="359" t="s">
        <v>28558</v>
      </c>
      <c r="J476" s="359"/>
      <c r="K476" s="359"/>
      <c r="L476" s="359"/>
    </row>
    <row r="477" spans="2:12">
      <c r="B477" s="359"/>
      <c r="C477" s="359"/>
      <c r="D477" s="359"/>
      <c r="E477" s="359"/>
      <c r="F477" s="360"/>
      <c r="G477" s="360"/>
      <c r="H477" s="360"/>
      <c r="I477" s="360"/>
      <c r="J477" s="359"/>
      <c r="K477" s="359"/>
      <c r="L477" s="359"/>
    </row>
    <row r="478" spans="2:12">
      <c r="B478" s="359"/>
      <c r="C478" s="359"/>
      <c r="D478" s="359"/>
      <c r="E478" s="359"/>
      <c r="F478" s="359" t="s">
        <v>14497</v>
      </c>
      <c r="G478" s="359" t="s">
        <v>14483</v>
      </c>
      <c r="H478" s="359" t="s">
        <v>14378</v>
      </c>
      <c r="I478" s="359" t="s">
        <v>14385</v>
      </c>
      <c r="J478" s="359"/>
      <c r="K478" s="359"/>
      <c r="L478" s="359"/>
    </row>
    <row r="479" spans="2:12">
      <c r="B479" s="359"/>
      <c r="C479" s="359"/>
      <c r="D479" s="359"/>
      <c r="E479" s="359"/>
      <c r="F479" s="360"/>
      <c r="G479" s="360"/>
      <c r="H479" s="360"/>
      <c r="I479" s="360"/>
      <c r="J479" s="359"/>
      <c r="K479" s="359"/>
      <c r="L479" s="359"/>
    </row>
    <row r="480" spans="2:12">
      <c r="B480" s="359"/>
      <c r="C480" s="359"/>
      <c r="D480" s="359"/>
      <c r="E480" s="359"/>
      <c r="F480" s="359" t="s">
        <v>14382</v>
      </c>
      <c r="G480" s="359" t="s">
        <v>14385</v>
      </c>
      <c r="H480" s="359" t="s">
        <v>14381</v>
      </c>
      <c r="I480" s="360"/>
      <c r="J480" s="359"/>
      <c r="K480" s="359"/>
      <c r="L480" s="359"/>
    </row>
    <row r="481" spans="2:12">
      <c r="B481" s="359"/>
      <c r="C481" s="359"/>
      <c r="D481" s="359"/>
      <c r="E481" s="359"/>
      <c r="F481" s="360"/>
      <c r="G481" s="360"/>
      <c r="H481" s="360"/>
      <c r="I481" s="360"/>
      <c r="J481" s="359"/>
      <c r="K481" s="359"/>
      <c r="L481" s="359"/>
    </row>
    <row r="482" spans="2:12">
      <c r="B482" s="361"/>
      <c r="C482" s="361"/>
      <c r="D482" s="361"/>
      <c r="E482" s="361"/>
      <c r="F482" s="361" t="s">
        <v>14384</v>
      </c>
      <c r="G482" s="362"/>
      <c r="H482" s="361" t="s">
        <v>14332</v>
      </c>
      <c r="I482" s="362"/>
      <c r="J482" s="361"/>
      <c r="K482" s="361"/>
      <c r="L482" s="361"/>
    </row>
    <row r="483" spans="2:12">
      <c r="B483" s="358" t="s">
        <v>14498</v>
      </c>
      <c r="C483" s="358" t="s">
        <v>28559</v>
      </c>
      <c r="D483" s="358" t="s">
        <v>14499</v>
      </c>
      <c r="E483" s="358" t="s">
        <v>14500</v>
      </c>
      <c r="F483" s="358" t="s">
        <v>14330</v>
      </c>
      <c r="G483" s="358" t="s">
        <v>14380</v>
      </c>
      <c r="H483" s="358" t="s">
        <v>14331</v>
      </c>
      <c r="I483" s="358" t="s">
        <v>14380</v>
      </c>
      <c r="J483" s="358"/>
      <c r="K483" s="358"/>
      <c r="L483" s="358" t="s">
        <v>14329</v>
      </c>
    </row>
    <row r="484" spans="2:12">
      <c r="B484" s="359"/>
      <c r="C484" s="359"/>
      <c r="D484" s="359"/>
      <c r="E484" s="359"/>
      <c r="F484" s="360"/>
      <c r="G484" s="360"/>
      <c r="H484" s="360"/>
      <c r="I484" s="360"/>
      <c r="J484" s="359"/>
      <c r="K484" s="359"/>
      <c r="L484" s="359"/>
    </row>
    <row r="485" spans="2:12">
      <c r="B485" s="359"/>
      <c r="C485" s="359"/>
      <c r="D485" s="359"/>
      <c r="E485" s="359"/>
      <c r="F485" s="359" t="s">
        <v>14379</v>
      </c>
      <c r="G485" s="359" t="s">
        <v>14340</v>
      </c>
      <c r="H485" s="359" t="s">
        <v>14378</v>
      </c>
      <c r="I485" s="359" t="s">
        <v>14340</v>
      </c>
      <c r="J485" s="359"/>
      <c r="K485" s="359"/>
      <c r="L485" s="359"/>
    </row>
    <row r="486" spans="2:12">
      <c r="B486" s="359"/>
      <c r="C486" s="359"/>
      <c r="D486" s="359"/>
      <c r="E486" s="359"/>
      <c r="F486" s="360"/>
      <c r="G486" s="360"/>
      <c r="H486" s="360"/>
      <c r="I486" s="360"/>
      <c r="J486" s="359"/>
      <c r="K486" s="359"/>
      <c r="L486" s="359"/>
    </row>
    <row r="487" spans="2:12">
      <c r="B487" s="359"/>
      <c r="C487" s="359"/>
      <c r="D487" s="359"/>
      <c r="E487" s="359"/>
      <c r="F487" s="359" t="s">
        <v>14356</v>
      </c>
      <c r="G487" s="360"/>
      <c r="H487" s="359" t="s">
        <v>14341</v>
      </c>
      <c r="I487" s="360"/>
      <c r="J487" s="359"/>
      <c r="K487" s="359"/>
      <c r="L487" s="359"/>
    </row>
    <row r="488" spans="2:12">
      <c r="B488" s="359"/>
      <c r="C488" s="359"/>
      <c r="D488" s="359"/>
      <c r="E488" s="359"/>
      <c r="F488" s="360"/>
      <c r="G488" s="360"/>
      <c r="H488" s="360"/>
      <c r="I488" s="360"/>
      <c r="J488" s="359"/>
      <c r="K488" s="359"/>
      <c r="L488" s="359"/>
    </row>
    <row r="489" spans="2:12">
      <c r="B489" s="361"/>
      <c r="C489" s="361"/>
      <c r="D489" s="361"/>
      <c r="E489" s="361"/>
      <c r="F489" s="362"/>
      <c r="G489" s="362"/>
      <c r="H489" s="361" t="s">
        <v>14332</v>
      </c>
      <c r="I489" s="362"/>
      <c r="J489" s="361"/>
      <c r="K489" s="361"/>
      <c r="L489" s="361"/>
    </row>
    <row r="490" spans="2:12" ht="42.75">
      <c r="B490" s="358" t="s">
        <v>14501</v>
      </c>
      <c r="C490" s="358" t="s">
        <v>14502</v>
      </c>
      <c r="D490" s="358" t="s">
        <v>14503</v>
      </c>
      <c r="E490" s="358" t="s">
        <v>14504</v>
      </c>
      <c r="F490" s="358" t="s">
        <v>14505</v>
      </c>
      <c r="G490" s="358" t="s">
        <v>14506</v>
      </c>
      <c r="H490" s="358" t="s">
        <v>14328</v>
      </c>
      <c r="I490" s="358" t="s">
        <v>14506</v>
      </c>
      <c r="J490" s="358"/>
      <c r="K490" s="358" t="s">
        <v>28560</v>
      </c>
      <c r="L490" s="358"/>
    </row>
    <row r="491" spans="2:12">
      <c r="B491" s="359"/>
      <c r="C491" s="359"/>
      <c r="D491" s="359"/>
      <c r="E491" s="359"/>
      <c r="F491" s="360"/>
      <c r="G491" s="360"/>
      <c r="H491" s="360"/>
      <c r="I491" s="360"/>
      <c r="J491" s="359"/>
      <c r="K491" s="360"/>
      <c r="L491" s="359"/>
    </row>
    <row r="492" spans="2:12" ht="42.75">
      <c r="B492" s="359"/>
      <c r="C492" s="359"/>
      <c r="D492" s="359"/>
      <c r="E492" s="359"/>
      <c r="F492" s="359" t="s">
        <v>14507</v>
      </c>
      <c r="G492" s="359" t="s">
        <v>14508</v>
      </c>
      <c r="H492" s="359" t="s">
        <v>14381</v>
      </c>
      <c r="I492" s="359" t="s">
        <v>14508</v>
      </c>
      <c r="J492" s="359"/>
      <c r="K492" s="359" t="s">
        <v>28561</v>
      </c>
      <c r="L492" s="359"/>
    </row>
    <row r="493" spans="2:12">
      <c r="B493" s="359"/>
      <c r="C493" s="359"/>
      <c r="D493" s="359"/>
      <c r="E493" s="359"/>
      <c r="F493" s="360"/>
      <c r="G493" s="360"/>
      <c r="H493" s="360"/>
      <c r="I493" s="360"/>
      <c r="J493" s="359"/>
      <c r="K493" s="360"/>
      <c r="L493" s="359"/>
    </row>
    <row r="494" spans="2:12" ht="28.5">
      <c r="B494" s="359"/>
      <c r="C494" s="359"/>
      <c r="D494" s="359"/>
      <c r="E494" s="359"/>
      <c r="F494" s="359" t="s">
        <v>14384</v>
      </c>
      <c r="G494" s="359" t="s">
        <v>14385</v>
      </c>
      <c r="H494" s="359" t="s">
        <v>14367</v>
      </c>
      <c r="I494" s="359" t="s">
        <v>14385</v>
      </c>
      <c r="J494" s="359"/>
      <c r="K494" s="359" t="s">
        <v>28562</v>
      </c>
      <c r="L494" s="359"/>
    </row>
    <row r="495" spans="2:12">
      <c r="B495" s="359"/>
      <c r="C495" s="359"/>
      <c r="D495" s="359"/>
      <c r="E495" s="359"/>
      <c r="F495" s="360"/>
      <c r="G495" s="360"/>
      <c r="H495" s="360"/>
      <c r="I495" s="360"/>
      <c r="J495" s="359"/>
      <c r="K495" s="360"/>
      <c r="L495" s="359"/>
    </row>
    <row r="496" spans="2:12">
      <c r="B496" s="359"/>
      <c r="C496" s="359"/>
      <c r="D496" s="359"/>
      <c r="E496" s="359"/>
      <c r="F496" s="359" t="s">
        <v>14386</v>
      </c>
      <c r="G496" s="359" t="s">
        <v>14387</v>
      </c>
      <c r="H496" s="359" t="s">
        <v>14332</v>
      </c>
      <c r="I496" s="359" t="s">
        <v>14387</v>
      </c>
      <c r="J496" s="359"/>
      <c r="K496" s="359" t="s">
        <v>28563</v>
      </c>
      <c r="L496" s="359"/>
    </row>
    <row r="497" spans="2:12">
      <c r="B497" s="359"/>
      <c r="C497" s="359"/>
      <c r="D497" s="359"/>
      <c r="E497" s="359"/>
      <c r="F497" s="360"/>
      <c r="G497" s="360"/>
      <c r="H497" s="360"/>
      <c r="I497" s="360"/>
      <c r="J497" s="359"/>
      <c r="K497" s="360"/>
      <c r="L497" s="359"/>
    </row>
    <row r="498" spans="2:12">
      <c r="B498" s="361"/>
      <c r="C498" s="361"/>
      <c r="D498" s="361"/>
      <c r="E498" s="361"/>
      <c r="F498" s="361" t="s">
        <v>14389</v>
      </c>
      <c r="G498" s="361" t="s">
        <v>14390</v>
      </c>
      <c r="H498" s="362"/>
      <c r="I498" s="361" t="s">
        <v>14390</v>
      </c>
      <c r="J498" s="361"/>
      <c r="K498" s="362"/>
      <c r="L498" s="361"/>
    </row>
    <row r="499" spans="2:12">
      <c r="B499" s="358" t="s">
        <v>14509</v>
      </c>
      <c r="C499" s="358" t="s">
        <v>14510</v>
      </c>
      <c r="D499" s="358" t="s">
        <v>14511</v>
      </c>
      <c r="E499" s="358" t="s">
        <v>14512</v>
      </c>
      <c r="F499" s="358" t="s">
        <v>14337</v>
      </c>
      <c r="G499" s="358" t="s">
        <v>14338</v>
      </c>
      <c r="H499" s="358" t="s">
        <v>14328</v>
      </c>
      <c r="I499" s="358" t="s">
        <v>14338</v>
      </c>
      <c r="J499" s="358"/>
      <c r="K499" s="358"/>
      <c r="L499" s="358" t="s">
        <v>14513</v>
      </c>
    </row>
    <row r="500" spans="2:12">
      <c r="B500" s="359"/>
      <c r="C500" s="359"/>
      <c r="D500" s="359"/>
      <c r="E500" s="359"/>
      <c r="F500" s="359"/>
      <c r="G500" s="359"/>
      <c r="H500" s="360"/>
      <c r="I500" s="359"/>
      <c r="J500" s="359"/>
      <c r="K500" s="359"/>
      <c r="L500" s="359"/>
    </row>
    <row r="501" spans="2:12">
      <c r="B501" s="361"/>
      <c r="C501" s="361"/>
      <c r="D501" s="361"/>
      <c r="E501" s="361"/>
      <c r="F501" s="361"/>
      <c r="G501" s="361"/>
      <c r="H501" s="361" t="s">
        <v>14332</v>
      </c>
      <c r="I501" s="361"/>
      <c r="J501" s="361"/>
      <c r="K501" s="361"/>
      <c r="L501" s="361"/>
    </row>
    <row r="502" spans="2:12">
      <c r="B502" s="358" t="s">
        <v>14514</v>
      </c>
      <c r="C502" s="358" t="s">
        <v>14515</v>
      </c>
      <c r="D502" s="358" t="s">
        <v>14516</v>
      </c>
      <c r="E502" s="358" t="s">
        <v>1996</v>
      </c>
      <c r="F502" s="358" t="s">
        <v>14420</v>
      </c>
      <c r="G502" s="358" t="s">
        <v>14459</v>
      </c>
      <c r="H502" s="358" t="s">
        <v>14381</v>
      </c>
      <c r="I502" s="358" t="s">
        <v>14459</v>
      </c>
      <c r="J502" s="358"/>
      <c r="K502" s="358" t="s">
        <v>14517</v>
      </c>
      <c r="L502" s="358"/>
    </row>
    <row r="503" spans="2:12">
      <c r="B503" s="359"/>
      <c r="C503" s="360"/>
      <c r="D503" s="359"/>
      <c r="E503" s="359"/>
      <c r="F503" s="360"/>
      <c r="G503" s="360"/>
      <c r="H503" s="360"/>
      <c r="I503" s="360"/>
      <c r="J503" s="359"/>
      <c r="K503" s="359"/>
      <c r="L503" s="359"/>
    </row>
    <row r="504" spans="2:12">
      <c r="B504" s="359"/>
      <c r="C504" s="359" t="s">
        <v>14518</v>
      </c>
      <c r="D504" s="359"/>
      <c r="E504" s="359"/>
      <c r="F504" s="359" t="s">
        <v>14420</v>
      </c>
      <c r="G504" s="359" t="s">
        <v>14429</v>
      </c>
      <c r="H504" s="359" t="s">
        <v>14367</v>
      </c>
      <c r="I504" s="359" t="s">
        <v>14429</v>
      </c>
      <c r="J504" s="359"/>
      <c r="K504" s="359"/>
      <c r="L504" s="359"/>
    </row>
    <row r="505" spans="2:12">
      <c r="B505" s="359"/>
      <c r="C505" s="360"/>
      <c r="D505" s="359"/>
      <c r="E505" s="359"/>
      <c r="F505" s="360"/>
      <c r="G505" s="360"/>
      <c r="H505" s="360"/>
      <c r="I505" s="360"/>
      <c r="J505" s="359"/>
      <c r="K505" s="359"/>
      <c r="L505" s="359"/>
    </row>
    <row r="506" spans="2:12">
      <c r="B506" s="359"/>
      <c r="C506" s="360"/>
      <c r="D506" s="359"/>
      <c r="E506" s="359"/>
      <c r="F506" s="359" t="s">
        <v>14460</v>
      </c>
      <c r="G506" s="359" t="s">
        <v>14519</v>
      </c>
      <c r="H506" s="359" t="s">
        <v>14370</v>
      </c>
      <c r="I506" s="359" t="s">
        <v>14519</v>
      </c>
      <c r="J506" s="359"/>
      <c r="K506" s="359"/>
      <c r="L506" s="359"/>
    </row>
    <row r="507" spans="2:12">
      <c r="B507" s="359"/>
      <c r="C507" s="360"/>
      <c r="D507" s="359"/>
      <c r="E507" s="359"/>
      <c r="F507" s="360"/>
      <c r="G507" s="360"/>
      <c r="H507" s="360"/>
      <c r="I507" s="360"/>
      <c r="J507" s="359"/>
      <c r="K507" s="359"/>
      <c r="L507" s="359"/>
    </row>
    <row r="508" spans="2:12">
      <c r="B508" s="359"/>
      <c r="C508" s="360"/>
      <c r="D508" s="359"/>
      <c r="E508" s="359"/>
      <c r="F508" s="359" t="s">
        <v>14386</v>
      </c>
      <c r="G508" s="359" t="s">
        <v>14387</v>
      </c>
      <c r="H508" s="359" t="s">
        <v>14422</v>
      </c>
      <c r="I508" s="359" t="s">
        <v>14387</v>
      </c>
      <c r="J508" s="359"/>
      <c r="K508" s="359"/>
      <c r="L508" s="359"/>
    </row>
    <row r="509" spans="2:12">
      <c r="B509" s="359"/>
      <c r="C509" s="360"/>
      <c r="D509" s="359"/>
      <c r="E509" s="359"/>
      <c r="F509" s="360"/>
      <c r="G509" s="360"/>
      <c r="H509" s="360"/>
      <c r="I509" s="360"/>
      <c r="J509" s="359"/>
      <c r="K509" s="359"/>
      <c r="L509" s="359"/>
    </row>
    <row r="510" spans="2:12">
      <c r="B510" s="359"/>
      <c r="C510" s="360"/>
      <c r="D510" s="359"/>
      <c r="E510" s="359"/>
      <c r="F510" s="359" t="s">
        <v>14389</v>
      </c>
      <c r="G510" s="359" t="s">
        <v>14390</v>
      </c>
      <c r="H510" s="360"/>
      <c r="I510" s="359" t="s">
        <v>14390</v>
      </c>
      <c r="J510" s="359"/>
      <c r="K510" s="359"/>
      <c r="L510" s="359"/>
    </row>
    <row r="511" spans="2:12">
      <c r="B511" s="359"/>
      <c r="C511" s="360"/>
      <c r="D511" s="359"/>
      <c r="E511" s="359"/>
      <c r="F511" s="360"/>
      <c r="G511" s="360"/>
      <c r="H511" s="360"/>
      <c r="I511" s="360"/>
      <c r="J511" s="359"/>
      <c r="K511" s="359"/>
      <c r="L511" s="359"/>
    </row>
    <row r="512" spans="2:12">
      <c r="B512" s="359"/>
      <c r="C512" s="360"/>
      <c r="D512" s="359"/>
      <c r="E512" s="359"/>
      <c r="F512" s="359" t="s">
        <v>14391</v>
      </c>
      <c r="G512" s="359" t="s">
        <v>14392</v>
      </c>
      <c r="H512" s="360"/>
      <c r="I512" s="359" t="s">
        <v>14392</v>
      </c>
      <c r="J512" s="359"/>
      <c r="K512" s="359"/>
      <c r="L512" s="359"/>
    </row>
    <row r="513" spans="2:12">
      <c r="B513" s="359"/>
      <c r="C513" s="360"/>
      <c r="D513" s="359"/>
      <c r="E513" s="359"/>
      <c r="F513" s="360"/>
      <c r="G513" s="360"/>
      <c r="H513" s="360"/>
      <c r="I513" s="360"/>
      <c r="J513" s="359"/>
      <c r="K513" s="359"/>
      <c r="L513" s="359"/>
    </row>
    <row r="514" spans="2:12">
      <c r="B514" s="359"/>
      <c r="C514" s="360"/>
      <c r="D514" s="359"/>
      <c r="E514" s="359"/>
      <c r="F514" s="359" t="s">
        <v>14371</v>
      </c>
      <c r="G514" s="359" t="s">
        <v>14372</v>
      </c>
      <c r="H514" s="360"/>
      <c r="I514" s="359" t="s">
        <v>14373</v>
      </c>
      <c r="J514" s="359"/>
      <c r="K514" s="359"/>
      <c r="L514" s="359"/>
    </row>
    <row r="515" spans="2:12">
      <c r="B515" s="359"/>
      <c r="C515" s="360"/>
      <c r="D515" s="359"/>
      <c r="E515" s="359"/>
      <c r="F515" s="360"/>
      <c r="G515" s="360"/>
      <c r="H515" s="360"/>
      <c r="I515" s="360"/>
      <c r="J515" s="359"/>
      <c r="K515" s="359"/>
      <c r="L515" s="359"/>
    </row>
    <row r="516" spans="2:12" ht="28.5">
      <c r="B516" s="361"/>
      <c r="C516" s="362"/>
      <c r="D516" s="361"/>
      <c r="E516" s="361"/>
      <c r="F516" s="361" t="s">
        <v>14374</v>
      </c>
      <c r="G516" s="361" t="s">
        <v>14373</v>
      </c>
      <c r="H516" s="362"/>
      <c r="I516" s="362"/>
      <c r="J516" s="361"/>
      <c r="K516" s="361"/>
      <c r="L516" s="361"/>
    </row>
    <row r="517" spans="2:12">
      <c r="B517" s="358" t="s">
        <v>14520</v>
      </c>
      <c r="C517" s="358" t="s">
        <v>14521</v>
      </c>
      <c r="D517" s="358" t="s">
        <v>14522</v>
      </c>
      <c r="E517" s="358" t="s">
        <v>14523</v>
      </c>
      <c r="F517" s="358" t="s">
        <v>14524</v>
      </c>
      <c r="G517" s="358" t="s">
        <v>14525</v>
      </c>
      <c r="H517" s="358" t="s">
        <v>14328</v>
      </c>
      <c r="I517" s="358" t="s">
        <v>14525</v>
      </c>
      <c r="J517" s="358"/>
      <c r="K517" s="358"/>
      <c r="L517" s="358"/>
    </row>
    <row r="518" spans="2:12">
      <c r="B518" s="359"/>
      <c r="C518" s="360"/>
      <c r="D518" s="359"/>
      <c r="E518" s="359"/>
      <c r="F518" s="360"/>
      <c r="G518" s="360"/>
      <c r="H518" s="360"/>
      <c r="I518" s="360"/>
      <c r="J518" s="359"/>
      <c r="K518" s="359"/>
      <c r="L518" s="359"/>
    </row>
    <row r="519" spans="2:12" ht="28.5">
      <c r="B519" s="359"/>
      <c r="C519" s="359" t="s">
        <v>14526</v>
      </c>
      <c r="D519" s="359"/>
      <c r="E519" s="359"/>
      <c r="F519" s="359" t="s">
        <v>28564</v>
      </c>
      <c r="G519" s="359" t="s">
        <v>14380</v>
      </c>
      <c r="H519" s="359" t="s">
        <v>14378</v>
      </c>
      <c r="I519" s="359" t="s">
        <v>14380</v>
      </c>
      <c r="J519" s="359"/>
      <c r="K519" s="359"/>
      <c r="L519" s="359"/>
    </row>
    <row r="520" spans="2:12">
      <c r="B520" s="359"/>
      <c r="C520" s="360"/>
      <c r="D520" s="359"/>
      <c r="E520" s="359"/>
      <c r="F520" s="360"/>
      <c r="G520" s="360"/>
      <c r="H520" s="360"/>
      <c r="I520" s="360"/>
      <c r="J520" s="359"/>
      <c r="K520" s="359"/>
      <c r="L520" s="359"/>
    </row>
    <row r="521" spans="2:12" ht="28.5">
      <c r="B521" s="359"/>
      <c r="C521" s="360"/>
      <c r="D521" s="359"/>
      <c r="E521" s="359"/>
      <c r="F521" s="359" t="s">
        <v>14374</v>
      </c>
      <c r="G521" s="359" t="s">
        <v>14372</v>
      </c>
      <c r="H521" s="359" t="s">
        <v>14370</v>
      </c>
      <c r="I521" s="359" t="s">
        <v>14373</v>
      </c>
      <c r="J521" s="359"/>
      <c r="K521" s="359"/>
      <c r="L521" s="359"/>
    </row>
    <row r="522" spans="2:12">
      <c r="B522" s="359"/>
      <c r="C522" s="360"/>
      <c r="D522" s="359"/>
      <c r="E522" s="359"/>
      <c r="F522" s="360"/>
      <c r="G522" s="360"/>
      <c r="H522" s="360"/>
      <c r="I522" s="360"/>
      <c r="J522" s="359"/>
      <c r="K522" s="359"/>
      <c r="L522" s="359"/>
    </row>
    <row r="523" spans="2:12">
      <c r="B523" s="361"/>
      <c r="C523" s="362"/>
      <c r="D523" s="361"/>
      <c r="E523" s="361"/>
      <c r="F523" s="362"/>
      <c r="G523" s="361" t="s">
        <v>14373</v>
      </c>
      <c r="H523" s="361" t="s">
        <v>14332</v>
      </c>
      <c r="I523" s="362"/>
      <c r="J523" s="361"/>
      <c r="K523" s="361"/>
      <c r="L523" s="361"/>
    </row>
    <row r="524" spans="2:12">
      <c r="B524" s="358" t="s">
        <v>14527</v>
      </c>
      <c r="C524" s="358" t="s">
        <v>14528</v>
      </c>
      <c r="D524" s="358" t="s">
        <v>14522</v>
      </c>
      <c r="E524" s="358" t="s">
        <v>14523</v>
      </c>
      <c r="F524" s="358" t="s">
        <v>14379</v>
      </c>
      <c r="G524" s="358" t="s">
        <v>14380</v>
      </c>
      <c r="H524" s="358" t="s">
        <v>14378</v>
      </c>
      <c r="I524" s="358" t="s">
        <v>14380</v>
      </c>
      <c r="J524" s="358"/>
      <c r="K524" s="358"/>
      <c r="L524" s="358" t="s">
        <v>10376</v>
      </c>
    </row>
    <row r="525" spans="2:12">
      <c r="B525" s="359"/>
      <c r="C525" s="360"/>
      <c r="D525" s="359"/>
      <c r="E525" s="359"/>
      <c r="F525" s="360"/>
      <c r="G525" s="360"/>
      <c r="H525" s="360"/>
      <c r="I525" s="360"/>
      <c r="J525" s="359"/>
      <c r="K525" s="359"/>
      <c r="L525" s="359"/>
    </row>
    <row r="526" spans="2:12">
      <c r="B526" s="359"/>
      <c r="C526" s="359" t="s">
        <v>14529</v>
      </c>
      <c r="D526" s="359"/>
      <c r="E526" s="359"/>
      <c r="F526" s="359" t="s">
        <v>14530</v>
      </c>
      <c r="G526" s="359" t="s">
        <v>14531</v>
      </c>
      <c r="H526" s="359" t="s">
        <v>14370</v>
      </c>
      <c r="I526" s="359" t="s">
        <v>14531</v>
      </c>
      <c r="J526" s="359"/>
      <c r="K526" s="359"/>
      <c r="L526" s="359"/>
    </row>
    <row r="527" spans="2:12">
      <c r="B527" s="359"/>
      <c r="C527" s="360"/>
      <c r="D527" s="359"/>
      <c r="E527" s="359"/>
      <c r="F527" s="360"/>
      <c r="G527" s="360"/>
      <c r="H527" s="360"/>
      <c r="I527" s="360"/>
      <c r="J527" s="359"/>
      <c r="K527" s="359"/>
      <c r="L527" s="359"/>
    </row>
    <row r="528" spans="2:12">
      <c r="B528" s="359"/>
      <c r="C528" s="360"/>
      <c r="D528" s="359"/>
      <c r="E528" s="359"/>
      <c r="F528" s="359" t="s">
        <v>14379</v>
      </c>
      <c r="G528" s="359" t="s">
        <v>14405</v>
      </c>
      <c r="H528" s="359" t="s">
        <v>14332</v>
      </c>
      <c r="I528" s="359" t="s">
        <v>14405</v>
      </c>
      <c r="J528" s="359"/>
      <c r="K528" s="359"/>
      <c r="L528" s="359"/>
    </row>
    <row r="529" spans="2:12">
      <c r="B529" s="359"/>
      <c r="C529" s="360"/>
      <c r="D529" s="359"/>
      <c r="E529" s="359"/>
      <c r="F529" s="360"/>
      <c r="G529" s="360"/>
      <c r="H529" s="360"/>
      <c r="I529" s="360"/>
      <c r="J529" s="359"/>
      <c r="K529" s="359"/>
      <c r="L529" s="359"/>
    </row>
    <row r="530" spans="2:12">
      <c r="B530" s="359"/>
      <c r="C530" s="360"/>
      <c r="D530" s="359"/>
      <c r="E530" s="359"/>
      <c r="F530" s="359" t="s">
        <v>14371</v>
      </c>
      <c r="G530" s="359" t="s">
        <v>14372</v>
      </c>
      <c r="H530" s="360"/>
      <c r="I530" s="359" t="s">
        <v>14373</v>
      </c>
      <c r="J530" s="359"/>
      <c r="K530" s="359"/>
      <c r="L530" s="359"/>
    </row>
    <row r="531" spans="2:12">
      <c r="B531" s="359"/>
      <c r="C531" s="360"/>
      <c r="D531" s="359"/>
      <c r="E531" s="359"/>
      <c r="F531" s="360"/>
      <c r="G531" s="360"/>
      <c r="H531" s="360"/>
      <c r="I531" s="360"/>
      <c r="J531" s="359"/>
      <c r="K531" s="359"/>
      <c r="L531" s="359"/>
    </row>
    <row r="532" spans="2:12" ht="28.5">
      <c r="B532" s="361"/>
      <c r="C532" s="362"/>
      <c r="D532" s="361"/>
      <c r="E532" s="361"/>
      <c r="F532" s="361" t="s">
        <v>14374</v>
      </c>
      <c r="G532" s="361" t="s">
        <v>14373</v>
      </c>
      <c r="H532" s="362"/>
      <c r="I532" s="362"/>
      <c r="J532" s="361"/>
      <c r="K532" s="361"/>
      <c r="L532" s="361"/>
    </row>
    <row r="533" spans="2:12" ht="57">
      <c r="B533" s="358" t="s">
        <v>14532</v>
      </c>
      <c r="C533" s="358" t="s">
        <v>14533</v>
      </c>
      <c r="D533" s="358" t="s">
        <v>8356</v>
      </c>
      <c r="E533" s="358" t="s">
        <v>8356</v>
      </c>
      <c r="F533" s="358" t="s">
        <v>14379</v>
      </c>
      <c r="G533" s="358" t="s">
        <v>14380</v>
      </c>
      <c r="H533" s="358" t="s">
        <v>14378</v>
      </c>
      <c r="I533" s="358" t="s">
        <v>14380</v>
      </c>
      <c r="J533" s="358" t="s">
        <v>14534</v>
      </c>
      <c r="K533" s="358"/>
      <c r="L533" s="358" t="s">
        <v>9491</v>
      </c>
    </row>
    <row r="534" spans="2:12">
      <c r="B534" s="359"/>
      <c r="C534" s="359"/>
      <c r="D534" s="359"/>
      <c r="E534" s="359"/>
      <c r="F534" s="360"/>
      <c r="G534" s="360"/>
      <c r="H534" s="360"/>
      <c r="I534" s="360"/>
      <c r="J534" s="359"/>
      <c r="K534" s="359"/>
      <c r="L534" s="359"/>
    </row>
    <row r="535" spans="2:12">
      <c r="B535" s="359"/>
      <c r="C535" s="359"/>
      <c r="D535" s="359"/>
      <c r="E535" s="359"/>
      <c r="F535" s="359" t="s">
        <v>14530</v>
      </c>
      <c r="G535" s="359" t="s">
        <v>14531</v>
      </c>
      <c r="H535" s="359" t="s">
        <v>14370</v>
      </c>
      <c r="I535" s="359" t="s">
        <v>14531</v>
      </c>
      <c r="J535" s="359"/>
      <c r="K535" s="359"/>
      <c r="L535" s="359"/>
    </row>
    <row r="536" spans="2:12">
      <c r="B536" s="359"/>
      <c r="C536" s="359"/>
      <c r="D536" s="359"/>
      <c r="E536" s="359"/>
      <c r="F536" s="360"/>
      <c r="G536" s="360"/>
      <c r="H536" s="360"/>
      <c r="I536" s="360"/>
      <c r="J536" s="359"/>
      <c r="K536" s="359"/>
      <c r="L536" s="359"/>
    </row>
    <row r="537" spans="2:12">
      <c r="B537" s="359"/>
      <c r="C537" s="359"/>
      <c r="D537" s="359"/>
      <c r="E537" s="359"/>
      <c r="F537" s="359" t="s">
        <v>14379</v>
      </c>
      <c r="G537" s="359" t="s">
        <v>14405</v>
      </c>
      <c r="H537" s="359" t="s">
        <v>14332</v>
      </c>
      <c r="I537" s="359" t="s">
        <v>14405</v>
      </c>
      <c r="J537" s="359"/>
      <c r="K537" s="359"/>
      <c r="L537" s="359"/>
    </row>
    <row r="538" spans="2:12">
      <c r="B538" s="359"/>
      <c r="C538" s="359"/>
      <c r="D538" s="359"/>
      <c r="E538" s="359"/>
      <c r="F538" s="360"/>
      <c r="G538" s="360"/>
      <c r="H538" s="360"/>
      <c r="I538" s="360"/>
      <c r="J538" s="359"/>
      <c r="K538" s="359"/>
      <c r="L538" s="359"/>
    </row>
    <row r="539" spans="2:12">
      <c r="B539" s="359"/>
      <c r="C539" s="359"/>
      <c r="D539" s="359"/>
      <c r="E539" s="359"/>
      <c r="F539" s="359" t="s">
        <v>14371</v>
      </c>
      <c r="G539" s="359" t="s">
        <v>14372</v>
      </c>
      <c r="H539" s="360"/>
      <c r="I539" s="359" t="s">
        <v>14373</v>
      </c>
      <c r="J539" s="359"/>
      <c r="K539" s="359"/>
      <c r="L539" s="359"/>
    </row>
    <row r="540" spans="2:12">
      <c r="B540" s="359"/>
      <c r="C540" s="359"/>
      <c r="D540" s="359"/>
      <c r="E540" s="359"/>
      <c r="F540" s="360"/>
      <c r="G540" s="360"/>
      <c r="H540" s="360"/>
      <c r="I540" s="360"/>
      <c r="J540" s="359"/>
      <c r="K540" s="359"/>
      <c r="L540" s="359"/>
    </row>
    <row r="541" spans="2:12" ht="28.5">
      <c r="B541" s="361"/>
      <c r="C541" s="361"/>
      <c r="D541" s="361"/>
      <c r="E541" s="361"/>
      <c r="F541" s="361" t="s">
        <v>14374</v>
      </c>
      <c r="G541" s="361" t="s">
        <v>14373</v>
      </c>
      <c r="H541" s="362"/>
      <c r="I541" s="362"/>
      <c r="J541" s="361"/>
      <c r="K541" s="361"/>
      <c r="L541" s="361"/>
    </row>
    <row r="542" spans="2:12">
      <c r="B542" s="358" t="s">
        <v>14535</v>
      </c>
      <c r="C542" s="358" t="s">
        <v>14536</v>
      </c>
      <c r="D542" s="358" t="s">
        <v>14537</v>
      </c>
      <c r="E542" s="358" t="s">
        <v>14538</v>
      </c>
      <c r="F542" s="358" t="s">
        <v>14379</v>
      </c>
      <c r="G542" s="358" t="s">
        <v>14405</v>
      </c>
      <c r="H542" s="358" t="s">
        <v>14378</v>
      </c>
      <c r="I542" s="358" t="s">
        <v>14405</v>
      </c>
      <c r="J542" s="358"/>
      <c r="K542" s="358"/>
      <c r="L542" s="358"/>
    </row>
    <row r="543" spans="2:12">
      <c r="B543" s="359"/>
      <c r="C543" s="360"/>
      <c r="D543" s="359"/>
      <c r="E543" s="359"/>
      <c r="F543" s="360"/>
      <c r="G543" s="360"/>
      <c r="H543" s="360"/>
      <c r="I543" s="360"/>
      <c r="J543" s="359"/>
      <c r="K543" s="359"/>
      <c r="L543" s="359"/>
    </row>
    <row r="544" spans="2:12">
      <c r="B544" s="359"/>
      <c r="C544" s="359" t="s">
        <v>14539</v>
      </c>
      <c r="D544" s="359"/>
      <c r="E544" s="359"/>
      <c r="F544" s="359" t="s">
        <v>14443</v>
      </c>
      <c r="G544" s="359" t="s">
        <v>14444</v>
      </c>
      <c r="H544" s="359" t="s">
        <v>14381</v>
      </c>
      <c r="I544" s="359" t="s">
        <v>14444</v>
      </c>
      <c r="J544" s="359"/>
      <c r="K544" s="359"/>
      <c r="L544" s="359"/>
    </row>
    <row r="545" spans="2:12">
      <c r="B545" s="359"/>
      <c r="C545" s="360"/>
      <c r="D545" s="359"/>
      <c r="E545" s="359"/>
      <c r="F545" s="360"/>
      <c r="G545" s="360"/>
      <c r="H545" s="360"/>
      <c r="I545" s="360"/>
      <c r="J545" s="359"/>
      <c r="K545" s="359"/>
      <c r="L545" s="359"/>
    </row>
    <row r="546" spans="2:12">
      <c r="B546" s="361"/>
      <c r="C546" s="362"/>
      <c r="D546" s="361"/>
      <c r="E546" s="361"/>
      <c r="F546" s="362"/>
      <c r="G546" s="362"/>
      <c r="H546" s="361" t="s">
        <v>14332</v>
      </c>
      <c r="I546" s="362"/>
      <c r="J546" s="361"/>
      <c r="K546" s="361"/>
      <c r="L546" s="361"/>
    </row>
    <row r="547" spans="2:12">
      <c r="B547" s="358" t="s">
        <v>14540</v>
      </c>
      <c r="C547" s="358" t="s">
        <v>14541</v>
      </c>
      <c r="D547" s="358" t="s">
        <v>14542</v>
      </c>
      <c r="E547" s="358" t="s">
        <v>14543</v>
      </c>
      <c r="F547" s="358" t="s">
        <v>14530</v>
      </c>
      <c r="G547" s="358" t="s">
        <v>14531</v>
      </c>
      <c r="H547" s="358" t="s">
        <v>14378</v>
      </c>
      <c r="I547" s="358" t="s">
        <v>14531</v>
      </c>
      <c r="J547" s="358"/>
      <c r="K547" s="358"/>
      <c r="L547" s="358"/>
    </row>
    <row r="548" spans="2:12">
      <c r="B548" s="359"/>
      <c r="C548" s="360"/>
      <c r="D548" s="359"/>
      <c r="E548" s="359"/>
      <c r="F548" s="360"/>
      <c r="G548" s="360"/>
      <c r="H548" s="360"/>
      <c r="I548" s="360"/>
      <c r="J548" s="359"/>
      <c r="K548" s="359"/>
      <c r="L548" s="359"/>
    </row>
    <row r="549" spans="2:12">
      <c r="B549" s="361"/>
      <c r="C549" s="361" t="s">
        <v>14544</v>
      </c>
      <c r="D549" s="361"/>
      <c r="E549" s="361"/>
      <c r="F549" s="361" t="s">
        <v>14379</v>
      </c>
      <c r="G549" s="361" t="s">
        <v>14405</v>
      </c>
      <c r="H549" s="361" t="s">
        <v>14332</v>
      </c>
      <c r="I549" s="361" t="s">
        <v>14405</v>
      </c>
      <c r="J549" s="361"/>
      <c r="K549" s="361"/>
      <c r="L549" s="361"/>
    </row>
    <row r="550" spans="2:12" ht="42.75">
      <c r="B550" s="358" t="s">
        <v>14545</v>
      </c>
      <c r="C550" s="358" t="s">
        <v>28565</v>
      </c>
      <c r="D550" s="358" t="s">
        <v>14546</v>
      </c>
      <c r="E550" s="358" t="s">
        <v>14547</v>
      </c>
      <c r="F550" s="358" t="s">
        <v>14382</v>
      </c>
      <c r="G550" s="358" t="s">
        <v>14383</v>
      </c>
      <c r="H550" s="358" t="s">
        <v>14378</v>
      </c>
      <c r="I550" s="358" t="s">
        <v>14383</v>
      </c>
      <c r="J550" s="358"/>
      <c r="K550" s="358"/>
      <c r="L550" s="358"/>
    </row>
    <row r="551" spans="2:12">
      <c r="B551" s="359"/>
      <c r="C551" s="359"/>
      <c r="D551" s="359"/>
      <c r="E551" s="359"/>
      <c r="F551" s="359"/>
      <c r="G551" s="359"/>
      <c r="H551" s="360"/>
      <c r="I551" s="359"/>
      <c r="J551" s="359"/>
      <c r="K551" s="359"/>
      <c r="L551" s="359"/>
    </row>
    <row r="552" spans="2:12">
      <c r="B552" s="361"/>
      <c r="C552" s="361"/>
      <c r="D552" s="361"/>
      <c r="E552" s="361"/>
      <c r="F552" s="361"/>
      <c r="G552" s="361"/>
      <c r="H552" s="361" t="s">
        <v>14332</v>
      </c>
      <c r="I552" s="361"/>
      <c r="J552" s="361"/>
      <c r="K552" s="361"/>
      <c r="L552" s="361"/>
    </row>
    <row r="553" spans="2:12">
      <c r="B553" s="358" t="s">
        <v>14548</v>
      </c>
      <c r="C553" s="358" t="s">
        <v>14549</v>
      </c>
      <c r="D553" s="358" t="s">
        <v>14550</v>
      </c>
      <c r="E553" s="358" t="s">
        <v>14551</v>
      </c>
      <c r="F553" s="358" t="s">
        <v>14443</v>
      </c>
      <c r="G553" s="358" t="s">
        <v>14444</v>
      </c>
      <c r="H553" s="358" t="s">
        <v>14381</v>
      </c>
      <c r="I553" s="358" t="s">
        <v>14444</v>
      </c>
      <c r="J553" s="358"/>
      <c r="K553" s="358" t="s">
        <v>14552</v>
      </c>
      <c r="L553" s="358"/>
    </row>
    <row r="554" spans="2:12">
      <c r="B554" s="359"/>
      <c r="C554" s="360"/>
      <c r="D554" s="359"/>
      <c r="E554" s="359"/>
      <c r="F554" s="360"/>
      <c r="G554" s="360"/>
      <c r="H554" s="360"/>
      <c r="I554" s="360"/>
      <c r="J554" s="359"/>
      <c r="K554" s="359"/>
      <c r="L554" s="359"/>
    </row>
    <row r="555" spans="2:12">
      <c r="B555" s="359"/>
      <c r="C555" s="359" t="s">
        <v>14553</v>
      </c>
      <c r="D555" s="359"/>
      <c r="E555" s="359"/>
      <c r="F555" s="359" t="s">
        <v>14420</v>
      </c>
      <c r="G555" s="359" t="s">
        <v>14459</v>
      </c>
      <c r="H555" s="359" t="s">
        <v>14367</v>
      </c>
      <c r="I555" s="359" t="s">
        <v>14459</v>
      </c>
      <c r="J555" s="359"/>
      <c r="K555" s="359"/>
      <c r="L555" s="359"/>
    </row>
    <row r="556" spans="2:12">
      <c r="B556" s="359"/>
      <c r="C556" s="360"/>
      <c r="D556" s="359"/>
      <c r="E556" s="359"/>
      <c r="F556" s="360"/>
      <c r="G556" s="360"/>
      <c r="H556" s="360"/>
      <c r="I556" s="360"/>
      <c r="J556" s="359"/>
      <c r="K556" s="359"/>
      <c r="L556" s="359"/>
    </row>
    <row r="557" spans="2:12">
      <c r="B557" s="359"/>
      <c r="C557" s="360"/>
      <c r="D557" s="359"/>
      <c r="E557" s="359"/>
      <c r="F557" s="359" t="s">
        <v>14420</v>
      </c>
      <c r="G557" s="359" t="s">
        <v>14429</v>
      </c>
      <c r="H557" s="359" t="s">
        <v>14370</v>
      </c>
      <c r="I557" s="359" t="s">
        <v>14429</v>
      </c>
      <c r="J557" s="359"/>
      <c r="K557" s="359"/>
      <c r="L557" s="359"/>
    </row>
    <row r="558" spans="2:12">
      <c r="B558" s="359"/>
      <c r="C558" s="360"/>
      <c r="D558" s="359"/>
      <c r="E558" s="359"/>
      <c r="F558" s="360"/>
      <c r="G558" s="360"/>
      <c r="H558" s="360"/>
      <c r="I558" s="360"/>
      <c r="J558" s="359"/>
      <c r="K558" s="359"/>
      <c r="L558" s="359"/>
    </row>
    <row r="559" spans="2:12">
      <c r="B559" s="361"/>
      <c r="C559" s="362"/>
      <c r="D559" s="361"/>
      <c r="E559" s="361"/>
      <c r="F559" s="361" t="s">
        <v>14371</v>
      </c>
      <c r="G559" s="361" t="s">
        <v>14372</v>
      </c>
      <c r="H559" s="361" t="s">
        <v>14422</v>
      </c>
      <c r="I559" s="361" t="s">
        <v>14372</v>
      </c>
      <c r="J559" s="361"/>
      <c r="K559" s="361"/>
      <c r="L559" s="361"/>
    </row>
    <row r="560" spans="2:12">
      <c r="B560" s="358" t="s">
        <v>14554</v>
      </c>
      <c r="C560" s="358" t="s">
        <v>14555</v>
      </c>
      <c r="D560" s="358" t="s">
        <v>14556</v>
      </c>
      <c r="E560" s="358" t="s">
        <v>2022</v>
      </c>
      <c r="F560" s="358" t="s">
        <v>14379</v>
      </c>
      <c r="G560" s="358" t="s">
        <v>14380</v>
      </c>
      <c r="H560" s="358" t="s">
        <v>14378</v>
      </c>
      <c r="I560" s="358" t="s">
        <v>14380</v>
      </c>
      <c r="J560" s="358"/>
      <c r="K560" s="358" t="s">
        <v>14557</v>
      </c>
      <c r="L560" s="358"/>
    </row>
    <row r="561" spans="2:12">
      <c r="B561" s="359"/>
      <c r="C561" s="360"/>
      <c r="D561" s="359"/>
      <c r="E561" s="359"/>
      <c r="F561" s="360"/>
      <c r="G561" s="360"/>
      <c r="H561" s="360"/>
      <c r="I561" s="360"/>
      <c r="J561" s="359"/>
      <c r="K561" s="359"/>
      <c r="L561" s="359"/>
    </row>
    <row r="562" spans="2:12">
      <c r="B562" s="359"/>
      <c r="C562" s="359" t="s">
        <v>28566</v>
      </c>
      <c r="D562" s="359"/>
      <c r="E562" s="359"/>
      <c r="F562" s="359" t="s">
        <v>14420</v>
      </c>
      <c r="G562" s="359" t="s">
        <v>14429</v>
      </c>
      <c r="H562" s="359" t="s">
        <v>14381</v>
      </c>
      <c r="I562" s="359" t="s">
        <v>14429</v>
      </c>
      <c r="J562" s="359"/>
      <c r="K562" s="359"/>
      <c r="L562" s="359"/>
    </row>
    <row r="563" spans="2:12">
      <c r="B563" s="359"/>
      <c r="C563" s="360"/>
      <c r="D563" s="359"/>
      <c r="E563" s="359"/>
      <c r="F563" s="360"/>
      <c r="G563" s="360"/>
      <c r="H563" s="360"/>
      <c r="I563" s="360"/>
      <c r="J563" s="359"/>
      <c r="K563" s="359"/>
      <c r="L563" s="359"/>
    </row>
    <row r="564" spans="2:12">
      <c r="B564" s="359"/>
      <c r="C564" s="360"/>
      <c r="D564" s="359"/>
      <c r="E564" s="359"/>
      <c r="F564" s="359" t="s">
        <v>14460</v>
      </c>
      <c r="G564" s="359" t="s">
        <v>14519</v>
      </c>
      <c r="H564" s="359" t="s">
        <v>14341</v>
      </c>
      <c r="I564" s="359" t="s">
        <v>14519</v>
      </c>
      <c r="J564" s="359"/>
      <c r="K564" s="359"/>
      <c r="L564" s="359"/>
    </row>
    <row r="565" spans="2:12">
      <c r="B565" s="359"/>
      <c r="C565" s="360"/>
      <c r="D565" s="359"/>
      <c r="E565" s="359"/>
      <c r="F565" s="360"/>
      <c r="G565" s="360"/>
      <c r="H565" s="360"/>
      <c r="I565" s="360"/>
      <c r="J565" s="359"/>
      <c r="K565" s="359"/>
      <c r="L565" s="359"/>
    </row>
    <row r="566" spans="2:12">
      <c r="B566" s="359"/>
      <c r="C566" s="360"/>
      <c r="D566" s="359"/>
      <c r="E566" s="359"/>
      <c r="F566" s="359" t="s">
        <v>14368</v>
      </c>
      <c r="G566" s="359" t="s">
        <v>14388</v>
      </c>
      <c r="H566" s="359" t="s">
        <v>14370</v>
      </c>
      <c r="I566" s="359" t="s">
        <v>14388</v>
      </c>
      <c r="J566" s="359"/>
      <c r="K566" s="359"/>
      <c r="L566" s="359"/>
    </row>
    <row r="567" spans="2:12">
      <c r="B567" s="359"/>
      <c r="C567" s="360"/>
      <c r="D567" s="359"/>
      <c r="E567" s="359"/>
      <c r="F567" s="360"/>
      <c r="G567" s="360"/>
      <c r="H567" s="360"/>
      <c r="I567" s="360"/>
      <c r="J567" s="359"/>
      <c r="K567" s="359"/>
      <c r="L567" s="359"/>
    </row>
    <row r="568" spans="2:12">
      <c r="B568" s="359"/>
      <c r="C568" s="360"/>
      <c r="D568" s="359"/>
      <c r="E568" s="359"/>
      <c r="F568" s="359" t="s">
        <v>14430</v>
      </c>
      <c r="G568" s="359" t="s">
        <v>14431</v>
      </c>
      <c r="H568" s="359" t="s">
        <v>14332</v>
      </c>
      <c r="I568" s="359" t="s">
        <v>14431</v>
      </c>
      <c r="J568" s="359"/>
      <c r="K568" s="359"/>
      <c r="L568" s="359"/>
    </row>
    <row r="569" spans="2:12">
      <c r="B569" s="359"/>
      <c r="C569" s="360"/>
      <c r="D569" s="359"/>
      <c r="E569" s="359"/>
      <c r="F569" s="360"/>
      <c r="G569" s="360"/>
      <c r="H569" s="360"/>
      <c r="I569" s="360"/>
      <c r="J569" s="359"/>
      <c r="K569" s="359"/>
      <c r="L569" s="359"/>
    </row>
    <row r="570" spans="2:12">
      <c r="B570" s="359"/>
      <c r="C570" s="360"/>
      <c r="D570" s="359"/>
      <c r="E570" s="359"/>
      <c r="F570" s="359" t="s">
        <v>14391</v>
      </c>
      <c r="G570" s="359" t="s">
        <v>14392</v>
      </c>
      <c r="H570" s="360"/>
      <c r="I570" s="359" t="s">
        <v>14392</v>
      </c>
      <c r="J570" s="359"/>
      <c r="K570" s="359"/>
      <c r="L570" s="359"/>
    </row>
    <row r="571" spans="2:12">
      <c r="B571" s="359"/>
      <c r="C571" s="360"/>
      <c r="D571" s="359"/>
      <c r="E571" s="359"/>
      <c r="F571" s="360"/>
      <c r="G571" s="360"/>
      <c r="H571" s="360"/>
      <c r="I571" s="360"/>
      <c r="J571" s="359"/>
      <c r="K571" s="359"/>
      <c r="L571" s="359"/>
    </row>
    <row r="572" spans="2:12">
      <c r="B572" s="359"/>
      <c r="C572" s="360"/>
      <c r="D572" s="359"/>
      <c r="E572" s="359"/>
      <c r="F572" s="359" t="s">
        <v>14371</v>
      </c>
      <c r="G572" s="359" t="s">
        <v>14372</v>
      </c>
      <c r="H572" s="360"/>
      <c r="I572" s="359" t="s">
        <v>14373</v>
      </c>
      <c r="J572" s="359"/>
      <c r="K572" s="359"/>
      <c r="L572" s="359"/>
    </row>
    <row r="573" spans="2:12">
      <c r="B573" s="359"/>
      <c r="C573" s="360"/>
      <c r="D573" s="359"/>
      <c r="E573" s="359"/>
      <c r="F573" s="360"/>
      <c r="G573" s="360"/>
      <c r="H573" s="360"/>
      <c r="I573" s="360"/>
      <c r="J573" s="359"/>
      <c r="K573" s="359"/>
      <c r="L573" s="359"/>
    </row>
    <row r="574" spans="2:12" ht="28.5">
      <c r="B574" s="361"/>
      <c r="C574" s="362"/>
      <c r="D574" s="361"/>
      <c r="E574" s="361"/>
      <c r="F574" s="361" t="s">
        <v>14374</v>
      </c>
      <c r="G574" s="361" t="s">
        <v>14373</v>
      </c>
      <c r="H574" s="362"/>
      <c r="I574" s="362"/>
      <c r="J574" s="361"/>
      <c r="K574" s="361"/>
      <c r="L574" s="361"/>
    </row>
    <row r="575" spans="2:12">
      <c r="B575" s="358" t="s">
        <v>14558</v>
      </c>
      <c r="C575" s="358" t="s">
        <v>14559</v>
      </c>
      <c r="D575" s="358" t="s">
        <v>14560</v>
      </c>
      <c r="E575" s="358" t="s">
        <v>1838</v>
      </c>
      <c r="F575" s="358" t="s">
        <v>14420</v>
      </c>
      <c r="G575" s="358" t="s">
        <v>14429</v>
      </c>
      <c r="H575" s="358" t="s">
        <v>14341</v>
      </c>
      <c r="I575" s="358" t="s">
        <v>14429</v>
      </c>
      <c r="J575" s="358" t="s">
        <v>14561</v>
      </c>
      <c r="K575" s="358"/>
      <c r="L575" s="358"/>
    </row>
    <row r="576" spans="2:12">
      <c r="B576" s="359"/>
      <c r="C576" s="360"/>
      <c r="D576" s="359"/>
      <c r="E576" s="359"/>
      <c r="F576" s="360"/>
      <c r="G576" s="360"/>
      <c r="H576" s="360"/>
      <c r="I576" s="360"/>
      <c r="J576" s="359"/>
      <c r="K576" s="359"/>
      <c r="L576" s="359"/>
    </row>
    <row r="577" spans="2:12">
      <c r="B577" s="359"/>
      <c r="C577" s="359" t="s">
        <v>14562</v>
      </c>
      <c r="D577" s="359"/>
      <c r="E577" s="359"/>
      <c r="F577" s="359" t="s">
        <v>14356</v>
      </c>
      <c r="G577" s="359" t="s">
        <v>14340</v>
      </c>
      <c r="H577" s="359" t="s">
        <v>14367</v>
      </c>
      <c r="I577" s="359" t="s">
        <v>14340</v>
      </c>
      <c r="J577" s="359"/>
      <c r="K577" s="359"/>
      <c r="L577" s="359"/>
    </row>
    <row r="578" spans="2:12">
      <c r="B578" s="359"/>
      <c r="C578" s="360"/>
      <c r="D578" s="359"/>
      <c r="E578" s="359"/>
      <c r="F578" s="360"/>
      <c r="G578" s="360"/>
      <c r="H578" s="360"/>
      <c r="I578" s="360"/>
      <c r="J578" s="359"/>
      <c r="K578" s="359"/>
      <c r="L578" s="359"/>
    </row>
    <row r="579" spans="2:12">
      <c r="B579" s="359"/>
      <c r="C579" s="360"/>
      <c r="D579" s="359"/>
      <c r="E579" s="359"/>
      <c r="F579" s="359" t="s">
        <v>14391</v>
      </c>
      <c r="G579" s="359" t="s">
        <v>14392</v>
      </c>
      <c r="H579" s="359" t="s">
        <v>14370</v>
      </c>
      <c r="I579" s="359" t="s">
        <v>14392</v>
      </c>
      <c r="J579" s="359"/>
      <c r="K579" s="359"/>
      <c r="L579" s="359"/>
    </row>
    <row r="580" spans="2:12">
      <c r="B580" s="359"/>
      <c r="C580" s="360"/>
      <c r="D580" s="359"/>
      <c r="E580" s="359"/>
      <c r="F580" s="360"/>
      <c r="G580" s="360"/>
      <c r="H580" s="360"/>
      <c r="I580" s="360"/>
      <c r="J580" s="359"/>
      <c r="K580" s="359"/>
      <c r="L580" s="359"/>
    </row>
    <row r="581" spans="2:12">
      <c r="B581" s="359"/>
      <c r="C581" s="360"/>
      <c r="D581" s="359"/>
      <c r="E581" s="359"/>
      <c r="F581" s="359" t="s">
        <v>14371</v>
      </c>
      <c r="G581" s="359" t="s">
        <v>14372</v>
      </c>
      <c r="H581" s="359" t="s">
        <v>14332</v>
      </c>
      <c r="I581" s="359" t="s">
        <v>14373</v>
      </c>
      <c r="J581" s="359"/>
      <c r="K581" s="359"/>
      <c r="L581" s="359"/>
    </row>
    <row r="582" spans="2:12">
      <c r="B582" s="359"/>
      <c r="C582" s="360"/>
      <c r="D582" s="359"/>
      <c r="E582" s="359"/>
      <c r="F582" s="360"/>
      <c r="G582" s="360"/>
      <c r="H582" s="360"/>
      <c r="I582" s="360"/>
      <c r="J582" s="359"/>
      <c r="K582" s="359"/>
      <c r="L582" s="359"/>
    </row>
    <row r="583" spans="2:12" ht="28.5">
      <c r="B583" s="361"/>
      <c r="C583" s="362"/>
      <c r="D583" s="361"/>
      <c r="E583" s="361"/>
      <c r="F583" s="361" t="s">
        <v>14374</v>
      </c>
      <c r="G583" s="361" t="s">
        <v>14373</v>
      </c>
      <c r="H583" s="362"/>
      <c r="I583" s="362"/>
      <c r="J583" s="361"/>
      <c r="K583" s="361"/>
      <c r="L583" s="361"/>
    </row>
    <row r="584" spans="2:12">
      <c r="B584" s="358" t="s">
        <v>14563</v>
      </c>
      <c r="C584" s="358" t="s">
        <v>14564</v>
      </c>
      <c r="D584" s="358" t="s">
        <v>14565</v>
      </c>
      <c r="E584" s="358" t="s">
        <v>1850</v>
      </c>
      <c r="F584" s="358" t="s">
        <v>14420</v>
      </c>
      <c r="G584" s="358" t="s">
        <v>14429</v>
      </c>
      <c r="H584" s="358" t="s">
        <v>14367</v>
      </c>
      <c r="I584" s="358" t="s">
        <v>14429</v>
      </c>
      <c r="J584" s="358"/>
      <c r="K584" s="358"/>
      <c r="L584" s="358"/>
    </row>
    <row r="585" spans="2:12">
      <c r="B585" s="359"/>
      <c r="C585" s="360"/>
      <c r="D585" s="359"/>
      <c r="E585" s="359"/>
      <c r="F585" s="360"/>
      <c r="G585" s="360"/>
      <c r="H585" s="360"/>
      <c r="I585" s="360"/>
      <c r="J585" s="359"/>
      <c r="K585" s="359"/>
      <c r="L585" s="359"/>
    </row>
    <row r="586" spans="2:12">
      <c r="B586" s="359"/>
      <c r="C586" s="359" t="s">
        <v>30005</v>
      </c>
      <c r="D586" s="359"/>
      <c r="E586" s="359"/>
      <c r="F586" s="359" t="s">
        <v>14368</v>
      </c>
      <c r="G586" s="359" t="s">
        <v>14388</v>
      </c>
      <c r="H586" s="359" t="s">
        <v>14370</v>
      </c>
      <c r="I586" s="359" t="s">
        <v>14388</v>
      </c>
      <c r="J586" s="359"/>
      <c r="K586" s="359"/>
      <c r="L586" s="359"/>
    </row>
    <row r="587" spans="2:12">
      <c r="B587" s="359"/>
      <c r="C587" s="360"/>
      <c r="D587" s="359"/>
      <c r="E587" s="359"/>
      <c r="F587" s="360"/>
      <c r="G587" s="360"/>
      <c r="H587" s="360"/>
      <c r="I587" s="360"/>
      <c r="J587" s="359"/>
      <c r="K587" s="359"/>
      <c r="L587" s="359"/>
    </row>
    <row r="588" spans="2:12">
      <c r="B588" s="359"/>
      <c r="C588" s="360"/>
      <c r="D588" s="359"/>
      <c r="E588" s="359"/>
      <c r="F588" s="359" t="s">
        <v>14391</v>
      </c>
      <c r="G588" s="359" t="s">
        <v>14392</v>
      </c>
      <c r="H588" s="359" t="s">
        <v>14422</v>
      </c>
      <c r="I588" s="359" t="s">
        <v>14392</v>
      </c>
      <c r="J588" s="359"/>
      <c r="K588" s="359"/>
      <c r="L588" s="359"/>
    </row>
    <row r="589" spans="2:12">
      <c r="B589" s="359"/>
      <c r="C589" s="360"/>
      <c r="D589" s="359"/>
      <c r="E589" s="359"/>
      <c r="F589" s="360"/>
      <c r="G589" s="360"/>
      <c r="H589" s="360"/>
      <c r="I589" s="360"/>
      <c r="J589" s="359"/>
      <c r="K589" s="359"/>
      <c r="L589" s="359"/>
    </row>
    <row r="590" spans="2:12">
      <c r="B590" s="359"/>
      <c r="C590" s="360"/>
      <c r="D590" s="359"/>
      <c r="E590" s="359"/>
      <c r="F590" s="359" t="s">
        <v>14371</v>
      </c>
      <c r="G590" s="359" t="s">
        <v>14373</v>
      </c>
      <c r="H590" s="360"/>
      <c r="I590" s="359" t="s">
        <v>14373</v>
      </c>
      <c r="J590" s="359"/>
      <c r="K590" s="359"/>
      <c r="L590" s="359"/>
    </row>
    <row r="591" spans="2:12">
      <c r="B591" s="359"/>
      <c r="C591" s="360"/>
      <c r="D591" s="359"/>
      <c r="E591" s="359"/>
      <c r="F591" s="360"/>
      <c r="G591" s="360"/>
      <c r="H591" s="360"/>
      <c r="I591" s="360"/>
      <c r="J591" s="359"/>
      <c r="K591" s="359"/>
      <c r="L591" s="359"/>
    </row>
    <row r="592" spans="2:12" ht="28.5">
      <c r="B592" s="361"/>
      <c r="C592" s="362"/>
      <c r="D592" s="361"/>
      <c r="E592" s="361"/>
      <c r="F592" s="361" t="s">
        <v>14374</v>
      </c>
      <c r="G592" s="362"/>
      <c r="H592" s="362"/>
      <c r="I592" s="362"/>
      <c r="J592" s="361"/>
      <c r="K592" s="361"/>
      <c r="L592" s="361"/>
    </row>
    <row r="593" spans="2:12">
      <c r="B593" s="358" t="s">
        <v>14566</v>
      </c>
      <c r="C593" s="358" t="s">
        <v>14567</v>
      </c>
      <c r="D593" s="358" t="s">
        <v>14568</v>
      </c>
      <c r="E593" s="358" t="s">
        <v>1777</v>
      </c>
      <c r="F593" s="358" t="s">
        <v>14443</v>
      </c>
      <c r="G593" s="358" t="s">
        <v>14444</v>
      </c>
      <c r="H593" s="358" t="s">
        <v>14381</v>
      </c>
      <c r="I593" s="358" t="s">
        <v>14444</v>
      </c>
      <c r="J593" s="358"/>
      <c r="K593" s="358" t="s">
        <v>14517</v>
      </c>
      <c r="L593" s="358"/>
    </row>
    <row r="594" spans="2:12">
      <c r="B594" s="359"/>
      <c r="C594" s="360"/>
      <c r="D594" s="359"/>
      <c r="E594" s="359"/>
      <c r="F594" s="360"/>
      <c r="G594" s="360"/>
      <c r="H594" s="360"/>
      <c r="I594" s="360"/>
      <c r="J594" s="359"/>
      <c r="K594" s="359"/>
      <c r="L594" s="359"/>
    </row>
    <row r="595" spans="2:12">
      <c r="B595" s="359"/>
      <c r="C595" s="359" t="s">
        <v>14569</v>
      </c>
      <c r="D595" s="359"/>
      <c r="E595" s="359"/>
      <c r="F595" s="359" t="s">
        <v>14420</v>
      </c>
      <c r="G595" s="359" t="s">
        <v>14429</v>
      </c>
      <c r="H595" s="359" t="s">
        <v>14367</v>
      </c>
      <c r="I595" s="359" t="s">
        <v>14429</v>
      </c>
      <c r="J595" s="359"/>
      <c r="K595" s="359"/>
      <c r="L595" s="359"/>
    </row>
    <row r="596" spans="2:12">
      <c r="B596" s="359"/>
      <c r="C596" s="360"/>
      <c r="D596" s="359"/>
      <c r="E596" s="359"/>
      <c r="F596" s="360"/>
      <c r="G596" s="360"/>
      <c r="H596" s="360"/>
      <c r="I596" s="360"/>
      <c r="J596" s="359"/>
      <c r="K596" s="359"/>
      <c r="L596" s="359"/>
    </row>
    <row r="597" spans="2:12" ht="28.5">
      <c r="B597" s="359"/>
      <c r="C597" s="360"/>
      <c r="D597" s="359"/>
      <c r="E597" s="359"/>
      <c r="F597" s="359" t="s">
        <v>14460</v>
      </c>
      <c r="G597" s="359" t="s">
        <v>14461</v>
      </c>
      <c r="H597" s="359" t="s">
        <v>14370</v>
      </c>
      <c r="I597" s="359" t="s">
        <v>28567</v>
      </c>
      <c r="J597" s="359"/>
      <c r="K597" s="359"/>
      <c r="L597" s="359"/>
    </row>
    <row r="598" spans="2:12">
      <c r="B598" s="359"/>
      <c r="C598" s="360"/>
      <c r="D598" s="359"/>
      <c r="E598" s="359"/>
      <c r="F598" s="360"/>
      <c r="G598" s="360"/>
      <c r="H598" s="360"/>
      <c r="I598" s="360"/>
      <c r="J598" s="359"/>
      <c r="K598" s="359"/>
      <c r="L598" s="359"/>
    </row>
    <row r="599" spans="2:12">
      <c r="B599" s="359"/>
      <c r="C599" s="360"/>
      <c r="D599" s="359"/>
      <c r="E599" s="359"/>
      <c r="F599" s="359" t="s">
        <v>14371</v>
      </c>
      <c r="G599" s="359" t="s">
        <v>14372</v>
      </c>
      <c r="H599" s="359" t="s">
        <v>14422</v>
      </c>
      <c r="I599" s="360"/>
      <c r="J599" s="359"/>
      <c r="K599" s="359"/>
      <c r="L599" s="359"/>
    </row>
    <row r="600" spans="2:12">
      <c r="B600" s="359"/>
      <c r="C600" s="360"/>
      <c r="D600" s="359"/>
      <c r="E600" s="359"/>
      <c r="F600" s="360"/>
      <c r="G600" s="360"/>
      <c r="H600" s="360"/>
      <c r="I600" s="360"/>
      <c r="J600" s="359"/>
      <c r="K600" s="359"/>
      <c r="L600" s="359"/>
    </row>
    <row r="601" spans="2:12" ht="28.5">
      <c r="B601" s="361"/>
      <c r="C601" s="362"/>
      <c r="D601" s="361"/>
      <c r="E601" s="361"/>
      <c r="F601" s="361" t="s">
        <v>14374</v>
      </c>
      <c r="G601" s="361" t="s">
        <v>14373</v>
      </c>
      <c r="H601" s="362"/>
      <c r="I601" s="362"/>
      <c r="J601" s="361"/>
      <c r="K601" s="361"/>
      <c r="L601" s="361"/>
    </row>
    <row r="602" spans="2:12" ht="28.5">
      <c r="B602" s="358" t="s">
        <v>14570</v>
      </c>
      <c r="C602" s="358" t="s">
        <v>14571</v>
      </c>
      <c r="D602" s="358" t="s">
        <v>14572</v>
      </c>
      <c r="E602" s="358" t="s">
        <v>14573</v>
      </c>
      <c r="F602" s="358" t="s">
        <v>28568</v>
      </c>
      <c r="G602" s="358" t="s">
        <v>14383</v>
      </c>
      <c r="H602" s="358" t="s">
        <v>14378</v>
      </c>
      <c r="I602" s="358" t="s">
        <v>14383</v>
      </c>
      <c r="J602" s="358"/>
      <c r="K602" s="358"/>
      <c r="L602" s="358"/>
    </row>
    <row r="603" spans="2:12">
      <c r="B603" s="359"/>
      <c r="C603" s="360"/>
      <c r="D603" s="359"/>
      <c r="E603" s="359"/>
      <c r="F603" s="360"/>
      <c r="G603" s="360"/>
      <c r="H603" s="360"/>
      <c r="I603" s="360"/>
      <c r="J603" s="359"/>
      <c r="K603" s="359"/>
      <c r="L603" s="359"/>
    </row>
    <row r="604" spans="2:12" ht="28.5">
      <c r="B604" s="359"/>
      <c r="C604" s="359" t="s">
        <v>27365</v>
      </c>
      <c r="D604" s="359"/>
      <c r="E604" s="359"/>
      <c r="F604" s="359" t="s">
        <v>14374</v>
      </c>
      <c r="G604" s="359" t="s">
        <v>14372</v>
      </c>
      <c r="H604" s="359" t="s">
        <v>14370</v>
      </c>
      <c r="I604" s="359" t="s">
        <v>14373</v>
      </c>
      <c r="J604" s="359"/>
      <c r="K604" s="359"/>
      <c r="L604" s="359"/>
    </row>
    <row r="605" spans="2:12">
      <c r="B605" s="359"/>
      <c r="C605" s="360"/>
      <c r="D605" s="359"/>
      <c r="E605" s="359"/>
      <c r="F605" s="360"/>
      <c r="G605" s="360"/>
      <c r="H605" s="360"/>
      <c r="I605" s="360"/>
      <c r="J605" s="359"/>
      <c r="K605" s="359"/>
      <c r="L605" s="359"/>
    </row>
    <row r="606" spans="2:12">
      <c r="B606" s="361"/>
      <c r="C606" s="361" t="s">
        <v>14574</v>
      </c>
      <c r="D606" s="361"/>
      <c r="E606" s="361"/>
      <c r="F606" s="362"/>
      <c r="G606" s="361" t="s">
        <v>14373</v>
      </c>
      <c r="H606" s="361" t="s">
        <v>14332</v>
      </c>
      <c r="I606" s="362"/>
      <c r="J606" s="361"/>
      <c r="K606" s="361"/>
      <c r="L606" s="361"/>
    </row>
    <row r="607" spans="2:12">
      <c r="B607" s="358" t="s">
        <v>14575</v>
      </c>
      <c r="C607" s="358" t="s">
        <v>14576</v>
      </c>
      <c r="D607" s="358" t="s">
        <v>14577</v>
      </c>
      <c r="E607" s="358" t="s">
        <v>14578</v>
      </c>
      <c r="F607" s="358" t="s">
        <v>14379</v>
      </c>
      <c r="G607" s="358" t="s">
        <v>14380</v>
      </c>
      <c r="H607" s="358" t="s">
        <v>14378</v>
      </c>
      <c r="I607" s="358" t="s">
        <v>14380</v>
      </c>
      <c r="J607" s="358"/>
      <c r="K607" s="358"/>
      <c r="L607" s="358"/>
    </row>
    <row r="608" spans="2:12">
      <c r="B608" s="359"/>
      <c r="C608" s="360"/>
      <c r="D608" s="359"/>
      <c r="E608" s="359"/>
      <c r="F608" s="360"/>
      <c r="G608" s="360"/>
      <c r="H608" s="360"/>
      <c r="I608" s="360"/>
      <c r="J608" s="359"/>
      <c r="K608" s="359"/>
      <c r="L608" s="359"/>
    </row>
    <row r="609" spans="2:12" ht="28.5">
      <c r="B609" s="359"/>
      <c r="C609" s="359" t="s">
        <v>27366</v>
      </c>
      <c r="D609" s="359"/>
      <c r="E609" s="359"/>
      <c r="F609" s="359" t="s">
        <v>14379</v>
      </c>
      <c r="G609" s="359" t="s">
        <v>14405</v>
      </c>
      <c r="H609" s="359" t="s">
        <v>14370</v>
      </c>
      <c r="I609" s="359" t="s">
        <v>14405</v>
      </c>
      <c r="J609" s="359"/>
      <c r="K609" s="359"/>
      <c r="L609" s="359"/>
    </row>
    <row r="610" spans="2:12">
      <c r="B610" s="359"/>
      <c r="C610" s="360"/>
      <c r="D610" s="359"/>
      <c r="E610" s="359"/>
      <c r="F610" s="360"/>
      <c r="G610" s="360"/>
      <c r="H610" s="360"/>
      <c r="I610" s="360"/>
      <c r="J610" s="359"/>
      <c r="K610" s="359"/>
      <c r="L610" s="359"/>
    </row>
    <row r="611" spans="2:12">
      <c r="B611" s="359"/>
      <c r="C611" s="360"/>
      <c r="D611" s="359"/>
      <c r="E611" s="359"/>
      <c r="F611" s="359" t="s">
        <v>14382</v>
      </c>
      <c r="G611" s="359" t="s">
        <v>14579</v>
      </c>
      <c r="H611" s="359" t="s">
        <v>14332</v>
      </c>
      <c r="I611" s="359" t="s">
        <v>14579</v>
      </c>
      <c r="J611" s="359"/>
      <c r="K611" s="359"/>
      <c r="L611" s="359"/>
    </row>
    <row r="612" spans="2:12">
      <c r="B612" s="359"/>
      <c r="C612" s="360"/>
      <c r="D612" s="359"/>
      <c r="E612" s="359"/>
      <c r="F612" s="360"/>
      <c r="G612" s="360"/>
      <c r="H612" s="360"/>
      <c r="I612" s="360"/>
      <c r="J612" s="359"/>
      <c r="K612" s="359"/>
      <c r="L612" s="359"/>
    </row>
    <row r="613" spans="2:12">
      <c r="B613" s="359"/>
      <c r="C613" s="360"/>
      <c r="D613" s="359"/>
      <c r="E613" s="359"/>
      <c r="F613" s="359" t="s">
        <v>14371</v>
      </c>
      <c r="G613" s="359" t="s">
        <v>14372</v>
      </c>
      <c r="H613" s="360"/>
      <c r="I613" s="359" t="s">
        <v>14373</v>
      </c>
      <c r="J613" s="359"/>
      <c r="K613" s="359"/>
      <c r="L613" s="359"/>
    </row>
    <row r="614" spans="2:12">
      <c r="B614" s="359"/>
      <c r="C614" s="360"/>
      <c r="D614" s="359"/>
      <c r="E614" s="359"/>
      <c r="F614" s="360"/>
      <c r="G614" s="360"/>
      <c r="H614" s="360"/>
      <c r="I614" s="360"/>
      <c r="J614" s="359"/>
      <c r="K614" s="359"/>
      <c r="L614" s="359"/>
    </row>
    <row r="615" spans="2:12" ht="28.5">
      <c r="B615" s="361"/>
      <c r="C615" s="362"/>
      <c r="D615" s="361"/>
      <c r="E615" s="361"/>
      <c r="F615" s="361" t="s">
        <v>14374</v>
      </c>
      <c r="G615" s="361" t="s">
        <v>14373</v>
      </c>
      <c r="H615" s="362"/>
      <c r="I615" s="362"/>
      <c r="J615" s="361"/>
      <c r="K615" s="361"/>
      <c r="L615" s="361"/>
    </row>
    <row r="616" spans="2:12">
      <c r="B616" s="358" t="s">
        <v>14580</v>
      </c>
      <c r="C616" s="358" t="s">
        <v>14581</v>
      </c>
      <c r="D616" s="358" t="s">
        <v>14582</v>
      </c>
      <c r="E616" s="358" t="s">
        <v>14583</v>
      </c>
      <c r="F616" s="358" t="s">
        <v>14382</v>
      </c>
      <c r="G616" s="358" t="s">
        <v>14579</v>
      </c>
      <c r="H616" s="358" t="s">
        <v>14378</v>
      </c>
      <c r="I616" s="358" t="s">
        <v>14579</v>
      </c>
      <c r="J616" s="358"/>
      <c r="K616" s="358"/>
      <c r="L616" s="358"/>
    </row>
    <row r="617" spans="2:12">
      <c r="B617" s="359"/>
      <c r="C617" s="360"/>
      <c r="D617" s="359"/>
      <c r="E617" s="359"/>
      <c r="F617" s="360"/>
      <c r="G617" s="360"/>
      <c r="H617" s="360"/>
      <c r="I617" s="360"/>
      <c r="J617" s="359"/>
      <c r="K617" s="359"/>
      <c r="L617" s="359"/>
    </row>
    <row r="618" spans="2:12">
      <c r="B618" s="359"/>
      <c r="C618" s="359" t="s">
        <v>14584</v>
      </c>
      <c r="D618" s="359"/>
      <c r="E618" s="359"/>
      <c r="F618" s="359" t="s">
        <v>14382</v>
      </c>
      <c r="G618" s="359" t="s">
        <v>14383</v>
      </c>
      <c r="H618" s="359" t="s">
        <v>14370</v>
      </c>
      <c r="I618" s="359" t="s">
        <v>14383</v>
      </c>
      <c r="J618" s="359"/>
      <c r="K618" s="359"/>
      <c r="L618" s="359"/>
    </row>
    <row r="619" spans="2:12">
      <c r="B619" s="359"/>
      <c r="C619" s="360"/>
      <c r="D619" s="359"/>
      <c r="E619" s="359"/>
      <c r="F619" s="360"/>
      <c r="G619" s="360"/>
      <c r="H619" s="360"/>
      <c r="I619" s="360"/>
      <c r="J619" s="359"/>
      <c r="K619" s="359"/>
      <c r="L619" s="359"/>
    </row>
    <row r="620" spans="2:12">
      <c r="B620" s="359"/>
      <c r="C620" s="360"/>
      <c r="D620" s="359"/>
      <c r="E620" s="359"/>
      <c r="F620" s="359" t="s">
        <v>14371</v>
      </c>
      <c r="G620" s="359" t="s">
        <v>14372</v>
      </c>
      <c r="H620" s="359" t="s">
        <v>14332</v>
      </c>
      <c r="I620" s="359" t="s">
        <v>14373</v>
      </c>
      <c r="J620" s="359"/>
      <c r="K620" s="359"/>
      <c r="L620" s="359"/>
    </row>
    <row r="621" spans="2:12">
      <c r="B621" s="359"/>
      <c r="C621" s="360"/>
      <c r="D621" s="359"/>
      <c r="E621" s="359"/>
      <c r="F621" s="360"/>
      <c r="G621" s="360"/>
      <c r="H621" s="360"/>
      <c r="I621" s="360"/>
      <c r="J621" s="359"/>
      <c r="K621" s="359"/>
      <c r="L621" s="359"/>
    </row>
    <row r="622" spans="2:12" ht="28.5">
      <c r="B622" s="361"/>
      <c r="C622" s="362"/>
      <c r="D622" s="361"/>
      <c r="E622" s="361"/>
      <c r="F622" s="361" t="s">
        <v>14374</v>
      </c>
      <c r="G622" s="361" t="s">
        <v>14373</v>
      </c>
      <c r="H622" s="362"/>
      <c r="I622" s="362"/>
      <c r="J622" s="361"/>
      <c r="K622" s="361"/>
      <c r="L622" s="361"/>
    </row>
    <row r="623" spans="2:12">
      <c r="B623" s="358" t="s">
        <v>14585</v>
      </c>
      <c r="C623" s="358" t="s">
        <v>14586</v>
      </c>
      <c r="D623" s="358" t="s">
        <v>14587</v>
      </c>
      <c r="E623" s="358" t="s">
        <v>14588</v>
      </c>
      <c r="F623" s="358" t="s">
        <v>14443</v>
      </c>
      <c r="G623" s="358" t="s">
        <v>14444</v>
      </c>
      <c r="H623" s="358" t="s">
        <v>14381</v>
      </c>
      <c r="I623" s="358" t="s">
        <v>14444</v>
      </c>
      <c r="J623" s="358"/>
      <c r="K623" s="358"/>
      <c r="L623" s="358"/>
    </row>
    <row r="624" spans="2:12">
      <c r="B624" s="359"/>
      <c r="C624" s="360"/>
      <c r="D624" s="359"/>
      <c r="E624" s="359"/>
      <c r="F624" s="360"/>
      <c r="G624" s="360"/>
      <c r="H624" s="360"/>
      <c r="I624" s="360"/>
      <c r="J624" s="359"/>
      <c r="K624" s="359"/>
      <c r="L624" s="359"/>
    </row>
    <row r="625" spans="2:12">
      <c r="B625" s="359"/>
      <c r="C625" s="359" t="s">
        <v>27367</v>
      </c>
      <c r="D625" s="359"/>
      <c r="E625" s="359"/>
      <c r="F625" s="359" t="s">
        <v>14420</v>
      </c>
      <c r="G625" s="359" t="s">
        <v>14429</v>
      </c>
      <c r="H625" s="359" t="s">
        <v>14367</v>
      </c>
      <c r="I625" s="359" t="s">
        <v>14429</v>
      </c>
      <c r="J625" s="359"/>
      <c r="K625" s="359"/>
      <c r="L625" s="359"/>
    </row>
    <row r="626" spans="2:12">
      <c r="B626" s="359"/>
      <c r="C626" s="360"/>
      <c r="D626" s="359"/>
      <c r="E626" s="359"/>
      <c r="F626" s="360"/>
      <c r="G626" s="360"/>
      <c r="H626" s="360"/>
      <c r="I626" s="360"/>
      <c r="J626" s="359"/>
      <c r="K626" s="359"/>
      <c r="L626" s="359"/>
    </row>
    <row r="627" spans="2:12">
      <c r="B627" s="359"/>
      <c r="C627" s="360"/>
      <c r="D627" s="359"/>
      <c r="E627" s="359"/>
      <c r="F627" s="359" t="s">
        <v>14371</v>
      </c>
      <c r="G627" s="359" t="s">
        <v>14372</v>
      </c>
      <c r="H627" s="359" t="s">
        <v>14370</v>
      </c>
      <c r="I627" s="359" t="s">
        <v>14373</v>
      </c>
      <c r="J627" s="359"/>
      <c r="K627" s="359"/>
      <c r="L627" s="359"/>
    </row>
    <row r="628" spans="2:12">
      <c r="B628" s="359"/>
      <c r="C628" s="360"/>
      <c r="D628" s="359"/>
      <c r="E628" s="359"/>
      <c r="F628" s="360"/>
      <c r="G628" s="360"/>
      <c r="H628" s="360"/>
      <c r="I628" s="360"/>
      <c r="J628" s="359"/>
      <c r="K628" s="359"/>
      <c r="L628" s="359"/>
    </row>
    <row r="629" spans="2:12" ht="28.5">
      <c r="B629" s="361"/>
      <c r="C629" s="362"/>
      <c r="D629" s="361"/>
      <c r="E629" s="361"/>
      <c r="F629" s="361" t="s">
        <v>14374</v>
      </c>
      <c r="G629" s="361" t="s">
        <v>14373</v>
      </c>
      <c r="H629" s="361" t="s">
        <v>14422</v>
      </c>
      <c r="I629" s="362"/>
      <c r="J629" s="361"/>
      <c r="K629" s="361"/>
      <c r="L629" s="361"/>
    </row>
    <row r="630" spans="2:12">
      <c r="B630" s="358" t="s">
        <v>14589</v>
      </c>
      <c r="C630" s="358" t="s">
        <v>14590</v>
      </c>
      <c r="D630" s="358" t="s">
        <v>14591</v>
      </c>
      <c r="E630" s="358" t="s">
        <v>14592</v>
      </c>
      <c r="F630" s="358" t="s">
        <v>14420</v>
      </c>
      <c r="G630" s="358" t="s">
        <v>14429</v>
      </c>
      <c r="H630" s="358" t="s">
        <v>14367</v>
      </c>
      <c r="I630" s="358" t="s">
        <v>14429</v>
      </c>
      <c r="J630" s="358"/>
      <c r="K630" s="358"/>
      <c r="L630" s="358"/>
    </row>
    <row r="631" spans="2:12">
      <c r="B631" s="359"/>
      <c r="C631" s="360"/>
      <c r="D631" s="359"/>
      <c r="E631" s="359"/>
      <c r="F631" s="360"/>
      <c r="G631" s="360"/>
      <c r="H631" s="360"/>
      <c r="I631" s="360"/>
      <c r="J631" s="359"/>
      <c r="K631" s="359"/>
      <c r="L631" s="359"/>
    </row>
    <row r="632" spans="2:12">
      <c r="B632" s="359"/>
      <c r="C632" s="359" t="s">
        <v>27368</v>
      </c>
      <c r="D632" s="359"/>
      <c r="E632" s="359"/>
      <c r="F632" s="359" t="s">
        <v>14391</v>
      </c>
      <c r="G632" s="359" t="s">
        <v>14392</v>
      </c>
      <c r="H632" s="359" t="s">
        <v>14370</v>
      </c>
      <c r="I632" s="359" t="s">
        <v>14392</v>
      </c>
      <c r="J632" s="359"/>
      <c r="K632" s="359"/>
      <c r="L632" s="359"/>
    </row>
    <row r="633" spans="2:12">
      <c r="B633" s="359"/>
      <c r="C633" s="360"/>
      <c r="D633" s="359"/>
      <c r="E633" s="359"/>
      <c r="F633" s="360"/>
      <c r="G633" s="360"/>
      <c r="H633" s="360"/>
      <c r="I633" s="360"/>
      <c r="J633" s="359"/>
      <c r="K633" s="359"/>
      <c r="L633" s="359"/>
    </row>
    <row r="634" spans="2:12">
      <c r="B634" s="359"/>
      <c r="C634" s="360"/>
      <c r="D634" s="359"/>
      <c r="E634" s="359"/>
      <c r="F634" s="359" t="s">
        <v>14371</v>
      </c>
      <c r="G634" s="359" t="s">
        <v>14372</v>
      </c>
      <c r="H634" s="359" t="s">
        <v>14422</v>
      </c>
      <c r="I634" s="359" t="s">
        <v>14373</v>
      </c>
      <c r="J634" s="359"/>
      <c r="K634" s="359"/>
      <c r="L634" s="359"/>
    </row>
    <row r="635" spans="2:12">
      <c r="B635" s="359"/>
      <c r="C635" s="360"/>
      <c r="D635" s="359"/>
      <c r="E635" s="359"/>
      <c r="F635" s="360"/>
      <c r="G635" s="360"/>
      <c r="H635" s="360"/>
      <c r="I635" s="360"/>
      <c r="J635" s="359"/>
      <c r="K635" s="359"/>
      <c r="L635" s="359"/>
    </row>
    <row r="636" spans="2:12" ht="28.5">
      <c r="B636" s="361"/>
      <c r="C636" s="362"/>
      <c r="D636" s="361"/>
      <c r="E636" s="361"/>
      <c r="F636" s="361" t="s">
        <v>14374</v>
      </c>
      <c r="G636" s="361" t="s">
        <v>14373</v>
      </c>
      <c r="H636" s="362"/>
      <c r="I636" s="362"/>
      <c r="J636" s="361"/>
      <c r="K636" s="361"/>
      <c r="L636" s="361"/>
    </row>
    <row r="637" spans="2:12">
      <c r="B637" s="358" t="s">
        <v>13003</v>
      </c>
      <c r="C637" s="358" t="s">
        <v>14593</v>
      </c>
      <c r="D637" s="358" t="s">
        <v>13004</v>
      </c>
      <c r="E637" s="358" t="s">
        <v>13005</v>
      </c>
      <c r="F637" s="358" t="s">
        <v>28569</v>
      </c>
      <c r="G637" s="358" t="s">
        <v>14481</v>
      </c>
      <c r="H637" s="358" t="s">
        <v>14381</v>
      </c>
      <c r="I637" s="358" t="s">
        <v>14481</v>
      </c>
      <c r="J637" s="358"/>
      <c r="K637" s="358"/>
      <c r="L637" s="358"/>
    </row>
    <row r="638" spans="2:12">
      <c r="B638" s="359"/>
      <c r="C638" s="360"/>
      <c r="D638" s="359"/>
      <c r="E638" s="359"/>
      <c r="F638" s="360"/>
      <c r="G638" s="360"/>
      <c r="H638" s="360"/>
      <c r="I638" s="360"/>
      <c r="J638" s="359"/>
      <c r="K638" s="359"/>
      <c r="L638" s="359"/>
    </row>
    <row r="639" spans="2:12">
      <c r="B639" s="359"/>
      <c r="C639" s="359" t="s">
        <v>13002</v>
      </c>
      <c r="D639" s="359"/>
      <c r="E639" s="359"/>
      <c r="F639" s="359" t="s">
        <v>14420</v>
      </c>
      <c r="G639" s="359" t="s">
        <v>14444</v>
      </c>
      <c r="H639" s="359" t="s">
        <v>14367</v>
      </c>
      <c r="I639" s="359" t="s">
        <v>14444</v>
      </c>
      <c r="J639" s="359"/>
      <c r="K639" s="359"/>
      <c r="L639" s="359"/>
    </row>
    <row r="640" spans="2:12">
      <c r="B640" s="359"/>
      <c r="C640" s="360"/>
      <c r="D640" s="359"/>
      <c r="E640" s="359"/>
      <c r="F640" s="360"/>
      <c r="G640" s="360"/>
      <c r="H640" s="360"/>
      <c r="I640" s="360"/>
      <c r="J640" s="359"/>
      <c r="K640" s="359"/>
      <c r="L640" s="359"/>
    </row>
    <row r="641" spans="2:12">
      <c r="B641" s="359"/>
      <c r="C641" s="360"/>
      <c r="D641" s="359"/>
      <c r="E641" s="359"/>
      <c r="F641" s="359" t="s">
        <v>14460</v>
      </c>
      <c r="G641" s="359" t="s">
        <v>14429</v>
      </c>
      <c r="H641" s="359" t="s">
        <v>14370</v>
      </c>
      <c r="I641" s="359" t="s">
        <v>14429</v>
      </c>
      <c r="J641" s="359"/>
      <c r="K641" s="359"/>
      <c r="L641" s="359"/>
    </row>
    <row r="642" spans="2:12">
      <c r="B642" s="359"/>
      <c r="C642" s="360"/>
      <c r="D642" s="359"/>
      <c r="E642" s="359"/>
      <c r="F642" s="360"/>
      <c r="G642" s="360"/>
      <c r="H642" s="360"/>
      <c r="I642" s="360"/>
      <c r="J642" s="359"/>
      <c r="K642" s="359"/>
      <c r="L642" s="359"/>
    </row>
    <row r="643" spans="2:12">
      <c r="B643" s="359"/>
      <c r="C643" s="360"/>
      <c r="D643" s="359"/>
      <c r="E643" s="359"/>
      <c r="F643" s="359" t="s">
        <v>14371</v>
      </c>
      <c r="G643" s="359" t="s">
        <v>14519</v>
      </c>
      <c r="H643" s="359" t="s">
        <v>14332</v>
      </c>
      <c r="I643" s="359" t="s">
        <v>14519</v>
      </c>
      <c r="J643" s="359"/>
      <c r="K643" s="359"/>
      <c r="L643" s="359"/>
    </row>
    <row r="644" spans="2:12">
      <c r="B644" s="359"/>
      <c r="C644" s="360"/>
      <c r="D644" s="359"/>
      <c r="E644" s="359"/>
      <c r="F644" s="360"/>
      <c r="G644" s="360"/>
      <c r="H644" s="360"/>
      <c r="I644" s="360"/>
      <c r="J644" s="359"/>
      <c r="K644" s="359"/>
      <c r="L644" s="359"/>
    </row>
    <row r="645" spans="2:12" ht="28.5">
      <c r="B645" s="359"/>
      <c r="C645" s="360"/>
      <c r="D645" s="359"/>
      <c r="E645" s="359"/>
      <c r="F645" s="359" t="s">
        <v>14374</v>
      </c>
      <c r="G645" s="359" t="s">
        <v>14372</v>
      </c>
      <c r="H645" s="360"/>
      <c r="I645" s="359" t="s">
        <v>14373</v>
      </c>
      <c r="J645" s="359"/>
      <c r="K645" s="359"/>
      <c r="L645" s="359"/>
    </row>
    <row r="646" spans="2:12">
      <c r="B646" s="359"/>
      <c r="C646" s="360"/>
      <c r="D646" s="359"/>
      <c r="E646" s="359"/>
      <c r="F646" s="360"/>
      <c r="G646" s="360"/>
      <c r="H646" s="360"/>
      <c r="I646" s="360"/>
      <c r="J646" s="359"/>
      <c r="K646" s="359"/>
      <c r="L646" s="359"/>
    </row>
    <row r="647" spans="2:12">
      <c r="B647" s="361"/>
      <c r="C647" s="362"/>
      <c r="D647" s="361"/>
      <c r="E647" s="361"/>
      <c r="F647" s="362"/>
      <c r="G647" s="361" t="s">
        <v>14373</v>
      </c>
      <c r="H647" s="362"/>
      <c r="I647" s="362"/>
      <c r="J647" s="361"/>
      <c r="K647" s="361"/>
      <c r="L647" s="361"/>
    </row>
    <row r="648" spans="2:12">
      <c r="B648" s="358" t="s">
        <v>14594</v>
      </c>
      <c r="C648" s="358" t="s">
        <v>14595</v>
      </c>
      <c r="D648" s="358" t="s">
        <v>8356</v>
      </c>
      <c r="E648" s="358" t="s">
        <v>14596</v>
      </c>
      <c r="F648" s="358" t="s">
        <v>14382</v>
      </c>
      <c r="G648" s="358" t="s">
        <v>14483</v>
      </c>
      <c r="H648" s="358" t="s">
        <v>14378</v>
      </c>
      <c r="I648" s="358" t="s">
        <v>14483</v>
      </c>
      <c r="J648" s="358"/>
      <c r="K648" s="358"/>
      <c r="L648" s="358"/>
    </row>
    <row r="649" spans="2:12">
      <c r="B649" s="359"/>
      <c r="C649" s="360"/>
      <c r="D649" s="359"/>
      <c r="E649" s="359"/>
      <c r="F649" s="360"/>
      <c r="G649" s="360"/>
      <c r="H649" s="360"/>
      <c r="I649" s="360"/>
      <c r="J649" s="359"/>
      <c r="K649" s="359"/>
      <c r="L649" s="359"/>
    </row>
    <row r="650" spans="2:12">
      <c r="B650" s="359"/>
      <c r="C650" s="359" t="s">
        <v>14597</v>
      </c>
      <c r="D650" s="359"/>
      <c r="E650" s="359"/>
      <c r="F650" s="359" t="s">
        <v>14382</v>
      </c>
      <c r="G650" s="359" t="s">
        <v>14579</v>
      </c>
      <c r="H650" s="359" t="s">
        <v>14332</v>
      </c>
      <c r="I650" s="359" t="s">
        <v>14579</v>
      </c>
      <c r="J650" s="359"/>
      <c r="K650" s="359"/>
      <c r="L650" s="359"/>
    </row>
    <row r="651" spans="2:12">
      <c r="B651" s="359"/>
      <c r="C651" s="360"/>
      <c r="D651" s="359"/>
      <c r="E651" s="359"/>
      <c r="F651" s="360"/>
      <c r="G651" s="360"/>
      <c r="H651" s="360"/>
      <c r="I651" s="360"/>
      <c r="J651" s="359"/>
      <c r="K651" s="359"/>
      <c r="L651" s="359"/>
    </row>
    <row r="652" spans="2:12">
      <c r="B652" s="361"/>
      <c r="C652" s="362"/>
      <c r="D652" s="361"/>
      <c r="E652" s="361"/>
      <c r="F652" s="361" t="s">
        <v>14382</v>
      </c>
      <c r="G652" s="361" t="s">
        <v>14383</v>
      </c>
      <c r="H652" s="362"/>
      <c r="I652" s="361" t="s">
        <v>14383</v>
      </c>
      <c r="J652" s="361"/>
      <c r="K652" s="361"/>
      <c r="L652" s="361"/>
    </row>
    <row r="653" spans="2:12">
      <c r="B653" s="358" t="s">
        <v>14598</v>
      </c>
      <c r="C653" s="358" t="s">
        <v>14599</v>
      </c>
      <c r="D653" s="358" t="s">
        <v>14600</v>
      </c>
      <c r="E653" s="358" t="s">
        <v>14601</v>
      </c>
      <c r="F653" s="358" t="s">
        <v>14382</v>
      </c>
      <c r="G653" s="358" t="s">
        <v>14383</v>
      </c>
      <c r="H653" s="358" t="s">
        <v>14378</v>
      </c>
      <c r="I653" s="358" t="s">
        <v>14383</v>
      </c>
      <c r="J653" s="358"/>
      <c r="K653" s="358"/>
      <c r="L653" s="358"/>
    </row>
    <row r="654" spans="2:12">
      <c r="B654" s="359"/>
      <c r="C654" s="360"/>
      <c r="D654" s="359"/>
      <c r="E654" s="359"/>
      <c r="F654" s="360"/>
      <c r="G654" s="360"/>
      <c r="H654" s="360"/>
      <c r="I654" s="360"/>
      <c r="J654" s="359"/>
      <c r="K654" s="359"/>
      <c r="L654" s="359"/>
    </row>
    <row r="655" spans="2:12">
      <c r="B655" s="359"/>
      <c r="C655" s="359" t="s">
        <v>14602</v>
      </c>
      <c r="D655" s="359"/>
      <c r="E655" s="359"/>
      <c r="F655" s="359" t="s">
        <v>14371</v>
      </c>
      <c r="G655" s="359" t="s">
        <v>14372</v>
      </c>
      <c r="H655" s="359" t="s">
        <v>14370</v>
      </c>
      <c r="I655" s="359" t="s">
        <v>14373</v>
      </c>
      <c r="J655" s="359"/>
      <c r="K655" s="359"/>
      <c r="L655" s="359"/>
    </row>
    <row r="656" spans="2:12">
      <c r="B656" s="359"/>
      <c r="C656" s="360"/>
      <c r="D656" s="359"/>
      <c r="E656" s="359"/>
      <c r="F656" s="360"/>
      <c r="G656" s="360"/>
      <c r="H656" s="360"/>
      <c r="I656" s="360"/>
      <c r="J656" s="359"/>
      <c r="K656" s="359"/>
      <c r="L656" s="359"/>
    </row>
    <row r="657" spans="2:12" ht="28.5">
      <c r="B657" s="361"/>
      <c r="C657" s="361" t="s">
        <v>27369</v>
      </c>
      <c r="D657" s="361"/>
      <c r="E657" s="361"/>
      <c r="F657" s="361" t="s">
        <v>14374</v>
      </c>
      <c r="G657" s="361" t="s">
        <v>14373</v>
      </c>
      <c r="H657" s="361" t="s">
        <v>14332</v>
      </c>
      <c r="I657" s="362"/>
      <c r="J657" s="361"/>
      <c r="K657" s="361"/>
      <c r="L657" s="361"/>
    </row>
    <row r="658" spans="2:12">
      <c r="B658" s="358" t="s">
        <v>14603</v>
      </c>
      <c r="C658" s="358" t="s">
        <v>14604</v>
      </c>
      <c r="D658" s="358" t="s">
        <v>14605</v>
      </c>
      <c r="E658" s="358" t="s">
        <v>14606</v>
      </c>
      <c r="F658" s="358" t="s">
        <v>14420</v>
      </c>
      <c r="G658" s="358" t="s">
        <v>14429</v>
      </c>
      <c r="H658" s="358" t="s">
        <v>14367</v>
      </c>
      <c r="I658" s="358" t="s">
        <v>14429</v>
      </c>
      <c r="J658" s="358"/>
      <c r="K658" s="358"/>
      <c r="L658" s="358"/>
    </row>
    <row r="659" spans="2:12">
      <c r="B659" s="359"/>
      <c r="C659" s="360"/>
      <c r="D659" s="359"/>
      <c r="E659" s="359"/>
      <c r="F659" s="360"/>
      <c r="G659" s="360"/>
      <c r="H659" s="360"/>
      <c r="I659" s="360"/>
      <c r="J659" s="359"/>
      <c r="K659" s="359"/>
      <c r="L659" s="359"/>
    </row>
    <row r="660" spans="2:12">
      <c r="B660" s="359"/>
      <c r="C660" s="359" t="s">
        <v>27370</v>
      </c>
      <c r="D660" s="359"/>
      <c r="E660" s="359"/>
      <c r="F660" s="359" t="s">
        <v>14389</v>
      </c>
      <c r="G660" s="359" t="s">
        <v>14390</v>
      </c>
      <c r="H660" s="359" t="s">
        <v>14370</v>
      </c>
      <c r="I660" s="359" t="s">
        <v>14390</v>
      </c>
      <c r="J660" s="359"/>
      <c r="K660" s="359"/>
      <c r="L660" s="359"/>
    </row>
    <row r="661" spans="2:12">
      <c r="B661" s="359"/>
      <c r="C661" s="360"/>
      <c r="D661" s="359"/>
      <c r="E661" s="359"/>
      <c r="F661" s="360"/>
      <c r="G661" s="360"/>
      <c r="H661" s="360"/>
      <c r="I661" s="360"/>
      <c r="J661" s="359"/>
      <c r="K661" s="359"/>
      <c r="L661" s="359"/>
    </row>
    <row r="662" spans="2:12" ht="28.5">
      <c r="B662" s="361"/>
      <c r="C662" s="362"/>
      <c r="D662" s="361"/>
      <c r="E662" s="361"/>
      <c r="F662" s="361" t="s">
        <v>14394</v>
      </c>
      <c r="G662" s="361" t="s">
        <v>14395</v>
      </c>
      <c r="H662" s="361" t="s">
        <v>14422</v>
      </c>
      <c r="I662" s="361" t="s">
        <v>14395</v>
      </c>
      <c r="J662" s="361"/>
      <c r="K662" s="361"/>
      <c r="L662" s="361"/>
    </row>
    <row r="663" spans="2:12">
      <c r="B663" s="358" t="s">
        <v>14607</v>
      </c>
      <c r="C663" s="358" t="s">
        <v>14608</v>
      </c>
      <c r="D663" s="358" t="s">
        <v>14609</v>
      </c>
      <c r="E663" s="358" t="s">
        <v>14610</v>
      </c>
      <c r="F663" s="358" t="s">
        <v>14420</v>
      </c>
      <c r="G663" s="358" t="s">
        <v>14459</v>
      </c>
      <c r="H663" s="358" t="s">
        <v>14367</v>
      </c>
      <c r="I663" s="358" t="s">
        <v>14459</v>
      </c>
      <c r="J663" s="358"/>
      <c r="K663" s="358"/>
      <c r="L663" s="358" t="s">
        <v>14611</v>
      </c>
    </row>
    <row r="664" spans="2:12">
      <c r="B664" s="359"/>
      <c r="C664" s="360"/>
      <c r="D664" s="360"/>
      <c r="E664" s="360"/>
      <c r="F664" s="360"/>
      <c r="G664" s="360"/>
      <c r="H664" s="360"/>
      <c r="I664" s="360"/>
      <c r="J664" s="359"/>
      <c r="K664" s="359"/>
      <c r="L664" s="359"/>
    </row>
    <row r="665" spans="2:12" ht="42.75">
      <c r="B665" s="359"/>
      <c r="C665" s="359" t="s">
        <v>30006</v>
      </c>
      <c r="D665" s="359" t="s">
        <v>14612</v>
      </c>
      <c r="E665" s="359" t="s">
        <v>14613</v>
      </c>
      <c r="F665" s="359" t="s">
        <v>14420</v>
      </c>
      <c r="G665" s="359" t="s">
        <v>14429</v>
      </c>
      <c r="H665" s="359" t="s">
        <v>14370</v>
      </c>
      <c r="I665" s="359" t="s">
        <v>14429</v>
      </c>
      <c r="J665" s="359"/>
      <c r="K665" s="359"/>
      <c r="L665" s="359"/>
    </row>
    <row r="666" spans="2:12">
      <c r="B666" s="359"/>
      <c r="C666" s="360"/>
      <c r="D666" s="360"/>
      <c r="E666" s="360"/>
      <c r="F666" s="360"/>
      <c r="G666" s="360"/>
      <c r="H666" s="360"/>
      <c r="I666" s="360"/>
      <c r="J666" s="359"/>
      <c r="K666" s="359"/>
      <c r="L666" s="359"/>
    </row>
    <row r="667" spans="2:12" ht="42.75">
      <c r="B667" s="359"/>
      <c r="C667" s="359" t="s">
        <v>27371</v>
      </c>
      <c r="D667" s="360"/>
      <c r="E667" s="359" t="s">
        <v>14614</v>
      </c>
      <c r="F667" s="359" t="s">
        <v>14371</v>
      </c>
      <c r="G667" s="359" t="s">
        <v>14372</v>
      </c>
      <c r="H667" s="359" t="s">
        <v>14422</v>
      </c>
      <c r="I667" s="359" t="s">
        <v>14373</v>
      </c>
      <c r="J667" s="359"/>
      <c r="K667" s="359"/>
      <c r="L667" s="359"/>
    </row>
    <row r="668" spans="2:12">
      <c r="B668" s="359"/>
      <c r="C668" s="360"/>
      <c r="D668" s="360"/>
      <c r="E668" s="360"/>
      <c r="F668" s="360"/>
      <c r="G668" s="360"/>
      <c r="H668" s="360"/>
      <c r="I668" s="360"/>
      <c r="J668" s="359"/>
      <c r="K668" s="359"/>
      <c r="L668" s="359"/>
    </row>
    <row r="669" spans="2:12" ht="28.5">
      <c r="B669" s="359"/>
      <c r="C669" s="359" t="s">
        <v>30007</v>
      </c>
      <c r="D669" s="360"/>
      <c r="E669" s="360"/>
      <c r="F669" s="359" t="s">
        <v>14374</v>
      </c>
      <c r="G669" s="359" t="s">
        <v>14373</v>
      </c>
      <c r="H669" s="360"/>
      <c r="I669" s="360"/>
      <c r="J669" s="359"/>
      <c r="K669" s="359"/>
      <c r="L669" s="359"/>
    </row>
    <row r="670" spans="2:12">
      <c r="B670" s="359"/>
      <c r="C670" s="360"/>
      <c r="D670" s="360"/>
      <c r="E670" s="360"/>
      <c r="F670" s="360"/>
      <c r="G670" s="360"/>
      <c r="H670" s="360"/>
      <c r="I670" s="360"/>
      <c r="J670" s="359"/>
      <c r="K670" s="359"/>
      <c r="L670" s="359"/>
    </row>
    <row r="671" spans="2:12" ht="42.75">
      <c r="B671" s="359"/>
      <c r="C671" s="359" t="s">
        <v>27372</v>
      </c>
      <c r="D671" s="360"/>
      <c r="E671" s="360"/>
      <c r="F671" s="360"/>
      <c r="G671" s="360"/>
      <c r="H671" s="360"/>
      <c r="I671" s="360"/>
      <c r="J671" s="359"/>
      <c r="K671" s="359"/>
      <c r="L671" s="359"/>
    </row>
    <row r="672" spans="2:12">
      <c r="B672" s="359"/>
      <c r="C672" s="360"/>
      <c r="D672" s="360"/>
      <c r="E672" s="360"/>
      <c r="F672" s="360"/>
      <c r="G672" s="360"/>
      <c r="H672" s="360"/>
      <c r="I672" s="360"/>
      <c r="J672" s="359"/>
      <c r="K672" s="359"/>
      <c r="L672" s="359"/>
    </row>
    <row r="673" spans="2:12">
      <c r="B673" s="359"/>
      <c r="C673" s="359" t="s">
        <v>14615</v>
      </c>
      <c r="D673" s="360"/>
      <c r="E673" s="360"/>
      <c r="F673" s="360"/>
      <c r="G673" s="360"/>
      <c r="H673" s="360"/>
      <c r="I673" s="360"/>
      <c r="J673" s="359"/>
      <c r="K673" s="359"/>
      <c r="L673" s="359"/>
    </row>
    <row r="674" spans="2:12">
      <c r="B674" s="359"/>
      <c r="C674" s="360"/>
      <c r="D674" s="360"/>
      <c r="E674" s="360"/>
      <c r="F674" s="360"/>
      <c r="G674" s="360"/>
      <c r="H674" s="360"/>
      <c r="I674" s="360"/>
      <c r="J674" s="359"/>
      <c r="K674" s="359"/>
      <c r="L674" s="359"/>
    </row>
    <row r="675" spans="2:12" ht="42.75">
      <c r="B675" s="361"/>
      <c r="C675" s="361" t="s">
        <v>30008</v>
      </c>
      <c r="D675" s="362"/>
      <c r="E675" s="362"/>
      <c r="F675" s="362"/>
      <c r="G675" s="362"/>
      <c r="H675" s="362"/>
      <c r="I675" s="362"/>
      <c r="J675" s="361"/>
      <c r="K675" s="361"/>
      <c r="L675" s="361"/>
    </row>
    <row r="676" spans="2:12">
      <c r="B676" s="358" t="s">
        <v>14616</v>
      </c>
      <c r="C676" s="358" t="s">
        <v>14617</v>
      </c>
      <c r="D676" s="358" t="s">
        <v>14618</v>
      </c>
      <c r="E676" s="358" t="s">
        <v>14619</v>
      </c>
      <c r="F676" s="358" t="s">
        <v>14379</v>
      </c>
      <c r="G676" s="358" t="s">
        <v>14380</v>
      </c>
      <c r="H676" s="358" t="s">
        <v>14378</v>
      </c>
      <c r="I676" s="358" t="s">
        <v>14380</v>
      </c>
      <c r="J676" s="358"/>
      <c r="K676" s="358"/>
      <c r="L676" s="358"/>
    </row>
    <row r="677" spans="2:12">
      <c r="B677" s="359"/>
      <c r="C677" s="360"/>
      <c r="D677" s="359"/>
      <c r="E677" s="359"/>
      <c r="F677" s="360"/>
      <c r="G677" s="360"/>
      <c r="H677" s="360"/>
      <c r="I677" s="360"/>
      <c r="J677" s="359"/>
      <c r="K677" s="359"/>
      <c r="L677" s="359"/>
    </row>
    <row r="678" spans="2:12" ht="28.5">
      <c r="B678" s="359"/>
      <c r="C678" s="359" t="s">
        <v>27373</v>
      </c>
      <c r="D678" s="359"/>
      <c r="E678" s="359"/>
      <c r="F678" s="359" t="s">
        <v>14379</v>
      </c>
      <c r="G678" s="359" t="s">
        <v>14405</v>
      </c>
      <c r="H678" s="359" t="s">
        <v>14370</v>
      </c>
      <c r="I678" s="359" t="s">
        <v>14405</v>
      </c>
      <c r="J678" s="359"/>
      <c r="K678" s="359"/>
      <c r="L678" s="359"/>
    </row>
    <row r="679" spans="2:12">
      <c r="B679" s="359"/>
      <c r="C679" s="360"/>
      <c r="D679" s="359"/>
      <c r="E679" s="359"/>
      <c r="F679" s="360"/>
      <c r="G679" s="360"/>
      <c r="H679" s="360"/>
      <c r="I679" s="360"/>
      <c r="J679" s="359"/>
      <c r="K679" s="359"/>
      <c r="L679" s="359"/>
    </row>
    <row r="680" spans="2:12">
      <c r="B680" s="359"/>
      <c r="C680" s="360"/>
      <c r="D680" s="359"/>
      <c r="E680" s="359"/>
      <c r="F680" s="359" t="s">
        <v>14371</v>
      </c>
      <c r="G680" s="359" t="s">
        <v>14372</v>
      </c>
      <c r="H680" s="359" t="s">
        <v>14332</v>
      </c>
      <c r="I680" s="359" t="s">
        <v>14373</v>
      </c>
      <c r="J680" s="359"/>
      <c r="K680" s="359"/>
      <c r="L680" s="359"/>
    </row>
    <row r="681" spans="2:12">
      <c r="B681" s="359"/>
      <c r="C681" s="360"/>
      <c r="D681" s="359"/>
      <c r="E681" s="359"/>
      <c r="F681" s="360"/>
      <c r="G681" s="360"/>
      <c r="H681" s="360"/>
      <c r="I681" s="360"/>
      <c r="J681" s="359"/>
      <c r="K681" s="359"/>
      <c r="L681" s="359"/>
    </row>
    <row r="682" spans="2:12" ht="28.5">
      <c r="B682" s="361"/>
      <c r="C682" s="362"/>
      <c r="D682" s="361"/>
      <c r="E682" s="361"/>
      <c r="F682" s="361" t="s">
        <v>14374</v>
      </c>
      <c r="G682" s="361" t="s">
        <v>14373</v>
      </c>
      <c r="H682" s="362"/>
      <c r="I682" s="362"/>
      <c r="J682" s="361"/>
      <c r="K682" s="361"/>
      <c r="L682" s="361"/>
    </row>
    <row r="683" spans="2:12" ht="28.5">
      <c r="B683" s="358" t="s">
        <v>14620</v>
      </c>
      <c r="C683" s="358" t="s">
        <v>14621</v>
      </c>
      <c r="D683" s="358" t="s">
        <v>14622</v>
      </c>
      <c r="E683" s="358" t="s">
        <v>14623</v>
      </c>
      <c r="F683" s="358" t="s">
        <v>28568</v>
      </c>
      <c r="G683" s="358" t="s">
        <v>14383</v>
      </c>
      <c r="H683" s="358" t="s">
        <v>14378</v>
      </c>
      <c r="I683" s="358" t="s">
        <v>14383</v>
      </c>
      <c r="J683" s="358"/>
      <c r="K683" s="358"/>
      <c r="L683" s="358"/>
    </row>
    <row r="684" spans="2:12">
      <c r="B684" s="359"/>
      <c r="C684" s="360"/>
      <c r="D684" s="359"/>
      <c r="E684" s="359"/>
      <c r="F684" s="360"/>
      <c r="G684" s="360"/>
      <c r="H684" s="360"/>
      <c r="I684" s="360"/>
      <c r="J684" s="359"/>
      <c r="K684" s="359"/>
      <c r="L684" s="359"/>
    </row>
    <row r="685" spans="2:12" ht="28.5">
      <c r="B685" s="359"/>
      <c r="C685" s="359" t="s">
        <v>14624</v>
      </c>
      <c r="D685" s="359"/>
      <c r="E685" s="359"/>
      <c r="F685" s="359" t="s">
        <v>14374</v>
      </c>
      <c r="G685" s="359" t="s">
        <v>14372</v>
      </c>
      <c r="H685" s="359" t="s">
        <v>14370</v>
      </c>
      <c r="I685" s="359" t="s">
        <v>14373</v>
      </c>
      <c r="J685" s="359"/>
      <c r="K685" s="359"/>
      <c r="L685" s="359"/>
    </row>
    <row r="686" spans="2:12">
      <c r="B686" s="359"/>
      <c r="C686" s="360"/>
      <c r="D686" s="359"/>
      <c r="E686" s="359"/>
      <c r="F686" s="360"/>
      <c r="G686" s="360"/>
      <c r="H686" s="360"/>
      <c r="I686" s="360"/>
      <c r="J686" s="359"/>
      <c r="K686" s="359"/>
      <c r="L686" s="359"/>
    </row>
    <row r="687" spans="2:12">
      <c r="B687" s="361"/>
      <c r="C687" s="362"/>
      <c r="D687" s="361"/>
      <c r="E687" s="361"/>
      <c r="F687" s="362"/>
      <c r="G687" s="361" t="s">
        <v>14373</v>
      </c>
      <c r="H687" s="361" t="s">
        <v>14332</v>
      </c>
      <c r="I687" s="362"/>
      <c r="J687" s="361"/>
      <c r="K687" s="361"/>
      <c r="L687" s="361"/>
    </row>
    <row r="688" spans="2:12" ht="42.75">
      <c r="B688" s="358" t="s">
        <v>14625</v>
      </c>
      <c r="C688" s="358" t="s">
        <v>14626</v>
      </c>
      <c r="D688" s="358" t="s">
        <v>14627</v>
      </c>
      <c r="E688" s="358" t="s">
        <v>14628</v>
      </c>
      <c r="F688" s="358" t="s">
        <v>28570</v>
      </c>
      <c r="G688" s="358" t="s">
        <v>14383</v>
      </c>
      <c r="H688" s="358" t="s">
        <v>14378</v>
      </c>
      <c r="I688" s="358" t="s">
        <v>14383</v>
      </c>
      <c r="J688" s="358"/>
      <c r="K688" s="358"/>
      <c r="L688" s="358"/>
    </row>
    <row r="689" spans="2:12">
      <c r="B689" s="359"/>
      <c r="C689" s="360"/>
      <c r="D689" s="359"/>
      <c r="E689" s="359"/>
      <c r="F689" s="359"/>
      <c r="G689" s="360"/>
      <c r="H689" s="360"/>
      <c r="I689" s="360"/>
      <c r="J689" s="359"/>
      <c r="K689" s="359"/>
      <c r="L689" s="359"/>
    </row>
    <row r="690" spans="2:12">
      <c r="B690" s="359"/>
      <c r="C690" s="359" t="s">
        <v>27374</v>
      </c>
      <c r="D690" s="359"/>
      <c r="E690" s="359"/>
      <c r="F690" s="359"/>
      <c r="G690" s="359" t="s">
        <v>14395</v>
      </c>
      <c r="H690" s="359" t="s">
        <v>14370</v>
      </c>
      <c r="I690" s="359" t="s">
        <v>14395</v>
      </c>
      <c r="J690" s="359"/>
      <c r="K690" s="359"/>
      <c r="L690" s="359"/>
    </row>
    <row r="691" spans="2:12">
      <c r="B691" s="359"/>
      <c r="C691" s="360"/>
      <c r="D691" s="359"/>
      <c r="E691" s="359"/>
      <c r="F691" s="359"/>
      <c r="G691" s="360"/>
      <c r="H691" s="360"/>
      <c r="I691" s="360"/>
      <c r="J691" s="359"/>
      <c r="K691" s="359"/>
      <c r="L691" s="359"/>
    </row>
    <row r="692" spans="2:12">
      <c r="B692" s="361"/>
      <c r="C692" s="362"/>
      <c r="D692" s="361"/>
      <c r="E692" s="361"/>
      <c r="F692" s="361"/>
      <c r="G692" s="362"/>
      <c r="H692" s="361" t="s">
        <v>14332</v>
      </c>
      <c r="I692" s="362"/>
      <c r="J692" s="361"/>
      <c r="K692" s="361"/>
      <c r="L692" s="361"/>
    </row>
    <row r="693" spans="2:12">
      <c r="B693" s="358" t="s">
        <v>14629</v>
      </c>
      <c r="C693" s="358" t="s">
        <v>14630</v>
      </c>
      <c r="D693" s="358" t="s">
        <v>14631</v>
      </c>
      <c r="E693" s="358" t="s">
        <v>14632</v>
      </c>
      <c r="F693" s="358" t="s">
        <v>14420</v>
      </c>
      <c r="G693" s="358" t="s">
        <v>14429</v>
      </c>
      <c r="H693" s="358" t="s">
        <v>14367</v>
      </c>
      <c r="I693" s="358" t="s">
        <v>14429</v>
      </c>
      <c r="J693" s="358"/>
      <c r="K693" s="358"/>
      <c r="L693" s="358"/>
    </row>
    <row r="694" spans="2:12">
      <c r="B694" s="359"/>
      <c r="C694" s="360"/>
      <c r="D694" s="359"/>
      <c r="E694" s="359"/>
      <c r="F694" s="359"/>
      <c r="G694" s="359"/>
      <c r="H694" s="360"/>
      <c r="I694" s="359"/>
      <c r="J694" s="359"/>
      <c r="K694" s="359"/>
      <c r="L694" s="359"/>
    </row>
    <row r="695" spans="2:12">
      <c r="B695" s="361"/>
      <c r="C695" s="361" t="s">
        <v>27375</v>
      </c>
      <c r="D695" s="361"/>
      <c r="E695" s="361"/>
      <c r="F695" s="361"/>
      <c r="G695" s="361"/>
      <c r="H695" s="361" t="s">
        <v>14422</v>
      </c>
      <c r="I695" s="361"/>
      <c r="J695" s="361"/>
      <c r="K695" s="361"/>
      <c r="L695" s="361"/>
    </row>
    <row r="696" spans="2:12">
      <c r="B696" s="358" t="s">
        <v>14633</v>
      </c>
      <c r="C696" s="358" t="s">
        <v>14634</v>
      </c>
      <c r="D696" s="358" t="s">
        <v>14635</v>
      </c>
      <c r="E696" s="358" t="s">
        <v>14636</v>
      </c>
      <c r="F696" s="358" t="s">
        <v>14379</v>
      </c>
      <c r="G696" s="358" t="s">
        <v>14380</v>
      </c>
      <c r="H696" s="358" t="s">
        <v>14378</v>
      </c>
      <c r="I696" s="358" t="s">
        <v>14380</v>
      </c>
      <c r="J696" s="358"/>
      <c r="K696" s="358"/>
      <c r="L696" s="358"/>
    </row>
    <row r="697" spans="2:12">
      <c r="B697" s="359"/>
      <c r="C697" s="360"/>
      <c r="D697" s="359"/>
      <c r="E697" s="359"/>
      <c r="F697" s="360"/>
      <c r="G697" s="360"/>
      <c r="H697" s="360"/>
      <c r="I697" s="360"/>
      <c r="J697" s="359"/>
      <c r="K697" s="359"/>
      <c r="L697" s="359"/>
    </row>
    <row r="698" spans="2:12" ht="28.5">
      <c r="B698" s="359"/>
      <c r="C698" s="359" t="s">
        <v>27376</v>
      </c>
      <c r="D698" s="359"/>
      <c r="E698" s="359"/>
      <c r="F698" s="359" t="s">
        <v>14379</v>
      </c>
      <c r="G698" s="359" t="s">
        <v>14405</v>
      </c>
      <c r="H698" s="359" t="s">
        <v>14370</v>
      </c>
      <c r="I698" s="359" t="s">
        <v>14405</v>
      </c>
      <c r="J698" s="359"/>
      <c r="K698" s="359"/>
      <c r="L698" s="359"/>
    </row>
    <row r="699" spans="2:12">
      <c r="B699" s="359"/>
      <c r="C699" s="360"/>
      <c r="D699" s="359"/>
      <c r="E699" s="359"/>
      <c r="F699" s="360"/>
      <c r="G699" s="360"/>
      <c r="H699" s="360"/>
      <c r="I699" s="360"/>
      <c r="J699" s="359"/>
      <c r="K699" s="359"/>
      <c r="L699" s="359"/>
    </row>
    <row r="700" spans="2:12">
      <c r="B700" s="359"/>
      <c r="C700" s="360"/>
      <c r="D700" s="359"/>
      <c r="E700" s="359"/>
      <c r="F700" s="359" t="s">
        <v>14391</v>
      </c>
      <c r="G700" s="359" t="s">
        <v>14392</v>
      </c>
      <c r="H700" s="359" t="s">
        <v>14332</v>
      </c>
      <c r="I700" s="359" t="s">
        <v>14392</v>
      </c>
      <c r="J700" s="359"/>
      <c r="K700" s="359"/>
      <c r="L700" s="359"/>
    </row>
    <row r="701" spans="2:12">
      <c r="B701" s="359"/>
      <c r="C701" s="360"/>
      <c r="D701" s="359"/>
      <c r="E701" s="359"/>
      <c r="F701" s="360"/>
      <c r="G701" s="360"/>
      <c r="H701" s="360"/>
      <c r="I701" s="360"/>
      <c r="J701" s="359"/>
      <c r="K701" s="359"/>
      <c r="L701" s="359"/>
    </row>
    <row r="702" spans="2:12">
      <c r="B702" s="359"/>
      <c r="C702" s="360"/>
      <c r="D702" s="359"/>
      <c r="E702" s="359"/>
      <c r="F702" s="359" t="s">
        <v>14371</v>
      </c>
      <c r="G702" s="359" t="s">
        <v>14372</v>
      </c>
      <c r="H702" s="360"/>
      <c r="I702" s="359" t="s">
        <v>14373</v>
      </c>
      <c r="J702" s="359"/>
      <c r="K702" s="359"/>
      <c r="L702" s="359"/>
    </row>
    <row r="703" spans="2:12">
      <c r="B703" s="359"/>
      <c r="C703" s="360"/>
      <c r="D703" s="359"/>
      <c r="E703" s="359"/>
      <c r="F703" s="360"/>
      <c r="G703" s="360"/>
      <c r="H703" s="360"/>
      <c r="I703" s="360"/>
      <c r="J703" s="359"/>
      <c r="K703" s="359"/>
      <c r="L703" s="359"/>
    </row>
    <row r="704" spans="2:12" ht="28.5">
      <c r="B704" s="361"/>
      <c r="C704" s="362"/>
      <c r="D704" s="361"/>
      <c r="E704" s="361"/>
      <c r="F704" s="361" t="s">
        <v>14374</v>
      </c>
      <c r="G704" s="361" t="s">
        <v>14373</v>
      </c>
      <c r="H704" s="362"/>
      <c r="I704" s="362"/>
      <c r="J704" s="361"/>
      <c r="K704" s="361"/>
      <c r="L704" s="361"/>
    </row>
    <row r="705" spans="2:12">
      <c r="B705" s="358" t="s">
        <v>14637</v>
      </c>
      <c r="C705" s="358" t="s">
        <v>14638</v>
      </c>
      <c r="D705" s="358" t="s">
        <v>14639</v>
      </c>
      <c r="E705" s="358" t="s">
        <v>14640</v>
      </c>
      <c r="F705" s="358" t="s">
        <v>14420</v>
      </c>
      <c r="G705" s="358" t="s">
        <v>14429</v>
      </c>
      <c r="H705" s="358" t="s">
        <v>14381</v>
      </c>
      <c r="I705" s="358" t="s">
        <v>14429</v>
      </c>
      <c r="J705" s="358"/>
      <c r="K705" s="358"/>
      <c r="L705" s="358"/>
    </row>
    <row r="706" spans="2:12">
      <c r="B706" s="359"/>
      <c r="C706" s="360"/>
      <c r="D706" s="359"/>
      <c r="E706" s="359"/>
      <c r="F706" s="360"/>
      <c r="G706" s="360"/>
      <c r="H706" s="360"/>
      <c r="I706" s="360"/>
      <c r="J706" s="359"/>
      <c r="K706" s="359"/>
      <c r="L706" s="359"/>
    </row>
    <row r="707" spans="2:12">
      <c r="B707" s="359"/>
      <c r="C707" s="359" t="s">
        <v>14641</v>
      </c>
      <c r="D707" s="359"/>
      <c r="E707" s="359"/>
      <c r="F707" s="359" t="s">
        <v>14460</v>
      </c>
      <c r="G707" s="359" t="s">
        <v>14519</v>
      </c>
      <c r="H707" s="359" t="s">
        <v>14367</v>
      </c>
      <c r="I707" s="359" t="s">
        <v>14519</v>
      </c>
      <c r="J707" s="359"/>
      <c r="K707" s="359"/>
      <c r="L707" s="359"/>
    </row>
    <row r="708" spans="2:12">
      <c r="B708" s="359"/>
      <c r="C708" s="360"/>
      <c r="D708" s="359"/>
      <c r="E708" s="359"/>
      <c r="F708" s="360"/>
      <c r="G708" s="360"/>
      <c r="H708" s="360"/>
      <c r="I708" s="360"/>
      <c r="J708" s="359"/>
      <c r="K708" s="359"/>
      <c r="L708" s="359"/>
    </row>
    <row r="709" spans="2:12">
      <c r="B709" s="359"/>
      <c r="C709" s="360"/>
      <c r="D709" s="359"/>
      <c r="E709" s="359"/>
      <c r="F709" s="359" t="s">
        <v>14371</v>
      </c>
      <c r="G709" s="359" t="s">
        <v>14372</v>
      </c>
      <c r="H709" s="359" t="s">
        <v>14370</v>
      </c>
      <c r="I709" s="359" t="s">
        <v>14373</v>
      </c>
      <c r="J709" s="359"/>
      <c r="K709" s="359"/>
      <c r="L709" s="359"/>
    </row>
    <row r="710" spans="2:12">
      <c r="B710" s="359"/>
      <c r="C710" s="360"/>
      <c r="D710" s="359"/>
      <c r="E710" s="359"/>
      <c r="F710" s="360"/>
      <c r="G710" s="360"/>
      <c r="H710" s="360"/>
      <c r="I710" s="360"/>
      <c r="J710" s="359"/>
      <c r="K710" s="359"/>
      <c r="L710" s="359"/>
    </row>
    <row r="711" spans="2:12" ht="28.5">
      <c r="B711" s="361"/>
      <c r="C711" s="362"/>
      <c r="D711" s="361"/>
      <c r="E711" s="361"/>
      <c r="F711" s="361" t="s">
        <v>14374</v>
      </c>
      <c r="G711" s="361" t="s">
        <v>14373</v>
      </c>
      <c r="H711" s="361" t="s">
        <v>14422</v>
      </c>
      <c r="I711" s="362"/>
      <c r="J711" s="361"/>
      <c r="K711" s="361"/>
      <c r="L711" s="361"/>
    </row>
    <row r="712" spans="2:12">
      <c r="B712" s="358" t="s">
        <v>14642</v>
      </c>
      <c r="C712" s="358" t="s">
        <v>14643</v>
      </c>
      <c r="D712" s="358" t="s">
        <v>14644</v>
      </c>
      <c r="E712" s="358" t="s">
        <v>14645</v>
      </c>
      <c r="F712" s="358" t="s">
        <v>14371</v>
      </c>
      <c r="G712" s="358" t="s">
        <v>14372</v>
      </c>
      <c r="H712" s="358" t="s">
        <v>14370</v>
      </c>
      <c r="I712" s="358" t="s">
        <v>14373</v>
      </c>
      <c r="J712" s="358"/>
      <c r="K712" s="358"/>
      <c r="L712" s="358"/>
    </row>
    <row r="713" spans="2:12">
      <c r="B713" s="359"/>
      <c r="C713" s="360"/>
      <c r="D713" s="359"/>
      <c r="E713" s="359"/>
      <c r="F713" s="360"/>
      <c r="G713" s="360"/>
      <c r="H713" s="360"/>
      <c r="I713" s="359"/>
      <c r="J713" s="359"/>
      <c r="K713" s="359"/>
      <c r="L713" s="359"/>
    </row>
    <row r="714" spans="2:12" ht="28.5">
      <c r="B714" s="361"/>
      <c r="C714" s="361" t="s">
        <v>14646</v>
      </c>
      <c r="D714" s="361"/>
      <c r="E714" s="361"/>
      <c r="F714" s="361" t="s">
        <v>14374</v>
      </c>
      <c r="G714" s="361" t="s">
        <v>14373</v>
      </c>
      <c r="H714" s="361" t="s">
        <v>14422</v>
      </c>
      <c r="I714" s="361"/>
      <c r="J714" s="361"/>
      <c r="K714" s="361"/>
      <c r="L714" s="361"/>
    </row>
    <row r="715" spans="2:12">
      <c r="B715" s="358" t="s">
        <v>14647</v>
      </c>
      <c r="C715" s="358" t="s">
        <v>14648</v>
      </c>
      <c r="D715" s="358" t="s">
        <v>14649</v>
      </c>
      <c r="E715" s="358" t="s">
        <v>14650</v>
      </c>
      <c r="F715" s="358" t="s">
        <v>14420</v>
      </c>
      <c r="G715" s="358" t="s">
        <v>14429</v>
      </c>
      <c r="H715" s="358" t="s">
        <v>14367</v>
      </c>
      <c r="I715" s="358" t="s">
        <v>14429</v>
      </c>
      <c r="J715" s="358"/>
      <c r="K715" s="358"/>
      <c r="L715" s="358"/>
    </row>
    <row r="716" spans="2:12">
      <c r="B716" s="359"/>
      <c r="C716" s="360"/>
      <c r="D716" s="359"/>
      <c r="E716" s="359"/>
      <c r="F716" s="360"/>
      <c r="G716" s="360"/>
      <c r="H716" s="360"/>
      <c r="I716" s="360"/>
      <c r="J716" s="359"/>
      <c r="K716" s="359"/>
      <c r="L716" s="359"/>
    </row>
    <row r="717" spans="2:12" ht="28.5">
      <c r="B717" s="359"/>
      <c r="C717" s="359" t="s">
        <v>27377</v>
      </c>
      <c r="D717" s="359"/>
      <c r="E717" s="359"/>
      <c r="F717" s="359" t="s">
        <v>14394</v>
      </c>
      <c r="G717" s="359" t="s">
        <v>14395</v>
      </c>
      <c r="H717" s="359" t="s">
        <v>14370</v>
      </c>
      <c r="I717" s="359" t="s">
        <v>14395</v>
      </c>
      <c r="J717" s="359"/>
      <c r="K717" s="359"/>
      <c r="L717" s="359"/>
    </row>
    <row r="718" spans="2:12">
      <c r="B718" s="359"/>
      <c r="C718" s="360"/>
      <c r="D718" s="359"/>
      <c r="E718" s="359"/>
      <c r="F718" s="360"/>
      <c r="G718" s="360"/>
      <c r="H718" s="360"/>
      <c r="I718" s="360"/>
      <c r="J718" s="359"/>
      <c r="K718" s="359"/>
      <c r="L718" s="359"/>
    </row>
    <row r="719" spans="2:12">
      <c r="B719" s="361"/>
      <c r="C719" s="362"/>
      <c r="D719" s="361"/>
      <c r="E719" s="361"/>
      <c r="F719" s="362"/>
      <c r="G719" s="362"/>
      <c r="H719" s="361" t="s">
        <v>14422</v>
      </c>
      <c r="I719" s="362"/>
      <c r="J719" s="361"/>
      <c r="K719" s="361"/>
      <c r="L719" s="361"/>
    </row>
    <row r="720" spans="2:12">
      <c r="B720" s="354" t="s">
        <v>14492</v>
      </c>
      <c r="C720" s="355"/>
      <c r="D720" s="355"/>
      <c r="E720" s="355"/>
      <c r="F720" s="355"/>
      <c r="G720" s="355"/>
      <c r="H720" s="355"/>
      <c r="I720" s="355"/>
      <c r="J720" s="355"/>
      <c r="K720" s="355"/>
      <c r="L720" s="363"/>
    </row>
    <row r="721" spans="2:12" ht="28.5">
      <c r="B721" s="358" t="s">
        <v>14651</v>
      </c>
      <c r="C721" s="358" t="s">
        <v>14652</v>
      </c>
      <c r="D721" s="358" t="s">
        <v>14653</v>
      </c>
      <c r="E721" s="358" t="s">
        <v>14654</v>
      </c>
      <c r="F721" s="358" t="s">
        <v>14443</v>
      </c>
      <c r="G721" s="358" t="s">
        <v>14444</v>
      </c>
      <c r="H721" s="358" t="s">
        <v>14381</v>
      </c>
      <c r="I721" s="358" t="s">
        <v>14444</v>
      </c>
      <c r="J721" s="358"/>
      <c r="K721" s="358" t="s">
        <v>14655</v>
      </c>
      <c r="L721" s="358"/>
    </row>
    <row r="722" spans="2:12">
      <c r="B722" s="359"/>
      <c r="C722" s="359"/>
      <c r="D722" s="359"/>
      <c r="E722" s="359"/>
      <c r="F722" s="360"/>
      <c r="G722" s="360"/>
      <c r="H722" s="360"/>
      <c r="I722" s="360"/>
      <c r="J722" s="359"/>
      <c r="K722" s="360"/>
      <c r="L722" s="359"/>
    </row>
    <row r="723" spans="2:12">
      <c r="B723" s="359"/>
      <c r="C723" s="359"/>
      <c r="D723" s="359"/>
      <c r="E723" s="359"/>
      <c r="F723" s="359" t="s">
        <v>14656</v>
      </c>
      <c r="G723" s="359" t="s">
        <v>14483</v>
      </c>
      <c r="H723" s="359" t="s">
        <v>14378</v>
      </c>
      <c r="I723" s="359" t="s">
        <v>14483</v>
      </c>
      <c r="J723" s="359"/>
      <c r="K723" s="359" t="s">
        <v>14657</v>
      </c>
      <c r="L723" s="359"/>
    </row>
    <row r="724" spans="2:12">
      <c r="B724" s="359"/>
      <c r="C724" s="359"/>
      <c r="D724" s="359"/>
      <c r="E724" s="359"/>
      <c r="F724" s="360"/>
      <c r="G724" s="360"/>
      <c r="H724" s="360"/>
      <c r="I724" s="360"/>
      <c r="J724" s="359"/>
      <c r="K724" s="360"/>
      <c r="L724" s="359"/>
    </row>
    <row r="725" spans="2:12">
      <c r="B725" s="359"/>
      <c r="C725" s="359"/>
      <c r="D725" s="359"/>
      <c r="E725" s="359"/>
      <c r="F725" s="359" t="s">
        <v>14656</v>
      </c>
      <c r="G725" s="359" t="s">
        <v>14383</v>
      </c>
      <c r="H725" s="359" t="s">
        <v>14370</v>
      </c>
      <c r="I725" s="359" t="s">
        <v>14383</v>
      </c>
      <c r="J725" s="359"/>
      <c r="K725" s="360"/>
      <c r="L725" s="359"/>
    </row>
    <row r="726" spans="2:12">
      <c r="B726" s="359"/>
      <c r="C726" s="359"/>
      <c r="D726" s="359"/>
      <c r="E726" s="359"/>
      <c r="F726" s="360"/>
      <c r="G726" s="360"/>
      <c r="H726" s="360"/>
      <c r="I726" s="360"/>
      <c r="J726" s="359"/>
      <c r="K726" s="360"/>
      <c r="L726" s="359"/>
    </row>
    <row r="727" spans="2:12">
      <c r="B727" s="359"/>
      <c r="C727" s="359"/>
      <c r="D727" s="359"/>
      <c r="E727" s="359"/>
      <c r="F727" s="359" t="s">
        <v>14391</v>
      </c>
      <c r="G727" s="359" t="s">
        <v>14392</v>
      </c>
      <c r="H727" s="359" t="s">
        <v>14332</v>
      </c>
      <c r="I727" s="359" t="s">
        <v>14392</v>
      </c>
      <c r="J727" s="359"/>
      <c r="K727" s="360"/>
      <c r="L727" s="359"/>
    </row>
    <row r="728" spans="2:12">
      <c r="B728" s="359"/>
      <c r="C728" s="359"/>
      <c r="D728" s="359"/>
      <c r="E728" s="359"/>
      <c r="F728" s="360"/>
      <c r="G728" s="360"/>
      <c r="H728" s="360"/>
      <c r="I728" s="360"/>
      <c r="J728" s="359"/>
      <c r="K728" s="360"/>
      <c r="L728" s="359"/>
    </row>
    <row r="729" spans="2:12" ht="42.75">
      <c r="B729" s="359"/>
      <c r="C729" s="359"/>
      <c r="D729" s="359"/>
      <c r="E729" s="359"/>
      <c r="F729" s="359" t="s">
        <v>14658</v>
      </c>
      <c r="G729" s="359" t="s">
        <v>14372</v>
      </c>
      <c r="H729" s="360"/>
      <c r="I729" s="359" t="s">
        <v>14373</v>
      </c>
      <c r="J729" s="359"/>
      <c r="K729" s="360"/>
      <c r="L729" s="359"/>
    </row>
    <row r="730" spans="2:12">
      <c r="B730" s="359"/>
      <c r="C730" s="359"/>
      <c r="D730" s="359"/>
      <c r="E730" s="359"/>
      <c r="F730" s="360"/>
      <c r="G730" s="360"/>
      <c r="H730" s="360"/>
      <c r="I730" s="360"/>
      <c r="J730" s="359"/>
      <c r="K730" s="360"/>
      <c r="L730" s="359"/>
    </row>
    <row r="731" spans="2:12">
      <c r="B731" s="361"/>
      <c r="C731" s="361"/>
      <c r="D731" s="361"/>
      <c r="E731" s="361"/>
      <c r="F731" s="362"/>
      <c r="G731" s="361" t="s">
        <v>14373</v>
      </c>
      <c r="H731" s="362"/>
      <c r="I731" s="362"/>
      <c r="J731" s="361"/>
      <c r="K731" s="362"/>
      <c r="L731" s="361"/>
    </row>
    <row r="732" spans="2:12">
      <c r="B732" s="354" t="s">
        <v>28528</v>
      </c>
      <c r="C732" s="355"/>
      <c r="D732" s="355"/>
      <c r="E732" s="355"/>
      <c r="F732" s="355"/>
      <c r="G732" s="355"/>
      <c r="H732" s="355"/>
      <c r="I732" s="355"/>
      <c r="J732" s="355"/>
      <c r="K732" s="355"/>
      <c r="L732" s="363"/>
    </row>
    <row r="733" spans="2:12">
      <c r="B733" s="358" t="s">
        <v>14659</v>
      </c>
      <c r="C733" s="358" t="s">
        <v>14660</v>
      </c>
      <c r="D733" s="358" t="s">
        <v>14661</v>
      </c>
      <c r="E733" s="358" t="s">
        <v>14662</v>
      </c>
      <c r="F733" s="358" t="s">
        <v>14420</v>
      </c>
      <c r="G733" s="358" t="s">
        <v>14429</v>
      </c>
      <c r="H733" s="358" t="s">
        <v>14367</v>
      </c>
      <c r="I733" s="358" t="s">
        <v>14429</v>
      </c>
      <c r="J733" s="358"/>
      <c r="K733" s="358"/>
      <c r="L733" s="358"/>
    </row>
    <row r="734" spans="2:12">
      <c r="B734" s="359"/>
      <c r="C734" s="360"/>
      <c r="D734" s="359"/>
      <c r="E734" s="359"/>
      <c r="F734" s="359"/>
      <c r="G734" s="359"/>
      <c r="H734" s="360"/>
      <c r="I734" s="359"/>
      <c r="J734" s="359"/>
      <c r="K734" s="359"/>
      <c r="L734" s="359"/>
    </row>
    <row r="735" spans="2:12">
      <c r="B735" s="361"/>
      <c r="C735" s="361" t="s">
        <v>14663</v>
      </c>
      <c r="D735" s="361"/>
      <c r="E735" s="361"/>
      <c r="F735" s="361"/>
      <c r="G735" s="361"/>
      <c r="H735" s="361" t="s">
        <v>14422</v>
      </c>
      <c r="I735" s="361"/>
      <c r="J735" s="361"/>
      <c r="K735" s="361"/>
      <c r="L735" s="361"/>
    </row>
    <row r="736" spans="2:12">
      <c r="B736" s="358" t="s">
        <v>14664</v>
      </c>
      <c r="C736" s="358" t="s">
        <v>14665</v>
      </c>
      <c r="D736" s="358" t="s">
        <v>14666</v>
      </c>
      <c r="E736" s="358" t="s">
        <v>14667</v>
      </c>
      <c r="F736" s="358" t="s">
        <v>14382</v>
      </c>
      <c r="G736" s="358" t="s">
        <v>14383</v>
      </c>
      <c r="H736" s="358" t="s">
        <v>14378</v>
      </c>
      <c r="I736" s="358" t="s">
        <v>14383</v>
      </c>
      <c r="J736" s="358"/>
      <c r="K736" s="358"/>
      <c r="L736" s="358"/>
    </row>
    <row r="737" spans="2:12">
      <c r="B737" s="359"/>
      <c r="C737" s="360"/>
      <c r="D737" s="359"/>
      <c r="E737" s="359"/>
      <c r="F737" s="360"/>
      <c r="G737" s="360"/>
      <c r="H737" s="360"/>
      <c r="I737" s="360"/>
      <c r="J737" s="359"/>
      <c r="K737" s="359"/>
      <c r="L737" s="359"/>
    </row>
    <row r="738" spans="2:12">
      <c r="B738" s="359"/>
      <c r="C738" s="359" t="s">
        <v>27378</v>
      </c>
      <c r="D738" s="359"/>
      <c r="E738" s="359"/>
      <c r="F738" s="359" t="s">
        <v>14371</v>
      </c>
      <c r="G738" s="359" t="s">
        <v>14372</v>
      </c>
      <c r="H738" s="359" t="s">
        <v>14370</v>
      </c>
      <c r="I738" s="359" t="s">
        <v>14373</v>
      </c>
      <c r="J738" s="359"/>
      <c r="K738" s="359"/>
      <c r="L738" s="359"/>
    </row>
    <row r="739" spans="2:12">
      <c r="B739" s="359"/>
      <c r="C739" s="360"/>
      <c r="D739" s="359"/>
      <c r="E739" s="359"/>
      <c r="F739" s="360"/>
      <c r="G739" s="360"/>
      <c r="H739" s="360"/>
      <c r="I739" s="360"/>
      <c r="J739" s="359"/>
      <c r="K739" s="359"/>
      <c r="L739" s="359"/>
    </row>
    <row r="740" spans="2:12" ht="28.5">
      <c r="B740" s="361"/>
      <c r="C740" s="362"/>
      <c r="D740" s="361"/>
      <c r="E740" s="361"/>
      <c r="F740" s="361" t="s">
        <v>14374</v>
      </c>
      <c r="G740" s="361" t="s">
        <v>14373</v>
      </c>
      <c r="H740" s="361" t="s">
        <v>14332</v>
      </c>
      <c r="I740" s="362"/>
      <c r="J740" s="361"/>
      <c r="K740" s="361"/>
      <c r="L740" s="361"/>
    </row>
    <row r="741" spans="2:12">
      <c r="B741" s="358" t="s">
        <v>10174</v>
      </c>
      <c r="C741" s="358" t="s">
        <v>14668</v>
      </c>
      <c r="D741" s="358" t="s">
        <v>10175</v>
      </c>
      <c r="E741" s="358" t="s">
        <v>13402</v>
      </c>
      <c r="F741" s="358" t="s">
        <v>14376</v>
      </c>
      <c r="G741" s="358" t="s">
        <v>14669</v>
      </c>
      <c r="H741" s="358" t="s">
        <v>14381</v>
      </c>
      <c r="I741" s="358" t="s">
        <v>14669</v>
      </c>
      <c r="J741" s="358"/>
      <c r="K741" s="358"/>
      <c r="L741" s="358"/>
    </row>
    <row r="742" spans="2:12">
      <c r="B742" s="359"/>
      <c r="C742" s="360"/>
      <c r="D742" s="359"/>
      <c r="E742" s="359"/>
      <c r="F742" s="360"/>
      <c r="G742" s="360"/>
      <c r="H742" s="360"/>
      <c r="I742" s="360"/>
      <c r="J742" s="359"/>
      <c r="K742" s="359"/>
      <c r="L742" s="359"/>
    </row>
    <row r="743" spans="2:12">
      <c r="B743" s="359"/>
      <c r="C743" s="359" t="s">
        <v>30009</v>
      </c>
      <c r="D743" s="359"/>
      <c r="E743" s="359"/>
      <c r="F743" s="359" t="s">
        <v>14420</v>
      </c>
      <c r="G743" s="359" t="s">
        <v>14429</v>
      </c>
      <c r="H743" s="359" t="s">
        <v>14367</v>
      </c>
      <c r="I743" s="359" t="s">
        <v>14429</v>
      </c>
      <c r="J743" s="359"/>
      <c r="K743" s="359"/>
      <c r="L743" s="359"/>
    </row>
    <row r="744" spans="2:12">
      <c r="B744" s="359"/>
      <c r="C744" s="360"/>
      <c r="D744" s="359"/>
      <c r="E744" s="359"/>
      <c r="F744" s="360"/>
      <c r="G744" s="360"/>
      <c r="H744" s="360"/>
      <c r="I744" s="360"/>
      <c r="J744" s="359"/>
      <c r="K744" s="359"/>
      <c r="L744" s="359"/>
    </row>
    <row r="745" spans="2:12">
      <c r="B745" s="359"/>
      <c r="C745" s="360"/>
      <c r="D745" s="359"/>
      <c r="E745" s="359"/>
      <c r="F745" s="359" t="s">
        <v>14371</v>
      </c>
      <c r="G745" s="359" t="s">
        <v>14372</v>
      </c>
      <c r="H745" s="359" t="s">
        <v>14370</v>
      </c>
      <c r="I745" s="359" t="s">
        <v>14373</v>
      </c>
      <c r="J745" s="359"/>
      <c r="K745" s="359"/>
      <c r="L745" s="359"/>
    </row>
    <row r="746" spans="2:12">
      <c r="B746" s="359"/>
      <c r="C746" s="360"/>
      <c r="D746" s="359"/>
      <c r="E746" s="359"/>
      <c r="F746" s="360"/>
      <c r="G746" s="360"/>
      <c r="H746" s="360"/>
      <c r="I746" s="360"/>
      <c r="J746" s="359"/>
      <c r="K746" s="359"/>
      <c r="L746" s="359"/>
    </row>
    <row r="747" spans="2:12" ht="28.5">
      <c r="B747" s="361"/>
      <c r="C747" s="362"/>
      <c r="D747" s="361"/>
      <c r="E747" s="361"/>
      <c r="F747" s="361" t="s">
        <v>14374</v>
      </c>
      <c r="G747" s="361" t="s">
        <v>14373</v>
      </c>
      <c r="H747" s="361" t="s">
        <v>14332</v>
      </c>
      <c r="I747" s="362"/>
      <c r="J747" s="361"/>
      <c r="K747" s="361"/>
      <c r="L747" s="361"/>
    </row>
    <row r="748" spans="2:12">
      <c r="B748" s="358" t="s">
        <v>14670</v>
      </c>
      <c r="C748" s="358" t="s">
        <v>14671</v>
      </c>
      <c r="D748" s="358" t="s">
        <v>14672</v>
      </c>
      <c r="E748" s="358" t="s">
        <v>14673</v>
      </c>
      <c r="F748" s="358" t="s">
        <v>14420</v>
      </c>
      <c r="G748" s="358" t="s">
        <v>14429</v>
      </c>
      <c r="H748" s="358" t="s">
        <v>14381</v>
      </c>
      <c r="I748" s="358" t="s">
        <v>14429</v>
      </c>
      <c r="J748" s="358"/>
      <c r="K748" s="358"/>
      <c r="L748" s="358"/>
    </row>
    <row r="749" spans="2:12">
      <c r="B749" s="359"/>
      <c r="C749" s="360"/>
      <c r="D749" s="359"/>
      <c r="E749" s="359"/>
      <c r="F749" s="360"/>
      <c r="G749" s="360"/>
      <c r="H749" s="360"/>
      <c r="I749" s="360"/>
      <c r="J749" s="359"/>
      <c r="K749" s="359"/>
      <c r="L749" s="359"/>
    </row>
    <row r="750" spans="2:12">
      <c r="B750" s="359"/>
      <c r="C750" s="359" t="s">
        <v>27379</v>
      </c>
      <c r="D750" s="359"/>
      <c r="E750" s="359"/>
      <c r="F750" s="359" t="s">
        <v>14460</v>
      </c>
      <c r="G750" s="359" t="s">
        <v>14519</v>
      </c>
      <c r="H750" s="359" t="s">
        <v>14367</v>
      </c>
      <c r="I750" s="359" t="s">
        <v>14519</v>
      </c>
      <c r="J750" s="359"/>
      <c r="K750" s="359"/>
      <c r="L750" s="359"/>
    </row>
    <row r="751" spans="2:12">
      <c r="B751" s="359"/>
      <c r="C751" s="360"/>
      <c r="D751" s="359"/>
      <c r="E751" s="359"/>
      <c r="F751" s="360"/>
      <c r="G751" s="360"/>
      <c r="H751" s="360"/>
      <c r="I751" s="360"/>
      <c r="J751" s="359"/>
      <c r="K751" s="359"/>
      <c r="L751" s="359"/>
    </row>
    <row r="752" spans="2:12">
      <c r="B752" s="359"/>
      <c r="C752" s="360"/>
      <c r="D752" s="359"/>
      <c r="E752" s="359"/>
      <c r="F752" s="359" t="s">
        <v>14391</v>
      </c>
      <c r="G752" s="359" t="s">
        <v>14392</v>
      </c>
      <c r="H752" s="359" t="s">
        <v>14370</v>
      </c>
      <c r="I752" s="359" t="s">
        <v>14392</v>
      </c>
      <c r="J752" s="359"/>
      <c r="K752" s="359"/>
      <c r="L752" s="359"/>
    </row>
    <row r="753" spans="2:12">
      <c r="B753" s="359"/>
      <c r="C753" s="360"/>
      <c r="D753" s="359"/>
      <c r="E753" s="359"/>
      <c r="F753" s="360"/>
      <c r="G753" s="360"/>
      <c r="H753" s="360"/>
      <c r="I753" s="360"/>
      <c r="J753" s="359"/>
      <c r="K753" s="359"/>
      <c r="L753" s="359"/>
    </row>
    <row r="754" spans="2:12">
      <c r="B754" s="359"/>
      <c r="C754" s="360"/>
      <c r="D754" s="359"/>
      <c r="E754" s="359"/>
      <c r="F754" s="359" t="s">
        <v>14371</v>
      </c>
      <c r="G754" s="359" t="s">
        <v>14372</v>
      </c>
      <c r="H754" s="359" t="s">
        <v>14422</v>
      </c>
      <c r="I754" s="359" t="s">
        <v>14373</v>
      </c>
      <c r="J754" s="359"/>
      <c r="K754" s="359"/>
      <c r="L754" s="359"/>
    </row>
    <row r="755" spans="2:12">
      <c r="B755" s="359"/>
      <c r="C755" s="360"/>
      <c r="D755" s="359"/>
      <c r="E755" s="359"/>
      <c r="F755" s="360"/>
      <c r="G755" s="360"/>
      <c r="H755" s="360"/>
      <c r="I755" s="360"/>
      <c r="J755" s="359"/>
      <c r="K755" s="359"/>
      <c r="L755" s="359"/>
    </row>
    <row r="756" spans="2:12" ht="28.5">
      <c r="B756" s="361"/>
      <c r="C756" s="362"/>
      <c r="D756" s="361"/>
      <c r="E756" s="361"/>
      <c r="F756" s="361" t="s">
        <v>14374</v>
      </c>
      <c r="G756" s="361" t="s">
        <v>14373</v>
      </c>
      <c r="H756" s="362"/>
      <c r="I756" s="362"/>
      <c r="J756" s="361"/>
      <c r="K756" s="361"/>
      <c r="L756" s="361"/>
    </row>
    <row r="757" spans="2:12">
      <c r="B757" s="358" t="s">
        <v>14674</v>
      </c>
      <c r="C757" s="358" t="s">
        <v>28571</v>
      </c>
      <c r="D757" s="358" t="s">
        <v>8356</v>
      </c>
      <c r="E757" s="358" t="s">
        <v>14675</v>
      </c>
      <c r="F757" s="358" t="s">
        <v>14382</v>
      </c>
      <c r="G757" s="358" t="s">
        <v>14483</v>
      </c>
      <c r="H757" s="358" t="s">
        <v>14378</v>
      </c>
      <c r="I757" s="358" t="s">
        <v>14483</v>
      </c>
      <c r="J757" s="358"/>
      <c r="K757" s="358"/>
      <c r="L757" s="358"/>
    </row>
    <row r="758" spans="2:12">
      <c r="B758" s="359"/>
      <c r="C758" s="359"/>
      <c r="D758" s="359"/>
      <c r="E758" s="359"/>
      <c r="F758" s="360"/>
      <c r="G758" s="360"/>
      <c r="H758" s="360"/>
      <c r="I758" s="360"/>
      <c r="J758" s="359"/>
      <c r="K758" s="359"/>
      <c r="L758" s="359"/>
    </row>
    <row r="759" spans="2:12">
      <c r="B759" s="359"/>
      <c r="C759" s="359"/>
      <c r="D759" s="359"/>
      <c r="E759" s="359"/>
      <c r="F759" s="359" t="s">
        <v>14382</v>
      </c>
      <c r="G759" s="359" t="s">
        <v>14579</v>
      </c>
      <c r="H759" s="359" t="s">
        <v>14332</v>
      </c>
      <c r="I759" s="359" t="s">
        <v>14579</v>
      </c>
      <c r="J759" s="359"/>
      <c r="K759" s="359"/>
      <c r="L759" s="359"/>
    </row>
    <row r="760" spans="2:12">
      <c r="B760" s="359"/>
      <c r="C760" s="359"/>
      <c r="D760" s="359"/>
      <c r="E760" s="359"/>
      <c r="F760" s="360"/>
      <c r="G760" s="360"/>
      <c r="H760" s="360"/>
      <c r="I760" s="360"/>
      <c r="J760" s="359"/>
      <c r="K760" s="359"/>
      <c r="L760" s="359"/>
    </row>
    <row r="761" spans="2:12">
      <c r="B761" s="361"/>
      <c r="C761" s="361"/>
      <c r="D761" s="361"/>
      <c r="E761" s="361"/>
      <c r="F761" s="361" t="s">
        <v>14382</v>
      </c>
      <c r="G761" s="361" t="s">
        <v>14383</v>
      </c>
      <c r="H761" s="362"/>
      <c r="I761" s="361" t="s">
        <v>14383</v>
      </c>
      <c r="J761" s="361"/>
      <c r="K761" s="361"/>
      <c r="L761" s="361"/>
    </row>
    <row r="762" spans="2:12">
      <c r="B762" s="358" t="s">
        <v>10177</v>
      </c>
      <c r="C762" s="358" t="s">
        <v>14676</v>
      </c>
      <c r="D762" s="358" t="s">
        <v>10178</v>
      </c>
      <c r="E762" s="358" t="s">
        <v>10179</v>
      </c>
      <c r="F762" s="358" t="s">
        <v>14376</v>
      </c>
      <c r="G762" s="358" t="s">
        <v>14669</v>
      </c>
      <c r="H762" s="358" t="s">
        <v>14378</v>
      </c>
      <c r="I762" s="358" t="s">
        <v>14669</v>
      </c>
      <c r="J762" s="358"/>
      <c r="K762" s="358" t="s">
        <v>28572</v>
      </c>
      <c r="L762" s="358"/>
    </row>
    <row r="763" spans="2:12">
      <c r="B763" s="359"/>
      <c r="C763" s="359"/>
      <c r="D763" s="359"/>
      <c r="E763" s="359"/>
      <c r="F763" s="360"/>
      <c r="G763" s="360"/>
      <c r="H763" s="360"/>
      <c r="I763" s="360"/>
      <c r="J763" s="359"/>
      <c r="K763" s="360"/>
      <c r="L763" s="359"/>
    </row>
    <row r="764" spans="2:12" ht="28.5">
      <c r="B764" s="359"/>
      <c r="C764" s="359"/>
      <c r="D764" s="359"/>
      <c r="E764" s="359"/>
      <c r="F764" s="359" t="s">
        <v>14382</v>
      </c>
      <c r="G764" s="359" t="s">
        <v>14483</v>
      </c>
      <c r="H764" s="359" t="s">
        <v>14381</v>
      </c>
      <c r="I764" s="359" t="s">
        <v>14483</v>
      </c>
      <c r="J764" s="359"/>
      <c r="K764" s="359" t="s">
        <v>28573</v>
      </c>
      <c r="L764" s="359"/>
    </row>
    <row r="765" spans="2:12">
      <c r="B765" s="359"/>
      <c r="C765" s="359"/>
      <c r="D765" s="359"/>
      <c r="E765" s="359"/>
      <c r="F765" s="360"/>
      <c r="G765" s="360"/>
      <c r="H765" s="360"/>
      <c r="I765" s="360"/>
      <c r="J765" s="359"/>
      <c r="K765" s="360"/>
      <c r="L765" s="359"/>
    </row>
    <row r="766" spans="2:12">
      <c r="B766" s="359"/>
      <c r="C766" s="359"/>
      <c r="D766" s="359"/>
      <c r="E766" s="359"/>
      <c r="F766" s="359" t="s">
        <v>14420</v>
      </c>
      <c r="G766" s="359" t="s">
        <v>14429</v>
      </c>
      <c r="H766" s="359" t="s">
        <v>14332</v>
      </c>
      <c r="I766" s="359" t="s">
        <v>14429</v>
      </c>
      <c r="J766" s="359"/>
      <c r="K766" s="360"/>
      <c r="L766" s="359"/>
    </row>
    <row r="767" spans="2:12">
      <c r="B767" s="359"/>
      <c r="C767" s="359"/>
      <c r="D767" s="359"/>
      <c r="E767" s="359"/>
      <c r="F767" s="360"/>
      <c r="G767" s="360"/>
      <c r="H767" s="360"/>
      <c r="I767" s="360"/>
      <c r="J767" s="359"/>
      <c r="K767" s="360"/>
      <c r="L767" s="359"/>
    </row>
    <row r="768" spans="2:12">
      <c r="B768" s="359"/>
      <c r="C768" s="359"/>
      <c r="D768" s="359"/>
      <c r="E768" s="359"/>
      <c r="F768" s="359" t="s">
        <v>14386</v>
      </c>
      <c r="G768" s="359" t="s">
        <v>14387</v>
      </c>
      <c r="H768" s="360"/>
      <c r="I768" s="359" t="s">
        <v>14387</v>
      </c>
      <c r="J768" s="359"/>
      <c r="K768" s="360"/>
      <c r="L768" s="359"/>
    </row>
    <row r="769" spans="2:12">
      <c r="B769" s="359"/>
      <c r="C769" s="359"/>
      <c r="D769" s="359"/>
      <c r="E769" s="359"/>
      <c r="F769" s="360"/>
      <c r="G769" s="360"/>
      <c r="H769" s="360"/>
      <c r="I769" s="360"/>
      <c r="J769" s="359"/>
      <c r="K769" s="360"/>
      <c r="L769" s="359"/>
    </row>
    <row r="770" spans="2:12">
      <c r="B770" s="359"/>
      <c r="C770" s="359"/>
      <c r="D770" s="359"/>
      <c r="E770" s="359"/>
      <c r="F770" s="359" t="s">
        <v>14368</v>
      </c>
      <c r="G770" s="359" t="s">
        <v>14388</v>
      </c>
      <c r="H770" s="360"/>
      <c r="I770" s="359" t="s">
        <v>14388</v>
      </c>
      <c r="J770" s="359"/>
      <c r="K770" s="360"/>
      <c r="L770" s="359"/>
    </row>
    <row r="771" spans="2:12">
      <c r="B771" s="359"/>
      <c r="C771" s="359"/>
      <c r="D771" s="359"/>
      <c r="E771" s="359"/>
      <c r="F771" s="360"/>
      <c r="G771" s="360"/>
      <c r="H771" s="360"/>
      <c r="I771" s="360"/>
      <c r="J771" s="359"/>
      <c r="K771" s="360"/>
      <c r="L771" s="359"/>
    </row>
    <row r="772" spans="2:12">
      <c r="B772" s="361"/>
      <c r="C772" s="361"/>
      <c r="D772" s="361"/>
      <c r="E772" s="361"/>
      <c r="F772" s="361" t="s">
        <v>14389</v>
      </c>
      <c r="G772" s="361" t="s">
        <v>14390</v>
      </c>
      <c r="H772" s="362"/>
      <c r="I772" s="361" t="s">
        <v>14390</v>
      </c>
      <c r="J772" s="361"/>
      <c r="K772" s="362"/>
      <c r="L772" s="361"/>
    </row>
    <row r="773" spans="2:12">
      <c r="B773" s="358" t="s">
        <v>14677</v>
      </c>
      <c r="C773" s="358" t="s">
        <v>14678</v>
      </c>
      <c r="D773" s="358" t="s">
        <v>14679</v>
      </c>
      <c r="E773" s="358" t="s">
        <v>14680</v>
      </c>
      <c r="F773" s="358" t="s">
        <v>14443</v>
      </c>
      <c r="G773" s="358" t="s">
        <v>14444</v>
      </c>
      <c r="H773" s="358" t="s">
        <v>14381</v>
      </c>
      <c r="I773" s="358" t="s">
        <v>14444</v>
      </c>
      <c r="J773" s="358"/>
      <c r="K773" s="358"/>
      <c r="L773" s="358"/>
    </row>
    <row r="774" spans="2:12">
      <c r="B774" s="359"/>
      <c r="C774" s="360"/>
      <c r="D774" s="359"/>
      <c r="E774" s="359"/>
      <c r="F774" s="360"/>
      <c r="G774" s="360"/>
      <c r="H774" s="360"/>
      <c r="I774" s="360"/>
      <c r="J774" s="359"/>
      <c r="K774" s="359"/>
      <c r="L774" s="359"/>
    </row>
    <row r="775" spans="2:12">
      <c r="B775" s="359"/>
      <c r="C775" s="359" t="s">
        <v>14681</v>
      </c>
      <c r="D775" s="359"/>
      <c r="E775" s="359"/>
      <c r="F775" s="359" t="s">
        <v>14420</v>
      </c>
      <c r="G775" s="359" t="s">
        <v>14429</v>
      </c>
      <c r="H775" s="359" t="s">
        <v>14367</v>
      </c>
      <c r="I775" s="359" t="s">
        <v>14429</v>
      </c>
      <c r="J775" s="359"/>
      <c r="K775" s="359"/>
      <c r="L775" s="359"/>
    </row>
    <row r="776" spans="2:12">
      <c r="B776" s="359"/>
      <c r="C776" s="360"/>
      <c r="D776" s="359"/>
      <c r="E776" s="359"/>
      <c r="F776" s="360"/>
      <c r="G776" s="360"/>
      <c r="H776" s="360"/>
      <c r="I776" s="360"/>
      <c r="J776" s="359"/>
      <c r="K776" s="359"/>
      <c r="L776" s="359"/>
    </row>
    <row r="777" spans="2:12">
      <c r="B777" s="359"/>
      <c r="C777" s="360"/>
      <c r="D777" s="359"/>
      <c r="E777" s="359"/>
      <c r="F777" s="359" t="s">
        <v>14371</v>
      </c>
      <c r="G777" s="359" t="s">
        <v>14372</v>
      </c>
      <c r="H777" s="359" t="s">
        <v>14370</v>
      </c>
      <c r="I777" s="359" t="s">
        <v>14373</v>
      </c>
      <c r="J777" s="359"/>
      <c r="K777" s="359"/>
      <c r="L777" s="359"/>
    </row>
    <row r="778" spans="2:12">
      <c r="B778" s="359"/>
      <c r="C778" s="360"/>
      <c r="D778" s="359"/>
      <c r="E778" s="359"/>
      <c r="F778" s="360"/>
      <c r="G778" s="360"/>
      <c r="H778" s="360"/>
      <c r="I778" s="360"/>
      <c r="J778" s="359"/>
      <c r="K778" s="359"/>
      <c r="L778" s="359"/>
    </row>
    <row r="779" spans="2:12" ht="28.5">
      <c r="B779" s="361"/>
      <c r="C779" s="362"/>
      <c r="D779" s="361"/>
      <c r="E779" s="361"/>
      <c r="F779" s="361" t="s">
        <v>14374</v>
      </c>
      <c r="G779" s="361" t="s">
        <v>14373</v>
      </c>
      <c r="H779" s="361" t="s">
        <v>14422</v>
      </c>
      <c r="I779" s="362"/>
      <c r="J779" s="361"/>
      <c r="K779" s="361"/>
      <c r="L779" s="361"/>
    </row>
    <row r="780" spans="2:12" ht="28.5">
      <c r="B780" s="358" t="s">
        <v>14682</v>
      </c>
      <c r="C780" s="358" t="s">
        <v>14683</v>
      </c>
      <c r="D780" s="358" t="s">
        <v>8356</v>
      </c>
      <c r="E780" s="358" t="s">
        <v>14684</v>
      </c>
      <c r="F780" s="358" t="s">
        <v>14443</v>
      </c>
      <c r="G780" s="358" t="s">
        <v>14444</v>
      </c>
      <c r="H780" s="358" t="s">
        <v>14381</v>
      </c>
      <c r="I780" s="358" t="s">
        <v>14444</v>
      </c>
      <c r="J780" s="358"/>
      <c r="K780" s="358"/>
      <c r="L780" s="358"/>
    </row>
    <row r="781" spans="2:12">
      <c r="B781" s="359"/>
      <c r="C781" s="360"/>
      <c r="D781" s="359"/>
      <c r="E781" s="359"/>
      <c r="F781" s="360"/>
      <c r="G781" s="360"/>
      <c r="H781" s="360"/>
      <c r="I781" s="360"/>
      <c r="J781" s="359"/>
      <c r="K781" s="359"/>
      <c r="L781" s="359"/>
    </row>
    <row r="782" spans="2:12">
      <c r="B782" s="359"/>
      <c r="C782" s="359" t="s">
        <v>14685</v>
      </c>
      <c r="D782" s="359"/>
      <c r="E782" s="359"/>
      <c r="F782" s="359" t="s">
        <v>14386</v>
      </c>
      <c r="G782" s="359" t="s">
        <v>14387</v>
      </c>
      <c r="H782" s="359" t="s">
        <v>14367</v>
      </c>
      <c r="I782" s="359" t="s">
        <v>14387</v>
      </c>
      <c r="J782" s="359"/>
      <c r="K782" s="359"/>
      <c r="L782" s="359"/>
    </row>
    <row r="783" spans="2:12">
      <c r="B783" s="359"/>
      <c r="C783" s="360"/>
      <c r="D783" s="359"/>
      <c r="E783" s="359"/>
      <c r="F783" s="360"/>
      <c r="G783" s="360"/>
      <c r="H783" s="360"/>
      <c r="I783" s="360"/>
      <c r="J783" s="359"/>
      <c r="K783" s="359"/>
      <c r="L783" s="359"/>
    </row>
    <row r="784" spans="2:12">
      <c r="B784" s="359"/>
      <c r="C784" s="360"/>
      <c r="D784" s="359"/>
      <c r="E784" s="359"/>
      <c r="F784" s="359" t="s">
        <v>14389</v>
      </c>
      <c r="G784" s="359" t="s">
        <v>14390</v>
      </c>
      <c r="H784" s="359" t="s">
        <v>14370</v>
      </c>
      <c r="I784" s="359" t="s">
        <v>14390</v>
      </c>
      <c r="J784" s="359"/>
      <c r="K784" s="359"/>
      <c r="L784" s="359"/>
    </row>
    <row r="785" spans="2:12">
      <c r="B785" s="359"/>
      <c r="C785" s="360"/>
      <c r="D785" s="359"/>
      <c r="E785" s="359"/>
      <c r="F785" s="360"/>
      <c r="G785" s="360"/>
      <c r="H785" s="360"/>
      <c r="I785" s="360"/>
      <c r="J785" s="359"/>
      <c r="K785" s="359"/>
      <c r="L785" s="359"/>
    </row>
    <row r="786" spans="2:12">
      <c r="B786" s="359"/>
      <c r="C786" s="360"/>
      <c r="D786" s="359"/>
      <c r="E786" s="359"/>
      <c r="F786" s="359" t="s">
        <v>14371</v>
      </c>
      <c r="G786" s="359" t="s">
        <v>14372</v>
      </c>
      <c r="H786" s="359" t="s">
        <v>14422</v>
      </c>
      <c r="I786" s="359" t="s">
        <v>14373</v>
      </c>
      <c r="J786" s="359"/>
      <c r="K786" s="359"/>
      <c r="L786" s="359"/>
    </row>
    <row r="787" spans="2:12">
      <c r="B787" s="359"/>
      <c r="C787" s="360"/>
      <c r="D787" s="359"/>
      <c r="E787" s="359"/>
      <c r="F787" s="360"/>
      <c r="G787" s="360"/>
      <c r="H787" s="360"/>
      <c r="I787" s="360"/>
      <c r="J787" s="359"/>
      <c r="K787" s="359"/>
      <c r="L787" s="359"/>
    </row>
    <row r="788" spans="2:12" ht="28.5">
      <c r="B788" s="361"/>
      <c r="C788" s="362"/>
      <c r="D788" s="361"/>
      <c r="E788" s="361"/>
      <c r="F788" s="361" t="s">
        <v>14374</v>
      </c>
      <c r="G788" s="361" t="s">
        <v>14373</v>
      </c>
      <c r="H788" s="362"/>
      <c r="I788" s="362"/>
      <c r="J788" s="361"/>
      <c r="K788" s="361"/>
      <c r="L788" s="361"/>
    </row>
    <row r="789" spans="2:12">
      <c r="B789" s="354" t="s">
        <v>28574</v>
      </c>
      <c r="C789" s="355"/>
      <c r="D789" s="355"/>
      <c r="E789" s="355"/>
      <c r="F789" s="355"/>
      <c r="G789" s="355"/>
      <c r="H789" s="355"/>
      <c r="I789" s="355"/>
      <c r="J789" s="355"/>
      <c r="K789" s="355"/>
      <c r="L789" s="363"/>
    </row>
    <row r="790" spans="2:12">
      <c r="B790" s="358" t="s">
        <v>14686</v>
      </c>
      <c r="C790" s="358" t="s">
        <v>14687</v>
      </c>
      <c r="D790" s="358" t="s">
        <v>14688</v>
      </c>
      <c r="E790" s="358" t="s">
        <v>1825</v>
      </c>
      <c r="F790" s="358" t="s">
        <v>14443</v>
      </c>
      <c r="G790" s="358" t="s">
        <v>14444</v>
      </c>
      <c r="H790" s="358" t="s">
        <v>14381</v>
      </c>
      <c r="I790" s="358" t="s">
        <v>14444</v>
      </c>
      <c r="J790" s="358"/>
      <c r="K790" s="358" t="s">
        <v>14517</v>
      </c>
      <c r="L790" s="358"/>
    </row>
    <row r="791" spans="2:12">
      <c r="B791" s="359"/>
      <c r="C791" s="360"/>
      <c r="D791" s="359"/>
      <c r="E791" s="359"/>
      <c r="F791" s="360"/>
      <c r="G791" s="360"/>
      <c r="H791" s="360"/>
      <c r="I791" s="360"/>
      <c r="J791" s="359"/>
      <c r="K791" s="360"/>
      <c r="L791" s="359"/>
    </row>
    <row r="792" spans="2:12" ht="28.5">
      <c r="B792" s="359"/>
      <c r="C792" s="359" t="s">
        <v>14689</v>
      </c>
      <c r="D792" s="359"/>
      <c r="E792" s="359"/>
      <c r="F792" s="359" t="s">
        <v>16919</v>
      </c>
      <c r="G792" s="359" t="s">
        <v>28374</v>
      </c>
      <c r="H792" s="359" t="s">
        <v>14370</v>
      </c>
      <c r="I792" s="359" t="s">
        <v>28374</v>
      </c>
      <c r="J792" s="359"/>
      <c r="K792" s="359" t="s">
        <v>14517</v>
      </c>
      <c r="L792" s="359"/>
    </row>
    <row r="793" spans="2:12">
      <c r="B793" s="359"/>
      <c r="C793" s="360"/>
      <c r="D793" s="359"/>
      <c r="E793" s="359"/>
      <c r="F793" s="360"/>
      <c r="G793" s="360"/>
      <c r="H793" s="360"/>
      <c r="I793" s="360"/>
      <c r="J793" s="359"/>
      <c r="K793" s="360"/>
      <c r="L793" s="359"/>
    </row>
    <row r="794" spans="2:12">
      <c r="B794" s="359"/>
      <c r="C794" s="360"/>
      <c r="D794" s="359"/>
      <c r="E794" s="359"/>
      <c r="F794" s="359" t="s">
        <v>14371</v>
      </c>
      <c r="G794" s="359" t="s">
        <v>14372</v>
      </c>
      <c r="H794" s="359" t="s">
        <v>14422</v>
      </c>
      <c r="I794" s="359" t="s">
        <v>14373</v>
      </c>
      <c r="J794" s="359"/>
      <c r="K794" s="360"/>
      <c r="L794" s="359"/>
    </row>
    <row r="795" spans="2:12">
      <c r="B795" s="359"/>
      <c r="C795" s="360"/>
      <c r="D795" s="359"/>
      <c r="E795" s="359"/>
      <c r="F795" s="360"/>
      <c r="G795" s="360"/>
      <c r="H795" s="360"/>
      <c r="I795" s="360"/>
      <c r="J795" s="359"/>
      <c r="K795" s="360"/>
      <c r="L795" s="359"/>
    </row>
    <row r="796" spans="2:12" ht="28.5">
      <c r="B796" s="361"/>
      <c r="C796" s="362"/>
      <c r="D796" s="361"/>
      <c r="E796" s="361"/>
      <c r="F796" s="361" t="s">
        <v>14374</v>
      </c>
      <c r="G796" s="361" t="s">
        <v>14373</v>
      </c>
      <c r="H796" s="362"/>
      <c r="I796" s="362"/>
      <c r="J796" s="361"/>
      <c r="K796" s="362"/>
      <c r="L796" s="361"/>
    </row>
    <row r="797" spans="2:12">
      <c r="B797" s="354" t="s">
        <v>28528</v>
      </c>
      <c r="C797" s="355"/>
      <c r="D797" s="355"/>
      <c r="E797" s="355"/>
      <c r="F797" s="355"/>
      <c r="G797" s="355"/>
      <c r="H797" s="355"/>
      <c r="I797" s="355"/>
      <c r="J797" s="355"/>
      <c r="K797" s="355"/>
      <c r="L797" s="363"/>
    </row>
    <row r="798" spans="2:12">
      <c r="B798" s="358" t="s">
        <v>14690</v>
      </c>
      <c r="C798" s="358" t="s">
        <v>14691</v>
      </c>
      <c r="D798" s="358" t="s">
        <v>14692</v>
      </c>
      <c r="E798" s="358" t="s">
        <v>14693</v>
      </c>
      <c r="F798" s="358" t="s">
        <v>14379</v>
      </c>
      <c r="G798" s="358" t="s">
        <v>14405</v>
      </c>
      <c r="H798" s="358" t="s">
        <v>14378</v>
      </c>
      <c r="I798" s="358" t="s">
        <v>14405</v>
      </c>
      <c r="J798" s="358"/>
      <c r="K798" s="358" t="s">
        <v>14552</v>
      </c>
      <c r="L798" s="358"/>
    </row>
    <row r="799" spans="2:12">
      <c r="B799" s="359"/>
      <c r="C799" s="360"/>
      <c r="D799" s="359"/>
      <c r="E799" s="359"/>
      <c r="F799" s="360"/>
      <c r="G799" s="360"/>
      <c r="H799" s="360"/>
      <c r="I799" s="360"/>
      <c r="J799" s="359"/>
      <c r="K799" s="359"/>
      <c r="L799" s="359"/>
    </row>
    <row r="800" spans="2:12">
      <c r="B800" s="359"/>
      <c r="C800" s="359" t="s">
        <v>27380</v>
      </c>
      <c r="D800" s="359"/>
      <c r="E800" s="359"/>
      <c r="F800" s="359" t="s">
        <v>14371</v>
      </c>
      <c r="G800" s="359" t="s">
        <v>14372</v>
      </c>
      <c r="H800" s="359" t="s">
        <v>14370</v>
      </c>
      <c r="I800" s="359" t="s">
        <v>14373</v>
      </c>
      <c r="J800" s="359"/>
      <c r="K800" s="359"/>
      <c r="L800" s="359"/>
    </row>
    <row r="801" spans="2:12">
      <c r="B801" s="359"/>
      <c r="C801" s="360"/>
      <c r="D801" s="359"/>
      <c r="E801" s="359"/>
      <c r="F801" s="360"/>
      <c r="G801" s="360"/>
      <c r="H801" s="360"/>
      <c r="I801" s="360"/>
      <c r="J801" s="359"/>
      <c r="K801" s="359"/>
      <c r="L801" s="359"/>
    </row>
    <row r="802" spans="2:12" ht="28.5">
      <c r="B802" s="361"/>
      <c r="C802" s="362"/>
      <c r="D802" s="361"/>
      <c r="E802" s="361"/>
      <c r="F802" s="361" t="s">
        <v>14374</v>
      </c>
      <c r="G802" s="361" t="s">
        <v>14373</v>
      </c>
      <c r="H802" s="361" t="s">
        <v>14332</v>
      </c>
      <c r="I802" s="362"/>
      <c r="J802" s="361"/>
      <c r="K802" s="361"/>
      <c r="L802" s="361"/>
    </row>
    <row r="803" spans="2:12">
      <c r="B803" s="354" t="s">
        <v>8444</v>
      </c>
      <c r="C803" s="355"/>
      <c r="D803" s="355"/>
      <c r="E803" s="355"/>
      <c r="F803" s="355"/>
      <c r="G803" s="355"/>
      <c r="H803" s="355"/>
      <c r="I803" s="355"/>
      <c r="J803" s="355"/>
      <c r="K803" s="355"/>
      <c r="L803" s="363"/>
    </row>
    <row r="804" spans="2:12">
      <c r="B804" s="358" t="s">
        <v>14694</v>
      </c>
      <c r="C804" s="358" t="s">
        <v>14695</v>
      </c>
      <c r="D804" s="358" t="s">
        <v>14696</v>
      </c>
      <c r="E804" s="358" t="s">
        <v>14697</v>
      </c>
      <c r="F804" s="358" t="s">
        <v>14656</v>
      </c>
      <c r="G804" s="358" t="s">
        <v>14483</v>
      </c>
      <c r="H804" s="358" t="s">
        <v>14378</v>
      </c>
      <c r="I804" s="358" t="s">
        <v>14483</v>
      </c>
      <c r="J804" s="358"/>
      <c r="K804" s="358" t="s">
        <v>14655</v>
      </c>
      <c r="L804" s="358"/>
    </row>
    <row r="805" spans="2:12">
      <c r="B805" s="359"/>
      <c r="C805" s="360"/>
      <c r="D805" s="359"/>
      <c r="E805" s="359"/>
      <c r="F805" s="360"/>
      <c r="G805" s="360"/>
      <c r="H805" s="360"/>
      <c r="I805" s="360"/>
      <c r="J805" s="359"/>
      <c r="K805" s="360"/>
      <c r="L805" s="359"/>
    </row>
    <row r="806" spans="2:12" ht="28.5">
      <c r="B806" s="359"/>
      <c r="C806" s="359" t="s">
        <v>14698</v>
      </c>
      <c r="D806" s="359"/>
      <c r="E806" s="359"/>
      <c r="F806" s="359" t="s">
        <v>14656</v>
      </c>
      <c r="G806" s="359" t="s">
        <v>14579</v>
      </c>
      <c r="H806" s="359" t="s">
        <v>14370</v>
      </c>
      <c r="I806" s="359" t="s">
        <v>14579</v>
      </c>
      <c r="J806" s="359"/>
      <c r="K806" s="359" t="s">
        <v>14657</v>
      </c>
      <c r="L806" s="359"/>
    </row>
    <row r="807" spans="2:12">
      <c r="B807" s="359"/>
      <c r="C807" s="360"/>
      <c r="D807" s="359"/>
      <c r="E807" s="359"/>
      <c r="F807" s="360"/>
      <c r="G807" s="360"/>
      <c r="H807" s="360"/>
      <c r="I807" s="360"/>
      <c r="J807" s="359"/>
      <c r="K807" s="360"/>
      <c r="L807" s="359"/>
    </row>
    <row r="808" spans="2:12">
      <c r="B808" s="359"/>
      <c r="C808" s="359" t="s">
        <v>14699</v>
      </c>
      <c r="D808" s="359"/>
      <c r="E808" s="359"/>
      <c r="F808" s="359" t="s">
        <v>14700</v>
      </c>
      <c r="G808" s="359" t="s">
        <v>14405</v>
      </c>
      <c r="H808" s="359" t="s">
        <v>14332</v>
      </c>
      <c r="I808" s="359" t="s">
        <v>14405</v>
      </c>
      <c r="J808" s="359"/>
      <c r="K808" s="360"/>
      <c r="L808" s="359"/>
    </row>
    <row r="809" spans="2:12">
      <c r="B809" s="359"/>
      <c r="C809" s="360"/>
      <c r="D809" s="359"/>
      <c r="E809" s="359"/>
      <c r="F809" s="360"/>
      <c r="G809" s="360"/>
      <c r="H809" s="360"/>
      <c r="I809" s="360"/>
      <c r="J809" s="359"/>
      <c r="K809" s="360"/>
      <c r="L809" s="359"/>
    </row>
    <row r="810" spans="2:12">
      <c r="B810" s="359"/>
      <c r="C810" s="360"/>
      <c r="D810" s="359"/>
      <c r="E810" s="359"/>
      <c r="F810" s="359" t="s">
        <v>14371</v>
      </c>
      <c r="G810" s="359" t="s">
        <v>14372</v>
      </c>
      <c r="H810" s="360"/>
      <c r="I810" s="359" t="s">
        <v>14373</v>
      </c>
      <c r="J810" s="359"/>
      <c r="K810" s="360"/>
      <c r="L810" s="359"/>
    </row>
    <row r="811" spans="2:12">
      <c r="B811" s="359"/>
      <c r="C811" s="360"/>
      <c r="D811" s="359"/>
      <c r="E811" s="359"/>
      <c r="F811" s="360"/>
      <c r="G811" s="360"/>
      <c r="H811" s="360"/>
      <c r="I811" s="360"/>
      <c r="J811" s="359"/>
      <c r="K811" s="360"/>
      <c r="L811" s="359"/>
    </row>
    <row r="812" spans="2:12" ht="28.5">
      <c r="B812" s="361"/>
      <c r="C812" s="362"/>
      <c r="D812" s="361"/>
      <c r="E812" s="361"/>
      <c r="F812" s="361" t="s">
        <v>14374</v>
      </c>
      <c r="G812" s="361" t="s">
        <v>14373</v>
      </c>
      <c r="H812" s="362"/>
      <c r="I812" s="362"/>
      <c r="J812" s="361"/>
      <c r="K812" s="362"/>
      <c r="L812" s="361"/>
    </row>
    <row r="813" spans="2:12">
      <c r="B813" s="354" t="s">
        <v>28528</v>
      </c>
      <c r="C813" s="355"/>
      <c r="D813" s="355"/>
      <c r="E813" s="355"/>
      <c r="F813" s="355"/>
      <c r="G813" s="355"/>
      <c r="H813" s="355"/>
      <c r="I813" s="355"/>
      <c r="J813" s="355"/>
      <c r="K813" s="355"/>
      <c r="L813" s="363"/>
    </row>
    <row r="814" spans="2:12">
      <c r="B814" s="358" t="s">
        <v>14701</v>
      </c>
      <c r="C814" s="358" t="s">
        <v>14702</v>
      </c>
      <c r="D814" s="358" t="s">
        <v>8356</v>
      </c>
      <c r="E814" s="358" t="s">
        <v>14703</v>
      </c>
      <c r="F814" s="358" t="s">
        <v>14382</v>
      </c>
      <c r="G814" s="358" t="s">
        <v>14579</v>
      </c>
      <c r="H814" s="358" t="s">
        <v>14378</v>
      </c>
      <c r="I814" s="358" t="s">
        <v>14579</v>
      </c>
      <c r="J814" s="358"/>
      <c r="K814" s="358"/>
      <c r="L814" s="358"/>
    </row>
    <row r="815" spans="2:12">
      <c r="B815" s="359"/>
      <c r="C815" s="360"/>
      <c r="D815" s="359"/>
      <c r="E815" s="359"/>
      <c r="F815" s="360"/>
      <c r="G815" s="360"/>
      <c r="H815" s="360"/>
      <c r="I815" s="360"/>
      <c r="J815" s="359"/>
      <c r="K815" s="359"/>
      <c r="L815" s="359"/>
    </row>
    <row r="816" spans="2:12" ht="42.75">
      <c r="B816" s="359"/>
      <c r="C816" s="359" t="s">
        <v>27381</v>
      </c>
      <c r="D816" s="359"/>
      <c r="E816" s="359"/>
      <c r="F816" s="359" t="s">
        <v>14382</v>
      </c>
      <c r="G816" s="359" t="s">
        <v>14383</v>
      </c>
      <c r="H816" s="359" t="s">
        <v>14370</v>
      </c>
      <c r="I816" s="359" t="s">
        <v>14383</v>
      </c>
      <c r="J816" s="359"/>
      <c r="K816" s="359"/>
      <c r="L816" s="359"/>
    </row>
    <row r="817" spans="2:12">
      <c r="B817" s="359"/>
      <c r="C817" s="360"/>
      <c r="D817" s="359"/>
      <c r="E817" s="359"/>
      <c r="F817" s="360"/>
      <c r="G817" s="360"/>
      <c r="H817" s="360"/>
      <c r="I817" s="360"/>
      <c r="J817" s="359"/>
      <c r="K817" s="359"/>
      <c r="L817" s="359"/>
    </row>
    <row r="818" spans="2:12">
      <c r="B818" s="359"/>
      <c r="C818" s="360"/>
      <c r="D818" s="359"/>
      <c r="E818" s="359"/>
      <c r="F818" s="359" t="s">
        <v>14371</v>
      </c>
      <c r="G818" s="359" t="s">
        <v>14372</v>
      </c>
      <c r="H818" s="359" t="s">
        <v>14332</v>
      </c>
      <c r="I818" s="359" t="s">
        <v>14373</v>
      </c>
      <c r="J818" s="359"/>
      <c r="K818" s="359"/>
      <c r="L818" s="359"/>
    </row>
    <row r="819" spans="2:12">
      <c r="B819" s="359"/>
      <c r="C819" s="360"/>
      <c r="D819" s="359"/>
      <c r="E819" s="359"/>
      <c r="F819" s="360"/>
      <c r="G819" s="360"/>
      <c r="H819" s="360"/>
      <c r="I819" s="360"/>
      <c r="J819" s="359"/>
      <c r="K819" s="359"/>
      <c r="L819" s="359"/>
    </row>
    <row r="820" spans="2:12" ht="28.5">
      <c r="B820" s="361"/>
      <c r="C820" s="362"/>
      <c r="D820" s="361"/>
      <c r="E820" s="361"/>
      <c r="F820" s="361" t="s">
        <v>14374</v>
      </c>
      <c r="G820" s="361" t="s">
        <v>14373</v>
      </c>
      <c r="H820" s="362"/>
      <c r="I820" s="362"/>
      <c r="J820" s="361"/>
      <c r="K820" s="361"/>
      <c r="L820" s="361"/>
    </row>
    <row r="821" spans="2:12">
      <c r="B821" s="358" t="s">
        <v>14704</v>
      </c>
      <c r="C821" s="358" t="s">
        <v>14705</v>
      </c>
      <c r="D821" s="358" t="s">
        <v>14706</v>
      </c>
      <c r="E821" s="358" t="s">
        <v>14707</v>
      </c>
      <c r="F821" s="358" t="s">
        <v>14420</v>
      </c>
      <c r="G821" s="358" t="s">
        <v>14429</v>
      </c>
      <c r="H821" s="358" t="s">
        <v>14367</v>
      </c>
      <c r="I821" s="358" t="s">
        <v>14429</v>
      </c>
      <c r="J821" s="358"/>
      <c r="K821" s="358"/>
      <c r="L821" s="358"/>
    </row>
    <row r="822" spans="2:12">
      <c r="B822" s="359"/>
      <c r="C822" s="360"/>
      <c r="D822" s="359"/>
      <c r="E822" s="359"/>
      <c r="F822" s="360"/>
      <c r="G822" s="360"/>
      <c r="H822" s="360"/>
      <c r="I822" s="360"/>
      <c r="J822" s="359"/>
      <c r="K822" s="359"/>
      <c r="L822" s="359"/>
    </row>
    <row r="823" spans="2:12">
      <c r="B823" s="359"/>
      <c r="C823" s="359" t="s">
        <v>27382</v>
      </c>
      <c r="D823" s="359"/>
      <c r="E823" s="359"/>
      <c r="F823" s="359" t="s">
        <v>14371</v>
      </c>
      <c r="G823" s="359" t="s">
        <v>14372</v>
      </c>
      <c r="H823" s="359" t="s">
        <v>14370</v>
      </c>
      <c r="I823" s="359" t="s">
        <v>14373</v>
      </c>
      <c r="J823" s="359"/>
      <c r="K823" s="359"/>
      <c r="L823" s="359"/>
    </row>
    <row r="824" spans="2:12">
      <c r="B824" s="359"/>
      <c r="C824" s="360"/>
      <c r="D824" s="359"/>
      <c r="E824" s="359"/>
      <c r="F824" s="360"/>
      <c r="G824" s="360"/>
      <c r="H824" s="360"/>
      <c r="I824" s="360"/>
      <c r="J824" s="359"/>
      <c r="K824" s="359"/>
      <c r="L824" s="359"/>
    </row>
    <row r="825" spans="2:12" ht="28.5">
      <c r="B825" s="361"/>
      <c r="C825" s="362"/>
      <c r="D825" s="361"/>
      <c r="E825" s="361"/>
      <c r="F825" s="361" t="s">
        <v>14374</v>
      </c>
      <c r="G825" s="361" t="s">
        <v>14373</v>
      </c>
      <c r="H825" s="361" t="s">
        <v>14422</v>
      </c>
      <c r="I825" s="362"/>
      <c r="J825" s="361"/>
      <c r="K825" s="361"/>
      <c r="L825" s="361"/>
    </row>
    <row r="826" spans="2:12">
      <c r="B826" s="358" t="s">
        <v>14708</v>
      </c>
      <c r="C826" s="358" t="s">
        <v>14709</v>
      </c>
      <c r="D826" s="358" t="s">
        <v>14710</v>
      </c>
      <c r="E826" s="358" t="s">
        <v>14711</v>
      </c>
      <c r="F826" s="358" t="s">
        <v>14420</v>
      </c>
      <c r="G826" s="358" t="s">
        <v>14429</v>
      </c>
      <c r="H826" s="358" t="s">
        <v>14367</v>
      </c>
      <c r="I826" s="358" t="s">
        <v>14429</v>
      </c>
      <c r="J826" s="358"/>
      <c r="K826" s="358"/>
      <c r="L826" s="358"/>
    </row>
    <row r="827" spans="2:12">
      <c r="B827" s="359"/>
      <c r="C827" s="360"/>
      <c r="D827" s="359"/>
      <c r="E827" s="359"/>
      <c r="F827" s="359"/>
      <c r="G827" s="359"/>
      <c r="H827" s="360"/>
      <c r="I827" s="359"/>
      <c r="J827" s="359"/>
      <c r="K827" s="359"/>
      <c r="L827" s="359"/>
    </row>
    <row r="828" spans="2:12">
      <c r="B828" s="361"/>
      <c r="C828" s="361" t="s">
        <v>30010</v>
      </c>
      <c r="D828" s="361"/>
      <c r="E828" s="361"/>
      <c r="F828" s="361"/>
      <c r="G828" s="361"/>
      <c r="H828" s="361" t="s">
        <v>14422</v>
      </c>
      <c r="I828" s="361"/>
      <c r="J828" s="361"/>
      <c r="K828" s="361"/>
      <c r="L828" s="361"/>
    </row>
    <row r="829" spans="2:12">
      <c r="B829" s="358" t="s">
        <v>14712</v>
      </c>
      <c r="C829" s="358" t="s">
        <v>14713</v>
      </c>
      <c r="D829" s="358" t="s">
        <v>8356</v>
      </c>
      <c r="E829" s="358" t="s">
        <v>14714</v>
      </c>
      <c r="F829" s="358" t="s">
        <v>14389</v>
      </c>
      <c r="G829" s="358" t="s">
        <v>14390</v>
      </c>
      <c r="H829" s="358" t="s">
        <v>14367</v>
      </c>
      <c r="I829" s="358" t="s">
        <v>14390</v>
      </c>
      <c r="J829" s="358"/>
      <c r="K829" s="358"/>
      <c r="L829" s="358"/>
    </row>
    <row r="830" spans="2:12">
      <c r="B830" s="359"/>
      <c r="C830" s="360"/>
      <c r="D830" s="359"/>
      <c r="E830" s="359"/>
      <c r="F830" s="360"/>
      <c r="G830" s="360"/>
      <c r="H830" s="360"/>
      <c r="I830" s="360"/>
      <c r="J830" s="359"/>
      <c r="K830" s="359"/>
      <c r="L830" s="359"/>
    </row>
    <row r="831" spans="2:12">
      <c r="B831" s="359"/>
      <c r="C831" s="359" t="s">
        <v>14715</v>
      </c>
      <c r="D831" s="359"/>
      <c r="E831" s="359"/>
      <c r="F831" s="359" t="s">
        <v>14371</v>
      </c>
      <c r="G831" s="359" t="s">
        <v>14372</v>
      </c>
      <c r="H831" s="359" t="s">
        <v>14370</v>
      </c>
      <c r="I831" s="359" t="s">
        <v>14373</v>
      </c>
      <c r="J831" s="359"/>
      <c r="K831" s="359"/>
      <c r="L831" s="359"/>
    </row>
    <row r="832" spans="2:12">
      <c r="B832" s="359"/>
      <c r="C832" s="360"/>
      <c r="D832" s="359"/>
      <c r="E832" s="359"/>
      <c r="F832" s="360"/>
      <c r="G832" s="360"/>
      <c r="H832" s="360"/>
      <c r="I832" s="360"/>
      <c r="J832" s="359"/>
      <c r="K832" s="359"/>
      <c r="L832" s="359"/>
    </row>
    <row r="833" spans="2:12" ht="28.5">
      <c r="B833" s="361"/>
      <c r="C833" s="362"/>
      <c r="D833" s="361"/>
      <c r="E833" s="361"/>
      <c r="F833" s="361" t="s">
        <v>14374</v>
      </c>
      <c r="G833" s="361" t="s">
        <v>14373</v>
      </c>
      <c r="H833" s="361" t="s">
        <v>14422</v>
      </c>
      <c r="I833" s="362"/>
      <c r="J833" s="361"/>
      <c r="K833" s="361"/>
      <c r="L833" s="361"/>
    </row>
    <row r="834" spans="2:12">
      <c r="B834" s="358" t="s">
        <v>14716</v>
      </c>
      <c r="C834" s="358" t="s">
        <v>14717</v>
      </c>
      <c r="D834" s="358" t="s">
        <v>14718</v>
      </c>
      <c r="E834" s="358" t="s">
        <v>14719</v>
      </c>
      <c r="F834" s="358" t="s">
        <v>14386</v>
      </c>
      <c r="G834" s="358" t="s">
        <v>14387</v>
      </c>
      <c r="H834" s="358" t="s">
        <v>14367</v>
      </c>
      <c r="I834" s="358" t="s">
        <v>14387</v>
      </c>
      <c r="J834" s="358"/>
      <c r="K834" s="358"/>
      <c r="L834" s="358"/>
    </row>
    <row r="835" spans="2:12">
      <c r="B835" s="359"/>
      <c r="C835" s="360"/>
      <c r="D835" s="359"/>
      <c r="E835" s="359"/>
      <c r="F835" s="360"/>
      <c r="G835" s="360"/>
      <c r="H835" s="360"/>
      <c r="I835" s="360"/>
      <c r="J835" s="359"/>
      <c r="K835" s="359"/>
      <c r="L835" s="359"/>
    </row>
    <row r="836" spans="2:12">
      <c r="B836" s="359"/>
      <c r="C836" s="359" t="s">
        <v>14720</v>
      </c>
      <c r="D836" s="359"/>
      <c r="E836" s="359"/>
      <c r="F836" s="359" t="s">
        <v>14368</v>
      </c>
      <c r="G836" s="359" t="s">
        <v>14388</v>
      </c>
      <c r="H836" s="359" t="s">
        <v>14370</v>
      </c>
      <c r="I836" s="359" t="s">
        <v>14388</v>
      </c>
      <c r="J836" s="359"/>
      <c r="K836" s="359"/>
      <c r="L836" s="359"/>
    </row>
    <row r="837" spans="2:12">
      <c r="B837" s="359"/>
      <c r="C837" s="360"/>
      <c r="D837" s="359"/>
      <c r="E837" s="359"/>
      <c r="F837" s="360"/>
      <c r="G837" s="360"/>
      <c r="H837" s="360"/>
      <c r="I837" s="360"/>
      <c r="J837" s="359"/>
      <c r="K837" s="359"/>
      <c r="L837" s="359"/>
    </row>
    <row r="838" spans="2:12">
      <c r="B838" s="359"/>
      <c r="C838" s="360"/>
      <c r="D838" s="359"/>
      <c r="E838" s="359"/>
      <c r="F838" s="359" t="s">
        <v>14389</v>
      </c>
      <c r="G838" s="359" t="s">
        <v>14390</v>
      </c>
      <c r="H838" s="359" t="s">
        <v>14422</v>
      </c>
      <c r="I838" s="359" t="s">
        <v>14390</v>
      </c>
      <c r="J838" s="359"/>
      <c r="K838" s="359"/>
      <c r="L838" s="359"/>
    </row>
    <row r="839" spans="2:12">
      <c r="B839" s="359"/>
      <c r="C839" s="360"/>
      <c r="D839" s="359"/>
      <c r="E839" s="359"/>
      <c r="F839" s="360"/>
      <c r="G839" s="360"/>
      <c r="H839" s="360"/>
      <c r="I839" s="360"/>
      <c r="J839" s="359"/>
      <c r="K839" s="359"/>
      <c r="L839" s="359"/>
    </row>
    <row r="840" spans="2:12">
      <c r="B840" s="359"/>
      <c r="C840" s="360"/>
      <c r="D840" s="359"/>
      <c r="E840" s="359"/>
      <c r="F840" s="359" t="s">
        <v>14371</v>
      </c>
      <c r="G840" s="359" t="s">
        <v>14372</v>
      </c>
      <c r="H840" s="360"/>
      <c r="I840" s="359" t="s">
        <v>14373</v>
      </c>
      <c r="J840" s="359"/>
      <c r="K840" s="359"/>
      <c r="L840" s="359"/>
    </row>
    <row r="841" spans="2:12">
      <c r="B841" s="359"/>
      <c r="C841" s="360"/>
      <c r="D841" s="359"/>
      <c r="E841" s="359"/>
      <c r="F841" s="360"/>
      <c r="G841" s="360"/>
      <c r="H841" s="360"/>
      <c r="I841" s="360"/>
      <c r="J841" s="359"/>
      <c r="K841" s="359"/>
      <c r="L841" s="359"/>
    </row>
    <row r="842" spans="2:12" ht="28.5">
      <c r="B842" s="361"/>
      <c r="C842" s="362"/>
      <c r="D842" s="361"/>
      <c r="E842" s="361"/>
      <c r="F842" s="361" t="s">
        <v>14374</v>
      </c>
      <c r="G842" s="361" t="s">
        <v>14373</v>
      </c>
      <c r="H842" s="362"/>
      <c r="I842" s="362"/>
      <c r="J842" s="361"/>
      <c r="K842" s="361"/>
      <c r="L842" s="361"/>
    </row>
    <row r="843" spans="2:12">
      <c r="B843" s="358" t="s">
        <v>14721</v>
      </c>
      <c r="C843" s="358" t="s">
        <v>14722</v>
      </c>
      <c r="D843" s="358" t="s">
        <v>14723</v>
      </c>
      <c r="E843" s="358" t="s">
        <v>14724</v>
      </c>
      <c r="F843" s="358" t="s">
        <v>14379</v>
      </c>
      <c r="G843" s="358" t="s">
        <v>14380</v>
      </c>
      <c r="H843" s="358" t="s">
        <v>14378</v>
      </c>
      <c r="I843" s="358" t="s">
        <v>14380</v>
      </c>
      <c r="J843" s="358"/>
      <c r="K843" s="358"/>
      <c r="L843" s="358"/>
    </row>
    <row r="844" spans="2:12">
      <c r="B844" s="359"/>
      <c r="C844" s="360"/>
      <c r="D844" s="359"/>
      <c r="E844" s="359"/>
      <c r="F844" s="360"/>
      <c r="G844" s="360"/>
      <c r="H844" s="360"/>
      <c r="I844" s="360"/>
      <c r="J844" s="359"/>
      <c r="K844" s="359"/>
      <c r="L844" s="359"/>
    </row>
    <row r="845" spans="2:12" ht="28.5">
      <c r="B845" s="359"/>
      <c r="C845" s="359" t="s">
        <v>30011</v>
      </c>
      <c r="D845" s="359"/>
      <c r="E845" s="359"/>
      <c r="F845" s="359" t="s">
        <v>14379</v>
      </c>
      <c r="G845" s="359" t="s">
        <v>14405</v>
      </c>
      <c r="H845" s="359" t="s">
        <v>14370</v>
      </c>
      <c r="I845" s="359" t="s">
        <v>14405</v>
      </c>
      <c r="J845" s="359"/>
      <c r="K845" s="359"/>
      <c r="L845" s="359"/>
    </row>
    <row r="846" spans="2:12">
      <c r="B846" s="359"/>
      <c r="C846" s="360"/>
      <c r="D846" s="359"/>
      <c r="E846" s="359"/>
      <c r="F846" s="360"/>
      <c r="G846" s="360"/>
      <c r="H846" s="360"/>
      <c r="I846" s="360"/>
      <c r="J846" s="359"/>
      <c r="K846" s="359"/>
      <c r="L846" s="359"/>
    </row>
    <row r="847" spans="2:12">
      <c r="B847" s="359"/>
      <c r="C847" s="360"/>
      <c r="D847" s="359"/>
      <c r="E847" s="359"/>
      <c r="F847" s="359" t="s">
        <v>14391</v>
      </c>
      <c r="G847" s="359" t="s">
        <v>14392</v>
      </c>
      <c r="H847" s="359" t="s">
        <v>14332</v>
      </c>
      <c r="I847" s="359" t="s">
        <v>14392</v>
      </c>
      <c r="J847" s="359"/>
      <c r="K847" s="359"/>
      <c r="L847" s="359"/>
    </row>
    <row r="848" spans="2:12">
      <c r="B848" s="359"/>
      <c r="C848" s="360"/>
      <c r="D848" s="359"/>
      <c r="E848" s="359"/>
      <c r="F848" s="360"/>
      <c r="G848" s="360"/>
      <c r="H848" s="360"/>
      <c r="I848" s="360"/>
      <c r="J848" s="359"/>
      <c r="K848" s="359"/>
      <c r="L848" s="359"/>
    </row>
    <row r="849" spans="2:12">
      <c r="B849" s="359"/>
      <c r="C849" s="360"/>
      <c r="D849" s="359"/>
      <c r="E849" s="359"/>
      <c r="F849" s="359" t="s">
        <v>14371</v>
      </c>
      <c r="G849" s="359" t="s">
        <v>14372</v>
      </c>
      <c r="H849" s="360"/>
      <c r="I849" s="359" t="s">
        <v>14373</v>
      </c>
      <c r="J849" s="359"/>
      <c r="K849" s="359"/>
      <c r="L849" s="359"/>
    </row>
    <row r="850" spans="2:12">
      <c r="B850" s="359"/>
      <c r="C850" s="360"/>
      <c r="D850" s="359"/>
      <c r="E850" s="359"/>
      <c r="F850" s="360"/>
      <c r="G850" s="360"/>
      <c r="H850" s="360"/>
      <c r="I850" s="360"/>
      <c r="J850" s="359"/>
      <c r="K850" s="359"/>
      <c r="L850" s="359"/>
    </row>
    <row r="851" spans="2:12" ht="28.5">
      <c r="B851" s="361"/>
      <c r="C851" s="362"/>
      <c r="D851" s="361"/>
      <c r="E851" s="361"/>
      <c r="F851" s="361" t="s">
        <v>14374</v>
      </c>
      <c r="G851" s="361" t="s">
        <v>14373</v>
      </c>
      <c r="H851" s="362"/>
      <c r="I851" s="362"/>
      <c r="J851" s="361"/>
      <c r="K851" s="361"/>
      <c r="L851" s="361"/>
    </row>
    <row r="852" spans="2:12">
      <c r="B852" s="358" t="s">
        <v>14725</v>
      </c>
      <c r="C852" s="358" t="s">
        <v>14726</v>
      </c>
      <c r="D852" s="358" t="s">
        <v>14727</v>
      </c>
      <c r="E852" s="358" t="s">
        <v>14728</v>
      </c>
      <c r="F852" s="358" t="s">
        <v>14420</v>
      </c>
      <c r="G852" s="358" t="s">
        <v>14429</v>
      </c>
      <c r="H852" s="358" t="s">
        <v>14367</v>
      </c>
      <c r="I852" s="358" t="s">
        <v>14429</v>
      </c>
      <c r="J852" s="358"/>
      <c r="K852" s="358"/>
      <c r="L852" s="358"/>
    </row>
    <row r="853" spans="2:12">
      <c r="B853" s="359"/>
      <c r="C853" s="360"/>
      <c r="D853" s="359"/>
      <c r="E853" s="359"/>
      <c r="F853" s="360"/>
      <c r="G853" s="360"/>
      <c r="H853" s="360"/>
      <c r="I853" s="360"/>
      <c r="J853" s="359"/>
      <c r="K853" s="359"/>
      <c r="L853" s="359"/>
    </row>
    <row r="854" spans="2:12">
      <c r="B854" s="359"/>
      <c r="C854" s="359" t="s">
        <v>27383</v>
      </c>
      <c r="D854" s="359"/>
      <c r="E854" s="359"/>
      <c r="F854" s="359" t="s">
        <v>14371</v>
      </c>
      <c r="G854" s="359" t="s">
        <v>14372</v>
      </c>
      <c r="H854" s="359" t="s">
        <v>14370</v>
      </c>
      <c r="I854" s="359" t="s">
        <v>14373</v>
      </c>
      <c r="J854" s="359"/>
      <c r="K854" s="359"/>
      <c r="L854" s="359"/>
    </row>
    <row r="855" spans="2:12">
      <c r="B855" s="359"/>
      <c r="C855" s="360"/>
      <c r="D855" s="359"/>
      <c r="E855" s="359"/>
      <c r="F855" s="360"/>
      <c r="G855" s="360"/>
      <c r="H855" s="360"/>
      <c r="I855" s="360"/>
      <c r="J855" s="359"/>
      <c r="K855" s="359"/>
      <c r="L855" s="359"/>
    </row>
    <row r="856" spans="2:12" ht="28.5">
      <c r="B856" s="361"/>
      <c r="C856" s="362"/>
      <c r="D856" s="361"/>
      <c r="E856" s="361"/>
      <c r="F856" s="361" t="s">
        <v>14374</v>
      </c>
      <c r="G856" s="361" t="s">
        <v>14373</v>
      </c>
      <c r="H856" s="361" t="s">
        <v>14422</v>
      </c>
      <c r="I856" s="362"/>
      <c r="J856" s="361"/>
      <c r="K856" s="361"/>
      <c r="L856" s="361"/>
    </row>
    <row r="857" spans="2:12">
      <c r="B857" s="358" t="s">
        <v>14729</v>
      </c>
      <c r="C857" s="358" t="s">
        <v>14730</v>
      </c>
      <c r="D857" s="358" t="s">
        <v>14731</v>
      </c>
      <c r="E857" s="358" t="s">
        <v>14732</v>
      </c>
      <c r="F857" s="358" t="s">
        <v>14379</v>
      </c>
      <c r="G857" s="358" t="s">
        <v>14405</v>
      </c>
      <c r="H857" s="358" t="s">
        <v>14378</v>
      </c>
      <c r="I857" s="358" t="s">
        <v>14405</v>
      </c>
      <c r="J857" s="358"/>
      <c r="K857" s="358"/>
      <c r="L857" s="358"/>
    </row>
    <row r="858" spans="2:12">
      <c r="B858" s="359"/>
      <c r="C858" s="360"/>
      <c r="D858" s="359"/>
      <c r="E858" s="359"/>
      <c r="F858" s="360"/>
      <c r="G858" s="360"/>
      <c r="H858" s="360"/>
      <c r="I858" s="360"/>
      <c r="J858" s="359"/>
      <c r="K858" s="359"/>
      <c r="L858" s="359"/>
    </row>
    <row r="859" spans="2:12" ht="28.5">
      <c r="B859" s="359"/>
      <c r="C859" s="359" t="s">
        <v>27384</v>
      </c>
      <c r="D859" s="359"/>
      <c r="E859" s="359"/>
      <c r="F859" s="359" t="s">
        <v>14420</v>
      </c>
      <c r="G859" s="359" t="s">
        <v>14421</v>
      </c>
      <c r="H859" s="359" t="s">
        <v>14370</v>
      </c>
      <c r="I859" s="359" t="s">
        <v>14421</v>
      </c>
      <c r="J859" s="359"/>
      <c r="K859" s="359"/>
      <c r="L859" s="359"/>
    </row>
    <row r="860" spans="2:12">
      <c r="B860" s="359"/>
      <c r="C860" s="360"/>
      <c r="D860" s="359"/>
      <c r="E860" s="359"/>
      <c r="F860" s="360"/>
      <c r="G860" s="360"/>
      <c r="H860" s="360"/>
      <c r="I860" s="360"/>
      <c r="J860" s="359"/>
      <c r="K860" s="359"/>
      <c r="L860" s="359"/>
    </row>
    <row r="861" spans="2:12">
      <c r="B861" s="359"/>
      <c r="C861" s="360"/>
      <c r="D861" s="359"/>
      <c r="E861" s="359"/>
      <c r="F861" s="359" t="s">
        <v>14371</v>
      </c>
      <c r="G861" s="359" t="s">
        <v>14372</v>
      </c>
      <c r="H861" s="359" t="s">
        <v>14332</v>
      </c>
      <c r="I861" s="359" t="s">
        <v>14373</v>
      </c>
      <c r="J861" s="359"/>
      <c r="K861" s="359"/>
      <c r="L861" s="359"/>
    </row>
    <row r="862" spans="2:12">
      <c r="B862" s="359"/>
      <c r="C862" s="360"/>
      <c r="D862" s="359"/>
      <c r="E862" s="359"/>
      <c r="F862" s="360"/>
      <c r="G862" s="360"/>
      <c r="H862" s="360"/>
      <c r="I862" s="360"/>
      <c r="J862" s="359"/>
      <c r="K862" s="359"/>
      <c r="L862" s="359"/>
    </row>
    <row r="863" spans="2:12" ht="28.5">
      <c r="B863" s="361"/>
      <c r="C863" s="362"/>
      <c r="D863" s="361"/>
      <c r="E863" s="361"/>
      <c r="F863" s="361" t="s">
        <v>14374</v>
      </c>
      <c r="G863" s="361" t="s">
        <v>14373</v>
      </c>
      <c r="H863" s="362"/>
      <c r="I863" s="362"/>
      <c r="J863" s="361"/>
      <c r="K863" s="361"/>
      <c r="L863" s="361"/>
    </row>
    <row r="864" spans="2:12">
      <c r="B864" s="358" t="s">
        <v>14733</v>
      </c>
      <c r="C864" s="358" t="s">
        <v>14734</v>
      </c>
      <c r="D864" s="358" t="s">
        <v>14735</v>
      </c>
      <c r="E864" s="358" t="s">
        <v>14736</v>
      </c>
      <c r="F864" s="358" t="s">
        <v>14420</v>
      </c>
      <c r="G864" s="358" t="s">
        <v>14429</v>
      </c>
      <c r="H864" s="358" t="s">
        <v>14367</v>
      </c>
      <c r="I864" s="358" t="s">
        <v>14429</v>
      </c>
      <c r="J864" s="358"/>
      <c r="K864" s="358"/>
      <c r="L864" s="358"/>
    </row>
    <row r="865" spans="2:12">
      <c r="B865" s="359"/>
      <c r="C865" s="360"/>
      <c r="D865" s="359"/>
      <c r="E865" s="359"/>
      <c r="F865" s="360"/>
      <c r="G865" s="360"/>
      <c r="H865" s="360"/>
      <c r="I865" s="360"/>
      <c r="J865" s="359"/>
      <c r="K865" s="359"/>
      <c r="L865" s="359"/>
    </row>
    <row r="866" spans="2:12">
      <c r="B866" s="359"/>
      <c r="C866" s="359" t="s">
        <v>30012</v>
      </c>
      <c r="D866" s="359"/>
      <c r="E866" s="359"/>
      <c r="F866" s="359" t="s">
        <v>14371</v>
      </c>
      <c r="G866" s="359" t="s">
        <v>14372</v>
      </c>
      <c r="H866" s="359" t="s">
        <v>14370</v>
      </c>
      <c r="I866" s="359" t="s">
        <v>14373</v>
      </c>
      <c r="J866" s="359"/>
      <c r="K866" s="359"/>
      <c r="L866" s="359"/>
    </row>
    <row r="867" spans="2:12">
      <c r="B867" s="359"/>
      <c r="C867" s="360"/>
      <c r="D867" s="359"/>
      <c r="E867" s="359"/>
      <c r="F867" s="360"/>
      <c r="G867" s="360"/>
      <c r="H867" s="360"/>
      <c r="I867" s="360"/>
      <c r="J867" s="359"/>
      <c r="K867" s="359"/>
      <c r="L867" s="359"/>
    </row>
    <row r="868" spans="2:12" ht="28.5">
      <c r="B868" s="359"/>
      <c r="C868" s="359" t="s">
        <v>14737</v>
      </c>
      <c r="D868" s="359"/>
      <c r="E868" s="359"/>
      <c r="F868" s="359" t="s">
        <v>14374</v>
      </c>
      <c r="G868" s="359" t="s">
        <v>14373</v>
      </c>
      <c r="H868" s="359" t="s">
        <v>14422</v>
      </c>
      <c r="I868" s="360"/>
      <c r="J868" s="359"/>
      <c r="K868" s="359"/>
      <c r="L868" s="359"/>
    </row>
    <row r="869" spans="2:12">
      <c r="B869" s="359"/>
      <c r="C869" s="360"/>
      <c r="D869" s="359"/>
      <c r="E869" s="359"/>
      <c r="F869" s="360"/>
      <c r="G869" s="360"/>
      <c r="H869" s="360"/>
      <c r="I869" s="360"/>
      <c r="J869" s="359"/>
      <c r="K869" s="359"/>
      <c r="L869" s="359"/>
    </row>
    <row r="870" spans="2:12">
      <c r="B870" s="361"/>
      <c r="C870" s="361" t="s">
        <v>14738</v>
      </c>
      <c r="D870" s="361"/>
      <c r="E870" s="361"/>
      <c r="F870" s="362"/>
      <c r="G870" s="362"/>
      <c r="H870" s="362"/>
      <c r="I870" s="362"/>
      <c r="J870" s="361"/>
      <c r="K870" s="361"/>
      <c r="L870" s="361"/>
    </row>
    <row r="871" spans="2:12">
      <c r="B871" s="358" t="s">
        <v>14739</v>
      </c>
      <c r="C871" s="358" t="s">
        <v>14740</v>
      </c>
      <c r="D871" s="358" t="s">
        <v>14741</v>
      </c>
      <c r="E871" s="358" t="s">
        <v>14742</v>
      </c>
      <c r="F871" s="358" t="s">
        <v>14420</v>
      </c>
      <c r="G871" s="358" t="s">
        <v>14429</v>
      </c>
      <c r="H871" s="358" t="s">
        <v>14367</v>
      </c>
      <c r="I871" s="358" t="s">
        <v>14429</v>
      </c>
      <c r="J871" s="358"/>
      <c r="K871" s="358"/>
      <c r="L871" s="358"/>
    </row>
    <row r="872" spans="2:12">
      <c r="B872" s="359"/>
      <c r="C872" s="360"/>
      <c r="D872" s="359"/>
      <c r="E872" s="359"/>
      <c r="F872" s="360"/>
      <c r="G872" s="360"/>
      <c r="H872" s="360"/>
      <c r="I872" s="360"/>
      <c r="J872" s="359"/>
      <c r="K872" s="359"/>
      <c r="L872" s="359"/>
    </row>
    <row r="873" spans="2:12" ht="28.5">
      <c r="B873" s="359"/>
      <c r="C873" s="359" t="s">
        <v>27385</v>
      </c>
      <c r="D873" s="359"/>
      <c r="E873" s="359"/>
      <c r="F873" s="359" t="s">
        <v>14394</v>
      </c>
      <c r="G873" s="359" t="s">
        <v>14395</v>
      </c>
      <c r="H873" s="359" t="s">
        <v>14370</v>
      </c>
      <c r="I873" s="359" t="s">
        <v>14395</v>
      </c>
      <c r="J873" s="359"/>
      <c r="K873" s="359"/>
      <c r="L873" s="359"/>
    </row>
    <row r="874" spans="2:12">
      <c r="B874" s="359"/>
      <c r="C874" s="360"/>
      <c r="D874" s="359"/>
      <c r="E874" s="359"/>
      <c r="F874" s="360"/>
      <c r="G874" s="360"/>
      <c r="H874" s="360"/>
      <c r="I874" s="360"/>
      <c r="J874" s="359"/>
      <c r="K874" s="359"/>
      <c r="L874" s="359"/>
    </row>
    <row r="875" spans="2:12">
      <c r="B875" s="361"/>
      <c r="C875" s="361" t="s">
        <v>14743</v>
      </c>
      <c r="D875" s="361"/>
      <c r="E875" s="361"/>
      <c r="F875" s="362"/>
      <c r="G875" s="362"/>
      <c r="H875" s="361" t="s">
        <v>14422</v>
      </c>
      <c r="I875" s="362"/>
      <c r="J875" s="361"/>
      <c r="K875" s="361"/>
      <c r="L875" s="361"/>
    </row>
    <row r="876" spans="2:12">
      <c r="B876" s="358" t="s">
        <v>14744</v>
      </c>
      <c r="C876" s="358" t="s">
        <v>14745</v>
      </c>
      <c r="D876" s="358" t="s">
        <v>14746</v>
      </c>
      <c r="E876" s="358" t="s">
        <v>14747</v>
      </c>
      <c r="F876" s="358" t="s">
        <v>14420</v>
      </c>
      <c r="G876" s="358" t="s">
        <v>14429</v>
      </c>
      <c r="H876" s="358" t="s">
        <v>14367</v>
      </c>
      <c r="I876" s="358" t="s">
        <v>14429</v>
      </c>
      <c r="J876" s="358"/>
      <c r="K876" s="358"/>
      <c r="L876" s="358"/>
    </row>
    <row r="877" spans="2:12">
      <c r="B877" s="359"/>
      <c r="C877" s="360"/>
      <c r="D877" s="359"/>
      <c r="E877" s="359"/>
      <c r="F877" s="360"/>
      <c r="G877" s="360"/>
      <c r="H877" s="360"/>
      <c r="I877" s="360"/>
      <c r="J877" s="359"/>
      <c r="K877" s="359"/>
      <c r="L877" s="359"/>
    </row>
    <row r="878" spans="2:12" ht="28.5">
      <c r="B878" s="359"/>
      <c r="C878" s="359" t="s">
        <v>14748</v>
      </c>
      <c r="D878" s="359"/>
      <c r="E878" s="359"/>
      <c r="F878" s="359" t="s">
        <v>14394</v>
      </c>
      <c r="G878" s="359" t="s">
        <v>14395</v>
      </c>
      <c r="H878" s="359" t="s">
        <v>14370</v>
      </c>
      <c r="I878" s="359" t="s">
        <v>14395</v>
      </c>
      <c r="J878" s="359"/>
      <c r="K878" s="359"/>
      <c r="L878" s="359"/>
    </row>
    <row r="879" spans="2:12">
      <c r="B879" s="359"/>
      <c r="C879" s="360"/>
      <c r="D879" s="359"/>
      <c r="E879" s="359"/>
      <c r="F879" s="360"/>
      <c r="G879" s="360"/>
      <c r="H879" s="360"/>
      <c r="I879" s="360"/>
      <c r="J879" s="359"/>
      <c r="K879" s="359"/>
      <c r="L879" s="359"/>
    </row>
    <row r="880" spans="2:12">
      <c r="B880" s="361"/>
      <c r="C880" s="362"/>
      <c r="D880" s="361"/>
      <c r="E880" s="361"/>
      <c r="F880" s="362"/>
      <c r="G880" s="362"/>
      <c r="H880" s="361" t="s">
        <v>14422</v>
      </c>
      <c r="I880" s="362"/>
      <c r="J880" s="361"/>
      <c r="K880" s="361"/>
      <c r="L880" s="361"/>
    </row>
    <row r="881" spans="2:12">
      <c r="B881" s="358" t="s">
        <v>14749</v>
      </c>
      <c r="C881" s="358" t="s">
        <v>14750</v>
      </c>
      <c r="D881" s="358" t="s">
        <v>8356</v>
      </c>
      <c r="E881" s="358" t="s">
        <v>14751</v>
      </c>
      <c r="F881" s="358" t="s">
        <v>14420</v>
      </c>
      <c r="G881" s="358" t="s">
        <v>14429</v>
      </c>
      <c r="H881" s="358" t="s">
        <v>14367</v>
      </c>
      <c r="I881" s="358" t="s">
        <v>14429</v>
      </c>
      <c r="J881" s="358"/>
      <c r="K881" s="358"/>
      <c r="L881" s="358"/>
    </row>
    <row r="882" spans="2:12">
      <c r="B882" s="359"/>
      <c r="C882" s="360"/>
      <c r="D882" s="359"/>
      <c r="E882" s="359"/>
      <c r="F882" s="359"/>
      <c r="G882" s="359"/>
      <c r="H882" s="360"/>
      <c r="I882" s="359"/>
      <c r="J882" s="359"/>
      <c r="K882" s="359"/>
      <c r="L882" s="359"/>
    </row>
    <row r="883" spans="2:12">
      <c r="B883" s="361"/>
      <c r="C883" s="361" t="s">
        <v>14752</v>
      </c>
      <c r="D883" s="361"/>
      <c r="E883" s="361"/>
      <c r="F883" s="361"/>
      <c r="G883" s="361"/>
      <c r="H883" s="361" t="s">
        <v>14422</v>
      </c>
      <c r="I883" s="361"/>
      <c r="J883" s="361"/>
      <c r="K883" s="361"/>
      <c r="L883" s="361"/>
    </row>
    <row r="884" spans="2:12">
      <c r="B884" s="358" t="s">
        <v>14753</v>
      </c>
      <c r="C884" s="358" t="s">
        <v>14754</v>
      </c>
      <c r="D884" s="358" t="s">
        <v>14755</v>
      </c>
      <c r="E884" s="358" t="s">
        <v>14756</v>
      </c>
      <c r="F884" s="358" t="s">
        <v>14379</v>
      </c>
      <c r="G884" s="358" t="s">
        <v>14380</v>
      </c>
      <c r="H884" s="358" t="s">
        <v>14378</v>
      </c>
      <c r="I884" s="358" t="s">
        <v>14380</v>
      </c>
      <c r="J884" s="358"/>
      <c r="K884" s="358"/>
      <c r="L884" s="358"/>
    </row>
    <row r="885" spans="2:12">
      <c r="B885" s="359"/>
      <c r="C885" s="360"/>
      <c r="D885" s="359"/>
      <c r="E885" s="359"/>
      <c r="F885" s="360"/>
      <c r="G885" s="360"/>
      <c r="H885" s="360"/>
      <c r="I885" s="360"/>
      <c r="J885" s="359"/>
      <c r="K885" s="359"/>
      <c r="L885" s="359"/>
    </row>
    <row r="886" spans="2:12" ht="28.5">
      <c r="B886" s="359"/>
      <c r="C886" s="359" t="s">
        <v>27386</v>
      </c>
      <c r="D886" s="359"/>
      <c r="E886" s="359"/>
      <c r="F886" s="359" t="s">
        <v>14379</v>
      </c>
      <c r="G886" s="359" t="s">
        <v>14405</v>
      </c>
      <c r="H886" s="359" t="s">
        <v>14370</v>
      </c>
      <c r="I886" s="359" t="s">
        <v>14405</v>
      </c>
      <c r="J886" s="359"/>
      <c r="K886" s="359"/>
      <c r="L886" s="359"/>
    </row>
    <row r="887" spans="2:12">
      <c r="B887" s="359"/>
      <c r="C887" s="360"/>
      <c r="D887" s="359"/>
      <c r="E887" s="359"/>
      <c r="F887" s="360"/>
      <c r="G887" s="360"/>
      <c r="H887" s="360"/>
      <c r="I887" s="360"/>
      <c r="J887" s="359"/>
      <c r="K887" s="359"/>
      <c r="L887" s="359"/>
    </row>
    <row r="888" spans="2:12">
      <c r="B888" s="359"/>
      <c r="C888" s="360"/>
      <c r="D888" s="359"/>
      <c r="E888" s="359"/>
      <c r="F888" s="359" t="s">
        <v>14420</v>
      </c>
      <c r="G888" s="359" t="s">
        <v>14421</v>
      </c>
      <c r="H888" s="359" t="s">
        <v>14332</v>
      </c>
      <c r="I888" s="359" t="s">
        <v>14421</v>
      </c>
      <c r="J888" s="359"/>
      <c r="K888" s="359"/>
      <c r="L888" s="359"/>
    </row>
    <row r="889" spans="2:12">
      <c r="B889" s="359"/>
      <c r="C889" s="360"/>
      <c r="D889" s="359"/>
      <c r="E889" s="359"/>
      <c r="F889" s="360"/>
      <c r="G889" s="360"/>
      <c r="H889" s="360"/>
      <c r="I889" s="360"/>
      <c r="J889" s="359"/>
      <c r="K889" s="359"/>
      <c r="L889" s="359"/>
    </row>
    <row r="890" spans="2:12" ht="28.5">
      <c r="B890" s="361"/>
      <c r="C890" s="362"/>
      <c r="D890" s="361"/>
      <c r="E890" s="361"/>
      <c r="F890" s="361" t="s">
        <v>14394</v>
      </c>
      <c r="G890" s="361" t="s">
        <v>14395</v>
      </c>
      <c r="H890" s="362"/>
      <c r="I890" s="361" t="s">
        <v>14395</v>
      </c>
      <c r="J890" s="361"/>
      <c r="K890" s="361"/>
      <c r="L890" s="361"/>
    </row>
    <row r="891" spans="2:12">
      <c r="B891" s="358" t="s">
        <v>14757</v>
      </c>
      <c r="C891" s="358" t="s">
        <v>14758</v>
      </c>
      <c r="D891" s="358" t="s">
        <v>14759</v>
      </c>
      <c r="E891" s="358" t="s">
        <v>14760</v>
      </c>
      <c r="F891" s="358" t="s">
        <v>14420</v>
      </c>
      <c r="G891" s="358" t="s">
        <v>14429</v>
      </c>
      <c r="H891" s="358" t="s">
        <v>14367</v>
      </c>
      <c r="I891" s="358" t="s">
        <v>14429</v>
      </c>
      <c r="J891" s="358"/>
      <c r="K891" s="358"/>
      <c r="L891" s="358"/>
    </row>
    <row r="892" spans="2:12">
      <c r="B892" s="359"/>
      <c r="C892" s="360"/>
      <c r="D892" s="359"/>
      <c r="E892" s="359"/>
      <c r="F892" s="360"/>
      <c r="G892" s="360"/>
      <c r="H892" s="360"/>
      <c r="I892" s="360"/>
      <c r="J892" s="359"/>
      <c r="K892" s="359"/>
      <c r="L892" s="359"/>
    </row>
    <row r="893" spans="2:12" ht="28.5">
      <c r="B893" s="361"/>
      <c r="C893" s="361" t="s">
        <v>27387</v>
      </c>
      <c r="D893" s="361"/>
      <c r="E893" s="361"/>
      <c r="F893" s="361" t="s">
        <v>14472</v>
      </c>
      <c r="G893" s="361" t="s">
        <v>14473</v>
      </c>
      <c r="H893" s="361" t="s">
        <v>14422</v>
      </c>
      <c r="I893" s="361" t="s">
        <v>14473</v>
      </c>
      <c r="J893" s="361"/>
      <c r="K893" s="361"/>
      <c r="L893" s="361"/>
    </row>
    <row r="894" spans="2:12" ht="28.5">
      <c r="B894" s="358" t="s">
        <v>14761</v>
      </c>
      <c r="C894" s="358" t="s">
        <v>27388</v>
      </c>
      <c r="D894" s="358" t="s">
        <v>14762</v>
      </c>
      <c r="E894" s="358" t="s">
        <v>14763</v>
      </c>
      <c r="F894" s="358" t="s">
        <v>14420</v>
      </c>
      <c r="G894" s="358" t="s">
        <v>14429</v>
      </c>
      <c r="H894" s="358" t="s">
        <v>14367</v>
      </c>
      <c r="I894" s="358" t="s">
        <v>14429</v>
      </c>
      <c r="J894" s="358"/>
      <c r="K894" s="358"/>
      <c r="L894" s="358"/>
    </row>
    <row r="895" spans="2:12">
      <c r="B895" s="359"/>
      <c r="C895" s="360"/>
      <c r="D895" s="359"/>
      <c r="E895" s="359"/>
      <c r="F895" s="360"/>
      <c r="G895" s="360"/>
      <c r="H895" s="360"/>
      <c r="I895" s="360"/>
      <c r="J895" s="359"/>
      <c r="K895" s="359"/>
      <c r="L895" s="359"/>
    </row>
    <row r="896" spans="2:12" ht="28.5">
      <c r="B896" s="359"/>
      <c r="C896" s="359" t="s">
        <v>14764</v>
      </c>
      <c r="D896" s="359"/>
      <c r="E896" s="359"/>
      <c r="F896" s="359" t="s">
        <v>14394</v>
      </c>
      <c r="G896" s="359" t="s">
        <v>14395</v>
      </c>
      <c r="H896" s="359" t="s">
        <v>14370</v>
      </c>
      <c r="I896" s="359" t="s">
        <v>14395</v>
      </c>
      <c r="J896" s="359"/>
      <c r="K896" s="359"/>
      <c r="L896" s="359"/>
    </row>
    <row r="897" spans="2:12">
      <c r="B897" s="359"/>
      <c r="C897" s="360"/>
      <c r="D897" s="359"/>
      <c r="E897" s="359"/>
      <c r="F897" s="360"/>
      <c r="G897" s="360"/>
      <c r="H897" s="360"/>
      <c r="I897" s="360"/>
      <c r="J897" s="359"/>
      <c r="K897" s="359"/>
      <c r="L897" s="359"/>
    </row>
    <row r="898" spans="2:12">
      <c r="B898" s="361"/>
      <c r="C898" s="362"/>
      <c r="D898" s="361"/>
      <c r="E898" s="361"/>
      <c r="F898" s="362"/>
      <c r="G898" s="362"/>
      <c r="H898" s="361" t="s">
        <v>14422</v>
      </c>
      <c r="I898" s="362"/>
      <c r="J898" s="361"/>
      <c r="K898" s="361"/>
      <c r="L898" s="361"/>
    </row>
    <row r="899" spans="2:12">
      <c r="B899" s="358" t="s">
        <v>14765</v>
      </c>
      <c r="C899" s="358" t="s">
        <v>14766</v>
      </c>
      <c r="D899" s="358" t="s">
        <v>8356</v>
      </c>
      <c r="E899" s="358" t="s">
        <v>14767</v>
      </c>
      <c r="F899" s="358" t="s">
        <v>14420</v>
      </c>
      <c r="G899" s="358" t="s">
        <v>14429</v>
      </c>
      <c r="H899" s="358" t="s">
        <v>14367</v>
      </c>
      <c r="I899" s="358" t="s">
        <v>14429</v>
      </c>
      <c r="J899" s="358"/>
      <c r="K899" s="358"/>
      <c r="L899" s="358"/>
    </row>
    <row r="900" spans="2:12">
      <c r="B900" s="359"/>
      <c r="C900" s="360"/>
      <c r="D900" s="359"/>
      <c r="E900" s="359"/>
      <c r="F900" s="359"/>
      <c r="G900" s="359"/>
      <c r="H900" s="360"/>
      <c r="I900" s="359"/>
      <c r="J900" s="359"/>
      <c r="K900" s="359"/>
      <c r="L900" s="359"/>
    </row>
    <row r="901" spans="2:12">
      <c r="B901" s="361"/>
      <c r="C901" s="361" t="s">
        <v>14768</v>
      </c>
      <c r="D901" s="361"/>
      <c r="E901" s="361"/>
      <c r="F901" s="361"/>
      <c r="G901" s="361"/>
      <c r="H901" s="361" t="s">
        <v>14422</v>
      </c>
      <c r="I901" s="361"/>
      <c r="J901" s="361"/>
      <c r="K901" s="361"/>
      <c r="L901" s="361"/>
    </row>
    <row r="902" spans="2:12">
      <c r="B902" s="358" t="s">
        <v>14769</v>
      </c>
      <c r="C902" s="358" t="s">
        <v>14770</v>
      </c>
      <c r="D902" s="358" t="s">
        <v>14771</v>
      </c>
      <c r="E902" s="358" t="s">
        <v>14772</v>
      </c>
      <c r="F902" s="358" t="s">
        <v>14420</v>
      </c>
      <c r="G902" s="358" t="s">
        <v>14429</v>
      </c>
      <c r="H902" s="358" t="s">
        <v>14367</v>
      </c>
      <c r="I902" s="358" t="s">
        <v>14429</v>
      </c>
      <c r="J902" s="358"/>
      <c r="K902" s="358"/>
      <c r="L902" s="358"/>
    </row>
    <row r="903" spans="2:12">
      <c r="B903" s="359"/>
      <c r="C903" s="360"/>
      <c r="D903" s="359"/>
      <c r="E903" s="359"/>
      <c r="F903" s="360"/>
      <c r="G903" s="360"/>
      <c r="H903" s="360"/>
      <c r="I903" s="360"/>
      <c r="J903" s="359"/>
      <c r="K903" s="359"/>
      <c r="L903" s="359"/>
    </row>
    <row r="904" spans="2:12">
      <c r="B904" s="359"/>
      <c r="C904" s="359" t="s">
        <v>27389</v>
      </c>
      <c r="D904" s="359"/>
      <c r="E904" s="359"/>
      <c r="F904" s="359" t="s">
        <v>14371</v>
      </c>
      <c r="G904" s="359" t="s">
        <v>14372</v>
      </c>
      <c r="H904" s="359" t="s">
        <v>14370</v>
      </c>
      <c r="I904" s="359" t="s">
        <v>14373</v>
      </c>
      <c r="J904" s="359"/>
      <c r="K904" s="359"/>
      <c r="L904" s="359"/>
    </row>
    <row r="905" spans="2:12">
      <c r="B905" s="359"/>
      <c r="C905" s="360"/>
      <c r="D905" s="359"/>
      <c r="E905" s="359"/>
      <c r="F905" s="360"/>
      <c r="G905" s="360"/>
      <c r="H905" s="360"/>
      <c r="I905" s="360"/>
      <c r="J905" s="359"/>
      <c r="K905" s="359"/>
      <c r="L905" s="359"/>
    </row>
    <row r="906" spans="2:12" ht="28.5">
      <c r="B906" s="361"/>
      <c r="C906" s="362"/>
      <c r="D906" s="361"/>
      <c r="E906" s="361"/>
      <c r="F906" s="361" t="s">
        <v>14374</v>
      </c>
      <c r="G906" s="361" t="s">
        <v>14373</v>
      </c>
      <c r="H906" s="361" t="s">
        <v>14422</v>
      </c>
      <c r="I906" s="362"/>
      <c r="J906" s="361"/>
      <c r="K906" s="361"/>
      <c r="L906" s="361"/>
    </row>
    <row r="907" spans="2:12">
      <c r="B907" s="358" t="s">
        <v>14773</v>
      </c>
      <c r="C907" s="358" t="s">
        <v>14774</v>
      </c>
      <c r="D907" s="358" t="s">
        <v>14775</v>
      </c>
      <c r="E907" s="358" t="s">
        <v>14776</v>
      </c>
      <c r="F907" s="358" t="s">
        <v>14530</v>
      </c>
      <c r="G907" s="358" t="s">
        <v>14531</v>
      </c>
      <c r="H907" s="358" t="s">
        <v>14378</v>
      </c>
      <c r="I907" s="358" t="s">
        <v>14531</v>
      </c>
      <c r="J907" s="358"/>
      <c r="K907" s="358"/>
      <c r="L907" s="358"/>
    </row>
    <row r="908" spans="2:12">
      <c r="B908" s="359"/>
      <c r="C908" s="360"/>
      <c r="D908" s="359"/>
      <c r="E908" s="359"/>
      <c r="F908" s="360"/>
      <c r="G908" s="360"/>
      <c r="H908" s="360"/>
      <c r="I908" s="360"/>
      <c r="J908" s="359"/>
      <c r="K908" s="359"/>
      <c r="L908" s="359"/>
    </row>
    <row r="909" spans="2:12" ht="28.5">
      <c r="B909" s="359"/>
      <c r="C909" s="359" t="s">
        <v>27390</v>
      </c>
      <c r="D909" s="359"/>
      <c r="E909" s="359"/>
      <c r="F909" s="359" t="s">
        <v>14379</v>
      </c>
      <c r="G909" s="359" t="s">
        <v>14405</v>
      </c>
      <c r="H909" s="359" t="s">
        <v>14370</v>
      </c>
      <c r="I909" s="359" t="s">
        <v>14405</v>
      </c>
      <c r="J909" s="359"/>
      <c r="K909" s="359"/>
      <c r="L909" s="359"/>
    </row>
    <row r="910" spans="2:12">
      <c r="B910" s="359"/>
      <c r="C910" s="360"/>
      <c r="D910" s="359"/>
      <c r="E910" s="359"/>
      <c r="F910" s="360"/>
      <c r="G910" s="360"/>
      <c r="H910" s="360"/>
      <c r="I910" s="360"/>
      <c r="J910" s="359"/>
      <c r="K910" s="359"/>
      <c r="L910" s="359"/>
    </row>
    <row r="911" spans="2:12">
      <c r="B911" s="359"/>
      <c r="C911" s="360"/>
      <c r="D911" s="359"/>
      <c r="E911" s="359"/>
      <c r="F911" s="359" t="s">
        <v>14371</v>
      </c>
      <c r="G911" s="359" t="s">
        <v>14372</v>
      </c>
      <c r="H911" s="359" t="s">
        <v>14332</v>
      </c>
      <c r="I911" s="359" t="s">
        <v>14373</v>
      </c>
      <c r="J911" s="359"/>
      <c r="K911" s="359"/>
      <c r="L911" s="359"/>
    </row>
    <row r="912" spans="2:12">
      <c r="B912" s="359"/>
      <c r="C912" s="360"/>
      <c r="D912" s="359"/>
      <c r="E912" s="359"/>
      <c r="F912" s="360"/>
      <c r="G912" s="360"/>
      <c r="H912" s="360"/>
      <c r="I912" s="360"/>
      <c r="J912" s="359"/>
      <c r="K912" s="359"/>
      <c r="L912" s="359"/>
    </row>
    <row r="913" spans="2:12" ht="28.5">
      <c r="B913" s="361"/>
      <c r="C913" s="362"/>
      <c r="D913" s="361"/>
      <c r="E913" s="361"/>
      <c r="F913" s="361" t="s">
        <v>14374</v>
      </c>
      <c r="G913" s="361" t="s">
        <v>14373</v>
      </c>
      <c r="H913" s="362"/>
      <c r="I913" s="362"/>
      <c r="J913" s="361"/>
      <c r="K913" s="361"/>
      <c r="L913" s="361"/>
    </row>
    <row r="914" spans="2:12" ht="28.5">
      <c r="B914" s="358" t="s">
        <v>14777</v>
      </c>
      <c r="C914" s="358" t="s">
        <v>27391</v>
      </c>
      <c r="D914" s="358" t="s">
        <v>8356</v>
      </c>
      <c r="E914" s="358" t="s">
        <v>14778</v>
      </c>
      <c r="F914" s="358" t="s">
        <v>14379</v>
      </c>
      <c r="G914" s="358" t="s">
        <v>14405</v>
      </c>
      <c r="H914" s="358" t="s">
        <v>14378</v>
      </c>
      <c r="I914" s="358" t="s">
        <v>14405</v>
      </c>
      <c r="J914" s="358"/>
      <c r="K914" s="358"/>
      <c r="L914" s="358"/>
    </row>
    <row r="915" spans="2:12">
      <c r="B915" s="359"/>
      <c r="C915" s="360"/>
      <c r="D915" s="359"/>
      <c r="E915" s="359"/>
      <c r="F915" s="360"/>
      <c r="G915" s="360"/>
      <c r="H915" s="360"/>
      <c r="I915" s="360"/>
      <c r="J915" s="359"/>
      <c r="K915" s="359"/>
      <c r="L915" s="359"/>
    </row>
    <row r="916" spans="2:12">
      <c r="B916" s="359"/>
      <c r="C916" s="359" t="s">
        <v>14779</v>
      </c>
      <c r="D916" s="359"/>
      <c r="E916" s="359"/>
      <c r="F916" s="359" t="s">
        <v>14382</v>
      </c>
      <c r="G916" s="359" t="s">
        <v>14579</v>
      </c>
      <c r="H916" s="359" t="s">
        <v>14370</v>
      </c>
      <c r="I916" s="359" t="s">
        <v>14579</v>
      </c>
      <c r="J916" s="359"/>
      <c r="K916" s="359"/>
      <c r="L916" s="359"/>
    </row>
    <row r="917" spans="2:12">
      <c r="B917" s="359"/>
      <c r="C917" s="360"/>
      <c r="D917" s="359"/>
      <c r="E917" s="359"/>
      <c r="F917" s="360"/>
      <c r="G917" s="360"/>
      <c r="H917" s="360"/>
      <c r="I917" s="360"/>
      <c r="J917" s="359"/>
      <c r="K917" s="359"/>
      <c r="L917" s="359"/>
    </row>
    <row r="918" spans="2:12" ht="28.5">
      <c r="B918" s="361"/>
      <c r="C918" s="362"/>
      <c r="D918" s="361"/>
      <c r="E918" s="361"/>
      <c r="F918" s="361" t="s">
        <v>14394</v>
      </c>
      <c r="G918" s="361" t="s">
        <v>14395</v>
      </c>
      <c r="H918" s="361" t="s">
        <v>14332</v>
      </c>
      <c r="I918" s="361" t="s">
        <v>14395</v>
      </c>
      <c r="J918" s="361"/>
      <c r="K918" s="361"/>
      <c r="L918" s="361"/>
    </row>
    <row r="919" spans="2:12">
      <c r="B919" s="358" t="s">
        <v>14780</v>
      </c>
      <c r="C919" s="358" t="s">
        <v>14781</v>
      </c>
      <c r="D919" s="358" t="s">
        <v>14782</v>
      </c>
      <c r="E919" s="358" t="s">
        <v>14783</v>
      </c>
      <c r="F919" s="358" t="s">
        <v>14420</v>
      </c>
      <c r="G919" s="358" t="s">
        <v>14429</v>
      </c>
      <c r="H919" s="358" t="s">
        <v>14367</v>
      </c>
      <c r="I919" s="358" t="s">
        <v>14429</v>
      </c>
      <c r="J919" s="358"/>
      <c r="K919" s="358"/>
      <c r="L919" s="358"/>
    </row>
    <row r="920" spans="2:12">
      <c r="B920" s="359"/>
      <c r="C920" s="360"/>
      <c r="D920" s="359"/>
      <c r="E920" s="359"/>
      <c r="F920" s="360"/>
      <c r="G920" s="360"/>
      <c r="H920" s="360"/>
      <c r="I920" s="360"/>
      <c r="J920" s="359"/>
      <c r="K920" s="359"/>
      <c r="L920" s="359"/>
    </row>
    <row r="921" spans="2:12" ht="28.5">
      <c r="B921" s="359"/>
      <c r="C921" s="359" t="s">
        <v>27392</v>
      </c>
      <c r="D921" s="359"/>
      <c r="E921" s="359"/>
      <c r="F921" s="359" t="s">
        <v>14394</v>
      </c>
      <c r="G921" s="359" t="s">
        <v>14395</v>
      </c>
      <c r="H921" s="359" t="s">
        <v>14370</v>
      </c>
      <c r="I921" s="359" t="s">
        <v>14395</v>
      </c>
      <c r="J921" s="359"/>
      <c r="K921" s="359"/>
      <c r="L921" s="359"/>
    </row>
    <row r="922" spans="2:12">
      <c r="B922" s="359"/>
      <c r="C922" s="360"/>
      <c r="D922" s="359"/>
      <c r="E922" s="359"/>
      <c r="F922" s="360"/>
      <c r="G922" s="360"/>
      <c r="H922" s="360"/>
      <c r="I922" s="360"/>
      <c r="J922" s="359"/>
      <c r="K922" s="359"/>
      <c r="L922" s="359"/>
    </row>
    <row r="923" spans="2:12">
      <c r="B923" s="361"/>
      <c r="C923" s="362"/>
      <c r="D923" s="361"/>
      <c r="E923" s="361"/>
      <c r="F923" s="362"/>
      <c r="G923" s="362"/>
      <c r="H923" s="361" t="s">
        <v>14422</v>
      </c>
      <c r="I923" s="362"/>
      <c r="J923" s="361"/>
      <c r="K923" s="361"/>
      <c r="L923" s="361"/>
    </row>
    <row r="924" spans="2:12">
      <c r="B924" s="358" t="s">
        <v>14784</v>
      </c>
      <c r="C924" s="358" t="s">
        <v>14785</v>
      </c>
      <c r="D924" s="358" t="s">
        <v>8356</v>
      </c>
      <c r="E924" s="358" t="s">
        <v>14786</v>
      </c>
      <c r="F924" s="358" t="s">
        <v>14420</v>
      </c>
      <c r="G924" s="358" t="s">
        <v>14429</v>
      </c>
      <c r="H924" s="358" t="s">
        <v>14367</v>
      </c>
      <c r="I924" s="358" t="s">
        <v>14429</v>
      </c>
      <c r="J924" s="358"/>
      <c r="K924" s="358"/>
      <c r="L924" s="358"/>
    </row>
    <row r="925" spans="2:12">
      <c r="B925" s="359"/>
      <c r="C925" s="360"/>
      <c r="D925" s="359"/>
      <c r="E925" s="359"/>
      <c r="F925" s="359"/>
      <c r="G925" s="359"/>
      <c r="H925" s="360"/>
      <c r="I925" s="359"/>
      <c r="J925" s="359"/>
      <c r="K925" s="359"/>
      <c r="L925" s="359"/>
    </row>
    <row r="926" spans="2:12">
      <c r="B926" s="361"/>
      <c r="C926" s="361" t="s">
        <v>14787</v>
      </c>
      <c r="D926" s="361"/>
      <c r="E926" s="361"/>
      <c r="F926" s="361"/>
      <c r="G926" s="361"/>
      <c r="H926" s="361" t="s">
        <v>14422</v>
      </c>
      <c r="I926" s="361"/>
      <c r="J926" s="361"/>
      <c r="K926" s="361"/>
      <c r="L926" s="361"/>
    </row>
    <row r="927" spans="2:12">
      <c r="B927" s="358" t="s">
        <v>10181</v>
      </c>
      <c r="C927" s="358" t="s">
        <v>14788</v>
      </c>
      <c r="D927" s="358" t="s">
        <v>10182</v>
      </c>
      <c r="E927" s="358" t="s">
        <v>10183</v>
      </c>
      <c r="F927" s="358" t="s">
        <v>14376</v>
      </c>
      <c r="G927" s="358" t="s">
        <v>14669</v>
      </c>
      <c r="H927" s="358" t="s">
        <v>14381</v>
      </c>
      <c r="I927" s="358" t="s">
        <v>14669</v>
      </c>
      <c r="J927" s="358"/>
      <c r="K927" s="358"/>
      <c r="L927" s="358"/>
    </row>
    <row r="928" spans="2:12">
      <c r="B928" s="359"/>
      <c r="C928" s="359"/>
      <c r="D928" s="359"/>
      <c r="E928" s="359"/>
      <c r="F928" s="359"/>
      <c r="G928" s="359"/>
      <c r="H928" s="360"/>
      <c r="I928" s="359"/>
      <c r="J928" s="359"/>
      <c r="K928" s="359"/>
      <c r="L928" s="359"/>
    </row>
    <row r="929" spans="2:12">
      <c r="B929" s="361"/>
      <c r="C929" s="361"/>
      <c r="D929" s="361"/>
      <c r="E929" s="361"/>
      <c r="F929" s="361"/>
      <c r="G929" s="361"/>
      <c r="H929" s="361" t="s">
        <v>14332</v>
      </c>
      <c r="I929" s="361"/>
      <c r="J929" s="361"/>
      <c r="K929" s="361"/>
      <c r="L929" s="361"/>
    </row>
    <row r="930" spans="2:12">
      <c r="B930" s="358" t="s">
        <v>14789</v>
      </c>
      <c r="C930" s="358" t="s">
        <v>14790</v>
      </c>
      <c r="D930" s="358" t="s">
        <v>14791</v>
      </c>
      <c r="E930" s="358" t="s">
        <v>14792</v>
      </c>
      <c r="F930" s="358" t="s">
        <v>14426</v>
      </c>
      <c r="G930" s="358" t="s">
        <v>14427</v>
      </c>
      <c r="H930" s="358" t="s">
        <v>14381</v>
      </c>
      <c r="I930" s="358" t="s">
        <v>14427</v>
      </c>
      <c r="J930" s="358"/>
      <c r="K930" s="358"/>
      <c r="L930" s="358"/>
    </row>
    <row r="931" spans="2:12">
      <c r="B931" s="359"/>
      <c r="C931" s="360"/>
      <c r="D931" s="359"/>
      <c r="E931" s="359"/>
      <c r="F931" s="360"/>
      <c r="G931" s="360"/>
      <c r="H931" s="360"/>
      <c r="I931" s="360"/>
      <c r="J931" s="359"/>
      <c r="K931" s="359"/>
      <c r="L931" s="359"/>
    </row>
    <row r="932" spans="2:12">
      <c r="B932" s="359"/>
      <c r="C932" s="359" t="s">
        <v>14793</v>
      </c>
      <c r="D932" s="359"/>
      <c r="E932" s="359"/>
      <c r="F932" s="359" t="s">
        <v>14420</v>
      </c>
      <c r="G932" s="359" t="s">
        <v>14459</v>
      </c>
      <c r="H932" s="359" t="s">
        <v>14367</v>
      </c>
      <c r="I932" s="359" t="s">
        <v>14459</v>
      </c>
      <c r="J932" s="359"/>
      <c r="K932" s="359"/>
      <c r="L932" s="359"/>
    </row>
    <row r="933" spans="2:12">
      <c r="B933" s="359"/>
      <c r="C933" s="360"/>
      <c r="D933" s="359"/>
      <c r="E933" s="359"/>
      <c r="F933" s="360"/>
      <c r="G933" s="360"/>
      <c r="H933" s="360"/>
      <c r="I933" s="360"/>
      <c r="J933" s="359"/>
      <c r="K933" s="359"/>
      <c r="L933" s="359"/>
    </row>
    <row r="934" spans="2:12">
      <c r="B934" s="359"/>
      <c r="C934" s="360"/>
      <c r="D934" s="359"/>
      <c r="E934" s="359"/>
      <c r="F934" s="359" t="s">
        <v>14391</v>
      </c>
      <c r="G934" s="359" t="s">
        <v>14392</v>
      </c>
      <c r="H934" s="359" t="s">
        <v>14370</v>
      </c>
      <c r="I934" s="359" t="s">
        <v>14392</v>
      </c>
      <c r="J934" s="359"/>
      <c r="K934" s="359"/>
      <c r="L934" s="359"/>
    </row>
    <row r="935" spans="2:12">
      <c r="B935" s="359"/>
      <c r="C935" s="360"/>
      <c r="D935" s="359"/>
      <c r="E935" s="359"/>
      <c r="F935" s="360"/>
      <c r="G935" s="360"/>
      <c r="H935" s="360"/>
      <c r="I935" s="360"/>
      <c r="J935" s="359"/>
      <c r="K935" s="359"/>
      <c r="L935" s="359"/>
    </row>
    <row r="936" spans="2:12">
      <c r="B936" s="359"/>
      <c r="C936" s="360"/>
      <c r="D936" s="359"/>
      <c r="E936" s="359"/>
      <c r="F936" s="359" t="s">
        <v>14371</v>
      </c>
      <c r="G936" s="359" t="s">
        <v>14372</v>
      </c>
      <c r="H936" s="359" t="s">
        <v>14422</v>
      </c>
      <c r="I936" s="359" t="s">
        <v>14373</v>
      </c>
      <c r="J936" s="359"/>
      <c r="K936" s="359"/>
      <c r="L936" s="359"/>
    </row>
    <row r="937" spans="2:12">
      <c r="B937" s="359"/>
      <c r="C937" s="360"/>
      <c r="D937" s="359"/>
      <c r="E937" s="359"/>
      <c r="F937" s="360"/>
      <c r="G937" s="360"/>
      <c r="H937" s="360"/>
      <c r="I937" s="360"/>
      <c r="J937" s="359"/>
      <c r="K937" s="359"/>
      <c r="L937" s="359"/>
    </row>
    <row r="938" spans="2:12" ht="28.5">
      <c r="B938" s="361"/>
      <c r="C938" s="362"/>
      <c r="D938" s="361"/>
      <c r="E938" s="361"/>
      <c r="F938" s="361" t="s">
        <v>14374</v>
      </c>
      <c r="G938" s="361" t="s">
        <v>14373</v>
      </c>
      <c r="H938" s="362"/>
      <c r="I938" s="362"/>
      <c r="J938" s="361"/>
      <c r="K938" s="361"/>
      <c r="L938" s="361"/>
    </row>
    <row r="939" spans="2:12">
      <c r="B939" s="358" t="s">
        <v>14794</v>
      </c>
      <c r="C939" s="358" t="s">
        <v>14795</v>
      </c>
      <c r="D939" s="358" t="s">
        <v>14796</v>
      </c>
      <c r="E939" s="358" t="s">
        <v>14797</v>
      </c>
      <c r="F939" s="358" t="s">
        <v>14443</v>
      </c>
      <c r="G939" s="358" t="s">
        <v>14444</v>
      </c>
      <c r="H939" s="358" t="s">
        <v>14381</v>
      </c>
      <c r="I939" s="358" t="s">
        <v>14444</v>
      </c>
      <c r="J939" s="358"/>
      <c r="K939" s="358"/>
      <c r="L939" s="358"/>
    </row>
    <row r="940" spans="2:12">
      <c r="B940" s="359"/>
      <c r="C940" s="360"/>
      <c r="D940" s="359"/>
      <c r="E940" s="359"/>
      <c r="F940" s="360"/>
      <c r="G940" s="360"/>
      <c r="H940" s="360"/>
      <c r="I940" s="360"/>
      <c r="J940" s="359"/>
      <c r="K940" s="359"/>
      <c r="L940" s="359"/>
    </row>
    <row r="941" spans="2:12">
      <c r="B941" s="359"/>
      <c r="C941" s="359" t="s">
        <v>27393</v>
      </c>
      <c r="D941" s="359"/>
      <c r="E941" s="359"/>
      <c r="F941" s="359" t="s">
        <v>14371</v>
      </c>
      <c r="G941" s="359" t="s">
        <v>14372</v>
      </c>
      <c r="H941" s="359" t="s">
        <v>14370</v>
      </c>
      <c r="I941" s="359" t="s">
        <v>14373</v>
      </c>
      <c r="J941" s="359"/>
      <c r="K941" s="359"/>
      <c r="L941" s="359"/>
    </row>
    <row r="942" spans="2:12">
      <c r="B942" s="359"/>
      <c r="C942" s="360"/>
      <c r="D942" s="359"/>
      <c r="E942" s="359"/>
      <c r="F942" s="360"/>
      <c r="G942" s="360"/>
      <c r="H942" s="360"/>
      <c r="I942" s="360"/>
      <c r="J942" s="359"/>
      <c r="K942" s="359"/>
      <c r="L942" s="359"/>
    </row>
    <row r="943" spans="2:12" ht="28.5">
      <c r="B943" s="361"/>
      <c r="C943" s="362"/>
      <c r="D943" s="361"/>
      <c r="E943" s="361"/>
      <c r="F943" s="361" t="s">
        <v>14374</v>
      </c>
      <c r="G943" s="361" t="s">
        <v>14373</v>
      </c>
      <c r="H943" s="361" t="s">
        <v>14422</v>
      </c>
      <c r="I943" s="362"/>
      <c r="J943" s="361"/>
      <c r="K943" s="361"/>
      <c r="L943" s="361"/>
    </row>
    <row r="944" spans="2:12">
      <c r="B944" s="358" t="s">
        <v>14798</v>
      </c>
      <c r="C944" s="358" t="s">
        <v>14799</v>
      </c>
      <c r="D944" s="358" t="s">
        <v>14800</v>
      </c>
      <c r="E944" s="358" t="s">
        <v>14801</v>
      </c>
      <c r="F944" s="358" t="s">
        <v>14391</v>
      </c>
      <c r="G944" s="358" t="s">
        <v>14392</v>
      </c>
      <c r="H944" s="358" t="s">
        <v>14367</v>
      </c>
      <c r="I944" s="358" t="s">
        <v>14392</v>
      </c>
      <c r="J944" s="358"/>
      <c r="K944" s="358"/>
      <c r="L944" s="358"/>
    </row>
    <row r="945" spans="2:12">
      <c r="B945" s="359"/>
      <c r="C945" s="359"/>
      <c r="D945" s="359"/>
      <c r="E945" s="359"/>
      <c r="F945" s="359"/>
      <c r="G945" s="359"/>
      <c r="H945" s="360"/>
      <c r="I945" s="359"/>
      <c r="J945" s="359"/>
      <c r="K945" s="359"/>
      <c r="L945" s="359"/>
    </row>
    <row r="946" spans="2:12">
      <c r="B946" s="361"/>
      <c r="C946" s="361"/>
      <c r="D946" s="361"/>
      <c r="E946" s="361"/>
      <c r="F946" s="361"/>
      <c r="G946" s="361"/>
      <c r="H946" s="361" t="s">
        <v>14422</v>
      </c>
      <c r="I946" s="361"/>
      <c r="J946" s="361"/>
      <c r="K946" s="361"/>
      <c r="L946" s="361"/>
    </row>
    <row r="947" spans="2:12">
      <c r="B947" s="358" t="s">
        <v>14802</v>
      </c>
      <c r="C947" s="358" t="s">
        <v>14803</v>
      </c>
      <c r="D947" s="358" t="s">
        <v>14804</v>
      </c>
      <c r="E947" s="358" t="s">
        <v>14805</v>
      </c>
      <c r="F947" s="358" t="s">
        <v>14420</v>
      </c>
      <c r="G947" s="358" t="s">
        <v>14429</v>
      </c>
      <c r="H947" s="358" t="s">
        <v>14367</v>
      </c>
      <c r="I947" s="358" t="s">
        <v>14429</v>
      </c>
      <c r="J947" s="358"/>
      <c r="K947" s="358"/>
      <c r="L947" s="358"/>
    </row>
    <row r="948" spans="2:12">
      <c r="B948" s="359"/>
      <c r="C948" s="360"/>
      <c r="D948" s="359"/>
      <c r="E948" s="359"/>
      <c r="F948" s="360"/>
      <c r="G948" s="360"/>
      <c r="H948" s="360"/>
      <c r="I948" s="360"/>
      <c r="J948" s="359"/>
      <c r="K948" s="359"/>
      <c r="L948" s="359"/>
    </row>
    <row r="949" spans="2:12">
      <c r="B949" s="359"/>
      <c r="C949" s="359" t="s">
        <v>30013</v>
      </c>
      <c r="D949" s="359"/>
      <c r="E949" s="359"/>
      <c r="F949" s="359" t="s">
        <v>14391</v>
      </c>
      <c r="G949" s="359" t="s">
        <v>14392</v>
      </c>
      <c r="H949" s="359" t="s">
        <v>14370</v>
      </c>
      <c r="I949" s="359" t="s">
        <v>14392</v>
      </c>
      <c r="J949" s="359"/>
      <c r="K949" s="359"/>
      <c r="L949" s="359"/>
    </row>
    <row r="950" spans="2:12">
      <c r="B950" s="359"/>
      <c r="C950" s="360"/>
      <c r="D950" s="359"/>
      <c r="E950" s="359"/>
      <c r="F950" s="360"/>
      <c r="G950" s="360"/>
      <c r="H950" s="360"/>
      <c r="I950" s="360"/>
      <c r="J950" s="359"/>
      <c r="K950" s="359"/>
      <c r="L950" s="359"/>
    </row>
    <row r="951" spans="2:12" ht="28.5">
      <c r="B951" s="361"/>
      <c r="C951" s="362"/>
      <c r="D951" s="361"/>
      <c r="E951" s="361"/>
      <c r="F951" s="361" t="s">
        <v>14394</v>
      </c>
      <c r="G951" s="361" t="s">
        <v>14395</v>
      </c>
      <c r="H951" s="361" t="s">
        <v>14422</v>
      </c>
      <c r="I951" s="361" t="s">
        <v>14395</v>
      </c>
      <c r="J951" s="361"/>
      <c r="K951" s="361"/>
      <c r="L951" s="361"/>
    </row>
    <row r="952" spans="2:12">
      <c r="B952" s="358" t="s">
        <v>14806</v>
      </c>
      <c r="C952" s="358" t="s">
        <v>14807</v>
      </c>
      <c r="D952" s="358" t="s">
        <v>14808</v>
      </c>
      <c r="E952" s="358" t="s">
        <v>14809</v>
      </c>
      <c r="F952" s="358" t="s">
        <v>14430</v>
      </c>
      <c r="G952" s="358" t="s">
        <v>14431</v>
      </c>
      <c r="H952" s="358" t="s">
        <v>14341</v>
      </c>
      <c r="I952" s="358" t="s">
        <v>14431</v>
      </c>
      <c r="J952" s="358"/>
      <c r="K952" s="358"/>
      <c r="L952" s="358"/>
    </row>
    <row r="953" spans="2:12">
      <c r="B953" s="359"/>
      <c r="C953" s="359"/>
      <c r="D953" s="359"/>
      <c r="E953" s="359"/>
      <c r="F953" s="359"/>
      <c r="G953" s="359"/>
      <c r="H953" s="360"/>
      <c r="I953" s="359"/>
      <c r="J953" s="359"/>
      <c r="K953" s="359"/>
      <c r="L953" s="359"/>
    </row>
    <row r="954" spans="2:12">
      <c r="B954" s="361"/>
      <c r="C954" s="361"/>
      <c r="D954" s="361"/>
      <c r="E954" s="361"/>
      <c r="F954" s="361"/>
      <c r="G954" s="361"/>
      <c r="H954" s="361" t="s">
        <v>14332</v>
      </c>
      <c r="I954" s="361"/>
      <c r="J954" s="361"/>
      <c r="K954" s="361"/>
      <c r="L954" s="361"/>
    </row>
    <row r="955" spans="2:12">
      <c r="B955" s="358" t="s">
        <v>14810</v>
      </c>
      <c r="C955" s="358" t="s">
        <v>14811</v>
      </c>
      <c r="D955" s="358" t="s">
        <v>14812</v>
      </c>
      <c r="E955" s="358" t="s">
        <v>14813</v>
      </c>
      <c r="F955" s="358" t="s">
        <v>14379</v>
      </c>
      <c r="G955" s="358" t="s">
        <v>14380</v>
      </c>
      <c r="H955" s="358" t="s">
        <v>14378</v>
      </c>
      <c r="I955" s="358" t="s">
        <v>14380</v>
      </c>
      <c r="J955" s="358"/>
      <c r="K955" s="358"/>
      <c r="L955" s="358"/>
    </row>
    <row r="956" spans="2:12">
      <c r="B956" s="359"/>
      <c r="C956" s="359"/>
      <c r="D956" s="359"/>
      <c r="E956" s="359"/>
      <c r="F956" s="360"/>
      <c r="G956" s="360"/>
      <c r="H956" s="360"/>
      <c r="I956" s="360"/>
      <c r="J956" s="359"/>
      <c r="K956" s="359"/>
      <c r="L956" s="359"/>
    </row>
    <row r="957" spans="2:12">
      <c r="B957" s="359"/>
      <c r="C957" s="359"/>
      <c r="D957" s="359"/>
      <c r="E957" s="359"/>
      <c r="F957" s="359" t="s">
        <v>14356</v>
      </c>
      <c r="G957" s="359" t="s">
        <v>14340</v>
      </c>
      <c r="H957" s="359" t="s">
        <v>14381</v>
      </c>
      <c r="I957" s="359" t="s">
        <v>14340</v>
      </c>
      <c r="J957" s="359"/>
      <c r="K957" s="359"/>
      <c r="L957" s="359"/>
    </row>
    <row r="958" spans="2:12">
      <c r="B958" s="359"/>
      <c r="C958" s="359"/>
      <c r="D958" s="359"/>
      <c r="E958" s="359"/>
      <c r="F958" s="360"/>
      <c r="G958" s="360"/>
      <c r="H958" s="360"/>
      <c r="I958" s="360"/>
      <c r="J958" s="359"/>
      <c r="K958" s="359"/>
      <c r="L958" s="359"/>
    </row>
    <row r="959" spans="2:12">
      <c r="B959" s="359"/>
      <c r="C959" s="359"/>
      <c r="D959" s="359"/>
      <c r="E959" s="359"/>
      <c r="F959" s="359" t="s">
        <v>14460</v>
      </c>
      <c r="G959" s="359" t="s">
        <v>14519</v>
      </c>
      <c r="H959" s="359" t="s">
        <v>14341</v>
      </c>
      <c r="I959" s="359" t="s">
        <v>14519</v>
      </c>
      <c r="J959" s="359"/>
      <c r="K959" s="359"/>
      <c r="L959" s="359"/>
    </row>
    <row r="960" spans="2:12">
      <c r="B960" s="359"/>
      <c r="C960" s="359"/>
      <c r="D960" s="359"/>
      <c r="E960" s="359"/>
      <c r="F960" s="360"/>
      <c r="G960" s="360"/>
      <c r="H960" s="360"/>
      <c r="I960" s="360"/>
      <c r="J960" s="359"/>
      <c r="K960" s="359"/>
      <c r="L960" s="359"/>
    </row>
    <row r="961" spans="2:12">
      <c r="B961" s="359"/>
      <c r="C961" s="359"/>
      <c r="D961" s="359"/>
      <c r="E961" s="359"/>
      <c r="F961" s="359" t="s">
        <v>14814</v>
      </c>
      <c r="G961" s="359" t="s">
        <v>14815</v>
      </c>
      <c r="H961" s="359" t="s">
        <v>14370</v>
      </c>
      <c r="I961" s="359" t="s">
        <v>14815</v>
      </c>
      <c r="J961" s="359"/>
      <c r="K961" s="359"/>
      <c r="L961" s="359"/>
    </row>
    <row r="962" spans="2:12">
      <c r="B962" s="359"/>
      <c r="C962" s="359"/>
      <c r="D962" s="359"/>
      <c r="E962" s="359"/>
      <c r="F962" s="360"/>
      <c r="G962" s="360"/>
      <c r="H962" s="360"/>
      <c r="I962" s="360"/>
      <c r="J962" s="359"/>
      <c r="K962" s="359"/>
      <c r="L962" s="359"/>
    </row>
    <row r="963" spans="2:12">
      <c r="B963" s="359"/>
      <c r="C963" s="359"/>
      <c r="D963" s="359"/>
      <c r="E963" s="359"/>
      <c r="F963" s="359" t="s">
        <v>14391</v>
      </c>
      <c r="G963" s="359" t="s">
        <v>14392</v>
      </c>
      <c r="H963" s="359" t="s">
        <v>14332</v>
      </c>
      <c r="I963" s="359" t="s">
        <v>14392</v>
      </c>
      <c r="J963" s="359"/>
      <c r="K963" s="359"/>
      <c r="L963" s="359"/>
    </row>
    <row r="964" spans="2:12">
      <c r="B964" s="359"/>
      <c r="C964" s="359"/>
      <c r="D964" s="359"/>
      <c r="E964" s="359"/>
      <c r="F964" s="360"/>
      <c r="G964" s="360"/>
      <c r="H964" s="360"/>
      <c r="I964" s="360"/>
      <c r="J964" s="359"/>
      <c r="K964" s="359"/>
      <c r="L964" s="359"/>
    </row>
    <row r="965" spans="2:12">
      <c r="B965" s="359"/>
      <c r="C965" s="359"/>
      <c r="D965" s="359"/>
      <c r="E965" s="359"/>
      <c r="F965" s="359" t="s">
        <v>14371</v>
      </c>
      <c r="G965" s="359" t="s">
        <v>14372</v>
      </c>
      <c r="H965" s="360"/>
      <c r="I965" s="359" t="s">
        <v>14373</v>
      </c>
      <c r="J965" s="359"/>
      <c r="K965" s="359"/>
      <c r="L965" s="359"/>
    </row>
    <row r="966" spans="2:12">
      <c r="B966" s="359"/>
      <c r="C966" s="359"/>
      <c r="D966" s="359"/>
      <c r="E966" s="359"/>
      <c r="F966" s="360"/>
      <c r="G966" s="360"/>
      <c r="H966" s="360"/>
      <c r="I966" s="360"/>
      <c r="J966" s="359"/>
      <c r="K966" s="359"/>
      <c r="L966" s="359"/>
    </row>
    <row r="967" spans="2:12" ht="28.5">
      <c r="B967" s="361"/>
      <c r="C967" s="361"/>
      <c r="D967" s="361"/>
      <c r="E967" s="361"/>
      <c r="F967" s="361" t="s">
        <v>14374</v>
      </c>
      <c r="G967" s="361" t="s">
        <v>14373</v>
      </c>
      <c r="H967" s="362"/>
      <c r="I967" s="362"/>
      <c r="J967" s="361"/>
      <c r="K967" s="361"/>
      <c r="L967" s="361"/>
    </row>
    <row r="968" spans="2:12">
      <c r="B968" s="358" t="s">
        <v>14816</v>
      </c>
      <c r="C968" s="358" t="s">
        <v>14817</v>
      </c>
      <c r="D968" s="358" t="s">
        <v>8356</v>
      </c>
      <c r="E968" s="358" t="s">
        <v>14818</v>
      </c>
      <c r="F968" s="358" t="s">
        <v>14507</v>
      </c>
      <c r="G968" s="358" t="s">
        <v>14819</v>
      </c>
      <c r="H968" s="358" t="s">
        <v>14381</v>
      </c>
      <c r="I968" s="358" t="s">
        <v>14819</v>
      </c>
      <c r="J968" s="358"/>
      <c r="K968" s="358" t="s">
        <v>14820</v>
      </c>
      <c r="L968" s="358"/>
    </row>
    <row r="969" spans="2:12">
      <c r="B969" s="359"/>
      <c r="C969" s="360"/>
      <c r="D969" s="359"/>
      <c r="E969" s="359"/>
      <c r="F969" s="360"/>
      <c r="G969" s="360"/>
      <c r="H969" s="360"/>
      <c r="I969" s="360"/>
      <c r="J969" s="359"/>
      <c r="K969" s="359"/>
      <c r="L969" s="359"/>
    </row>
    <row r="970" spans="2:12">
      <c r="B970" s="359"/>
      <c r="C970" s="359" t="s">
        <v>28575</v>
      </c>
      <c r="D970" s="359"/>
      <c r="E970" s="359"/>
      <c r="F970" s="359" t="s">
        <v>14391</v>
      </c>
      <c r="G970" s="359" t="s">
        <v>14392</v>
      </c>
      <c r="H970" s="359" t="s">
        <v>14367</v>
      </c>
      <c r="I970" s="359" t="s">
        <v>14392</v>
      </c>
      <c r="J970" s="359"/>
      <c r="K970" s="359"/>
      <c r="L970" s="359"/>
    </row>
    <row r="971" spans="2:12">
      <c r="B971" s="359"/>
      <c r="C971" s="360"/>
      <c r="D971" s="359"/>
      <c r="E971" s="359"/>
      <c r="F971" s="360"/>
      <c r="G971" s="360"/>
      <c r="H971" s="360"/>
      <c r="I971" s="360"/>
      <c r="J971" s="359"/>
      <c r="K971" s="359"/>
      <c r="L971" s="359"/>
    </row>
    <row r="972" spans="2:12">
      <c r="B972" s="359"/>
      <c r="C972" s="359" t="s">
        <v>28576</v>
      </c>
      <c r="D972" s="359"/>
      <c r="E972" s="359"/>
      <c r="F972" s="359" t="s">
        <v>14371</v>
      </c>
      <c r="G972" s="359" t="s">
        <v>14372</v>
      </c>
      <c r="H972" s="359" t="s">
        <v>14370</v>
      </c>
      <c r="I972" s="359" t="s">
        <v>14372</v>
      </c>
      <c r="J972" s="359"/>
      <c r="K972" s="359"/>
      <c r="L972" s="359"/>
    </row>
    <row r="973" spans="2:12">
      <c r="B973" s="359"/>
      <c r="C973" s="360"/>
      <c r="D973" s="359"/>
      <c r="E973" s="359"/>
      <c r="F973" s="360"/>
      <c r="G973" s="360"/>
      <c r="H973" s="360"/>
      <c r="I973" s="360"/>
      <c r="J973" s="359"/>
      <c r="K973" s="359"/>
      <c r="L973" s="359"/>
    </row>
    <row r="974" spans="2:12">
      <c r="B974" s="361"/>
      <c r="C974" s="361" t="s">
        <v>28577</v>
      </c>
      <c r="D974" s="361"/>
      <c r="E974" s="361"/>
      <c r="F974" s="362"/>
      <c r="G974" s="362"/>
      <c r="H974" s="361" t="s">
        <v>14422</v>
      </c>
      <c r="I974" s="362"/>
      <c r="J974" s="361"/>
      <c r="K974" s="361"/>
      <c r="L974" s="361"/>
    </row>
    <row r="975" spans="2:12">
      <c r="B975" s="358" t="s">
        <v>14821</v>
      </c>
      <c r="C975" s="358" t="s">
        <v>14822</v>
      </c>
      <c r="D975" s="358" t="s">
        <v>14823</v>
      </c>
      <c r="E975" s="358" t="s">
        <v>14824</v>
      </c>
      <c r="F975" s="358" t="s">
        <v>14507</v>
      </c>
      <c r="G975" s="358" t="s">
        <v>14819</v>
      </c>
      <c r="H975" s="358" t="s">
        <v>14381</v>
      </c>
      <c r="I975" s="358" t="s">
        <v>14819</v>
      </c>
      <c r="J975" s="358"/>
      <c r="K975" s="358" t="s">
        <v>14820</v>
      </c>
      <c r="L975" s="358"/>
    </row>
    <row r="976" spans="2:12">
      <c r="B976" s="359"/>
      <c r="C976" s="360"/>
      <c r="D976" s="359"/>
      <c r="E976" s="359"/>
      <c r="F976" s="360"/>
      <c r="G976" s="360"/>
      <c r="H976" s="360"/>
      <c r="I976" s="360"/>
      <c r="J976" s="359"/>
      <c r="K976" s="359"/>
      <c r="L976" s="359"/>
    </row>
    <row r="977" spans="2:12">
      <c r="B977" s="359"/>
      <c r="C977" s="359" t="s">
        <v>28575</v>
      </c>
      <c r="D977" s="359"/>
      <c r="E977" s="359"/>
      <c r="F977" s="359" t="s">
        <v>14420</v>
      </c>
      <c r="G977" s="359" t="s">
        <v>14459</v>
      </c>
      <c r="H977" s="359" t="s">
        <v>14367</v>
      </c>
      <c r="I977" s="359" t="s">
        <v>14459</v>
      </c>
      <c r="J977" s="359"/>
      <c r="K977" s="359"/>
      <c r="L977" s="359"/>
    </row>
    <row r="978" spans="2:12">
      <c r="B978" s="359"/>
      <c r="C978" s="360"/>
      <c r="D978" s="359"/>
      <c r="E978" s="359"/>
      <c r="F978" s="360"/>
      <c r="G978" s="360"/>
      <c r="H978" s="360"/>
      <c r="I978" s="360"/>
      <c r="J978" s="359"/>
      <c r="K978" s="359"/>
      <c r="L978" s="359"/>
    </row>
    <row r="979" spans="2:12">
      <c r="B979" s="359"/>
      <c r="C979" s="359" t="s">
        <v>28576</v>
      </c>
      <c r="D979" s="359"/>
      <c r="E979" s="359"/>
      <c r="F979" s="359" t="s">
        <v>14386</v>
      </c>
      <c r="G979" s="359" t="s">
        <v>14387</v>
      </c>
      <c r="H979" s="359" t="s">
        <v>14370</v>
      </c>
      <c r="I979" s="359" t="s">
        <v>14387</v>
      </c>
      <c r="J979" s="359"/>
      <c r="K979" s="359"/>
      <c r="L979" s="359"/>
    </row>
    <row r="980" spans="2:12">
      <c r="B980" s="359"/>
      <c r="C980" s="360"/>
      <c r="D980" s="359"/>
      <c r="E980" s="359"/>
      <c r="F980" s="360"/>
      <c r="G980" s="360"/>
      <c r="H980" s="360"/>
      <c r="I980" s="360"/>
      <c r="J980" s="359"/>
      <c r="K980" s="359"/>
      <c r="L980" s="359"/>
    </row>
    <row r="981" spans="2:12">
      <c r="B981" s="359"/>
      <c r="C981" s="359" t="s">
        <v>28578</v>
      </c>
      <c r="D981" s="359"/>
      <c r="E981" s="359"/>
      <c r="F981" s="359" t="s">
        <v>14391</v>
      </c>
      <c r="G981" s="359" t="s">
        <v>14392</v>
      </c>
      <c r="H981" s="359" t="s">
        <v>14422</v>
      </c>
      <c r="I981" s="359" t="s">
        <v>14392</v>
      </c>
      <c r="J981" s="359"/>
      <c r="K981" s="359"/>
      <c r="L981" s="359"/>
    </row>
    <row r="982" spans="2:12">
      <c r="B982" s="359"/>
      <c r="C982" s="360"/>
      <c r="D982" s="359"/>
      <c r="E982" s="359"/>
      <c r="F982" s="360"/>
      <c r="G982" s="360"/>
      <c r="H982" s="360"/>
      <c r="I982" s="360"/>
      <c r="J982" s="359"/>
      <c r="K982" s="359"/>
      <c r="L982" s="359"/>
    </row>
    <row r="983" spans="2:12">
      <c r="B983" s="359"/>
      <c r="C983" s="360"/>
      <c r="D983" s="359"/>
      <c r="E983" s="359"/>
      <c r="F983" s="359" t="s">
        <v>14371</v>
      </c>
      <c r="G983" s="359" t="s">
        <v>14372</v>
      </c>
      <c r="H983" s="360"/>
      <c r="I983" s="359" t="s">
        <v>14373</v>
      </c>
      <c r="J983" s="359"/>
      <c r="K983" s="359"/>
      <c r="L983" s="359"/>
    </row>
    <row r="984" spans="2:12">
      <c r="B984" s="359"/>
      <c r="C984" s="360"/>
      <c r="D984" s="359"/>
      <c r="E984" s="359"/>
      <c r="F984" s="360"/>
      <c r="G984" s="360"/>
      <c r="H984" s="360"/>
      <c r="I984" s="360"/>
      <c r="J984" s="359"/>
      <c r="K984" s="359"/>
      <c r="L984" s="359"/>
    </row>
    <row r="985" spans="2:12" ht="28.5">
      <c r="B985" s="361"/>
      <c r="C985" s="362"/>
      <c r="D985" s="361"/>
      <c r="E985" s="361"/>
      <c r="F985" s="361" t="s">
        <v>14374</v>
      </c>
      <c r="G985" s="361" t="s">
        <v>14373</v>
      </c>
      <c r="H985" s="362"/>
      <c r="I985" s="362"/>
      <c r="J985" s="361"/>
      <c r="K985" s="361"/>
      <c r="L985" s="361"/>
    </row>
    <row r="986" spans="2:12">
      <c r="B986" s="358" t="s">
        <v>14825</v>
      </c>
      <c r="C986" s="358" t="s">
        <v>14826</v>
      </c>
      <c r="D986" s="358" t="s">
        <v>14827</v>
      </c>
      <c r="E986" s="358" t="s">
        <v>14828</v>
      </c>
      <c r="F986" s="358" t="s">
        <v>14368</v>
      </c>
      <c r="G986" s="358" t="s">
        <v>14388</v>
      </c>
      <c r="H986" s="358" t="s">
        <v>14367</v>
      </c>
      <c r="I986" s="358" t="s">
        <v>14388</v>
      </c>
      <c r="J986" s="358"/>
      <c r="K986" s="358"/>
      <c r="L986" s="358"/>
    </row>
    <row r="987" spans="2:12">
      <c r="B987" s="359"/>
      <c r="C987" s="360"/>
      <c r="D987" s="359"/>
      <c r="E987" s="359"/>
      <c r="F987" s="360"/>
      <c r="G987" s="360"/>
      <c r="H987" s="360"/>
      <c r="I987" s="360"/>
      <c r="J987" s="359"/>
      <c r="K987" s="359"/>
      <c r="L987" s="359"/>
    </row>
    <row r="988" spans="2:12">
      <c r="B988" s="361"/>
      <c r="C988" s="361" t="s">
        <v>14829</v>
      </c>
      <c r="D988" s="361"/>
      <c r="E988" s="361"/>
      <c r="F988" s="361" t="s">
        <v>14391</v>
      </c>
      <c r="G988" s="361" t="s">
        <v>14392</v>
      </c>
      <c r="H988" s="361" t="s">
        <v>14422</v>
      </c>
      <c r="I988" s="361" t="s">
        <v>14392</v>
      </c>
      <c r="J988" s="361"/>
      <c r="K988" s="361"/>
      <c r="L988" s="361"/>
    </row>
    <row r="989" spans="2:12">
      <c r="B989" s="358" t="s">
        <v>14830</v>
      </c>
      <c r="C989" s="358" t="s">
        <v>14831</v>
      </c>
      <c r="D989" s="358" t="s">
        <v>14832</v>
      </c>
      <c r="E989" s="358" t="s">
        <v>14833</v>
      </c>
      <c r="F989" s="358" t="s">
        <v>14420</v>
      </c>
      <c r="G989" s="358" t="s">
        <v>14429</v>
      </c>
      <c r="H989" s="358" t="s">
        <v>14381</v>
      </c>
      <c r="I989" s="358" t="s">
        <v>14429</v>
      </c>
      <c r="J989" s="358"/>
      <c r="K989" s="358"/>
      <c r="L989" s="358"/>
    </row>
    <row r="990" spans="2:12">
      <c r="B990" s="359"/>
      <c r="C990" s="360"/>
      <c r="D990" s="359"/>
      <c r="E990" s="359"/>
      <c r="F990" s="360"/>
      <c r="G990" s="360"/>
      <c r="H990" s="360"/>
      <c r="I990" s="360"/>
      <c r="J990" s="359"/>
      <c r="K990" s="359"/>
      <c r="L990" s="359"/>
    </row>
    <row r="991" spans="2:12">
      <c r="B991" s="359"/>
      <c r="C991" s="359" t="s">
        <v>14834</v>
      </c>
      <c r="D991" s="359"/>
      <c r="E991" s="359"/>
      <c r="F991" s="359" t="s">
        <v>14460</v>
      </c>
      <c r="G991" s="359" t="s">
        <v>14519</v>
      </c>
      <c r="H991" s="359" t="s">
        <v>14367</v>
      </c>
      <c r="I991" s="359" t="s">
        <v>14519</v>
      </c>
      <c r="J991" s="359"/>
      <c r="K991" s="359"/>
      <c r="L991" s="359"/>
    </row>
    <row r="992" spans="2:12">
      <c r="B992" s="359"/>
      <c r="C992" s="360"/>
      <c r="D992" s="359"/>
      <c r="E992" s="359"/>
      <c r="F992" s="360"/>
      <c r="G992" s="360"/>
      <c r="H992" s="360"/>
      <c r="I992" s="360"/>
      <c r="J992" s="359"/>
      <c r="K992" s="359"/>
      <c r="L992" s="359"/>
    </row>
    <row r="993" spans="2:12">
      <c r="B993" s="359"/>
      <c r="C993" s="360"/>
      <c r="D993" s="359"/>
      <c r="E993" s="359"/>
      <c r="F993" s="359" t="s">
        <v>14391</v>
      </c>
      <c r="G993" s="359" t="s">
        <v>14392</v>
      </c>
      <c r="H993" s="359" t="s">
        <v>14370</v>
      </c>
      <c r="I993" s="359" t="s">
        <v>14392</v>
      </c>
      <c r="J993" s="359"/>
      <c r="K993" s="359"/>
      <c r="L993" s="359"/>
    </row>
    <row r="994" spans="2:12">
      <c r="B994" s="359"/>
      <c r="C994" s="360"/>
      <c r="D994" s="359"/>
      <c r="E994" s="359"/>
      <c r="F994" s="360"/>
      <c r="G994" s="360"/>
      <c r="H994" s="360"/>
      <c r="I994" s="360"/>
      <c r="J994" s="359"/>
      <c r="K994" s="359"/>
      <c r="L994" s="359"/>
    </row>
    <row r="995" spans="2:12">
      <c r="B995" s="359"/>
      <c r="C995" s="360"/>
      <c r="D995" s="359"/>
      <c r="E995" s="359"/>
      <c r="F995" s="359" t="s">
        <v>14371</v>
      </c>
      <c r="G995" s="359" t="s">
        <v>14372</v>
      </c>
      <c r="H995" s="359" t="s">
        <v>14422</v>
      </c>
      <c r="I995" s="359" t="s">
        <v>14373</v>
      </c>
      <c r="J995" s="359"/>
      <c r="K995" s="359"/>
      <c r="L995" s="359"/>
    </row>
    <row r="996" spans="2:12">
      <c r="B996" s="359"/>
      <c r="C996" s="360"/>
      <c r="D996" s="359"/>
      <c r="E996" s="359"/>
      <c r="F996" s="360"/>
      <c r="G996" s="360"/>
      <c r="H996" s="360"/>
      <c r="I996" s="360"/>
      <c r="J996" s="359"/>
      <c r="K996" s="359"/>
      <c r="L996" s="359"/>
    </row>
    <row r="997" spans="2:12" ht="28.5">
      <c r="B997" s="361"/>
      <c r="C997" s="362"/>
      <c r="D997" s="361"/>
      <c r="E997" s="361"/>
      <c r="F997" s="361" t="s">
        <v>14374</v>
      </c>
      <c r="G997" s="361" t="s">
        <v>14373</v>
      </c>
      <c r="H997" s="362"/>
      <c r="I997" s="362"/>
      <c r="J997" s="361"/>
      <c r="K997" s="361"/>
      <c r="L997" s="361"/>
    </row>
    <row r="998" spans="2:12">
      <c r="B998" s="358" t="s">
        <v>14835</v>
      </c>
      <c r="C998" s="358" t="s">
        <v>14836</v>
      </c>
      <c r="D998" s="358" t="s">
        <v>14837</v>
      </c>
      <c r="E998" s="358" t="s">
        <v>14838</v>
      </c>
      <c r="F998" s="358" t="s">
        <v>14420</v>
      </c>
      <c r="G998" s="358" t="s">
        <v>14429</v>
      </c>
      <c r="H998" s="358" t="s">
        <v>14367</v>
      </c>
      <c r="I998" s="358" t="s">
        <v>14429</v>
      </c>
      <c r="J998" s="358"/>
      <c r="K998" s="358"/>
      <c r="L998" s="358"/>
    </row>
    <row r="999" spans="2:12">
      <c r="B999" s="359"/>
      <c r="C999" s="359"/>
      <c r="D999" s="359"/>
      <c r="E999" s="359"/>
      <c r="F999" s="360"/>
      <c r="G999" s="360"/>
      <c r="H999" s="360"/>
      <c r="I999" s="360"/>
      <c r="J999" s="359"/>
      <c r="K999" s="359"/>
      <c r="L999" s="359"/>
    </row>
    <row r="1000" spans="2:12">
      <c r="B1000" s="359"/>
      <c r="C1000" s="359"/>
      <c r="D1000" s="359"/>
      <c r="E1000" s="359"/>
      <c r="F1000" s="359" t="s">
        <v>14391</v>
      </c>
      <c r="G1000" s="359" t="s">
        <v>14392</v>
      </c>
      <c r="H1000" s="359" t="s">
        <v>14370</v>
      </c>
      <c r="I1000" s="359" t="s">
        <v>14392</v>
      </c>
      <c r="J1000" s="359"/>
      <c r="K1000" s="359"/>
      <c r="L1000" s="359"/>
    </row>
    <row r="1001" spans="2:12">
      <c r="B1001" s="359"/>
      <c r="C1001" s="359"/>
      <c r="D1001" s="359"/>
      <c r="E1001" s="359"/>
      <c r="F1001" s="360"/>
      <c r="G1001" s="360"/>
      <c r="H1001" s="360"/>
      <c r="I1001" s="360"/>
      <c r="J1001" s="359"/>
      <c r="K1001" s="359"/>
      <c r="L1001" s="359"/>
    </row>
    <row r="1002" spans="2:12" ht="28.5">
      <c r="B1002" s="361"/>
      <c r="C1002" s="361"/>
      <c r="D1002" s="361"/>
      <c r="E1002" s="361"/>
      <c r="F1002" s="361" t="s">
        <v>14394</v>
      </c>
      <c r="G1002" s="361" t="s">
        <v>14395</v>
      </c>
      <c r="H1002" s="361" t="s">
        <v>14422</v>
      </c>
      <c r="I1002" s="361" t="s">
        <v>14395</v>
      </c>
      <c r="J1002" s="361"/>
      <c r="K1002" s="361"/>
      <c r="L1002" s="361"/>
    </row>
    <row r="1003" spans="2:12">
      <c r="B1003" s="358" t="s">
        <v>14839</v>
      </c>
      <c r="C1003" s="358" t="s">
        <v>14840</v>
      </c>
      <c r="D1003" s="358" t="s">
        <v>14841</v>
      </c>
      <c r="E1003" s="358" t="s">
        <v>14842</v>
      </c>
      <c r="F1003" s="358" t="s">
        <v>14386</v>
      </c>
      <c r="G1003" s="358" t="s">
        <v>14387</v>
      </c>
      <c r="H1003" s="358" t="s">
        <v>14367</v>
      </c>
      <c r="I1003" s="358" t="s">
        <v>14387</v>
      </c>
      <c r="J1003" s="358"/>
      <c r="K1003" s="358"/>
      <c r="L1003" s="358"/>
    </row>
    <row r="1004" spans="2:12">
      <c r="B1004" s="359"/>
      <c r="C1004" s="359"/>
      <c r="D1004" s="359"/>
      <c r="E1004" s="359"/>
      <c r="F1004" s="360"/>
      <c r="G1004" s="360"/>
      <c r="H1004" s="360"/>
      <c r="I1004" s="360"/>
      <c r="J1004" s="359"/>
      <c r="K1004" s="359"/>
      <c r="L1004" s="359"/>
    </row>
    <row r="1005" spans="2:12">
      <c r="B1005" s="359"/>
      <c r="C1005" s="359"/>
      <c r="D1005" s="359"/>
      <c r="E1005" s="359"/>
      <c r="F1005" s="359" t="s">
        <v>14368</v>
      </c>
      <c r="G1005" s="359" t="s">
        <v>14388</v>
      </c>
      <c r="H1005" s="359" t="s">
        <v>14370</v>
      </c>
      <c r="I1005" s="359" t="s">
        <v>14388</v>
      </c>
      <c r="J1005" s="359"/>
      <c r="K1005" s="359"/>
      <c r="L1005" s="359"/>
    </row>
    <row r="1006" spans="2:12">
      <c r="B1006" s="359"/>
      <c r="C1006" s="359"/>
      <c r="D1006" s="359"/>
      <c r="E1006" s="359"/>
      <c r="F1006" s="360"/>
      <c r="G1006" s="360"/>
      <c r="H1006" s="360"/>
      <c r="I1006" s="360"/>
      <c r="J1006" s="359"/>
      <c r="K1006" s="359"/>
      <c r="L1006" s="359"/>
    </row>
    <row r="1007" spans="2:12">
      <c r="B1007" s="359"/>
      <c r="C1007" s="359"/>
      <c r="D1007" s="359"/>
      <c r="E1007" s="359"/>
      <c r="F1007" s="359" t="s">
        <v>14389</v>
      </c>
      <c r="G1007" s="359" t="s">
        <v>14390</v>
      </c>
      <c r="H1007" s="359" t="s">
        <v>14422</v>
      </c>
      <c r="I1007" s="359" t="s">
        <v>14390</v>
      </c>
      <c r="J1007" s="359"/>
      <c r="K1007" s="359"/>
      <c r="L1007" s="359"/>
    </row>
    <row r="1008" spans="2:12">
      <c r="B1008" s="359"/>
      <c r="C1008" s="359"/>
      <c r="D1008" s="359"/>
      <c r="E1008" s="359"/>
      <c r="F1008" s="360"/>
      <c r="G1008" s="360"/>
      <c r="H1008" s="360"/>
      <c r="I1008" s="360"/>
      <c r="J1008" s="359"/>
      <c r="K1008" s="359"/>
      <c r="L1008" s="359"/>
    </row>
    <row r="1009" spans="2:12">
      <c r="B1009" s="359"/>
      <c r="C1009" s="359"/>
      <c r="D1009" s="359"/>
      <c r="E1009" s="359"/>
      <c r="F1009" s="359" t="s">
        <v>14391</v>
      </c>
      <c r="G1009" s="359" t="s">
        <v>14392</v>
      </c>
      <c r="H1009" s="360"/>
      <c r="I1009" s="359" t="s">
        <v>14392</v>
      </c>
      <c r="J1009" s="359"/>
      <c r="K1009" s="359"/>
      <c r="L1009" s="359"/>
    </row>
    <row r="1010" spans="2:12">
      <c r="B1010" s="359"/>
      <c r="C1010" s="359"/>
      <c r="D1010" s="359"/>
      <c r="E1010" s="359"/>
      <c r="F1010" s="360"/>
      <c r="G1010" s="360"/>
      <c r="H1010" s="360"/>
      <c r="I1010" s="360"/>
      <c r="J1010" s="359"/>
      <c r="K1010" s="359"/>
      <c r="L1010" s="359"/>
    </row>
    <row r="1011" spans="2:12">
      <c r="B1011" s="359"/>
      <c r="C1011" s="359"/>
      <c r="D1011" s="359"/>
      <c r="E1011" s="359"/>
      <c r="F1011" s="359" t="s">
        <v>14371</v>
      </c>
      <c r="G1011" s="359" t="s">
        <v>14372</v>
      </c>
      <c r="H1011" s="360"/>
      <c r="I1011" s="359" t="s">
        <v>14373</v>
      </c>
      <c r="J1011" s="359"/>
      <c r="K1011" s="359"/>
      <c r="L1011" s="359"/>
    </row>
    <row r="1012" spans="2:12">
      <c r="B1012" s="359"/>
      <c r="C1012" s="359"/>
      <c r="D1012" s="359"/>
      <c r="E1012" s="359"/>
      <c r="F1012" s="360"/>
      <c r="G1012" s="360"/>
      <c r="H1012" s="360"/>
      <c r="I1012" s="360"/>
      <c r="J1012" s="359"/>
      <c r="K1012" s="359"/>
      <c r="L1012" s="359"/>
    </row>
    <row r="1013" spans="2:12" ht="28.5">
      <c r="B1013" s="361"/>
      <c r="C1013" s="361"/>
      <c r="D1013" s="361"/>
      <c r="E1013" s="361"/>
      <c r="F1013" s="361" t="s">
        <v>14374</v>
      </c>
      <c r="G1013" s="361" t="s">
        <v>14373</v>
      </c>
      <c r="H1013" s="362"/>
      <c r="I1013" s="362"/>
      <c r="J1013" s="361"/>
      <c r="K1013" s="361"/>
      <c r="L1013" s="361"/>
    </row>
    <row r="1014" spans="2:12">
      <c r="B1014" s="358" t="s">
        <v>14843</v>
      </c>
      <c r="C1014" s="358" t="s">
        <v>14844</v>
      </c>
      <c r="D1014" s="358" t="s">
        <v>14845</v>
      </c>
      <c r="E1014" s="358" t="s">
        <v>14846</v>
      </c>
      <c r="F1014" s="358" t="s">
        <v>14420</v>
      </c>
      <c r="G1014" s="358" t="s">
        <v>14429</v>
      </c>
      <c r="H1014" s="358" t="s">
        <v>14367</v>
      </c>
      <c r="I1014" s="358" t="s">
        <v>14429</v>
      </c>
      <c r="J1014" s="358"/>
      <c r="K1014" s="358"/>
      <c r="L1014" s="358"/>
    </row>
    <row r="1015" spans="2:12">
      <c r="B1015" s="359"/>
      <c r="C1015" s="359"/>
      <c r="D1015" s="359"/>
      <c r="E1015" s="359"/>
      <c r="F1015" s="360"/>
      <c r="G1015" s="360"/>
      <c r="H1015" s="360"/>
      <c r="I1015" s="360"/>
      <c r="J1015" s="359"/>
      <c r="K1015" s="359"/>
      <c r="L1015" s="359"/>
    </row>
    <row r="1016" spans="2:12">
      <c r="B1016" s="359"/>
      <c r="C1016" s="359"/>
      <c r="D1016" s="359"/>
      <c r="E1016" s="359"/>
      <c r="F1016" s="359" t="s">
        <v>14386</v>
      </c>
      <c r="G1016" s="359" t="s">
        <v>14387</v>
      </c>
      <c r="H1016" s="359" t="s">
        <v>14370</v>
      </c>
      <c r="I1016" s="359" t="s">
        <v>14387</v>
      </c>
      <c r="J1016" s="359"/>
      <c r="K1016" s="359"/>
      <c r="L1016" s="359"/>
    </row>
    <row r="1017" spans="2:12">
      <c r="B1017" s="359"/>
      <c r="C1017" s="359"/>
      <c r="D1017" s="359"/>
      <c r="E1017" s="359"/>
      <c r="F1017" s="360"/>
      <c r="G1017" s="360"/>
      <c r="H1017" s="360"/>
      <c r="I1017" s="360"/>
      <c r="J1017" s="359"/>
      <c r="K1017" s="359"/>
      <c r="L1017" s="359"/>
    </row>
    <row r="1018" spans="2:12">
      <c r="B1018" s="359"/>
      <c r="C1018" s="359"/>
      <c r="D1018" s="359"/>
      <c r="E1018" s="359"/>
      <c r="F1018" s="359" t="s">
        <v>14368</v>
      </c>
      <c r="G1018" s="359" t="s">
        <v>14388</v>
      </c>
      <c r="H1018" s="359" t="s">
        <v>14422</v>
      </c>
      <c r="I1018" s="359" t="s">
        <v>14388</v>
      </c>
      <c r="J1018" s="359"/>
      <c r="K1018" s="359"/>
      <c r="L1018" s="359"/>
    </row>
    <row r="1019" spans="2:12">
      <c r="B1019" s="359"/>
      <c r="C1019" s="359"/>
      <c r="D1019" s="359"/>
      <c r="E1019" s="359"/>
      <c r="F1019" s="360"/>
      <c r="G1019" s="360"/>
      <c r="H1019" s="360"/>
      <c r="I1019" s="360"/>
      <c r="J1019" s="359"/>
      <c r="K1019" s="359"/>
      <c r="L1019" s="359"/>
    </row>
    <row r="1020" spans="2:12">
      <c r="B1020" s="359"/>
      <c r="C1020" s="359"/>
      <c r="D1020" s="359"/>
      <c r="E1020" s="359"/>
      <c r="F1020" s="359" t="s">
        <v>14389</v>
      </c>
      <c r="G1020" s="359" t="s">
        <v>14390</v>
      </c>
      <c r="H1020" s="360"/>
      <c r="I1020" s="359" t="s">
        <v>14390</v>
      </c>
      <c r="J1020" s="359"/>
      <c r="K1020" s="359"/>
      <c r="L1020" s="359"/>
    </row>
    <row r="1021" spans="2:12">
      <c r="B1021" s="359"/>
      <c r="C1021" s="359"/>
      <c r="D1021" s="359"/>
      <c r="E1021" s="359"/>
      <c r="F1021" s="360"/>
      <c r="G1021" s="360"/>
      <c r="H1021" s="360"/>
      <c r="I1021" s="360"/>
      <c r="J1021" s="359"/>
      <c r="K1021" s="359"/>
      <c r="L1021" s="359"/>
    </row>
    <row r="1022" spans="2:12">
      <c r="B1022" s="359"/>
      <c r="C1022" s="359"/>
      <c r="D1022" s="359"/>
      <c r="E1022" s="359"/>
      <c r="F1022" s="359" t="s">
        <v>14391</v>
      </c>
      <c r="G1022" s="359" t="s">
        <v>14392</v>
      </c>
      <c r="H1022" s="360"/>
      <c r="I1022" s="359" t="s">
        <v>14392</v>
      </c>
      <c r="J1022" s="359"/>
      <c r="K1022" s="359"/>
      <c r="L1022" s="359"/>
    </row>
    <row r="1023" spans="2:12">
      <c r="B1023" s="359"/>
      <c r="C1023" s="359"/>
      <c r="D1023" s="359"/>
      <c r="E1023" s="359"/>
      <c r="F1023" s="360"/>
      <c r="G1023" s="360"/>
      <c r="H1023" s="360"/>
      <c r="I1023" s="360"/>
      <c r="J1023" s="359"/>
      <c r="K1023" s="359"/>
      <c r="L1023" s="359"/>
    </row>
    <row r="1024" spans="2:12">
      <c r="B1024" s="359"/>
      <c r="C1024" s="359"/>
      <c r="D1024" s="359"/>
      <c r="E1024" s="359"/>
      <c r="F1024" s="359" t="s">
        <v>14371</v>
      </c>
      <c r="G1024" s="359" t="s">
        <v>14372</v>
      </c>
      <c r="H1024" s="360"/>
      <c r="I1024" s="359" t="s">
        <v>14373</v>
      </c>
      <c r="J1024" s="359"/>
      <c r="K1024" s="359"/>
      <c r="L1024" s="359"/>
    </row>
    <row r="1025" spans="2:12">
      <c r="B1025" s="359"/>
      <c r="C1025" s="359"/>
      <c r="D1025" s="359"/>
      <c r="E1025" s="359"/>
      <c r="F1025" s="360"/>
      <c r="G1025" s="360"/>
      <c r="H1025" s="360"/>
      <c r="I1025" s="360"/>
      <c r="J1025" s="359"/>
      <c r="K1025" s="359"/>
      <c r="L1025" s="359"/>
    </row>
    <row r="1026" spans="2:12" ht="28.5">
      <c r="B1026" s="361"/>
      <c r="C1026" s="361"/>
      <c r="D1026" s="361"/>
      <c r="E1026" s="361"/>
      <c r="F1026" s="361" t="s">
        <v>14374</v>
      </c>
      <c r="G1026" s="361" t="s">
        <v>14373</v>
      </c>
      <c r="H1026" s="362"/>
      <c r="I1026" s="362"/>
      <c r="J1026" s="361"/>
      <c r="K1026" s="361"/>
      <c r="L1026" s="361"/>
    </row>
    <row r="1027" spans="2:12">
      <c r="B1027" s="358" t="s">
        <v>14847</v>
      </c>
      <c r="C1027" s="358" t="s">
        <v>14848</v>
      </c>
      <c r="D1027" s="358" t="s">
        <v>14849</v>
      </c>
      <c r="E1027" s="358" t="s">
        <v>14850</v>
      </c>
      <c r="F1027" s="358" t="s">
        <v>14418</v>
      </c>
      <c r="G1027" s="358" t="s">
        <v>14419</v>
      </c>
      <c r="H1027" s="358" t="s">
        <v>14328</v>
      </c>
      <c r="I1027" s="358" t="s">
        <v>14419</v>
      </c>
      <c r="J1027" s="358"/>
      <c r="K1027" s="358"/>
      <c r="L1027" s="358"/>
    </row>
    <row r="1028" spans="2:12">
      <c r="B1028" s="359"/>
      <c r="C1028" s="360"/>
      <c r="D1028" s="359"/>
      <c r="E1028" s="359"/>
      <c r="F1028" s="360"/>
      <c r="G1028" s="360"/>
      <c r="H1028" s="360"/>
      <c r="I1028" s="360"/>
      <c r="J1028" s="359"/>
      <c r="K1028" s="359"/>
      <c r="L1028" s="359"/>
    </row>
    <row r="1029" spans="2:12" ht="28.5">
      <c r="B1029" s="359"/>
      <c r="C1029" s="359" t="s">
        <v>27394</v>
      </c>
      <c r="D1029" s="359"/>
      <c r="E1029" s="359"/>
      <c r="F1029" s="359" t="s">
        <v>14382</v>
      </c>
      <c r="G1029" s="359" t="s">
        <v>14483</v>
      </c>
      <c r="H1029" s="359" t="s">
        <v>14378</v>
      </c>
      <c r="I1029" s="359" t="s">
        <v>14483</v>
      </c>
      <c r="J1029" s="359"/>
      <c r="K1029" s="359"/>
      <c r="L1029" s="359"/>
    </row>
    <row r="1030" spans="2:12">
      <c r="B1030" s="359"/>
      <c r="C1030" s="360"/>
      <c r="D1030" s="359"/>
      <c r="E1030" s="359"/>
      <c r="F1030" s="360"/>
      <c r="G1030" s="360"/>
      <c r="H1030" s="360"/>
      <c r="I1030" s="360"/>
      <c r="J1030" s="359"/>
      <c r="K1030" s="359"/>
      <c r="L1030" s="359"/>
    </row>
    <row r="1031" spans="2:12">
      <c r="B1031" s="359"/>
      <c r="C1031" s="360"/>
      <c r="D1031" s="359"/>
      <c r="E1031" s="359"/>
      <c r="F1031" s="359" t="s">
        <v>14382</v>
      </c>
      <c r="G1031" s="359" t="s">
        <v>14579</v>
      </c>
      <c r="H1031" s="359" t="s">
        <v>14370</v>
      </c>
      <c r="I1031" s="359" t="s">
        <v>14579</v>
      </c>
      <c r="J1031" s="359"/>
      <c r="K1031" s="359"/>
      <c r="L1031" s="359"/>
    </row>
    <row r="1032" spans="2:12">
      <c r="B1032" s="359"/>
      <c r="C1032" s="360"/>
      <c r="D1032" s="359"/>
      <c r="E1032" s="359"/>
      <c r="F1032" s="360"/>
      <c r="G1032" s="360"/>
      <c r="H1032" s="360"/>
      <c r="I1032" s="360"/>
      <c r="J1032" s="359"/>
      <c r="K1032" s="359"/>
      <c r="L1032" s="359"/>
    </row>
    <row r="1033" spans="2:12">
      <c r="B1033" s="359"/>
      <c r="C1033" s="360"/>
      <c r="D1033" s="359"/>
      <c r="E1033" s="359"/>
      <c r="F1033" s="359" t="s">
        <v>14382</v>
      </c>
      <c r="G1033" s="359" t="s">
        <v>14383</v>
      </c>
      <c r="H1033" s="359" t="s">
        <v>14332</v>
      </c>
      <c r="I1033" s="359" t="s">
        <v>14383</v>
      </c>
      <c r="J1033" s="359"/>
      <c r="K1033" s="359"/>
      <c r="L1033" s="359"/>
    </row>
    <row r="1034" spans="2:12">
      <c r="B1034" s="359"/>
      <c r="C1034" s="360"/>
      <c r="D1034" s="359"/>
      <c r="E1034" s="359"/>
      <c r="F1034" s="360"/>
      <c r="G1034" s="360"/>
      <c r="H1034" s="360"/>
      <c r="I1034" s="360"/>
      <c r="J1034" s="359"/>
      <c r="K1034" s="359"/>
      <c r="L1034" s="359"/>
    </row>
    <row r="1035" spans="2:12">
      <c r="B1035" s="359"/>
      <c r="C1035" s="360"/>
      <c r="D1035" s="359"/>
      <c r="E1035" s="359"/>
      <c r="F1035" s="359" t="s">
        <v>14386</v>
      </c>
      <c r="G1035" s="359" t="s">
        <v>14387</v>
      </c>
      <c r="H1035" s="360"/>
      <c r="I1035" s="359" t="s">
        <v>14387</v>
      </c>
      <c r="J1035" s="359"/>
      <c r="K1035" s="359"/>
      <c r="L1035" s="359"/>
    </row>
    <row r="1036" spans="2:12">
      <c r="B1036" s="359"/>
      <c r="C1036" s="360"/>
      <c r="D1036" s="359"/>
      <c r="E1036" s="359"/>
      <c r="F1036" s="360"/>
      <c r="G1036" s="360"/>
      <c r="H1036" s="360"/>
      <c r="I1036" s="360"/>
      <c r="J1036" s="359"/>
      <c r="K1036" s="359"/>
      <c r="L1036" s="359"/>
    </row>
    <row r="1037" spans="2:12">
      <c r="B1037" s="359"/>
      <c r="C1037" s="360"/>
      <c r="D1037" s="359"/>
      <c r="E1037" s="359"/>
      <c r="F1037" s="359" t="s">
        <v>14371</v>
      </c>
      <c r="G1037" s="359" t="s">
        <v>14372</v>
      </c>
      <c r="H1037" s="360"/>
      <c r="I1037" s="359" t="s">
        <v>14373</v>
      </c>
      <c r="J1037" s="359"/>
      <c r="K1037" s="359"/>
      <c r="L1037" s="359"/>
    </row>
    <row r="1038" spans="2:12">
      <c r="B1038" s="359"/>
      <c r="C1038" s="360"/>
      <c r="D1038" s="359"/>
      <c r="E1038" s="359"/>
      <c r="F1038" s="360"/>
      <c r="G1038" s="360"/>
      <c r="H1038" s="360"/>
      <c r="I1038" s="360"/>
      <c r="J1038" s="359"/>
      <c r="K1038" s="359"/>
      <c r="L1038" s="359"/>
    </row>
    <row r="1039" spans="2:12" ht="28.5">
      <c r="B1039" s="361"/>
      <c r="C1039" s="362"/>
      <c r="D1039" s="361"/>
      <c r="E1039" s="361"/>
      <c r="F1039" s="361" t="s">
        <v>14374</v>
      </c>
      <c r="G1039" s="361" t="s">
        <v>14373</v>
      </c>
      <c r="H1039" s="362"/>
      <c r="I1039" s="362"/>
      <c r="J1039" s="361"/>
      <c r="K1039" s="361"/>
      <c r="L1039" s="361"/>
    </row>
    <row r="1040" spans="2:12">
      <c r="B1040" s="358" t="s">
        <v>14851</v>
      </c>
      <c r="C1040" s="358" t="s">
        <v>14852</v>
      </c>
      <c r="D1040" s="358" t="s">
        <v>14853</v>
      </c>
      <c r="E1040" s="358" t="s">
        <v>14854</v>
      </c>
      <c r="F1040" s="358" t="s">
        <v>14379</v>
      </c>
      <c r="G1040" s="358" t="s">
        <v>14380</v>
      </c>
      <c r="H1040" s="358" t="s">
        <v>14378</v>
      </c>
      <c r="I1040" s="358" t="s">
        <v>14380</v>
      </c>
      <c r="J1040" s="358"/>
      <c r="K1040" s="358"/>
      <c r="L1040" s="358"/>
    </row>
    <row r="1041" spans="2:12">
      <c r="B1041" s="359"/>
      <c r="C1041" s="360"/>
      <c r="D1041" s="359"/>
      <c r="E1041" s="359"/>
      <c r="F1041" s="360"/>
      <c r="G1041" s="360"/>
      <c r="H1041" s="360"/>
      <c r="I1041" s="360"/>
      <c r="J1041" s="359"/>
      <c r="K1041" s="359"/>
      <c r="L1041" s="359"/>
    </row>
    <row r="1042" spans="2:12" ht="28.5">
      <c r="B1042" s="359"/>
      <c r="C1042" s="359" t="s">
        <v>14855</v>
      </c>
      <c r="D1042" s="359"/>
      <c r="E1042" s="359"/>
      <c r="F1042" s="359" t="s">
        <v>14382</v>
      </c>
      <c r="G1042" s="359" t="s">
        <v>14383</v>
      </c>
      <c r="H1042" s="359" t="s">
        <v>14370</v>
      </c>
      <c r="I1042" s="359" t="s">
        <v>14383</v>
      </c>
      <c r="J1042" s="359"/>
      <c r="K1042" s="359"/>
      <c r="L1042" s="359"/>
    </row>
    <row r="1043" spans="2:12">
      <c r="B1043" s="359"/>
      <c r="C1043" s="360"/>
      <c r="D1043" s="359"/>
      <c r="E1043" s="359"/>
      <c r="F1043" s="360"/>
      <c r="G1043" s="360"/>
      <c r="H1043" s="360"/>
      <c r="I1043" s="360"/>
      <c r="J1043" s="359"/>
      <c r="K1043" s="359"/>
      <c r="L1043" s="359"/>
    </row>
    <row r="1044" spans="2:12">
      <c r="B1044" s="359"/>
      <c r="C1044" s="360"/>
      <c r="D1044" s="359"/>
      <c r="E1044" s="359"/>
      <c r="F1044" s="359" t="s">
        <v>14391</v>
      </c>
      <c r="G1044" s="359" t="s">
        <v>14392</v>
      </c>
      <c r="H1044" s="359" t="s">
        <v>14332</v>
      </c>
      <c r="I1044" s="359" t="s">
        <v>14392</v>
      </c>
      <c r="J1044" s="359"/>
      <c r="K1044" s="359"/>
      <c r="L1044" s="359"/>
    </row>
    <row r="1045" spans="2:12">
      <c r="B1045" s="359"/>
      <c r="C1045" s="360"/>
      <c r="D1045" s="359"/>
      <c r="E1045" s="359"/>
      <c r="F1045" s="360"/>
      <c r="G1045" s="360"/>
      <c r="H1045" s="360"/>
      <c r="I1045" s="360"/>
      <c r="J1045" s="359"/>
      <c r="K1045" s="359"/>
      <c r="L1045" s="359"/>
    </row>
    <row r="1046" spans="2:12">
      <c r="B1046" s="359"/>
      <c r="C1046" s="360"/>
      <c r="D1046" s="359"/>
      <c r="E1046" s="359"/>
      <c r="F1046" s="359" t="s">
        <v>14371</v>
      </c>
      <c r="G1046" s="359" t="s">
        <v>14372</v>
      </c>
      <c r="H1046" s="360"/>
      <c r="I1046" s="359" t="s">
        <v>14373</v>
      </c>
      <c r="J1046" s="359"/>
      <c r="K1046" s="359"/>
      <c r="L1046" s="359"/>
    </row>
    <row r="1047" spans="2:12">
      <c r="B1047" s="359"/>
      <c r="C1047" s="360"/>
      <c r="D1047" s="359"/>
      <c r="E1047" s="359"/>
      <c r="F1047" s="360"/>
      <c r="G1047" s="360"/>
      <c r="H1047" s="360"/>
      <c r="I1047" s="360"/>
      <c r="J1047" s="359"/>
      <c r="K1047" s="359"/>
      <c r="L1047" s="359"/>
    </row>
    <row r="1048" spans="2:12" ht="28.5">
      <c r="B1048" s="361"/>
      <c r="C1048" s="362"/>
      <c r="D1048" s="361"/>
      <c r="E1048" s="361"/>
      <c r="F1048" s="361" t="s">
        <v>14374</v>
      </c>
      <c r="G1048" s="361" t="s">
        <v>14373</v>
      </c>
      <c r="H1048" s="362"/>
      <c r="I1048" s="362"/>
      <c r="J1048" s="361"/>
      <c r="K1048" s="361"/>
      <c r="L1048" s="361"/>
    </row>
    <row r="1049" spans="2:12">
      <c r="B1049" s="358" t="s">
        <v>14856</v>
      </c>
      <c r="C1049" s="358" t="s">
        <v>14857</v>
      </c>
      <c r="D1049" s="358" t="s">
        <v>14858</v>
      </c>
      <c r="E1049" s="358" t="s">
        <v>14859</v>
      </c>
      <c r="F1049" s="358" t="s">
        <v>14420</v>
      </c>
      <c r="G1049" s="358" t="s">
        <v>14429</v>
      </c>
      <c r="H1049" s="358" t="s">
        <v>14367</v>
      </c>
      <c r="I1049" s="358" t="s">
        <v>14429</v>
      </c>
      <c r="J1049" s="358"/>
      <c r="K1049" s="358"/>
      <c r="L1049" s="358"/>
    </row>
    <row r="1050" spans="2:12">
      <c r="B1050" s="359"/>
      <c r="C1050" s="360"/>
      <c r="D1050" s="359"/>
      <c r="E1050" s="359"/>
      <c r="F1050" s="360"/>
      <c r="G1050" s="360"/>
      <c r="H1050" s="360"/>
      <c r="I1050" s="360"/>
      <c r="J1050" s="359"/>
      <c r="K1050" s="359"/>
      <c r="L1050" s="359"/>
    </row>
    <row r="1051" spans="2:12">
      <c r="B1051" s="359"/>
      <c r="C1051" s="359" t="s">
        <v>14860</v>
      </c>
      <c r="D1051" s="359"/>
      <c r="E1051" s="359"/>
      <c r="F1051" s="359" t="s">
        <v>14371</v>
      </c>
      <c r="G1051" s="359" t="s">
        <v>14372</v>
      </c>
      <c r="H1051" s="359" t="s">
        <v>14370</v>
      </c>
      <c r="I1051" s="359" t="s">
        <v>14373</v>
      </c>
      <c r="J1051" s="359"/>
      <c r="K1051" s="359"/>
      <c r="L1051" s="359"/>
    </row>
    <row r="1052" spans="2:12">
      <c r="B1052" s="359"/>
      <c r="C1052" s="360"/>
      <c r="D1052" s="359"/>
      <c r="E1052" s="359"/>
      <c r="F1052" s="360"/>
      <c r="G1052" s="360"/>
      <c r="H1052" s="360"/>
      <c r="I1052" s="360"/>
      <c r="J1052" s="359"/>
      <c r="K1052" s="359"/>
      <c r="L1052" s="359"/>
    </row>
    <row r="1053" spans="2:12" ht="28.5">
      <c r="B1053" s="361"/>
      <c r="C1053" s="362"/>
      <c r="D1053" s="361"/>
      <c r="E1053" s="361"/>
      <c r="F1053" s="361" t="s">
        <v>14374</v>
      </c>
      <c r="G1053" s="361" t="s">
        <v>14373</v>
      </c>
      <c r="H1053" s="361" t="s">
        <v>14422</v>
      </c>
      <c r="I1053" s="362"/>
      <c r="J1053" s="361"/>
      <c r="K1053" s="361"/>
      <c r="L1053" s="361"/>
    </row>
    <row r="1054" spans="2:12">
      <c r="B1054" s="358" t="s">
        <v>14861</v>
      </c>
      <c r="C1054" s="358" t="s">
        <v>28579</v>
      </c>
      <c r="D1054" s="358" t="s">
        <v>14862</v>
      </c>
      <c r="E1054" s="358" t="s">
        <v>1792</v>
      </c>
      <c r="F1054" s="358" t="s">
        <v>14443</v>
      </c>
      <c r="G1054" s="358" t="s">
        <v>14444</v>
      </c>
      <c r="H1054" s="358" t="s">
        <v>14381</v>
      </c>
      <c r="I1054" s="358" t="s">
        <v>14444</v>
      </c>
      <c r="J1054" s="358"/>
      <c r="K1054" s="358" t="s">
        <v>14863</v>
      </c>
      <c r="L1054" s="358"/>
    </row>
    <row r="1055" spans="2:12">
      <c r="B1055" s="359"/>
      <c r="C1055" s="360"/>
      <c r="D1055" s="359"/>
      <c r="E1055" s="359"/>
      <c r="F1055" s="360"/>
      <c r="G1055" s="360"/>
      <c r="H1055" s="360"/>
      <c r="I1055" s="360"/>
      <c r="J1055" s="359"/>
      <c r="K1055" s="360"/>
      <c r="L1055" s="359"/>
    </row>
    <row r="1056" spans="2:12">
      <c r="B1056" s="359"/>
      <c r="C1056" s="359" t="s">
        <v>28580</v>
      </c>
      <c r="D1056" s="359"/>
      <c r="E1056" s="359"/>
      <c r="F1056" s="359" t="s">
        <v>14371</v>
      </c>
      <c r="G1056" s="359" t="s">
        <v>14372</v>
      </c>
      <c r="H1056" s="359" t="s">
        <v>14370</v>
      </c>
      <c r="I1056" s="359" t="s">
        <v>14373</v>
      </c>
      <c r="J1056" s="359"/>
      <c r="K1056" s="359" t="s">
        <v>14864</v>
      </c>
      <c r="L1056" s="359"/>
    </row>
    <row r="1057" spans="2:12">
      <c r="B1057" s="359"/>
      <c r="C1057" s="360"/>
      <c r="D1057" s="359"/>
      <c r="E1057" s="359"/>
      <c r="F1057" s="360"/>
      <c r="G1057" s="360"/>
      <c r="H1057" s="360"/>
      <c r="I1057" s="360"/>
      <c r="J1057" s="359"/>
      <c r="K1057" s="360"/>
      <c r="L1057" s="359"/>
    </row>
    <row r="1058" spans="2:12" ht="28.5">
      <c r="B1058" s="361"/>
      <c r="C1058" s="362"/>
      <c r="D1058" s="361"/>
      <c r="E1058" s="361"/>
      <c r="F1058" s="361" t="s">
        <v>14374</v>
      </c>
      <c r="G1058" s="361" t="s">
        <v>14373</v>
      </c>
      <c r="H1058" s="361" t="s">
        <v>14422</v>
      </c>
      <c r="I1058" s="362"/>
      <c r="J1058" s="361"/>
      <c r="K1058" s="362"/>
      <c r="L1058" s="361"/>
    </row>
    <row r="1059" spans="2:12">
      <c r="B1059" s="358" t="s">
        <v>14865</v>
      </c>
      <c r="C1059" s="358" t="s">
        <v>14866</v>
      </c>
      <c r="D1059" s="358" t="s">
        <v>14867</v>
      </c>
      <c r="E1059" s="358" t="s">
        <v>14868</v>
      </c>
      <c r="F1059" s="358" t="s">
        <v>14379</v>
      </c>
      <c r="G1059" s="358" t="s">
        <v>14380</v>
      </c>
      <c r="H1059" s="358" t="s">
        <v>14378</v>
      </c>
      <c r="I1059" s="358" t="s">
        <v>14380</v>
      </c>
      <c r="J1059" s="358"/>
      <c r="K1059" s="358" t="s">
        <v>14557</v>
      </c>
      <c r="L1059" s="358"/>
    </row>
    <row r="1060" spans="2:12">
      <c r="B1060" s="359"/>
      <c r="C1060" s="360"/>
      <c r="D1060" s="359"/>
      <c r="E1060" s="359"/>
      <c r="F1060" s="360"/>
      <c r="G1060" s="360"/>
      <c r="H1060" s="360"/>
      <c r="I1060" s="360"/>
      <c r="J1060" s="359"/>
      <c r="K1060" s="359"/>
      <c r="L1060" s="359"/>
    </row>
    <row r="1061" spans="2:12" ht="28.5">
      <c r="B1061" s="359"/>
      <c r="C1061" s="359" t="s">
        <v>14869</v>
      </c>
      <c r="D1061" s="359"/>
      <c r="E1061" s="359"/>
      <c r="F1061" s="359" t="s">
        <v>14382</v>
      </c>
      <c r="G1061" s="359" t="s">
        <v>14383</v>
      </c>
      <c r="H1061" s="359" t="s">
        <v>14381</v>
      </c>
      <c r="I1061" s="359" t="s">
        <v>14383</v>
      </c>
      <c r="J1061" s="359"/>
      <c r="K1061" s="359"/>
      <c r="L1061" s="359"/>
    </row>
    <row r="1062" spans="2:12">
      <c r="B1062" s="359"/>
      <c r="C1062" s="360"/>
      <c r="D1062" s="359"/>
      <c r="E1062" s="359"/>
      <c r="F1062" s="360"/>
      <c r="G1062" s="360"/>
      <c r="H1062" s="360"/>
      <c r="I1062" s="360"/>
      <c r="J1062" s="359"/>
      <c r="K1062" s="359"/>
      <c r="L1062" s="359"/>
    </row>
    <row r="1063" spans="2:12">
      <c r="B1063" s="359"/>
      <c r="C1063" s="360"/>
      <c r="D1063" s="359"/>
      <c r="E1063" s="359"/>
      <c r="F1063" s="359" t="s">
        <v>14460</v>
      </c>
      <c r="G1063" s="359" t="s">
        <v>14461</v>
      </c>
      <c r="H1063" s="359" t="s">
        <v>14370</v>
      </c>
      <c r="I1063" s="359" t="s">
        <v>14461</v>
      </c>
      <c r="J1063" s="359"/>
      <c r="K1063" s="359"/>
      <c r="L1063" s="359"/>
    </row>
    <row r="1064" spans="2:12">
      <c r="B1064" s="359"/>
      <c r="C1064" s="360"/>
      <c r="D1064" s="359"/>
      <c r="E1064" s="359"/>
      <c r="F1064" s="360"/>
      <c r="G1064" s="360"/>
      <c r="H1064" s="360"/>
      <c r="I1064" s="360"/>
      <c r="J1064" s="359"/>
      <c r="K1064" s="359"/>
      <c r="L1064" s="359"/>
    </row>
    <row r="1065" spans="2:12">
      <c r="B1065" s="359"/>
      <c r="C1065" s="360"/>
      <c r="D1065" s="359"/>
      <c r="E1065" s="359"/>
      <c r="F1065" s="359" t="s">
        <v>14386</v>
      </c>
      <c r="G1065" s="359" t="s">
        <v>14387</v>
      </c>
      <c r="H1065" s="359" t="s">
        <v>14332</v>
      </c>
      <c r="I1065" s="359" t="s">
        <v>14387</v>
      </c>
      <c r="J1065" s="359"/>
      <c r="K1065" s="359"/>
      <c r="L1065" s="359"/>
    </row>
    <row r="1066" spans="2:12">
      <c r="B1066" s="359"/>
      <c r="C1066" s="360"/>
      <c r="D1066" s="359"/>
      <c r="E1066" s="359"/>
      <c r="F1066" s="360"/>
      <c r="G1066" s="360"/>
      <c r="H1066" s="360"/>
      <c r="I1066" s="360"/>
      <c r="J1066" s="359"/>
      <c r="K1066" s="359"/>
      <c r="L1066" s="359"/>
    </row>
    <row r="1067" spans="2:12">
      <c r="B1067" s="359"/>
      <c r="C1067" s="360"/>
      <c r="D1067" s="359"/>
      <c r="E1067" s="359"/>
      <c r="F1067" s="359" t="s">
        <v>14389</v>
      </c>
      <c r="G1067" s="359" t="s">
        <v>14390</v>
      </c>
      <c r="H1067" s="360"/>
      <c r="I1067" s="359" t="s">
        <v>14390</v>
      </c>
      <c r="J1067" s="359"/>
      <c r="K1067" s="359"/>
      <c r="L1067" s="359"/>
    </row>
    <row r="1068" spans="2:12">
      <c r="B1068" s="359"/>
      <c r="C1068" s="360"/>
      <c r="D1068" s="359"/>
      <c r="E1068" s="359"/>
      <c r="F1068" s="360"/>
      <c r="G1068" s="360"/>
      <c r="H1068" s="360"/>
      <c r="I1068" s="360"/>
      <c r="J1068" s="359"/>
      <c r="K1068" s="359"/>
      <c r="L1068" s="359"/>
    </row>
    <row r="1069" spans="2:12">
      <c r="B1069" s="359"/>
      <c r="C1069" s="360"/>
      <c r="D1069" s="359"/>
      <c r="E1069" s="359"/>
      <c r="F1069" s="359" t="s">
        <v>14391</v>
      </c>
      <c r="G1069" s="359" t="s">
        <v>14392</v>
      </c>
      <c r="H1069" s="360"/>
      <c r="I1069" s="359" t="s">
        <v>14392</v>
      </c>
      <c r="J1069" s="359"/>
      <c r="K1069" s="359"/>
      <c r="L1069" s="359"/>
    </row>
    <row r="1070" spans="2:12">
      <c r="B1070" s="359"/>
      <c r="C1070" s="360"/>
      <c r="D1070" s="359"/>
      <c r="E1070" s="359"/>
      <c r="F1070" s="360"/>
      <c r="G1070" s="360"/>
      <c r="H1070" s="360"/>
      <c r="I1070" s="360"/>
      <c r="J1070" s="359"/>
      <c r="K1070" s="359"/>
      <c r="L1070" s="359"/>
    </row>
    <row r="1071" spans="2:12">
      <c r="B1071" s="359"/>
      <c r="C1071" s="360"/>
      <c r="D1071" s="359"/>
      <c r="E1071" s="359"/>
      <c r="F1071" s="359" t="s">
        <v>14371</v>
      </c>
      <c r="G1071" s="359" t="s">
        <v>14372</v>
      </c>
      <c r="H1071" s="360"/>
      <c r="I1071" s="359" t="s">
        <v>14373</v>
      </c>
      <c r="J1071" s="359"/>
      <c r="K1071" s="359"/>
      <c r="L1071" s="359"/>
    </row>
    <row r="1072" spans="2:12">
      <c r="B1072" s="359"/>
      <c r="C1072" s="360"/>
      <c r="D1072" s="359"/>
      <c r="E1072" s="359"/>
      <c r="F1072" s="360"/>
      <c r="G1072" s="360"/>
      <c r="H1072" s="360"/>
      <c r="I1072" s="360"/>
      <c r="J1072" s="359"/>
      <c r="K1072" s="359"/>
      <c r="L1072" s="359"/>
    </row>
    <row r="1073" spans="2:12" ht="28.5">
      <c r="B1073" s="361"/>
      <c r="C1073" s="362"/>
      <c r="D1073" s="361"/>
      <c r="E1073" s="361"/>
      <c r="F1073" s="361" t="s">
        <v>14374</v>
      </c>
      <c r="G1073" s="361" t="s">
        <v>14373</v>
      </c>
      <c r="H1073" s="362"/>
      <c r="I1073" s="362"/>
      <c r="J1073" s="361"/>
      <c r="K1073" s="361"/>
      <c r="L1073" s="361"/>
    </row>
    <row r="1074" spans="2:12">
      <c r="B1074" s="358" t="s">
        <v>14870</v>
      </c>
      <c r="C1074" s="358" t="s">
        <v>14871</v>
      </c>
      <c r="D1074" s="358" t="s">
        <v>8356</v>
      </c>
      <c r="E1074" s="358" t="s">
        <v>14872</v>
      </c>
      <c r="F1074" s="358" t="s">
        <v>14507</v>
      </c>
      <c r="G1074" s="358" t="s">
        <v>14873</v>
      </c>
      <c r="H1074" s="358" t="s">
        <v>14378</v>
      </c>
      <c r="I1074" s="358" t="s">
        <v>14873</v>
      </c>
      <c r="J1074" s="358"/>
      <c r="K1074" s="358"/>
      <c r="L1074" s="358"/>
    </row>
    <row r="1075" spans="2:12">
      <c r="B1075" s="359"/>
      <c r="C1075" s="360"/>
      <c r="D1075" s="359"/>
      <c r="E1075" s="359"/>
      <c r="F1075" s="360"/>
      <c r="G1075" s="360"/>
      <c r="H1075" s="360"/>
      <c r="I1075" s="360"/>
      <c r="J1075" s="359"/>
      <c r="K1075" s="359"/>
      <c r="L1075" s="359"/>
    </row>
    <row r="1076" spans="2:12" ht="42.75">
      <c r="B1076" s="359"/>
      <c r="C1076" s="359" t="s">
        <v>30014</v>
      </c>
      <c r="D1076" s="359"/>
      <c r="E1076" s="359"/>
      <c r="F1076" s="359" t="s">
        <v>14382</v>
      </c>
      <c r="G1076" s="359" t="s">
        <v>14483</v>
      </c>
      <c r="H1076" s="359" t="s">
        <v>14381</v>
      </c>
      <c r="I1076" s="359" t="s">
        <v>14483</v>
      </c>
      <c r="J1076" s="359"/>
      <c r="K1076" s="359"/>
      <c r="L1076" s="359"/>
    </row>
    <row r="1077" spans="2:12">
      <c r="B1077" s="359"/>
      <c r="C1077" s="360"/>
      <c r="D1077" s="359"/>
      <c r="E1077" s="359"/>
      <c r="F1077" s="360"/>
      <c r="G1077" s="360"/>
      <c r="H1077" s="360"/>
      <c r="I1077" s="360"/>
      <c r="J1077" s="359"/>
      <c r="K1077" s="359"/>
      <c r="L1077" s="359"/>
    </row>
    <row r="1078" spans="2:12">
      <c r="B1078" s="359"/>
      <c r="C1078" s="360"/>
      <c r="D1078" s="359"/>
      <c r="E1078" s="359"/>
      <c r="F1078" s="359" t="s">
        <v>14420</v>
      </c>
      <c r="G1078" s="359" t="s">
        <v>14429</v>
      </c>
      <c r="H1078" s="359" t="s">
        <v>14370</v>
      </c>
      <c r="I1078" s="359" t="s">
        <v>14429</v>
      </c>
      <c r="J1078" s="359"/>
      <c r="K1078" s="359"/>
      <c r="L1078" s="359"/>
    </row>
    <row r="1079" spans="2:12">
      <c r="B1079" s="359"/>
      <c r="C1079" s="360"/>
      <c r="D1079" s="359"/>
      <c r="E1079" s="359"/>
      <c r="F1079" s="360"/>
      <c r="G1079" s="360"/>
      <c r="H1079" s="360"/>
      <c r="I1079" s="360"/>
      <c r="J1079" s="359"/>
      <c r="K1079" s="359"/>
      <c r="L1079" s="359"/>
    </row>
    <row r="1080" spans="2:12">
      <c r="B1080" s="359"/>
      <c r="C1080" s="360"/>
      <c r="D1080" s="359"/>
      <c r="E1080" s="359"/>
      <c r="F1080" s="359" t="s">
        <v>14371</v>
      </c>
      <c r="G1080" s="359" t="s">
        <v>14372</v>
      </c>
      <c r="H1080" s="359" t="s">
        <v>14332</v>
      </c>
      <c r="I1080" s="359" t="s">
        <v>14373</v>
      </c>
      <c r="J1080" s="359"/>
      <c r="K1080" s="359"/>
      <c r="L1080" s="359"/>
    </row>
    <row r="1081" spans="2:12">
      <c r="B1081" s="359"/>
      <c r="C1081" s="360"/>
      <c r="D1081" s="359"/>
      <c r="E1081" s="359"/>
      <c r="F1081" s="360"/>
      <c r="G1081" s="360"/>
      <c r="H1081" s="360"/>
      <c r="I1081" s="360"/>
      <c r="J1081" s="359"/>
      <c r="K1081" s="359"/>
      <c r="L1081" s="359"/>
    </row>
    <row r="1082" spans="2:12" ht="28.5">
      <c r="B1082" s="361"/>
      <c r="C1082" s="362"/>
      <c r="D1082" s="361"/>
      <c r="E1082" s="361"/>
      <c r="F1082" s="361" t="s">
        <v>14374</v>
      </c>
      <c r="G1082" s="361" t="s">
        <v>14373</v>
      </c>
      <c r="H1082" s="362"/>
      <c r="I1082" s="362"/>
      <c r="J1082" s="361"/>
      <c r="K1082" s="361"/>
      <c r="L1082" s="361"/>
    </row>
    <row r="1083" spans="2:12">
      <c r="B1083" s="354" t="s">
        <v>14874</v>
      </c>
      <c r="C1083" s="355"/>
      <c r="D1083" s="355"/>
      <c r="E1083" s="355"/>
      <c r="F1083" s="355"/>
      <c r="G1083" s="355"/>
      <c r="H1083" s="355"/>
      <c r="I1083" s="355"/>
      <c r="J1083" s="355"/>
      <c r="K1083" s="355"/>
      <c r="L1083" s="363"/>
    </row>
    <row r="1084" spans="2:12">
      <c r="B1084" s="354" t="s">
        <v>28528</v>
      </c>
      <c r="C1084" s="355"/>
      <c r="D1084" s="355"/>
      <c r="E1084" s="355"/>
      <c r="F1084" s="355"/>
      <c r="G1084" s="355"/>
      <c r="H1084" s="355"/>
      <c r="I1084" s="355"/>
      <c r="J1084" s="355"/>
      <c r="K1084" s="355"/>
      <c r="L1084" s="363"/>
    </row>
    <row r="1085" spans="2:12">
      <c r="B1085" s="358" t="s">
        <v>14875</v>
      </c>
      <c r="C1085" s="358" t="s">
        <v>14876</v>
      </c>
      <c r="D1085" s="358" t="s">
        <v>14877</v>
      </c>
      <c r="E1085" s="358" t="s">
        <v>14878</v>
      </c>
      <c r="F1085" s="358" t="s">
        <v>14420</v>
      </c>
      <c r="G1085" s="358" t="s">
        <v>14459</v>
      </c>
      <c r="H1085" s="358" t="s">
        <v>14341</v>
      </c>
      <c r="I1085" s="358" t="s">
        <v>14459</v>
      </c>
      <c r="J1085" s="358"/>
      <c r="K1085" s="358"/>
      <c r="L1085" s="358"/>
    </row>
    <row r="1086" spans="2:12">
      <c r="B1086" s="359"/>
      <c r="C1086" s="359"/>
      <c r="D1086" s="359"/>
      <c r="E1086" s="359"/>
      <c r="F1086" s="360"/>
      <c r="G1086" s="360"/>
      <c r="H1086" s="360"/>
      <c r="I1086" s="360"/>
      <c r="J1086" s="359"/>
      <c r="K1086" s="359"/>
      <c r="L1086" s="359"/>
    </row>
    <row r="1087" spans="2:12">
      <c r="B1087" s="359"/>
      <c r="C1087" s="359"/>
      <c r="D1087" s="359"/>
      <c r="E1087" s="359"/>
      <c r="F1087" s="359" t="s">
        <v>14430</v>
      </c>
      <c r="G1087" s="359" t="s">
        <v>14431</v>
      </c>
      <c r="H1087" s="359" t="s">
        <v>14367</v>
      </c>
      <c r="I1087" s="359" t="s">
        <v>14431</v>
      </c>
      <c r="J1087" s="359"/>
      <c r="K1087" s="359"/>
      <c r="L1087" s="359"/>
    </row>
    <row r="1088" spans="2:12">
      <c r="B1088" s="359"/>
      <c r="C1088" s="359"/>
      <c r="D1088" s="359"/>
      <c r="E1088" s="359"/>
      <c r="F1088" s="360"/>
      <c r="G1088" s="360"/>
      <c r="H1088" s="360"/>
      <c r="I1088" s="360"/>
      <c r="J1088" s="359"/>
      <c r="K1088" s="359"/>
      <c r="L1088" s="359"/>
    </row>
    <row r="1089" spans="2:12" ht="28.5">
      <c r="B1089" s="361"/>
      <c r="C1089" s="361"/>
      <c r="D1089" s="361"/>
      <c r="E1089" s="361"/>
      <c r="F1089" s="361" t="s">
        <v>14472</v>
      </c>
      <c r="G1089" s="361" t="s">
        <v>14473</v>
      </c>
      <c r="H1089" s="361" t="s">
        <v>14332</v>
      </c>
      <c r="I1089" s="361" t="s">
        <v>14473</v>
      </c>
      <c r="J1089" s="361"/>
      <c r="K1089" s="361"/>
      <c r="L1089" s="361"/>
    </row>
    <row r="1090" spans="2:12">
      <c r="B1090" s="358" t="s">
        <v>14879</v>
      </c>
      <c r="C1090" s="358" t="s">
        <v>14880</v>
      </c>
      <c r="D1090" s="358" t="s">
        <v>8356</v>
      </c>
      <c r="E1090" s="358" t="s">
        <v>14881</v>
      </c>
      <c r="F1090" s="358" t="s">
        <v>14420</v>
      </c>
      <c r="G1090" s="358" t="s">
        <v>14459</v>
      </c>
      <c r="H1090" s="358" t="s">
        <v>14381</v>
      </c>
      <c r="I1090" s="358" t="s">
        <v>14459</v>
      </c>
      <c r="J1090" s="358"/>
      <c r="K1090" s="358"/>
      <c r="L1090" s="358"/>
    </row>
    <row r="1091" spans="2:12">
      <c r="B1091" s="359"/>
      <c r="C1091" s="360"/>
      <c r="D1091" s="359"/>
      <c r="E1091" s="359"/>
      <c r="F1091" s="360"/>
      <c r="G1091" s="360"/>
      <c r="H1091" s="360"/>
      <c r="I1091" s="360"/>
      <c r="J1091" s="359"/>
      <c r="K1091" s="359"/>
      <c r="L1091" s="359"/>
    </row>
    <row r="1092" spans="2:12">
      <c r="B1092" s="359"/>
      <c r="C1092" s="359" t="s">
        <v>14882</v>
      </c>
      <c r="D1092" s="359"/>
      <c r="E1092" s="359"/>
      <c r="F1092" s="359" t="s">
        <v>14460</v>
      </c>
      <c r="G1092" s="359" t="s">
        <v>14461</v>
      </c>
      <c r="H1092" s="359" t="s">
        <v>14367</v>
      </c>
      <c r="I1092" s="359" t="s">
        <v>14461</v>
      </c>
      <c r="J1092" s="359"/>
      <c r="K1092" s="359"/>
      <c r="L1092" s="359"/>
    </row>
    <row r="1093" spans="2:12">
      <c r="B1093" s="359"/>
      <c r="C1093" s="360"/>
      <c r="D1093" s="359"/>
      <c r="E1093" s="359"/>
      <c r="F1093" s="360"/>
      <c r="G1093" s="360"/>
      <c r="H1093" s="360"/>
      <c r="I1093" s="360"/>
      <c r="J1093" s="359"/>
      <c r="K1093" s="359"/>
      <c r="L1093" s="359"/>
    </row>
    <row r="1094" spans="2:12">
      <c r="B1094" s="359"/>
      <c r="C1094" s="360"/>
      <c r="D1094" s="359"/>
      <c r="E1094" s="359"/>
      <c r="F1094" s="359" t="s">
        <v>14391</v>
      </c>
      <c r="G1094" s="359" t="s">
        <v>14392</v>
      </c>
      <c r="H1094" s="359" t="s">
        <v>14370</v>
      </c>
      <c r="I1094" s="359" t="s">
        <v>14392</v>
      </c>
      <c r="J1094" s="359"/>
      <c r="K1094" s="359"/>
      <c r="L1094" s="359"/>
    </row>
    <row r="1095" spans="2:12">
      <c r="B1095" s="359"/>
      <c r="C1095" s="360"/>
      <c r="D1095" s="359"/>
      <c r="E1095" s="359"/>
      <c r="F1095" s="360"/>
      <c r="G1095" s="360"/>
      <c r="H1095" s="360"/>
      <c r="I1095" s="360"/>
      <c r="J1095" s="359"/>
      <c r="K1095" s="359"/>
      <c r="L1095" s="359"/>
    </row>
    <row r="1096" spans="2:12">
      <c r="B1096" s="361"/>
      <c r="C1096" s="362"/>
      <c r="D1096" s="361"/>
      <c r="E1096" s="361"/>
      <c r="F1096" s="361" t="s">
        <v>14371</v>
      </c>
      <c r="G1096" s="361" t="s">
        <v>14372</v>
      </c>
      <c r="H1096" s="361" t="s">
        <v>14422</v>
      </c>
      <c r="I1096" s="361" t="s">
        <v>14372</v>
      </c>
      <c r="J1096" s="361"/>
      <c r="K1096" s="361"/>
      <c r="L1096" s="361"/>
    </row>
    <row r="1097" spans="2:12" ht="28.5">
      <c r="B1097" s="358" t="s">
        <v>14883</v>
      </c>
      <c r="C1097" s="358" t="s">
        <v>27395</v>
      </c>
      <c r="D1097" s="358" t="s">
        <v>14884</v>
      </c>
      <c r="E1097" s="358" t="s">
        <v>14885</v>
      </c>
      <c r="F1097" s="358" t="s">
        <v>14371</v>
      </c>
      <c r="G1097" s="358" t="s">
        <v>14372</v>
      </c>
      <c r="H1097" s="358" t="s">
        <v>14370</v>
      </c>
      <c r="I1097" s="358" t="s">
        <v>14373</v>
      </c>
      <c r="J1097" s="358"/>
      <c r="K1097" s="358"/>
      <c r="L1097" s="358"/>
    </row>
    <row r="1098" spans="2:12">
      <c r="B1098" s="359"/>
      <c r="C1098" s="359"/>
      <c r="D1098" s="359"/>
      <c r="E1098" s="359"/>
      <c r="F1098" s="360"/>
      <c r="G1098" s="360"/>
      <c r="H1098" s="360"/>
      <c r="I1098" s="359"/>
      <c r="J1098" s="359"/>
      <c r="K1098" s="359"/>
      <c r="L1098" s="359"/>
    </row>
    <row r="1099" spans="2:12" ht="28.5">
      <c r="B1099" s="361"/>
      <c r="C1099" s="361"/>
      <c r="D1099" s="361"/>
      <c r="E1099" s="361"/>
      <c r="F1099" s="361" t="s">
        <v>14374</v>
      </c>
      <c r="G1099" s="361" t="s">
        <v>14373</v>
      </c>
      <c r="H1099" s="361" t="s">
        <v>14422</v>
      </c>
      <c r="I1099" s="361"/>
      <c r="J1099" s="361"/>
      <c r="K1099" s="361"/>
      <c r="L1099" s="361"/>
    </row>
    <row r="1100" spans="2:12" ht="28.5">
      <c r="B1100" s="358" t="s">
        <v>14886</v>
      </c>
      <c r="C1100" s="358" t="s">
        <v>14887</v>
      </c>
      <c r="D1100" s="358" t="s">
        <v>14888</v>
      </c>
      <c r="E1100" s="358" t="s">
        <v>8356</v>
      </c>
      <c r="F1100" s="358" t="s">
        <v>14420</v>
      </c>
      <c r="G1100" s="358" t="s">
        <v>14429</v>
      </c>
      <c r="H1100" s="358" t="s">
        <v>14367</v>
      </c>
      <c r="I1100" s="358" t="s">
        <v>14429</v>
      </c>
      <c r="J1100" s="358"/>
      <c r="K1100" s="358"/>
      <c r="L1100" s="358"/>
    </row>
    <row r="1101" spans="2:12">
      <c r="B1101" s="359"/>
      <c r="C1101" s="359"/>
      <c r="D1101" s="359"/>
      <c r="E1101" s="359"/>
      <c r="F1101" s="360"/>
      <c r="G1101" s="360"/>
      <c r="H1101" s="360"/>
      <c r="I1101" s="360"/>
      <c r="J1101" s="359"/>
      <c r="K1101" s="359"/>
      <c r="L1101" s="359"/>
    </row>
    <row r="1102" spans="2:12">
      <c r="B1102" s="359"/>
      <c r="C1102" s="359"/>
      <c r="D1102" s="359"/>
      <c r="E1102" s="359"/>
      <c r="F1102" s="359" t="s">
        <v>14391</v>
      </c>
      <c r="G1102" s="359" t="s">
        <v>14392</v>
      </c>
      <c r="H1102" s="359" t="s">
        <v>14370</v>
      </c>
      <c r="I1102" s="359" t="s">
        <v>14392</v>
      </c>
      <c r="J1102" s="359"/>
      <c r="K1102" s="359"/>
      <c r="L1102" s="359"/>
    </row>
    <row r="1103" spans="2:12">
      <c r="B1103" s="359"/>
      <c r="C1103" s="359"/>
      <c r="D1103" s="359"/>
      <c r="E1103" s="359"/>
      <c r="F1103" s="360"/>
      <c r="G1103" s="360"/>
      <c r="H1103" s="360"/>
      <c r="I1103" s="360"/>
      <c r="J1103" s="359"/>
      <c r="K1103" s="359"/>
      <c r="L1103" s="359"/>
    </row>
    <row r="1104" spans="2:12">
      <c r="B1104" s="359"/>
      <c r="C1104" s="359"/>
      <c r="D1104" s="359"/>
      <c r="E1104" s="359"/>
      <c r="F1104" s="359" t="s">
        <v>14371</v>
      </c>
      <c r="G1104" s="359" t="s">
        <v>14372</v>
      </c>
      <c r="H1104" s="359" t="s">
        <v>14422</v>
      </c>
      <c r="I1104" s="359" t="s">
        <v>14373</v>
      </c>
      <c r="J1104" s="359"/>
      <c r="K1104" s="359"/>
      <c r="L1104" s="359"/>
    </row>
    <row r="1105" spans="2:12">
      <c r="B1105" s="359"/>
      <c r="C1105" s="359"/>
      <c r="D1105" s="359"/>
      <c r="E1105" s="359"/>
      <c r="F1105" s="360"/>
      <c r="G1105" s="360"/>
      <c r="H1105" s="360"/>
      <c r="I1105" s="360"/>
      <c r="J1105" s="359"/>
      <c r="K1105" s="359"/>
      <c r="L1105" s="359"/>
    </row>
    <row r="1106" spans="2:12" ht="28.5">
      <c r="B1106" s="361"/>
      <c r="C1106" s="361"/>
      <c r="D1106" s="361"/>
      <c r="E1106" s="361"/>
      <c r="F1106" s="361" t="s">
        <v>14374</v>
      </c>
      <c r="G1106" s="361" t="s">
        <v>14373</v>
      </c>
      <c r="H1106" s="362"/>
      <c r="I1106" s="362"/>
      <c r="J1106" s="361"/>
      <c r="K1106" s="361"/>
      <c r="L1106" s="361"/>
    </row>
    <row r="1107" spans="2:12">
      <c r="B1107" s="358" t="s">
        <v>10185</v>
      </c>
      <c r="C1107" s="358" t="s">
        <v>10184</v>
      </c>
      <c r="D1107" s="358" t="s">
        <v>10186</v>
      </c>
      <c r="E1107" s="358" t="s">
        <v>10187</v>
      </c>
      <c r="F1107" s="358" t="s">
        <v>14418</v>
      </c>
      <c r="G1107" s="358" t="s">
        <v>14419</v>
      </c>
      <c r="H1107" s="358" t="s">
        <v>14328</v>
      </c>
      <c r="I1107" s="358" t="s">
        <v>14419</v>
      </c>
      <c r="J1107" s="358"/>
      <c r="K1107" s="358"/>
      <c r="L1107" s="358"/>
    </row>
    <row r="1108" spans="2:12">
      <c r="B1108" s="359"/>
      <c r="C1108" s="359"/>
      <c r="D1108" s="359"/>
      <c r="E1108" s="359"/>
      <c r="F1108" s="360"/>
      <c r="G1108" s="360"/>
      <c r="H1108" s="360"/>
      <c r="I1108" s="360"/>
      <c r="J1108" s="359"/>
      <c r="K1108" s="359"/>
      <c r="L1108" s="359"/>
    </row>
    <row r="1109" spans="2:12">
      <c r="B1109" s="359"/>
      <c r="C1109" s="359"/>
      <c r="D1109" s="359"/>
      <c r="E1109" s="359"/>
      <c r="F1109" s="359" t="s">
        <v>14376</v>
      </c>
      <c r="G1109" s="359" t="s">
        <v>14669</v>
      </c>
      <c r="H1109" s="359" t="s">
        <v>14381</v>
      </c>
      <c r="I1109" s="359" t="s">
        <v>14669</v>
      </c>
      <c r="J1109" s="359"/>
      <c r="K1109" s="359"/>
      <c r="L1109" s="359"/>
    </row>
    <row r="1110" spans="2:12">
      <c r="B1110" s="359"/>
      <c r="C1110" s="359"/>
      <c r="D1110" s="359"/>
      <c r="E1110" s="359"/>
      <c r="F1110" s="360"/>
      <c r="G1110" s="360"/>
      <c r="H1110" s="360"/>
      <c r="I1110" s="360"/>
      <c r="J1110" s="359"/>
      <c r="K1110" s="359"/>
      <c r="L1110" s="359"/>
    </row>
    <row r="1111" spans="2:12">
      <c r="B1111" s="359"/>
      <c r="C1111" s="359"/>
      <c r="D1111" s="359"/>
      <c r="E1111" s="359"/>
      <c r="F1111" s="359" t="s">
        <v>14889</v>
      </c>
      <c r="G1111" s="359" t="s">
        <v>14890</v>
      </c>
      <c r="H1111" s="359" t="s">
        <v>14367</v>
      </c>
      <c r="I1111" s="359" t="s">
        <v>14890</v>
      </c>
      <c r="J1111" s="359"/>
      <c r="K1111" s="359"/>
      <c r="L1111" s="359"/>
    </row>
    <row r="1112" spans="2:12">
      <c r="B1112" s="359"/>
      <c r="C1112" s="359"/>
      <c r="D1112" s="359"/>
      <c r="E1112" s="359"/>
      <c r="F1112" s="360"/>
      <c r="G1112" s="360"/>
      <c r="H1112" s="360"/>
      <c r="I1112" s="360"/>
      <c r="J1112" s="359"/>
      <c r="K1112" s="359"/>
      <c r="L1112" s="359"/>
    </row>
    <row r="1113" spans="2:12">
      <c r="B1113" s="359"/>
      <c r="C1113" s="359"/>
      <c r="D1113" s="359"/>
      <c r="E1113" s="359"/>
      <c r="F1113" s="359" t="s">
        <v>14420</v>
      </c>
      <c r="G1113" s="359" t="s">
        <v>14429</v>
      </c>
      <c r="H1113" s="359" t="s">
        <v>14370</v>
      </c>
      <c r="I1113" s="359" t="s">
        <v>14429</v>
      </c>
      <c r="J1113" s="359"/>
      <c r="K1113" s="359"/>
      <c r="L1113" s="359"/>
    </row>
    <row r="1114" spans="2:12">
      <c r="B1114" s="359"/>
      <c r="C1114" s="359"/>
      <c r="D1114" s="359"/>
      <c r="E1114" s="359"/>
      <c r="F1114" s="360"/>
      <c r="G1114" s="360"/>
      <c r="H1114" s="360"/>
      <c r="I1114" s="360"/>
      <c r="J1114" s="359"/>
      <c r="K1114" s="359"/>
      <c r="L1114" s="359"/>
    </row>
    <row r="1115" spans="2:12">
      <c r="B1115" s="359"/>
      <c r="C1115" s="359"/>
      <c r="D1115" s="359"/>
      <c r="E1115" s="359"/>
      <c r="F1115" s="359" t="s">
        <v>14460</v>
      </c>
      <c r="G1115" s="359" t="s">
        <v>14461</v>
      </c>
      <c r="H1115" s="359" t="s">
        <v>14332</v>
      </c>
      <c r="I1115" s="359" t="s">
        <v>14461</v>
      </c>
      <c r="J1115" s="359"/>
      <c r="K1115" s="359"/>
      <c r="L1115" s="359"/>
    </row>
    <row r="1116" spans="2:12">
      <c r="B1116" s="359"/>
      <c r="C1116" s="359"/>
      <c r="D1116" s="359"/>
      <c r="E1116" s="359"/>
      <c r="F1116" s="360"/>
      <c r="G1116" s="360"/>
      <c r="H1116" s="360"/>
      <c r="I1116" s="360"/>
      <c r="J1116" s="359"/>
      <c r="K1116" s="359"/>
      <c r="L1116" s="359"/>
    </row>
    <row r="1117" spans="2:12">
      <c r="B1117" s="359"/>
      <c r="C1117" s="359"/>
      <c r="D1117" s="359"/>
      <c r="E1117" s="359"/>
      <c r="F1117" s="359" t="s">
        <v>14391</v>
      </c>
      <c r="G1117" s="359" t="s">
        <v>14392</v>
      </c>
      <c r="H1117" s="360"/>
      <c r="I1117" s="359" t="s">
        <v>14392</v>
      </c>
      <c r="J1117" s="359"/>
      <c r="K1117" s="359"/>
      <c r="L1117" s="359"/>
    </row>
    <row r="1118" spans="2:12">
      <c r="B1118" s="359"/>
      <c r="C1118" s="359"/>
      <c r="D1118" s="359"/>
      <c r="E1118" s="359"/>
      <c r="F1118" s="360"/>
      <c r="G1118" s="360"/>
      <c r="H1118" s="360"/>
      <c r="I1118" s="360"/>
      <c r="J1118" s="359"/>
      <c r="K1118" s="359"/>
      <c r="L1118" s="359"/>
    </row>
    <row r="1119" spans="2:12" ht="28.5">
      <c r="B1119" s="361"/>
      <c r="C1119" s="361"/>
      <c r="D1119" s="361"/>
      <c r="E1119" s="361"/>
      <c r="F1119" s="361" t="s">
        <v>14394</v>
      </c>
      <c r="G1119" s="361" t="s">
        <v>14395</v>
      </c>
      <c r="H1119" s="362"/>
      <c r="I1119" s="361" t="s">
        <v>14395</v>
      </c>
      <c r="J1119" s="361"/>
      <c r="K1119" s="361"/>
      <c r="L1119" s="361"/>
    </row>
    <row r="1120" spans="2:12">
      <c r="B1120" s="358" t="s">
        <v>14891</v>
      </c>
      <c r="C1120" s="358" t="s">
        <v>14892</v>
      </c>
      <c r="D1120" s="358" t="s">
        <v>14893</v>
      </c>
      <c r="E1120" s="358" t="s">
        <v>14894</v>
      </c>
      <c r="F1120" s="358" t="s">
        <v>14430</v>
      </c>
      <c r="G1120" s="358" t="s">
        <v>14431</v>
      </c>
      <c r="H1120" s="358" t="s">
        <v>14341</v>
      </c>
      <c r="I1120" s="358" t="s">
        <v>14431</v>
      </c>
      <c r="J1120" s="358"/>
      <c r="K1120" s="358"/>
      <c r="L1120" s="358"/>
    </row>
    <row r="1121" spans="2:12">
      <c r="B1121" s="359"/>
      <c r="C1121" s="360"/>
      <c r="D1121" s="359"/>
      <c r="E1121" s="359"/>
      <c r="F1121" s="359"/>
      <c r="G1121" s="359"/>
      <c r="H1121" s="360"/>
      <c r="I1121" s="359"/>
      <c r="J1121" s="359"/>
      <c r="K1121" s="359"/>
      <c r="L1121" s="359"/>
    </row>
    <row r="1122" spans="2:12">
      <c r="B1122" s="361"/>
      <c r="C1122" s="361" t="s">
        <v>14895</v>
      </c>
      <c r="D1122" s="361"/>
      <c r="E1122" s="361"/>
      <c r="F1122" s="361"/>
      <c r="G1122" s="361"/>
      <c r="H1122" s="361" t="s">
        <v>14332</v>
      </c>
      <c r="I1122" s="361"/>
      <c r="J1122" s="361"/>
      <c r="K1122" s="361"/>
      <c r="L1122" s="361"/>
    </row>
    <row r="1123" spans="2:12">
      <c r="B1123" s="358" t="s">
        <v>14896</v>
      </c>
      <c r="C1123" s="358" t="s">
        <v>14897</v>
      </c>
      <c r="D1123" s="358" t="s">
        <v>14898</v>
      </c>
      <c r="E1123" s="358" t="s">
        <v>14899</v>
      </c>
      <c r="F1123" s="358" t="s">
        <v>14443</v>
      </c>
      <c r="G1123" s="358" t="s">
        <v>14444</v>
      </c>
      <c r="H1123" s="358" t="s">
        <v>14381</v>
      </c>
      <c r="I1123" s="358" t="s">
        <v>14444</v>
      </c>
      <c r="J1123" s="358"/>
      <c r="K1123" s="358"/>
      <c r="L1123" s="358"/>
    </row>
    <row r="1124" spans="2:12">
      <c r="B1124" s="359"/>
      <c r="C1124" s="360"/>
      <c r="D1124" s="359"/>
      <c r="E1124" s="359"/>
      <c r="F1124" s="360"/>
      <c r="G1124" s="360"/>
      <c r="H1124" s="360"/>
      <c r="I1124" s="360"/>
      <c r="J1124" s="359"/>
      <c r="K1124" s="359"/>
      <c r="L1124" s="359"/>
    </row>
    <row r="1125" spans="2:12">
      <c r="B1125" s="359"/>
      <c r="C1125" s="359" t="s">
        <v>14900</v>
      </c>
      <c r="D1125" s="359"/>
      <c r="E1125" s="359"/>
      <c r="F1125" s="359" t="s">
        <v>14460</v>
      </c>
      <c r="G1125" s="359" t="s">
        <v>14461</v>
      </c>
      <c r="H1125" s="359" t="s">
        <v>14370</v>
      </c>
      <c r="I1125" s="359" t="s">
        <v>14461</v>
      </c>
      <c r="J1125" s="359"/>
      <c r="K1125" s="359"/>
      <c r="L1125" s="359"/>
    </row>
    <row r="1126" spans="2:12">
      <c r="B1126" s="359"/>
      <c r="C1126" s="360"/>
      <c r="D1126" s="359"/>
      <c r="E1126" s="359"/>
      <c r="F1126" s="360"/>
      <c r="G1126" s="360"/>
      <c r="H1126" s="360"/>
      <c r="I1126" s="360"/>
      <c r="J1126" s="359"/>
      <c r="K1126" s="359"/>
      <c r="L1126" s="359"/>
    </row>
    <row r="1127" spans="2:12" ht="28.5">
      <c r="B1127" s="361"/>
      <c r="C1127" s="362"/>
      <c r="D1127" s="361"/>
      <c r="E1127" s="361"/>
      <c r="F1127" s="361" t="s">
        <v>14394</v>
      </c>
      <c r="G1127" s="361" t="s">
        <v>14395</v>
      </c>
      <c r="H1127" s="361" t="s">
        <v>14422</v>
      </c>
      <c r="I1127" s="361" t="s">
        <v>14395</v>
      </c>
      <c r="J1127" s="361"/>
      <c r="K1127" s="361"/>
      <c r="L1127" s="361"/>
    </row>
    <row r="1128" spans="2:12">
      <c r="B1128" s="358" t="s">
        <v>14901</v>
      </c>
      <c r="C1128" s="358" t="s">
        <v>27396</v>
      </c>
      <c r="D1128" s="358" t="s">
        <v>14902</v>
      </c>
      <c r="E1128" s="358" t="s">
        <v>14903</v>
      </c>
      <c r="F1128" s="358" t="s">
        <v>14420</v>
      </c>
      <c r="G1128" s="358" t="s">
        <v>14429</v>
      </c>
      <c r="H1128" s="358" t="s">
        <v>14381</v>
      </c>
      <c r="I1128" s="358" t="s">
        <v>14429</v>
      </c>
      <c r="J1128" s="358"/>
      <c r="K1128" s="358"/>
      <c r="L1128" s="358"/>
    </row>
    <row r="1129" spans="2:12">
      <c r="B1129" s="359"/>
      <c r="C1129" s="359"/>
      <c r="D1129" s="359"/>
      <c r="E1129" s="359"/>
      <c r="F1129" s="360"/>
      <c r="G1129" s="360"/>
      <c r="H1129" s="360"/>
      <c r="I1129" s="360"/>
      <c r="J1129" s="359"/>
      <c r="K1129" s="359"/>
      <c r="L1129" s="359"/>
    </row>
    <row r="1130" spans="2:12">
      <c r="B1130" s="359"/>
      <c r="C1130" s="359"/>
      <c r="D1130" s="359"/>
      <c r="E1130" s="359"/>
      <c r="F1130" s="359" t="s">
        <v>14460</v>
      </c>
      <c r="G1130" s="359" t="s">
        <v>14461</v>
      </c>
      <c r="H1130" s="359" t="s">
        <v>14367</v>
      </c>
      <c r="I1130" s="359" t="s">
        <v>14461</v>
      </c>
      <c r="J1130" s="359"/>
      <c r="K1130" s="359"/>
      <c r="L1130" s="359"/>
    </row>
    <row r="1131" spans="2:12">
      <c r="B1131" s="359"/>
      <c r="C1131" s="359"/>
      <c r="D1131" s="359"/>
      <c r="E1131" s="359"/>
      <c r="F1131" s="360"/>
      <c r="G1131" s="360"/>
      <c r="H1131" s="360"/>
      <c r="I1131" s="360"/>
      <c r="J1131" s="359"/>
      <c r="K1131" s="359"/>
      <c r="L1131" s="359"/>
    </row>
    <row r="1132" spans="2:12" ht="28.5">
      <c r="B1132" s="361"/>
      <c r="C1132" s="361"/>
      <c r="D1132" s="361"/>
      <c r="E1132" s="361"/>
      <c r="F1132" s="361" t="s">
        <v>14472</v>
      </c>
      <c r="G1132" s="361" t="s">
        <v>14473</v>
      </c>
      <c r="H1132" s="361" t="s">
        <v>14422</v>
      </c>
      <c r="I1132" s="361" t="s">
        <v>14473</v>
      </c>
      <c r="J1132" s="361"/>
      <c r="K1132" s="361"/>
      <c r="L1132" s="361"/>
    </row>
    <row r="1133" spans="2:12" ht="28.5">
      <c r="B1133" s="358" t="s">
        <v>14904</v>
      </c>
      <c r="C1133" s="358" t="s">
        <v>27397</v>
      </c>
      <c r="D1133" s="358" t="s">
        <v>14905</v>
      </c>
      <c r="E1133" s="358" t="s">
        <v>14906</v>
      </c>
      <c r="F1133" s="358" t="s">
        <v>14420</v>
      </c>
      <c r="G1133" s="358" t="s">
        <v>14429</v>
      </c>
      <c r="H1133" s="358" t="s">
        <v>14341</v>
      </c>
      <c r="I1133" s="358" t="s">
        <v>14429</v>
      </c>
      <c r="J1133" s="358"/>
      <c r="K1133" s="358"/>
      <c r="L1133" s="358"/>
    </row>
    <row r="1134" spans="2:12">
      <c r="B1134" s="359"/>
      <c r="C1134" s="359"/>
      <c r="D1134" s="359"/>
      <c r="E1134" s="359"/>
      <c r="F1134" s="360"/>
      <c r="G1134" s="360"/>
      <c r="H1134" s="360"/>
      <c r="I1134" s="360"/>
      <c r="J1134" s="359"/>
      <c r="K1134" s="359"/>
      <c r="L1134" s="359"/>
    </row>
    <row r="1135" spans="2:12">
      <c r="B1135" s="359"/>
      <c r="C1135" s="359"/>
      <c r="D1135" s="359"/>
      <c r="E1135" s="359"/>
      <c r="F1135" s="359" t="s">
        <v>14460</v>
      </c>
      <c r="G1135" s="359" t="s">
        <v>14461</v>
      </c>
      <c r="H1135" s="359" t="s">
        <v>14381</v>
      </c>
      <c r="I1135" s="359" t="s">
        <v>14461</v>
      </c>
      <c r="J1135" s="359"/>
      <c r="K1135" s="359"/>
      <c r="L1135" s="359"/>
    </row>
    <row r="1136" spans="2:12">
      <c r="B1136" s="359"/>
      <c r="C1136" s="359"/>
      <c r="D1136" s="359"/>
      <c r="E1136" s="359"/>
      <c r="F1136" s="360"/>
      <c r="G1136" s="360"/>
      <c r="H1136" s="360"/>
      <c r="I1136" s="360"/>
      <c r="J1136" s="359"/>
      <c r="K1136" s="359"/>
      <c r="L1136" s="359"/>
    </row>
    <row r="1137" spans="2:12">
      <c r="B1137" s="359"/>
      <c r="C1137" s="359"/>
      <c r="D1137" s="359"/>
      <c r="E1137" s="359"/>
      <c r="F1137" s="359" t="s">
        <v>14430</v>
      </c>
      <c r="G1137" s="359" t="s">
        <v>14431</v>
      </c>
      <c r="H1137" s="359" t="s">
        <v>14367</v>
      </c>
      <c r="I1137" s="359" t="s">
        <v>14431</v>
      </c>
      <c r="J1137" s="359"/>
      <c r="K1137" s="359"/>
      <c r="L1137" s="359"/>
    </row>
    <row r="1138" spans="2:12">
      <c r="B1138" s="359"/>
      <c r="C1138" s="359"/>
      <c r="D1138" s="359"/>
      <c r="E1138" s="359"/>
      <c r="F1138" s="360"/>
      <c r="G1138" s="360"/>
      <c r="H1138" s="360"/>
      <c r="I1138" s="360"/>
      <c r="J1138" s="359"/>
      <c r="K1138" s="359"/>
      <c r="L1138" s="359"/>
    </row>
    <row r="1139" spans="2:12">
      <c r="B1139" s="361"/>
      <c r="C1139" s="361"/>
      <c r="D1139" s="361"/>
      <c r="E1139" s="361"/>
      <c r="F1139" s="361" t="s">
        <v>14391</v>
      </c>
      <c r="G1139" s="361" t="s">
        <v>14392</v>
      </c>
      <c r="H1139" s="361" t="s">
        <v>14332</v>
      </c>
      <c r="I1139" s="361" t="s">
        <v>14392</v>
      </c>
      <c r="J1139" s="361"/>
      <c r="K1139" s="361"/>
      <c r="L1139" s="361"/>
    </row>
    <row r="1140" spans="2:12" ht="28.5">
      <c r="B1140" s="358" t="s">
        <v>14907</v>
      </c>
      <c r="C1140" s="358" t="s">
        <v>27398</v>
      </c>
      <c r="D1140" s="358" t="s">
        <v>14908</v>
      </c>
      <c r="E1140" s="358" t="s">
        <v>14909</v>
      </c>
      <c r="F1140" s="358" t="s">
        <v>14394</v>
      </c>
      <c r="G1140" s="358" t="s">
        <v>14395</v>
      </c>
      <c r="H1140" s="358" t="s">
        <v>14370</v>
      </c>
      <c r="I1140" s="358" t="s">
        <v>14395</v>
      </c>
      <c r="J1140" s="358"/>
      <c r="K1140" s="358"/>
      <c r="L1140" s="358"/>
    </row>
    <row r="1141" spans="2:12">
      <c r="B1141" s="359"/>
      <c r="C1141" s="360"/>
      <c r="D1141" s="359"/>
      <c r="E1141" s="359"/>
      <c r="F1141" s="359"/>
      <c r="G1141" s="359"/>
      <c r="H1141" s="359"/>
      <c r="I1141" s="359"/>
      <c r="J1141" s="359"/>
      <c r="K1141" s="359"/>
      <c r="L1141" s="359"/>
    </row>
    <row r="1142" spans="2:12" ht="42.75">
      <c r="B1142" s="361"/>
      <c r="C1142" s="361" t="s">
        <v>28581</v>
      </c>
      <c r="D1142" s="361"/>
      <c r="E1142" s="361"/>
      <c r="F1142" s="361"/>
      <c r="G1142" s="361"/>
      <c r="H1142" s="361"/>
      <c r="I1142" s="361"/>
      <c r="J1142" s="361"/>
      <c r="K1142" s="361"/>
      <c r="L1142" s="361"/>
    </row>
    <row r="1143" spans="2:12" ht="28.5">
      <c r="B1143" s="358" t="s">
        <v>14910</v>
      </c>
      <c r="C1143" s="358" t="s">
        <v>30015</v>
      </c>
      <c r="D1143" s="358" t="s">
        <v>14911</v>
      </c>
      <c r="E1143" s="358" t="s">
        <v>8356</v>
      </c>
      <c r="F1143" s="358" t="s">
        <v>14462</v>
      </c>
      <c r="G1143" s="358" t="s">
        <v>14463</v>
      </c>
      <c r="H1143" s="358" t="s">
        <v>8356</v>
      </c>
      <c r="I1143" s="358" t="s">
        <v>14463</v>
      </c>
      <c r="J1143" s="358"/>
      <c r="K1143" s="358"/>
      <c r="L1143" s="358"/>
    </row>
    <row r="1144" spans="2:12">
      <c r="B1144" s="359"/>
      <c r="C1144" s="360"/>
      <c r="D1144" s="359"/>
      <c r="E1144" s="359"/>
      <c r="F1144" s="359"/>
      <c r="G1144" s="359"/>
      <c r="H1144" s="359"/>
      <c r="I1144" s="359"/>
      <c r="J1144" s="359"/>
      <c r="K1144" s="359"/>
      <c r="L1144" s="359"/>
    </row>
    <row r="1145" spans="2:12" ht="42.75">
      <c r="B1145" s="359"/>
      <c r="C1145" s="359" t="s">
        <v>27399</v>
      </c>
      <c r="D1145" s="359"/>
      <c r="E1145" s="359"/>
      <c r="F1145" s="359"/>
      <c r="G1145" s="359"/>
      <c r="H1145" s="359"/>
      <c r="I1145" s="359"/>
      <c r="J1145" s="359"/>
      <c r="K1145" s="359"/>
      <c r="L1145" s="359"/>
    </row>
    <row r="1146" spans="2:12">
      <c r="B1146" s="359"/>
      <c r="C1146" s="360"/>
      <c r="D1146" s="359"/>
      <c r="E1146" s="359"/>
      <c r="F1146" s="359"/>
      <c r="G1146" s="359"/>
      <c r="H1146" s="359"/>
      <c r="I1146" s="359"/>
      <c r="J1146" s="359"/>
      <c r="K1146" s="359"/>
      <c r="L1146" s="359"/>
    </row>
    <row r="1147" spans="2:12" ht="28.5">
      <c r="B1147" s="361"/>
      <c r="C1147" s="361" t="s">
        <v>30016</v>
      </c>
      <c r="D1147" s="361"/>
      <c r="E1147" s="361"/>
      <c r="F1147" s="361"/>
      <c r="G1147" s="361"/>
      <c r="H1147" s="361"/>
      <c r="I1147" s="361"/>
      <c r="J1147" s="361"/>
      <c r="K1147" s="361"/>
      <c r="L1147" s="361"/>
    </row>
    <row r="1148" spans="2:12">
      <c r="B1148" s="358" t="s">
        <v>10188</v>
      </c>
      <c r="C1148" s="358" t="s">
        <v>3</v>
      </c>
      <c r="D1148" s="358" t="s">
        <v>17</v>
      </c>
      <c r="E1148" s="358" t="s">
        <v>8356</v>
      </c>
      <c r="F1148" s="358" t="s">
        <v>14376</v>
      </c>
      <c r="G1148" s="358" t="s">
        <v>14669</v>
      </c>
      <c r="H1148" s="358" t="s">
        <v>14381</v>
      </c>
      <c r="I1148" s="358" t="s">
        <v>14669</v>
      </c>
      <c r="J1148" s="358"/>
      <c r="K1148" s="358"/>
      <c r="L1148" s="358"/>
    </row>
    <row r="1149" spans="2:12">
      <c r="B1149" s="359"/>
      <c r="C1149" s="359"/>
      <c r="D1149" s="359"/>
      <c r="E1149" s="359"/>
      <c r="F1149" s="360"/>
      <c r="G1149" s="360"/>
      <c r="H1149" s="360"/>
      <c r="I1149" s="360"/>
      <c r="J1149" s="359"/>
      <c r="K1149" s="359"/>
      <c r="L1149" s="359"/>
    </row>
    <row r="1150" spans="2:12">
      <c r="B1150" s="359"/>
      <c r="C1150" s="359"/>
      <c r="D1150" s="359"/>
      <c r="E1150" s="359"/>
      <c r="F1150" s="359" t="s">
        <v>14889</v>
      </c>
      <c r="G1150" s="359" t="s">
        <v>14890</v>
      </c>
      <c r="H1150" s="359" t="s">
        <v>14367</v>
      </c>
      <c r="I1150" s="359" t="s">
        <v>14890</v>
      </c>
      <c r="J1150" s="359"/>
      <c r="K1150" s="359"/>
      <c r="L1150" s="359"/>
    </row>
    <row r="1151" spans="2:12">
      <c r="B1151" s="359"/>
      <c r="C1151" s="359"/>
      <c r="D1151" s="359"/>
      <c r="E1151" s="359"/>
      <c r="F1151" s="360"/>
      <c r="G1151" s="360"/>
      <c r="H1151" s="360"/>
      <c r="I1151" s="360"/>
      <c r="J1151" s="359"/>
      <c r="K1151" s="359"/>
      <c r="L1151" s="359"/>
    </row>
    <row r="1152" spans="2:12">
      <c r="B1152" s="359"/>
      <c r="C1152" s="359"/>
      <c r="D1152" s="359"/>
      <c r="E1152" s="359"/>
      <c r="F1152" s="359" t="s">
        <v>14420</v>
      </c>
      <c r="G1152" s="359" t="s">
        <v>14429</v>
      </c>
      <c r="H1152" s="359" t="s">
        <v>14370</v>
      </c>
      <c r="I1152" s="359" t="s">
        <v>14429</v>
      </c>
      <c r="J1152" s="359"/>
      <c r="K1152" s="359"/>
      <c r="L1152" s="359"/>
    </row>
    <row r="1153" spans="2:12">
      <c r="B1153" s="359"/>
      <c r="C1153" s="359"/>
      <c r="D1153" s="359"/>
      <c r="E1153" s="359"/>
      <c r="F1153" s="360"/>
      <c r="G1153" s="360"/>
      <c r="H1153" s="360"/>
      <c r="I1153" s="360"/>
      <c r="J1153" s="359"/>
      <c r="K1153" s="359"/>
      <c r="L1153" s="359"/>
    </row>
    <row r="1154" spans="2:12">
      <c r="B1154" s="359"/>
      <c r="C1154" s="359"/>
      <c r="D1154" s="359"/>
      <c r="E1154" s="359"/>
      <c r="F1154" s="359" t="s">
        <v>14460</v>
      </c>
      <c r="G1154" s="359" t="s">
        <v>14461</v>
      </c>
      <c r="H1154" s="359" t="s">
        <v>14332</v>
      </c>
      <c r="I1154" s="359" t="s">
        <v>14461</v>
      </c>
      <c r="J1154" s="359"/>
      <c r="K1154" s="359"/>
      <c r="L1154" s="359"/>
    </row>
    <row r="1155" spans="2:12">
      <c r="B1155" s="359"/>
      <c r="C1155" s="359"/>
      <c r="D1155" s="359"/>
      <c r="E1155" s="359"/>
      <c r="F1155" s="360"/>
      <c r="G1155" s="360"/>
      <c r="H1155" s="360"/>
      <c r="I1155" s="360"/>
      <c r="J1155" s="359"/>
      <c r="K1155" s="359"/>
      <c r="L1155" s="359"/>
    </row>
    <row r="1156" spans="2:12">
      <c r="B1156" s="359"/>
      <c r="C1156" s="359"/>
      <c r="D1156" s="359"/>
      <c r="E1156" s="359"/>
      <c r="F1156" s="359" t="s">
        <v>14391</v>
      </c>
      <c r="G1156" s="359" t="s">
        <v>14392</v>
      </c>
      <c r="H1156" s="360"/>
      <c r="I1156" s="359" t="s">
        <v>14392</v>
      </c>
      <c r="J1156" s="359"/>
      <c r="K1156" s="359"/>
      <c r="L1156" s="359"/>
    </row>
    <row r="1157" spans="2:12">
      <c r="B1157" s="359"/>
      <c r="C1157" s="359"/>
      <c r="D1157" s="359"/>
      <c r="E1157" s="359"/>
      <c r="F1157" s="360"/>
      <c r="G1157" s="360"/>
      <c r="H1157" s="360"/>
      <c r="I1157" s="360"/>
      <c r="J1157" s="359"/>
      <c r="K1157" s="359"/>
      <c r="L1157" s="359"/>
    </row>
    <row r="1158" spans="2:12" ht="28.5">
      <c r="B1158" s="361"/>
      <c r="C1158" s="361"/>
      <c r="D1158" s="361"/>
      <c r="E1158" s="361"/>
      <c r="F1158" s="361" t="s">
        <v>14394</v>
      </c>
      <c r="G1158" s="361" t="s">
        <v>14395</v>
      </c>
      <c r="H1158" s="362"/>
      <c r="I1158" s="361" t="s">
        <v>14395</v>
      </c>
      <c r="J1158" s="361"/>
      <c r="K1158" s="361"/>
      <c r="L1158" s="361"/>
    </row>
    <row r="1159" spans="2:12">
      <c r="B1159" s="358" t="s">
        <v>14912</v>
      </c>
      <c r="C1159" s="358" t="s">
        <v>30017</v>
      </c>
      <c r="D1159" s="358" t="s">
        <v>14913</v>
      </c>
      <c r="E1159" s="358" t="s">
        <v>8356</v>
      </c>
      <c r="F1159" s="358" t="s">
        <v>14430</v>
      </c>
      <c r="G1159" s="358" t="s">
        <v>14431</v>
      </c>
      <c r="H1159" s="358" t="s">
        <v>14341</v>
      </c>
      <c r="I1159" s="358" t="s">
        <v>14431</v>
      </c>
      <c r="J1159" s="358"/>
      <c r="K1159" s="358" t="s">
        <v>14552</v>
      </c>
      <c r="L1159" s="358"/>
    </row>
    <row r="1160" spans="2:12">
      <c r="B1160" s="359"/>
      <c r="C1160" s="359"/>
      <c r="D1160" s="359"/>
      <c r="E1160" s="359"/>
      <c r="F1160" s="360"/>
      <c r="G1160" s="360"/>
      <c r="H1160" s="360"/>
      <c r="I1160" s="360"/>
      <c r="J1160" s="359"/>
      <c r="K1160" s="359"/>
      <c r="L1160" s="359"/>
    </row>
    <row r="1161" spans="2:12">
      <c r="B1161" s="359"/>
      <c r="C1161" s="359"/>
      <c r="D1161" s="359"/>
      <c r="E1161" s="359"/>
      <c r="F1161" s="359" t="s">
        <v>14814</v>
      </c>
      <c r="G1161" s="359" t="s">
        <v>14815</v>
      </c>
      <c r="H1161" s="359" t="s">
        <v>14381</v>
      </c>
      <c r="I1161" s="359" t="s">
        <v>14815</v>
      </c>
      <c r="J1161" s="359"/>
      <c r="K1161" s="359"/>
      <c r="L1161" s="359"/>
    </row>
    <row r="1162" spans="2:12">
      <c r="B1162" s="359"/>
      <c r="C1162" s="359"/>
      <c r="D1162" s="359"/>
      <c r="E1162" s="359"/>
      <c r="F1162" s="360"/>
      <c r="G1162" s="360"/>
      <c r="H1162" s="360"/>
      <c r="I1162" s="360"/>
      <c r="J1162" s="359"/>
      <c r="K1162" s="359"/>
      <c r="L1162" s="359"/>
    </row>
    <row r="1163" spans="2:12">
      <c r="B1163" s="359"/>
      <c r="C1163" s="359"/>
      <c r="D1163" s="359"/>
      <c r="E1163" s="359"/>
      <c r="F1163" s="359" t="s">
        <v>14371</v>
      </c>
      <c r="G1163" s="359" t="s">
        <v>14372</v>
      </c>
      <c r="H1163" s="359" t="s">
        <v>14370</v>
      </c>
      <c r="I1163" s="359" t="s">
        <v>14373</v>
      </c>
      <c r="J1163" s="359"/>
      <c r="K1163" s="359"/>
      <c r="L1163" s="359"/>
    </row>
    <row r="1164" spans="2:12">
      <c r="B1164" s="359"/>
      <c r="C1164" s="359"/>
      <c r="D1164" s="359"/>
      <c r="E1164" s="359"/>
      <c r="F1164" s="360"/>
      <c r="G1164" s="360"/>
      <c r="H1164" s="360"/>
      <c r="I1164" s="360"/>
      <c r="J1164" s="359"/>
      <c r="K1164" s="359"/>
      <c r="L1164" s="359"/>
    </row>
    <row r="1165" spans="2:12" ht="28.5">
      <c r="B1165" s="361"/>
      <c r="C1165" s="361"/>
      <c r="D1165" s="361"/>
      <c r="E1165" s="361"/>
      <c r="F1165" s="361" t="s">
        <v>14374</v>
      </c>
      <c r="G1165" s="361" t="s">
        <v>14373</v>
      </c>
      <c r="H1165" s="361" t="s">
        <v>14332</v>
      </c>
      <c r="I1165" s="362"/>
      <c r="J1165" s="361"/>
      <c r="K1165" s="361"/>
      <c r="L1165" s="361"/>
    </row>
    <row r="1166" spans="2:12">
      <c r="B1166" s="358" t="s">
        <v>14914</v>
      </c>
      <c r="C1166" s="358" t="s">
        <v>14915</v>
      </c>
      <c r="D1166" s="358" t="s">
        <v>14916</v>
      </c>
      <c r="E1166" s="358" t="s">
        <v>14917</v>
      </c>
      <c r="F1166" s="358" t="s">
        <v>14918</v>
      </c>
      <c r="G1166" s="358" t="s">
        <v>14919</v>
      </c>
      <c r="H1166" s="358" t="s">
        <v>14331</v>
      </c>
      <c r="I1166" s="358" t="s">
        <v>14919</v>
      </c>
      <c r="J1166" s="358"/>
      <c r="K1166" s="358"/>
      <c r="L1166" s="358" t="s">
        <v>14329</v>
      </c>
    </row>
    <row r="1167" spans="2:12">
      <c r="B1167" s="359"/>
      <c r="C1167" s="359"/>
      <c r="D1167" s="359"/>
      <c r="E1167" s="359"/>
      <c r="F1167" s="360"/>
      <c r="G1167" s="360"/>
      <c r="H1167" s="360"/>
      <c r="I1167" s="360"/>
      <c r="J1167" s="359"/>
      <c r="K1167" s="359"/>
      <c r="L1167" s="359"/>
    </row>
    <row r="1168" spans="2:12">
      <c r="B1168" s="359"/>
      <c r="C1168" s="359"/>
      <c r="D1168" s="359"/>
      <c r="E1168" s="359"/>
      <c r="F1168" s="359" t="s">
        <v>14330</v>
      </c>
      <c r="G1168" s="359" t="s">
        <v>14483</v>
      </c>
      <c r="H1168" s="359" t="s">
        <v>14378</v>
      </c>
      <c r="I1168" s="359" t="s">
        <v>14483</v>
      </c>
      <c r="J1168" s="359"/>
      <c r="K1168" s="359"/>
      <c r="L1168" s="359"/>
    </row>
    <row r="1169" spans="2:12">
      <c r="B1169" s="359"/>
      <c r="C1169" s="359"/>
      <c r="D1169" s="359"/>
      <c r="E1169" s="359"/>
      <c r="F1169" s="360"/>
      <c r="G1169" s="360"/>
      <c r="H1169" s="360"/>
      <c r="I1169" s="360"/>
      <c r="J1169" s="359"/>
      <c r="K1169" s="359"/>
      <c r="L1169" s="359"/>
    </row>
    <row r="1170" spans="2:12">
      <c r="B1170" s="359"/>
      <c r="C1170" s="359"/>
      <c r="D1170" s="359"/>
      <c r="E1170" s="359"/>
      <c r="F1170" s="359" t="s">
        <v>14382</v>
      </c>
      <c r="G1170" s="359" t="s">
        <v>14340</v>
      </c>
      <c r="H1170" s="359" t="s">
        <v>14341</v>
      </c>
      <c r="I1170" s="359" t="s">
        <v>14340</v>
      </c>
      <c r="J1170" s="359"/>
      <c r="K1170" s="359"/>
      <c r="L1170" s="359"/>
    </row>
    <row r="1171" spans="2:12">
      <c r="B1171" s="359"/>
      <c r="C1171" s="359"/>
      <c r="D1171" s="359"/>
      <c r="E1171" s="359"/>
      <c r="F1171" s="360"/>
      <c r="G1171" s="360"/>
      <c r="H1171" s="360"/>
      <c r="I1171" s="360"/>
      <c r="J1171" s="359"/>
      <c r="K1171" s="359"/>
      <c r="L1171" s="359"/>
    </row>
    <row r="1172" spans="2:12">
      <c r="B1172" s="359"/>
      <c r="C1172" s="359"/>
      <c r="D1172" s="359"/>
      <c r="E1172" s="359"/>
      <c r="F1172" s="359" t="s">
        <v>14356</v>
      </c>
      <c r="G1172" s="359" t="s">
        <v>14372</v>
      </c>
      <c r="H1172" s="359" t="s">
        <v>14370</v>
      </c>
      <c r="I1172" s="359" t="s">
        <v>14372</v>
      </c>
      <c r="J1172" s="359"/>
      <c r="K1172" s="359"/>
      <c r="L1172" s="359"/>
    </row>
    <row r="1173" spans="2:12">
      <c r="B1173" s="359"/>
      <c r="C1173" s="359"/>
      <c r="D1173" s="359"/>
      <c r="E1173" s="359"/>
      <c r="F1173" s="360"/>
      <c r="G1173" s="360"/>
      <c r="H1173" s="360"/>
      <c r="I1173" s="360"/>
      <c r="J1173" s="359"/>
      <c r="K1173" s="359"/>
      <c r="L1173" s="359"/>
    </row>
    <row r="1174" spans="2:12">
      <c r="B1174" s="361"/>
      <c r="C1174" s="361"/>
      <c r="D1174" s="361"/>
      <c r="E1174" s="361"/>
      <c r="F1174" s="361" t="s">
        <v>14371</v>
      </c>
      <c r="G1174" s="362"/>
      <c r="H1174" s="361" t="s">
        <v>14332</v>
      </c>
      <c r="I1174" s="362"/>
      <c r="J1174" s="361"/>
      <c r="K1174" s="361"/>
      <c r="L1174" s="361"/>
    </row>
    <row r="1175" spans="2:12" ht="42.75">
      <c r="B1175" s="358" t="s">
        <v>14920</v>
      </c>
      <c r="C1175" s="358" t="s">
        <v>14921</v>
      </c>
      <c r="D1175" s="358" t="s">
        <v>14922</v>
      </c>
      <c r="E1175" s="358" t="s">
        <v>14923</v>
      </c>
      <c r="F1175" s="358" t="s">
        <v>14356</v>
      </c>
      <c r="G1175" s="358" t="s">
        <v>14340</v>
      </c>
      <c r="H1175" s="358" t="s">
        <v>14341</v>
      </c>
      <c r="I1175" s="358" t="s">
        <v>14340</v>
      </c>
      <c r="J1175" s="358"/>
      <c r="K1175" s="358" t="s">
        <v>28582</v>
      </c>
      <c r="L1175" s="358" t="s">
        <v>10376</v>
      </c>
    </row>
    <row r="1176" spans="2:12">
      <c r="B1176" s="359"/>
      <c r="C1176" s="359"/>
      <c r="D1176" s="359"/>
      <c r="E1176" s="359"/>
      <c r="F1176" s="360"/>
      <c r="G1176" s="360"/>
      <c r="H1176" s="360"/>
      <c r="I1176" s="360"/>
      <c r="J1176" s="359"/>
      <c r="K1176" s="359"/>
      <c r="L1176" s="359"/>
    </row>
    <row r="1177" spans="2:12">
      <c r="B1177" s="359"/>
      <c r="C1177" s="359"/>
      <c r="D1177" s="359"/>
      <c r="E1177" s="359"/>
      <c r="F1177" s="359" t="s">
        <v>14371</v>
      </c>
      <c r="G1177" s="359" t="s">
        <v>14372</v>
      </c>
      <c r="H1177" s="359" t="s">
        <v>14370</v>
      </c>
      <c r="I1177" s="359" t="s">
        <v>14372</v>
      </c>
      <c r="J1177" s="359"/>
      <c r="K1177" s="359"/>
      <c r="L1177" s="359"/>
    </row>
    <row r="1178" spans="2:12">
      <c r="B1178" s="359"/>
      <c r="C1178" s="359"/>
      <c r="D1178" s="359"/>
      <c r="E1178" s="359"/>
      <c r="F1178" s="360"/>
      <c r="G1178" s="360"/>
      <c r="H1178" s="360"/>
      <c r="I1178" s="360"/>
      <c r="J1178" s="359"/>
      <c r="K1178" s="359"/>
      <c r="L1178" s="359"/>
    </row>
    <row r="1179" spans="2:12">
      <c r="B1179" s="361"/>
      <c r="C1179" s="361"/>
      <c r="D1179" s="361"/>
      <c r="E1179" s="361"/>
      <c r="F1179" s="362"/>
      <c r="G1179" s="362"/>
      <c r="H1179" s="361" t="s">
        <v>14332</v>
      </c>
      <c r="I1179" s="362"/>
      <c r="J1179" s="361"/>
      <c r="K1179" s="361"/>
      <c r="L1179" s="361"/>
    </row>
    <row r="1180" spans="2:12" ht="28.5">
      <c r="B1180" s="358" t="s">
        <v>14924</v>
      </c>
      <c r="C1180" s="358" t="s">
        <v>14925</v>
      </c>
      <c r="D1180" s="358" t="s">
        <v>14926</v>
      </c>
      <c r="E1180" s="358" t="s">
        <v>14927</v>
      </c>
      <c r="F1180" s="358" t="s">
        <v>14330</v>
      </c>
      <c r="G1180" s="358" t="s">
        <v>14928</v>
      </c>
      <c r="H1180" s="358" t="s">
        <v>14331</v>
      </c>
      <c r="I1180" s="358" t="s">
        <v>14928</v>
      </c>
      <c r="J1180" s="358"/>
      <c r="K1180" s="358" t="s">
        <v>14929</v>
      </c>
      <c r="L1180" s="358" t="s">
        <v>27400</v>
      </c>
    </row>
    <row r="1181" spans="2:12">
      <c r="B1181" s="359"/>
      <c r="C1181" s="360"/>
      <c r="D1181" s="360"/>
      <c r="E1181" s="360"/>
      <c r="F1181" s="360"/>
      <c r="G1181" s="360"/>
      <c r="H1181" s="360"/>
      <c r="I1181" s="360"/>
      <c r="J1181" s="359"/>
      <c r="K1181" s="360"/>
      <c r="L1181" s="359"/>
    </row>
    <row r="1182" spans="2:12" ht="42.75">
      <c r="B1182" s="359"/>
      <c r="C1182" s="359" t="s">
        <v>14930</v>
      </c>
      <c r="D1182" s="359" t="s">
        <v>14931</v>
      </c>
      <c r="E1182" s="359" t="s">
        <v>14932</v>
      </c>
      <c r="F1182" s="359" t="s">
        <v>14933</v>
      </c>
      <c r="G1182" s="359" t="s">
        <v>14380</v>
      </c>
      <c r="H1182" s="359" t="s">
        <v>14479</v>
      </c>
      <c r="I1182" s="359" t="s">
        <v>14380</v>
      </c>
      <c r="J1182" s="359"/>
      <c r="K1182" s="359" t="s">
        <v>28583</v>
      </c>
      <c r="L1182" s="359"/>
    </row>
    <row r="1183" spans="2:12">
      <c r="B1183" s="359"/>
      <c r="C1183" s="360"/>
      <c r="D1183" s="360"/>
      <c r="E1183" s="360"/>
      <c r="F1183" s="360"/>
      <c r="G1183" s="360"/>
      <c r="H1183" s="360"/>
      <c r="I1183" s="360"/>
      <c r="J1183" s="359"/>
      <c r="K1183" s="360"/>
      <c r="L1183" s="359"/>
    </row>
    <row r="1184" spans="2:12">
      <c r="B1184" s="359"/>
      <c r="C1184" s="360"/>
      <c r="D1184" s="360"/>
      <c r="E1184" s="360"/>
      <c r="F1184" s="359" t="s">
        <v>14379</v>
      </c>
      <c r="G1184" s="359" t="s">
        <v>14340</v>
      </c>
      <c r="H1184" s="359" t="s">
        <v>14378</v>
      </c>
      <c r="I1184" s="359" t="s">
        <v>14340</v>
      </c>
      <c r="J1184" s="359"/>
      <c r="K1184" s="360"/>
      <c r="L1184" s="359"/>
    </row>
    <row r="1185" spans="2:12">
      <c r="B1185" s="359"/>
      <c r="C1185" s="360"/>
      <c r="D1185" s="360"/>
      <c r="E1185" s="360"/>
      <c r="F1185" s="360"/>
      <c r="G1185" s="360"/>
      <c r="H1185" s="360"/>
      <c r="I1185" s="360"/>
      <c r="J1185" s="359"/>
      <c r="K1185" s="360"/>
      <c r="L1185" s="359"/>
    </row>
    <row r="1186" spans="2:12">
      <c r="B1186" s="359"/>
      <c r="C1186" s="360"/>
      <c r="D1186" s="360"/>
      <c r="E1186" s="360"/>
      <c r="F1186" s="359" t="s">
        <v>14356</v>
      </c>
      <c r="G1186" s="360"/>
      <c r="H1186" s="359" t="s">
        <v>14341</v>
      </c>
      <c r="I1186" s="360"/>
      <c r="J1186" s="359"/>
      <c r="K1186" s="360"/>
      <c r="L1186" s="359"/>
    </row>
    <row r="1187" spans="2:12">
      <c r="B1187" s="359"/>
      <c r="C1187" s="360"/>
      <c r="D1187" s="360"/>
      <c r="E1187" s="360"/>
      <c r="F1187" s="360"/>
      <c r="G1187" s="360"/>
      <c r="H1187" s="360"/>
      <c r="I1187" s="360"/>
      <c r="J1187" s="359"/>
      <c r="K1187" s="360"/>
      <c r="L1187" s="359"/>
    </row>
    <row r="1188" spans="2:12">
      <c r="B1188" s="361"/>
      <c r="C1188" s="362"/>
      <c r="D1188" s="362"/>
      <c r="E1188" s="362"/>
      <c r="F1188" s="362"/>
      <c r="G1188" s="362"/>
      <c r="H1188" s="361" t="s">
        <v>14332</v>
      </c>
      <c r="I1188" s="362"/>
      <c r="J1188" s="361"/>
      <c r="K1188" s="362"/>
      <c r="L1188" s="361"/>
    </row>
    <row r="1189" spans="2:12">
      <c r="B1189" s="358" t="s">
        <v>14934</v>
      </c>
      <c r="C1189" s="358" t="s">
        <v>14935</v>
      </c>
      <c r="D1189" s="358" t="s">
        <v>14936</v>
      </c>
      <c r="E1189" s="358" t="s">
        <v>14937</v>
      </c>
      <c r="F1189" s="358" t="s">
        <v>14420</v>
      </c>
      <c r="G1189" s="358" t="s">
        <v>14421</v>
      </c>
      <c r="H1189" s="358" t="s">
        <v>14367</v>
      </c>
      <c r="I1189" s="358" t="s">
        <v>14421</v>
      </c>
      <c r="J1189" s="358"/>
      <c r="K1189" s="358"/>
      <c r="L1189" s="358"/>
    </row>
    <row r="1190" spans="2:12">
      <c r="B1190" s="359"/>
      <c r="C1190" s="360"/>
      <c r="D1190" s="359"/>
      <c r="E1190" s="359"/>
      <c r="F1190" s="360"/>
      <c r="G1190" s="360"/>
      <c r="H1190" s="360"/>
      <c r="I1190" s="360"/>
      <c r="J1190" s="359"/>
      <c r="K1190" s="359"/>
      <c r="L1190" s="359"/>
    </row>
    <row r="1191" spans="2:12">
      <c r="B1191" s="361"/>
      <c r="C1191" s="361" t="s">
        <v>14938</v>
      </c>
      <c r="D1191" s="361"/>
      <c r="E1191" s="361"/>
      <c r="F1191" s="361" t="s">
        <v>14420</v>
      </c>
      <c r="G1191" s="361" t="s">
        <v>14429</v>
      </c>
      <c r="H1191" s="361" t="s">
        <v>14422</v>
      </c>
      <c r="I1191" s="361" t="s">
        <v>14429</v>
      </c>
      <c r="J1191" s="361"/>
      <c r="K1191" s="361"/>
      <c r="L1191" s="361"/>
    </row>
    <row r="1192" spans="2:12">
      <c r="B1192" s="354" t="s">
        <v>8397</v>
      </c>
      <c r="C1192" s="355"/>
      <c r="D1192" s="355"/>
      <c r="E1192" s="355"/>
      <c r="F1192" s="355"/>
      <c r="G1192" s="355"/>
      <c r="H1192" s="355"/>
      <c r="I1192" s="355"/>
      <c r="J1192" s="355"/>
      <c r="K1192" s="355"/>
      <c r="L1192" s="363"/>
    </row>
    <row r="1193" spans="2:12" ht="42.75">
      <c r="B1193" s="358" t="s">
        <v>14939</v>
      </c>
      <c r="C1193" s="358" t="s">
        <v>14940</v>
      </c>
      <c r="D1193" s="358" t="s">
        <v>14941</v>
      </c>
      <c r="E1193" s="358" t="s">
        <v>14942</v>
      </c>
      <c r="F1193" s="358" t="s">
        <v>14943</v>
      </c>
      <c r="G1193" s="358" t="s">
        <v>14478</v>
      </c>
      <c r="H1193" s="358" t="s">
        <v>14479</v>
      </c>
      <c r="I1193" s="358" t="s">
        <v>14478</v>
      </c>
      <c r="J1193" s="358" t="s">
        <v>14944</v>
      </c>
      <c r="K1193" s="358" t="s">
        <v>28584</v>
      </c>
      <c r="L1193" s="358" t="s">
        <v>10376</v>
      </c>
    </row>
    <row r="1194" spans="2:12">
      <c r="B1194" s="359"/>
      <c r="C1194" s="359"/>
      <c r="D1194" s="359"/>
      <c r="E1194" s="359"/>
      <c r="F1194" s="360"/>
      <c r="G1194" s="360"/>
      <c r="H1194" s="360"/>
      <c r="I1194" s="360"/>
      <c r="J1194" s="359"/>
      <c r="K1194" s="360"/>
      <c r="L1194" s="359"/>
    </row>
    <row r="1195" spans="2:12" ht="42.75">
      <c r="B1195" s="359"/>
      <c r="C1195" s="359"/>
      <c r="D1195" s="359"/>
      <c r="E1195" s="359"/>
      <c r="F1195" s="359" t="s">
        <v>14339</v>
      </c>
      <c r="G1195" s="359" t="s">
        <v>14340</v>
      </c>
      <c r="H1195" s="359" t="s">
        <v>14341</v>
      </c>
      <c r="I1195" s="359" t="s">
        <v>14340</v>
      </c>
      <c r="J1195" s="359"/>
      <c r="K1195" s="359" t="s">
        <v>28585</v>
      </c>
      <c r="L1195" s="359"/>
    </row>
    <row r="1196" spans="2:12">
      <c r="B1196" s="359"/>
      <c r="C1196" s="359"/>
      <c r="D1196" s="359"/>
      <c r="E1196" s="359"/>
      <c r="F1196" s="360"/>
      <c r="G1196" s="360"/>
      <c r="H1196" s="360"/>
      <c r="I1196" s="360"/>
      <c r="J1196" s="359"/>
      <c r="K1196" s="360"/>
      <c r="L1196" s="359"/>
    </row>
    <row r="1197" spans="2:12" ht="42.75">
      <c r="B1197" s="359"/>
      <c r="C1197" s="359"/>
      <c r="D1197" s="359"/>
      <c r="E1197" s="359"/>
      <c r="F1197" s="360"/>
      <c r="G1197" s="360"/>
      <c r="H1197" s="359" t="s">
        <v>14332</v>
      </c>
      <c r="I1197" s="360"/>
      <c r="J1197" s="359"/>
      <c r="K1197" s="359" t="s">
        <v>28586</v>
      </c>
      <c r="L1197" s="359"/>
    </row>
    <row r="1198" spans="2:12">
      <c r="B1198" s="359"/>
      <c r="C1198" s="359"/>
      <c r="D1198" s="359"/>
      <c r="E1198" s="359"/>
      <c r="F1198" s="360"/>
      <c r="G1198" s="360"/>
      <c r="H1198" s="360"/>
      <c r="I1198" s="360"/>
      <c r="J1198" s="359"/>
      <c r="K1198" s="360"/>
      <c r="L1198" s="359"/>
    </row>
    <row r="1199" spans="2:12" ht="42.75">
      <c r="B1199" s="361"/>
      <c r="C1199" s="361"/>
      <c r="D1199" s="361"/>
      <c r="E1199" s="361"/>
      <c r="F1199" s="362"/>
      <c r="G1199" s="362"/>
      <c r="H1199" s="362"/>
      <c r="I1199" s="362"/>
      <c r="J1199" s="361"/>
      <c r="K1199" s="361" t="s">
        <v>28587</v>
      </c>
      <c r="L1199" s="361"/>
    </row>
    <row r="1200" spans="2:12">
      <c r="B1200" s="354" t="s">
        <v>28528</v>
      </c>
      <c r="C1200" s="355"/>
      <c r="D1200" s="355"/>
      <c r="E1200" s="355"/>
      <c r="F1200" s="355"/>
      <c r="G1200" s="355"/>
      <c r="H1200" s="355"/>
      <c r="I1200" s="355"/>
      <c r="J1200" s="355"/>
      <c r="K1200" s="355"/>
      <c r="L1200" s="363"/>
    </row>
    <row r="1201" spans="2:12">
      <c r="B1201" s="358" t="s">
        <v>14945</v>
      </c>
      <c r="C1201" s="358" t="s">
        <v>14946</v>
      </c>
      <c r="D1201" s="358" t="s">
        <v>14947</v>
      </c>
      <c r="E1201" s="358" t="s">
        <v>5781</v>
      </c>
      <c r="F1201" s="358" t="s">
        <v>14326</v>
      </c>
      <c r="G1201" s="358" t="s">
        <v>14327</v>
      </c>
      <c r="H1201" s="358" t="s">
        <v>14328</v>
      </c>
      <c r="I1201" s="358" t="s">
        <v>14327</v>
      </c>
      <c r="J1201" s="358"/>
      <c r="K1201" s="358"/>
      <c r="L1201" s="358" t="s">
        <v>14329</v>
      </c>
    </row>
    <row r="1202" spans="2:12">
      <c r="B1202" s="359"/>
      <c r="C1202" s="359"/>
      <c r="D1202" s="359"/>
      <c r="E1202" s="359"/>
      <c r="F1202" s="360"/>
      <c r="G1202" s="360"/>
      <c r="H1202" s="360"/>
      <c r="I1202" s="360"/>
      <c r="J1202" s="359"/>
      <c r="K1202" s="359"/>
      <c r="L1202" s="359"/>
    </row>
    <row r="1203" spans="2:12">
      <c r="B1203" s="359"/>
      <c r="C1203" s="359"/>
      <c r="D1203" s="359"/>
      <c r="E1203" s="359"/>
      <c r="F1203" s="359" t="s">
        <v>14330</v>
      </c>
      <c r="G1203" s="359" t="s">
        <v>14459</v>
      </c>
      <c r="H1203" s="359" t="s">
        <v>14331</v>
      </c>
      <c r="I1203" s="359" t="s">
        <v>14459</v>
      </c>
      <c r="J1203" s="359"/>
      <c r="K1203" s="359"/>
      <c r="L1203" s="359"/>
    </row>
    <row r="1204" spans="2:12">
      <c r="B1204" s="359"/>
      <c r="C1204" s="359"/>
      <c r="D1204" s="359"/>
      <c r="E1204" s="359"/>
      <c r="F1204" s="360"/>
      <c r="G1204" s="360"/>
      <c r="H1204" s="360"/>
      <c r="I1204" s="360"/>
      <c r="J1204" s="359"/>
      <c r="K1204" s="359"/>
      <c r="L1204" s="359"/>
    </row>
    <row r="1205" spans="2:12">
      <c r="B1205" s="359"/>
      <c r="C1205" s="359"/>
      <c r="D1205" s="359"/>
      <c r="E1205" s="359"/>
      <c r="F1205" s="359" t="s">
        <v>14420</v>
      </c>
      <c r="G1205" s="359" t="s">
        <v>14421</v>
      </c>
      <c r="H1205" s="359" t="s">
        <v>14367</v>
      </c>
      <c r="I1205" s="359" t="s">
        <v>14421</v>
      </c>
      <c r="J1205" s="359"/>
      <c r="K1205" s="359"/>
      <c r="L1205" s="359"/>
    </row>
    <row r="1206" spans="2:12">
      <c r="B1206" s="359"/>
      <c r="C1206" s="359"/>
      <c r="D1206" s="359"/>
      <c r="E1206" s="359"/>
      <c r="F1206" s="360"/>
      <c r="G1206" s="360"/>
      <c r="H1206" s="360"/>
      <c r="I1206" s="360"/>
      <c r="J1206" s="359"/>
      <c r="K1206" s="359"/>
      <c r="L1206" s="359"/>
    </row>
    <row r="1207" spans="2:12">
      <c r="B1207" s="359"/>
      <c r="C1207" s="359"/>
      <c r="D1207" s="359"/>
      <c r="E1207" s="359"/>
      <c r="F1207" s="359" t="s">
        <v>14420</v>
      </c>
      <c r="G1207" s="359" t="s">
        <v>14429</v>
      </c>
      <c r="H1207" s="359" t="s">
        <v>14332</v>
      </c>
      <c r="I1207" s="359" t="s">
        <v>14429</v>
      </c>
      <c r="J1207" s="359"/>
      <c r="K1207" s="359"/>
      <c r="L1207" s="359"/>
    </row>
    <row r="1208" spans="2:12">
      <c r="B1208" s="359"/>
      <c r="C1208" s="359"/>
      <c r="D1208" s="359"/>
      <c r="E1208" s="359"/>
      <c r="F1208" s="360"/>
      <c r="G1208" s="360"/>
      <c r="H1208" s="360"/>
      <c r="I1208" s="360"/>
      <c r="J1208" s="359"/>
      <c r="K1208" s="359"/>
      <c r="L1208" s="359"/>
    </row>
    <row r="1209" spans="2:12">
      <c r="B1209" s="361"/>
      <c r="C1209" s="361"/>
      <c r="D1209" s="361"/>
      <c r="E1209" s="361"/>
      <c r="F1209" s="361" t="s">
        <v>14420</v>
      </c>
      <c r="G1209" s="362"/>
      <c r="H1209" s="362"/>
      <c r="I1209" s="362"/>
      <c r="J1209" s="361"/>
      <c r="K1209" s="361"/>
      <c r="L1209" s="361"/>
    </row>
    <row r="1210" spans="2:12">
      <c r="B1210" s="358" t="s">
        <v>14948</v>
      </c>
      <c r="C1210" s="358" t="s">
        <v>14949</v>
      </c>
      <c r="D1210" s="358" t="s">
        <v>14950</v>
      </c>
      <c r="E1210" s="358" t="s">
        <v>14951</v>
      </c>
      <c r="F1210" s="358" t="s">
        <v>14952</v>
      </c>
      <c r="G1210" s="358" t="s">
        <v>14953</v>
      </c>
      <c r="H1210" s="358" t="s">
        <v>14954</v>
      </c>
      <c r="I1210" s="358" t="s">
        <v>14953</v>
      </c>
      <c r="J1210" s="358"/>
      <c r="K1210" s="358"/>
      <c r="L1210" s="358"/>
    </row>
    <row r="1211" spans="2:12">
      <c r="B1211" s="359"/>
      <c r="C1211" s="359"/>
      <c r="D1211" s="359"/>
      <c r="E1211" s="359"/>
      <c r="F1211" s="359"/>
      <c r="G1211" s="359"/>
      <c r="H1211" s="360"/>
      <c r="I1211" s="359"/>
      <c r="J1211" s="359"/>
      <c r="K1211" s="359"/>
      <c r="L1211" s="359"/>
    </row>
    <row r="1212" spans="2:12">
      <c r="B1212" s="361"/>
      <c r="C1212" s="361"/>
      <c r="D1212" s="361"/>
      <c r="E1212" s="361"/>
      <c r="F1212" s="361"/>
      <c r="G1212" s="361"/>
      <c r="H1212" s="361" t="s">
        <v>14332</v>
      </c>
      <c r="I1212" s="361"/>
      <c r="J1212" s="361"/>
      <c r="K1212" s="361"/>
      <c r="L1212" s="361"/>
    </row>
    <row r="1213" spans="2:12" ht="71.25">
      <c r="B1213" s="358" t="s">
        <v>10189</v>
      </c>
      <c r="C1213" s="358" t="s">
        <v>14955</v>
      </c>
      <c r="D1213" s="358" t="s">
        <v>439</v>
      </c>
      <c r="E1213" s="358" t="s">
        <v>3565</v>
      </c>
      <c r="F1213" s="358" t="s">
        <v>14418</v>
      </c>
      <c r="G1213" s="358" t="s">
        <v>14419</v>
      </c>
      <c r="H1213" s="358" t="s">
        <v>14328</v>
      </c>
      <c r="I1213" s="358" t="s">
        <v>14419</v>
      </c>
      <c r="J1213" s="358"/>
      <c r="K1213" s="358" t="s">
        <v>28588</v>
      </c>
      <c r="L1213" s="358"/>
    </row>
    <row r="1214" spans="2:12">
      <c r="B1214" s="359"/>
      <c r="C1214" s="359"/>
      <c r="D1214" s="359"/>
      <c r="E1214" s="359"/>
      <c r="F1214" s="360"/>
      <c r="G1214" s="360"/>
      <c r="H1214" s="360"/>
      <c r="I1214" s="360"/>
      <c r="J1214" s="359"/>
      <c r="K1214" s="360"/>
      <c r="L1214" s="359"/>
    </row>
    <row r="1215" spans="2:12" ht="42.75">
      <c r="B1215" s="359"/>
      <c r="C1215" s="359"/>
      <c r="D1215" s="359"/>
      <c r="E1215" s="359"/>
      <c r="F1215" s="359" t="s">
        <v>14376</v>
      </c>
      <c r="G1215" s="359" t="s">
        <v>14669</v>
      </c>
      <c r="H1215" s="359" t="s">
        <v>14378</v>
      </c>
      <c r="I1215" s="359" t="s">
        <v>14669</v>
      </c>
      <c r="J1215" s="359"/>
      <c r="K1215" s="359" t="s">
        <v>28589</v>
      </c>
      <c r="L1215" s="359"/>
    </row>
    <row r="1216" spans="2:12">
      <c r="B1216" s="359"/>
      <c r="C1216" s="359"/>
      <c r="D1216" s="359"/>
      <c r="E1216" s="359"/>
      <c r="F1216" s="360"/>
      <c r="G1216" s="360"/>
      <c r="H1216" s="360"/>
      <c r="I1216" s="360"/>
      <c r="J1216" s="359"/>
      <c r="K1216" s="360"/>
      <c r="L1216" s="359"/>
    </row>
    <row r="1217" spans="2:12">
      <c r="B1217" s="359"/>
      <c r="C1217" s="359"/>
      <c r="D1217" s="359"/>
      <c r="E1217" s="359"/>
      <c r="F1217" s="359" t="s">
        <v>14382</v>
      </c>
      <c r="G1217" s="359" t="s">
        <v>14483</v>
      </c>
      <c r="H1217" s="359" t="s">
        <v>14381</v>
      </c>
      <c r="I1217" s="359" t="s">
        <v>14483</v>
      </c>
      <c r="J1217" s="359"/>
      <c r="K1217" s="360"/>
      <c r="L1217" s="359"/>
    </row>
    <row r="1218" spans="2:12">
      <c r="B1218" s="359"/>
      <c r="C1218" s="359"/>
      <c r="D1218" s="359"/>
      <c r="E1218" s="359"/>
      <c r="F1218" s="360"/>
      <c r="G1218" s="360"/>
      <c r="H1218" s="360"/>
      <c r="I1218" s="360"/>
      <c r="J1218" s="359"/>
      <c r="K1218" s="360"/>
      <c r="L1218" s="359"/>
    </row>
    <row r="1219" spans="2:12">
      <c r="B1219" s="359"/>
      <c r="C1219" s="359"/>
      <c r="D1219" s="359"/>
      <c r="E1219" s="359"/>
      <c r="F1219" s="359" t="s">
        <v>14382</v>
      </c>
      <c r="G1219" s="359" t="s">
        <v>14579</v>
      </c>
      <c r="H1219" s="359" t="s">
        <v>14341</v>
      </c>
      <c r="I1219" s="359" t="s">
        <v>14579</v>
      </c>
      <c r="J1219" s="359"/>
      <c r="K1219" s="360"/>
      <c r="L1219" s="359"/>
    </row>
    <row r="1220" spans="2:12">
      <c r="B1220" s="359"/>
      <c r="C1220" s="359"/>
      <c r="D1220" s="359"/>
      <c r="E1220" s="359"/>
      <c r="F1220" s="360"/>
      <c r="G1220" s="360"/>
      <c r="H1220" s="360"/>
      <c r="I1220" s="360"/>
      <c r="J1220" s="359"/>
      <c r="K1220" s="360"/>
      <c r="L1220" s="359"/>
    </row>
    <row r="1221" spans="2:12">
      <c r="B1221" s="359"/>
      <c r="C1221" s="359"/>
      <c r="D1221" s="359"/>
      <c r="E1221" s="359"/>
      <c r="F1221" s="359" t="s">
        <v>14382</v>
      </c>
      <c r="G1221" s="359" t="s">
        <v>14383</v>
      </c>
      <c r="H1221" s="359" t="s">
        <v>14370</v>
      </c>
      <c r="I1221" s="359" t="s">
        <v>14383</v>
      </c>
      <c r="J1221" s="359"/>
      <c r="K1221" s="360"/>
      <c r="L1221" s="359"/>
    </row>
    <row r="1222" spans="2:12">
      <c r="B1222" s="359"/>
      <c r="C1222" s="359"/>
      <c r="D1222" s="359"/>
      <c r="E1222" s="359"/>
      <c r="F1222" s="360"/>
      <c r="G1222" s="360"/>
      <c r="H1222" s="360"/>
      <c r="I1222" s="360"/>
      <c r="J1222" s="359"/>
      <c r="K1222" s="360"/>
      <c r="L1222" s="359"/>
    </row>
    <row r="1223" spans="2:12">
      <c r="B1223" s="359"/>
      <c r="C1223" s="359"/>
      <c r="D1223" s="359"/>
      <c r="E1223" s="359"/>
      <c r="F1223" s="359" t="s">
        <v>14356</v>
      </c>
      <c r="G1223" s="359" t="s">
        <v>14340</v>
      </c>
      <c r="H1223" s="359" t="s">
        <v>14332</v>
      </c>
      <c r="I1223" s="359" t="s">
        <v>14340</v>
      </c>
      <c r="J1223" s="359"/>
      <c r="K1223" s="360"/>
      <c r="L1223" s="359"/>
    </row>
    <row r="1224" spans="2:12">
      <c r="B1224" s="359"/>
      <c r="C1224" s="359"/>
      <c r="D1224" s="359"/>
      <c r="E1224" s="359"/>
      <c r="F1224" s="360"/>
      <c r="G1224" s="360"/>
      <c r="H1224" s="360"/>
      <c r="I1224" s="360"/>
      <c r="J1224" s="359"/>
      <c r="K1224" s="360"/>
      <c r="L1224" s="359"/>
    </row>
    <row r="1225" spans="2:12">
      <c r="B1225" s="359"/>
      <c r="C1225" s="359"/>
      <c r="D1225" s="359"/>
      <c r="E1225" s="359"/>
      <c r="F1225" s="359" t="s">
        <v>14391</v>
      </c>
      <c r="G1225" s="359" t="s">
        <v>14392</v>
      </c>
      <c r="H1225" s="360"/>
      <c r="I1225" s="359" t="s">
        <v>14392</v>
      </c>
      <c r="J1225" s="359"/>
      <c r="K1225" s="360"/>
      <c r="L1225" s="359"/>
    </row>
    <row r="1226" spans="2:12">
      <c r="B1226" s="359"/>
      <c r="C1226" s="359"/>
      <c r="D1226" s="359"/>
      <c r="E1226" s="359"/>
      <c r="F1226" s="360"/>
      <c r="G1226" s="360"/>
      <c r="H1226" s="360"/>
      <c r="I1226" s="360"/>
      <c r="J1226" s="359"/>
      <c r="K1226" s="360"/>
      <c r="L1226" s="359"/>
    </row>
    <row r="1227" spans="2:12">
      <c r="B1227" s="359"/>
      <c r="C1227" s="359"/>
      <c r="D1227" s="359"/>
      <c r="E1227" s="359"/>
      <c r="F1227" s="359" t="s">
        <v>14371</v>
      </c>
      <c r="G1227" s="359" t="s">
        <v>14372</v>
      </c>
      <c r="H1227" s="360"/>
      <c r="I1227" s="359" t="s">
        <v>14373</v>
      </c>
      <c r="J1227" s="359"/>
      <c r="K1227" s="360"/>
      <c r="L1227" s="359"/>
    </row>
    <row r="1228" spans="2:12">
      <c r="B1228" s="359"/>
      <c r="C1228" s="359"/>
      <c r="D1228" s="359"/>
      <c r="E1228" s="359"/>
      <c r="F1228" s="360"/>
      <c r="G1228" s="360"/>
      <c r="H1228" s="360"/>
      <c r="I1228" s="360"/>
      <c r="J1228" s="359"/>
      <c r="K1228" s="360"/>
      <c r="L1228" s="359"/>
    </row>
    <row r="1229" spans="2:12" ht="28.5">
      <c r="B1229" s="361"/>
      <c r="C1229" s="361"/>
      <c r="D1229" s="361"/>
      <c r="E1229" s="361"/>
      <c r="F1229" s="361" t="s">
        <v>14374</v>
      </c>
      <c r="G1229" s="361" t="s">
        <v>14373</v>
      </c>
      <c r="H1229" s="362"/>
      <c r="I1229" s="362"/>
      <c r="J1229" s="361"/>
      <c r="K1229" s="362"/>
      <c r="L1229" s="361"/>
    </row>
    <row r="1230" spans="2:12">
      <c r="B1230" s="358" t="s">
        <v>14956</v>
      </c>
      <c r="C1230" s="358" t="s">
        <v>14957</v>
      </c>
      <c r="D1230" s="358" t="s">
        <v>14958</v>
      </c>
      <c r="E1230" s="358" t="s">
        <v>5796</v>
      </c>
      <c r="F1230" s="358" t="s">
        <v>14420</v>
      </c>
      <c r="G1230" s="358" t="s">
        <v>14459</v>
      </c>
      <c r="H1230" s="358" t="s">
        <v>14367</v>
      </c>
      <c r="I1230" s="358" t="s">
        <v>14459</v>
      </c>
      <c r="J1230" s="358"/>
      <c r="K1230" s="358" t="s">
        <v>14929</v>
      </c>
      <c r="L1230" s="358"/>
    </row>
    <row r="1231" spans="2:12">
      <c r="B1231" s="359"/>
      <c r="C1231" s="359"/>
      <c r="D1231" s="359"/>
      <c r="E1231" s="359"/>
      <c r="F1231" s="360"/>
      <c r="G1231" s="360"/>
      <c r="H1231" s="360"/>
      <c r="I1231" s="360"/>
      <c r="J1231" s="359"/>
      <c r="K1231" s="359"/>
      <c r="L1231" s="359"/>
    </row>
    <row r="1232" spans="2:12">
      <c r="B1232" s="361"/>
      <c r="C1232" s="361"/>
      <c r="D1232" s="361"/>
      <c r="E1232" s="361"/>
      <c r="F1232" s="361" t="s">
        <v>14420</v>
      </c>
      <c r="G1232" s="361" t="s">
        <v>14429</v>
      </c>
      <c r="H1232" s="361" t="s">
        <v>14422</v>
      </c>
      <c r="I1232" s="361" t="s">
        <v>14429</v>
      </c>
      <c r="J1232" s="361"/>
      <c r="K1232" s="361"/>
      <c r="L1232" s="361"/>
    </row>
    <row r="1233" spans="2:12">
      <c r="B1233" s="358" t="s">
        <v>14959</v>
      </c>
      <c r="C1233" s="358" t="s">
        <v>14960</v>
      </c>
      <c r="D1233" s="358" t="s">
        <v>14961</v>
      </c>
      <c r="E1233" s="358" t="s">
        <v>5792</v>
      </c>
      <c r="F1233" s="358" t="s">
        <v>14489</v>
      </c>
      <c r="G1233" s="358" t="s">
        <v>14478</v>
      </c>
      <c r="H1233" s="358" t="s">
        <v>14479</v>
      </c>
      <c r="I1233" s="358" t="s">
        <v>14478</v>
      </c>
      <c r="J1233" s="358"/>
      <c r="K1233" s="358" t="s">
        <v>14929</v>
      </c>
      <c r="L1233" s="358"/>
    </row>
    <row r="1234" spans="2:12">
      <c r="B1234" s="359"/>
      <c r="C1234" s="359"/>
      <c r="D1234" s="359"/>
      <c r="E1234" s="359"/>
      <c r="F1234" s="360"/>
      <c r="G1234" s="360"/>
      <c r="H1234" s="360"/>
      <c r="I1234" s="360"/>
      <c r="J1234" s="359"/>
      <c r="K1234" s="359"/>
      <c r="L1234" s="359"/>
    </row>
    <row r="1235" spans="2:12">
      <c r="B1235" s="359"/>
      <c r="C1235" s="359"/>
      <c r="D1235" s="359"/>
      <c r="E1235" s="359"/>
      <c r="F1235" s="359" t="s">
        <v>14382</v>
      </c>
      <c r="G1235" s="359" t="s">
        <v>14383</v>
      </c>
      <c r="H1235" s="359" t="s">
        <v>14378</v>
      </c>
      <c r="I1235" s="359" t="s">
        <v>14383</v>
      </c>
      <c r="J1235" s="359"/>
      <c r="K1235" s="359"/>
      <c r="L1235" s="359"/>
    </row>
    <row r="1236" spans="2:12">
      <c r="B1236" s="359"/>
      <c r="C1236" s="359"/>
      <c r="D1236" s="359"/>
      <c r="E1236" s="359"/>
      <c r="F1236" s="360"/>
      <c r="G1236" s="360"/>
      <c r="H1236" s="360"/>
      <c r="I1236" s="360"/>
      <c r="J1236" s="359"/>
      <c r="K1236" s="359"/>
      <c r="L1236" s="359"/>
    </row>
    <row r="1237" spans="2:12">
      <c r="B1237" s="359"/>
      <c r="C1237" s="359"/>
      <c r="D1237" s="359"/>
      <c r="E1237" s="359"/>
      <c r="F1237" s="359" t="s">
        <v>14371</v>
      </c>
      <c r="G1237" s="359" t="s">
        <v>14372</v>
      </c>
      <c r="H1237" s="359" t="s">
        <v>14370</v>
      </c>
      <c r="I1237" s="359" t="s">
        <v>14372</v>
      </c>
      <c r="J1237" s="359"/>
      <c r="K1237" s="359"/>
      <c r="L1237" s="359"/>
    </row>
    <row r="1238" spans="2:12">
      <c r="B1238" s="359"/>
      <c r="C1238" s="359"/>
      <c r="D1238" s="359"/>
      <c r="E1238" s="359"/>
      <c r="F1238" s="360"/>
      <c r="G1238" s="360"/>
      <c r="H1238" s="360"/>
      <c r="I1238" s="360"/>
      <c r="J1238" s="359"/>
      <c r="K1238" s="359"/>
      <c r="L1238" s="359"/>
    </row>
    <row r="1239" spans="2:12">
      <c r="B1239" s="361"/>
      <c r="C1239" s="361"/>
      <c r="D1239" s="361"/>
      <c r="E1239" s="361"/>
      <c r="F1239" s="362"/>
      <c r="G1239" s="362"/>
      <c r="H1239" s="361" t="s">
        <v>14332</v>
      </c>
      <c r="I1239" s="362"/>
      <c r="J1239" s="361"/>
      <c r="K1239" s="361"/>
      <c r="L1239" s="361"/>
    </row>
    <row r="1240" spans="2:12">
      <c r="B1240" s="358" t="s">
        <v>14962</v>
      </c>
      <c r="C1240" s="358" t="s">
        <v>14963</v>
      </c>
      <c r="D1240" s="358" t="s">
        <v>14964</v>
      </c>
      <c r="E1240" s="358" t="s">
        <v>5788</v>
      </c>
      <c r="F1240" s="358" t="s">
        <v>14477</v>
      </c>
      <c r="G1240" s="358" t="s">
        <v>14478</v>
      </c>
      <c r="H1240" s="358" t="s">
        <v>14479</v>
      </c>
      <c r="I1240" s="358" t="s">
        <v>14478</v>
      </c>
      <c r="J1240" s="358"/>
      <c r="K1240" s="358" t="s">
        <v>14929</v>
      </c>
      <c r="L1240" s="358"/>
    </row>
    <row r="1241" spans="2:12">
      <c r="B1241" s="359"/>
      <c r="C1241" s="359"/>
      <c r="D1241" s="359"/>
      <c r="E1241" s="359"/>
      <c r="F1241" s="360"/>
      <c r="G1241" s="360"/>
      <c r="H1241" s="360"/>
      <c r="I1241" s="360"/>
      <c r="J1241" s="359"/>
      <c r="K1241" s="359"/>
      <c r="L1241" s="359"/>
    </row>
    <row r="1242" spans="2:12">
      <c r="B1242" s="359"/>
      <c r="C1242" s="359"/>
      <c r="D1242" s="359"/>
      <c r="E1242" s="359"/>
      <c r="F1242" s="359" t="s">
        <v>14382</v>
      </c>
      <c r="G1242" s="359" t="s">
        <v>14383</v>
      </c>
      <c r="H1242" s="359" t="s">
        <v>14378</v>
      </c>
      <c r="I1242" s="359" t="s">
        <v>14383</v>
      </c>
      <c r="J1242" s="359"/>
      <c r="K1242" s="359"/>
      <c r="L1242" s="359"/>
    </row>
    <row r="1243" spans="2:12">
      <c r="B1243" s="359"/>
      <c r="C1243" s="359"/>
      <c r="D1243" s="359"/>
      <c r="E1243" s="359"/>
      <c r="F1243" s="360"/>
      <c r="G1243" s="360"/>
      <c r="H1243" s="360"/>
      <c r="I1243" s="360"/>
      <c r="J1243" s="359"/>
      <c r="K1243" s="359"/>
      <c r="L1243" s="359"/>
    </row>
    <row r="1244" spans="2:12">
      <c r="B1244" s="359"/>
      <c r="C1244" s="359"/>
      <c r="D1244" s="359"/>
      <c r="E1244" s="359"/>
      <c r="F1244" s="359" t="s">
        <v>14371</v>
      </c>
      <c r="G1244" s="359" t="s">
        <v>14372</v>
      </c>
      <c r="H1244" s="359" t="s">
        <v>14370</v>
      </c>
      <c r="I1244" s="359" t="s">
        <v>14372</v>
      </c>
      <c r="J1244" s="359"/>
      <c r="K1244" s="359"/>
      <c r="L1244" s="359"/>
    </row>
    <row r="1245" spans="2:12">
      <c r="B1245" s="359"/>
      <c r="C1245" s="359"/>
      <c r="D1245" s="359"/>
      <c r="E1245" s="359"/>
      <c r="F1245" s="360"/>
      <c r="G1245" s="360"/>
      <c r="H1245" s="360"/>
      <c r="I1245" s="360"/>
      <c r="J1245" s="359"/>
      <c r="K1245" s="359"/>
      <c r="L1245" s="359"/>
    </row>
    <row r="1246" spans="2:12">
      <c r="B1246" s="361"/>
      <c r="C1246" s="361"/>
      <c r="D1246" s="361"/>
      <c r="E1246" s="361"/>
      <c r="F1246" s="362"/>
      <c r="G1246" s="362"/>
      <c r="H1246" s="361" t="s">
        <v>14332</v>
      </c>
      <c r="I1246" s="362"/>
      <c r="J1246" s="361"/>
      <c r="K1246" s="361"/>
      <c r="L1246" s="361"/>
    </row>
    <row r="1247" spans="2:12">
      <c r="B1247" s="358" t="s">
        <v>10191</v>
      </c>
      <c r="C1247" s="358" t="s">
        <v>27401</v>
      </c>
      <c r="D1247" s="358" t="s">
        <v>10192</v>
      </c>
      <c r="E1247" s="358" t="s">
        <v>10193</v>
      </c>
      <c r="F1247" s="358" t="s">
        <v>14505</v>
      </c>
      <c r="G1247" s="358" t="s">
        <v>14506</v>
      </c>
      <c r="H1247" s="358" t="s">
        <v>14328</v>
      </c>
      <c r="I1247" s="358" t="s">
        <v>14506</v>
      </c>
      <c r="J1247" s="358"/>
      <c r="K1247" s="358"/>
      <c r="L1247" s="358"/>
    </row>
    <row r="1248" spans="2:12">
      <c r="B1248" s="359"/>
      <c r="C1248" s="359"/>
      <c r="D1248" s="359"/>
      <c r="E1248" s="359"/>
      <c r="F1248" s="360"/>
      <c r="G1248" s="360"/>
      <c r="H1248" s="360"/>
      <c r="I1248" s="360"/>
      <c r="J1248" s="359"/>
      <c r="K1248" s="359"/>
      <c r="L1248" s="359"/>
    </row>
    <row r="1249" spans="2:12">
      <c r="B1249" s="359"/>
      <c r="C1249" s="359"/>
      <c r="D1249" s="359"/>
      <c r="E1249" s="359"/>
      <c r="F1249" s="359" t="s">
        <v>14376</v>
      </c>
      <c r="G1249" s="359" t="s">
        <v>14669</v>
      </c>
      <c r="H1249" s="359" t="s">
        <v>14378</v>
      </c>
      <c r="I1249" s="359" t="s">
        <v>14669</v>
      </c>
      <c r="J1249" s="359"/>
      <c r="K1249" s="359"/>
      <c r="L1249" s="359"/>
    </row>
    <row r="1250" spans="2:12">
      <c r="B1250" s="359"/>
      <c r="C1250" s="359"/>
      <c r="D1250" s="359"/>
      <c r="E1250" s="359"/>
      <c r="F1250" s="360"/>
      <c r="G1250" s="360"/>
      <c r="H1250" s="360"/>
      <c r="I1250" s="360"/>
      <c r="J1250" s="359"/>
      <c r="K1250" s="359"/>
      <c r="L1250" s="359"/>
    </row>
    <row r="1251" spans="2:12">
      <c r="B1251" s="359"/>
      <c r="C1251" s="359"/>
      <c r="D1251" s="359"/>
      <c r="E1251" s="359"/>
      <c r="F1251" s="359" t="s">
        <v>14382</v>
      </c>
      <c r="G1251" s="359" t="s">
        <v>14483</v>
      </c>
      <c r="H1251" s="359" t="s">
        <v>14381</v>
      </c>
      <c r="I1251" s="359" t="s">
        <v>14483</v>
      </c>
      <c r="J1251" s="359"/>
      <c r="K1251" s="359"/>
      <c r="L1251" s="359"/>
    </row>
    <row r="1252" spans="2:12">
      <c r="B1252" s="359"/>
      <c r="C1252" s="359"/>
      <c r="D1252" s="359"/>
      <c r="E1252" s="359"/>
      <c r="F1252" s="360"/>
      <c r="G1252" s="360"/>
      <c r="H1252" s="360"/>
      <c r="I1252" s="360"/>
      <c r="J1252" s="359"/>
      <c r="K1252" s="359"/>
      <c r="L1252" s="359"/>
    </row>
    <row r="1253" spans="2:12">
      <c r="B1253" s="359"/>
      <c r="C1253" s="359"/>
      <c r="D1253" s="359"/>
      <c r="E1253" s="359"/>
      <c r="F1253" s="359" t="s">
        <v>14382</v>
      </c>
      <c r="G1253" s="359" t="s">
        <v>14383</v>
      </c>
      <c r="H1253" s="359" t="s">
        <v>14341</v>
      </c>
      <c r="I1253" s="359" t="s">
        <v>14383</v>
      </c>
      <c r="J1253" s="359"/>
      <c r="K1253" s="359"/>
      <c r="L1253" s="359"/>
    </row>
    <row r="1254" spans="2:12">
      <c r="B1254" s="359"/>
      <c r="C1254" s="359"/>
      <c r="D1254" s="359"/>
      <c r="E1254" s="359"/>
      <c r="F1254" s="360"/>
      <c r="G1254" s="360"/>
      <c r="H1254" s="360"/>
      <c r="I1254" s="360"/>
      <c r="J1254" s="359"/>
      <c r="K1254" s="359"/>
      <c r="L1254" s="359"/>
    </row>
    <row r="1255" spans="2:12">
      <c r="B1255" s="359"/>
      <c r="C1255" s="359"/>
      <c r="D1255" s="359"/>
      <c r="E1255" s="359"/>
      <c r="F1255" s="359" t="s">
        <v>14356</v>
      </c>
      <c r="G1255" s="359" t="s">
        <v>14340</v>
      </c>
      <c r="H1255" s="359" t="s">
        <v>14370</v>
      </c>
      <c r="I1255" s="359" t="s">
        <v>14340</v>
      </c>
      <c r="J1255" s="359"/>
      <c r="K1255" s="359"/>
      <c r="L1255" s="359"/>
    </row>
    <row r="1256" spans="2:12">
      <c r="B1256" s="359"/>
      <c r="C1256" s="359"/>
      <c r="D1256" s="359"/>
      <c r="E1256" s="359"/>
      <c r="F1256" s="360"/>
      <c r="G1256" s="360"/>
      <c r="H1256" s="360"/>
      <c r="I1256" s="360"/>
      <c r="J1256" s="359"/>
      <c r="K1256" s="359"/>
      <c r="L1256" s="359"/>
    </row>
    <row r="1257" spans="2:12" ht="28.5">
      <c r="B1257" s="361"/>
      <c r="C1257" s="361"/>
      <c r="D1257" s="361"/>
      <c r="E1257" s="361"/>
      <c r="F1257" s="361" t="s">
        <v>14394</v>
      </c>
      <c r="G1257" s="361" t="s">
        <v>14395</v>
      </c>
      <c r="H1257" s="361" t="s">
        <v>14332</v>
      </c>
      <c r="I1257" s="361" t="s">
        <v>14395</v>
      </c>
      <c r="J1257" s="361"/>
      <c r="K1257" s="361"/>
      <c r="L1257" s="361"/>
    </row>
    <row r="1258" spans="2:12" ht="42.75">
      <c r="B1258" s="358" t="s">
        <v>10195</v>
      </c>
      <c r="C1258" s="358" t="s">
        <v>14965</v>
      </c>
      <c r="D1258" s="358" t="s">
        <v>8356</v>
      </c>
      <c r="E1258" s="358" t="s">
        <v>10196</v>
      </c>
      <c r="F1258" s="358" t="s">
        <v>14376</v>
      </c>
      <c r="G1258" s="358" t="s">
        <v>14669</v>
      </c>
      <c r="H1258" s="358" t="s">
        <v>14378</v>
      </c>
      <c r="I1258" s="358" t="s">
        <v>14669</v>
      </c>
      <c r="J1258" s="358"/>
      <c r="K1258" s="358" t="s">
        <v>28590</v>
      </c>
      <c r="L1258" s="358"/>
    </row>
    <row r="1259" spans="2:12">
      <c r="B1259" s="359"/>
      <c r="C1259" s="359"/>
      <c r="D1259" s="359"/>
      <c r="E1259" s="359"/>
      <c r="F1259" s="360"/>
      <c r="G1259" s="360"/>
      <c r="H1259" s="360"/>
      <c r="I1259" s="360"/>
      <c r="J1259" s="359"/>
      <c r="K1259" s="359"/>
      <c r="L1259" s="359"/>
    </row>
    <row r="1260" spans="2:12">
      <c r="B1260" s="359"/>
      <c r="C1260" s="359"/>
      <c r="D1260" s="359"/>
      <c r="E1260" s="359"/>
      <c r="F1260" s="359" t="s">
        <v>14382</v>
      </c>
      <c r="G1260" s="359" t="s">
        <v>14483</v>
      </c>
      <c r="H1260" s="359" t="s">
        <v>14381</v>
      </c>
      <c r="I1260" s="359" t="s">
        <v>14483</v>
      </c>
      <c r="J1260" s="359"/>
      <c r="K1260" s="359"/>
      <c r="L1260" s="359"/>
    </row>
    <row r="1261" spans="2:12">
      <c r="B1261" s="359"/>
      <c r="C1261" s="359"/>
      <c r="D1261" s="359"/>
      <c r="E1261" s="359"/>
      <c r="F1261" s="360"/>
      <c r="G1261" s="360"/>
      <c r="H1261" s="360"/>
      <c r="I1261" s="360"/>
      <c r="J1261" s="359"/>
      <c r="K1261" s="359"/>
      <c r="L1261" s="359"/>
    </row>
    <row r="1262" spans="2:12">
      <c r="B1262" s="359"/>
      <c r="C1262" s="359"/>
      <c r="D1262" s="359"/>
      <c r="E1262" s="359"/>
      <c r="F1262" s="359" t="s">
        <v>14382</v>
      </c>
      <c r="G1262" s="359" t="s">
        <v>14579</v>
      </c>
      <c r="H1262" s="359" t="s">
        <v>14370</v>
      </c>
      <c r="I1262" s="359" t="s">
        <v>14579</v>
      </c>
      <c r="J1262" s="359"/>
      <c r="K1262" s="359"/>
      <c r="L1262" s="359"/>
    </row>
    <row r="1263" spans="2:12">
      <c r="B1263" s="359"/>
      <c r="C1263" s="359"/>
      <c r="D1263" s="359"/>
      <c r="E1263" s="359"/>
      <c r="F1263" s="360"/>
      <c r="G1263" s="360"/>
      <c r="H1263" s="360"/>
      <c r="I1263" s="360"/>
      <c r="J1263" s="359"/>
      <c r="K1263" s="359"/>
      <c r="L1263" s="359"/>
    </row>
    <row r="1264" spans="2:12">
      <c r="B1264" s="359"/>
      <c r="C1264" s="359"/>
      <c r="D1264" s="359"/>
      <c r="E1264" s="359"/>
      <c r="F1264" s="359" t="s">
        <v>14382</v>
      </c>
      <c r="G1264" s="359" t="s">
        <v>14383</v>
      </c>
      <c r="H1264" s="359" t="s">
        <v>14332</v>
      </c>
      <c r="I1264" s="359" t="s">
        <v>14383</v>
      </c>
      <c r="J1264" s="359"/>
      <c r="K1264" s="359"/>
      <c r="L1264" s="359"/>
    </row>
    <row r="1265" spans="2:12">
      <c r="B1265" s="359"/>
      <c r="C1265" s="359"/>
      <c r="D1265" s="359"/>
      <c r="E1265" s="359"/>
      <c r="F1265" s="360"/>
      <c r="G1265" s="360"/>
      <c r="H1265" s="360"/>
      <c r="I1265" s="360"/>
      <c r="J1265" s="359"/>
      <c r="K1265" s="359"/>
      <c r="L1265" s="359"/>
    </row>
    <row r="1266" spans="2:12" ht="28.5">
      <c r="B1266" s="361"/>
      <c r="C1266" s="361"/>
      <c r="D1266" s="361"/>
      <c r="E1266" s="361"/>
      <c r="F1266" s="361" t="s">
        <v>14394</v>
      </c>
      <c r="G1266" s="361" t="s">
        <v>14395</v>
      </c>
      <c r="H1266" s="362"/>
      <c r="I1266" s="361" t="s">
        <v>14395</v>
      </c>
      <c r="J1266" s="361"/>
      <c r="K1266" s="361"/>
      <c r="L1266" s="361"/>
    </row>
    <row r="1267" spans="2:12">
      <c r="B1267" s="358" t="s">
        <v>10198</v>
      </c>
      <c r="C1267" s="358" t="s">
        <v>14966</v>
      </c>
      <c r="D1267" s="358" t="s">
        <v>8356</v>
      </c>
      <c r="E1267" s="358" t="s">
        <v>8356</v>
      </c>
      <c r="F1267" s="358" t="s">
        <v>14376</v>
      </c>
      <c r="G1267" s="358" t="s">
        <v>14669</v>
      </c>
      <c r="H1267" s="358" t="s">
        <v>14378</v>
      </c>
      <c r="I1267" s="358" t="s">
        <v>14669</v>
      </c>
      <c r="J1267" s="358"/>
      <c r="K1267" s="358"/>
      <c r="L1267" s="358" t="s">
        <v>9491</v>
      </c>
    </row>
    <row r="1268" spans="2:12">
      <c r="B1268" s="359"/>
      <c r="C1268" s="359"/>
      <c r="D1268" s="359"/>
      <c r="E1268" s="359"/>
      <c r="F1268" s="360"/>
      <c r="G1268" s="360"/>
      <c r="H1268" s="360"/>
      <c r="I1268" s="360"/>
      <c r="J1268" s="359"/>
      <c r="K1268" s="359"/>
      <c r="L1268" s="359"/>
    </row>
    <row r="1269" spans="2:12">
      <c r="B1269" s="359"/>
      <c r="C1269" s="359"/>
      <c r="D1269" s="359"/>
      <c r="E1269" s="359"/>
      <c r="F1269" s="359" t="s">
        <v>14382</v>
      </c>
      <c r="G1269" s="359" t="s">
        <v>14483</v>
      </c>
      <c r="H1269" s="359" t="s">
        <v>14381</v>
      </c>
      <c r="I1269" s="359" t="s">
        <v>14483</v>
      </c>
      <c r="J1269" s="359"/>
      <c r="K1269" s="359"/>
      <c r="L1269" s="359"/>
    </row>
    <row r="1270" spans="2:12">
      <c r="B1270" s="359"/>
      <c r="C1270" s="359"/>
      <c r="D1270" s="359"/>
      <c r="E1270" s="359"/>
      <c r="F1270" s="360"/>
      <c r="G1270" s="360"/>
      <c r="H1270" s="360"/>
      <c r="I1270" s="360"/>
      <c r="J1270" s="359"/>
      <c r="K1270" s="359"/>
      <c r="L1270" s="359"/>
    </row>
    <row r="1271" spans="2:12">
      <c r="B1271" s="359"/>
      <c r="C1271" s="359"/>
      <c r="D1271" s="359"/>
      <c r="E1271" s="359"/>
      <c r="F1271" s="359" t="s">
        <v>14382</v>
      </c>
      <c r="G1271" s="359" t="s">
        <v>14579</v>
      </c>
      <c r="H1271" s="359" t="s">
        <v>14370</v>
      </c>
      <c r="I1271" s="359" t="s">
        <v>14579</v>
      </c>
      <c r="J1271" s="359"/>
      <c r="K1271" s="359"/>
      <c r="L1271" s="359"/>
    </row>
    <row r="1272" spans="2:12">
      <c r="B1272" s="359"/>
      <c r="C1272" s="359"/>
      <c r="D1272" s="359"/>
      <c r="E1272" s="359"/>
      <c r="F1272" s="360"/>
      <c r="G1272" s="360"/>
      <c r="H1272" s="360"/>
      <c r="I1272" s="360"/>
      <c r="J1272" s="359"/>
      <c r="K1272" s="359"/>
      <c r="L1272" s="359"/>
    </row>
    <row r="1273" spans="2:12">
      <c r="B1273" s="359"/>
      <c r="C1273" s="359"/>
      <c r="D1273" s="359"/>
      <c r="E1273" s="359"/>
      <c r="F1273" s="359" t="s">
        <v>14382</v>
      </c>
      <c r="G1273" s="359" t="s">
        <v>14383</v>
      </c>
      <c r="H1273" s="359" t="s">
        <v>14332</v>
      </c>
      <c r="I1273" s="359" t="s">
        <v>14383</v>
      </c>
      <c r="J1273" s="359"/>
      <c r="K1273" s="359"/>
      <c r="L1273" s="359"/>
    </row>
    <row r="1274" spans="2:12">
      <c r="B1274" s="359"/>
      <c r="C1274" s="359"/>
      <c r="D1274" s="359"/>
      <c r="E1274" s="359"/>
      <c r="F1274" s="360"/>
      <c r="G1274" s="360"/>
      <c r="H1274" s="360"/>
      <c r="I1274" s="360"/>
      <c r="J1274" s="359"/>
      <c r="K1274" s="359"/>
      <c r="L1274" s="359"/>
    </row>
    <row r="1275" spans="2:12">
      <c r="B1275" s="359"/>
      <c r="C1275" s="359"/>
      <c r="D1275" s="359"/>
      <c r="E1275" s="359"/>
      <c r="F1275" s="359" t="s">
        <v>14391</v>
      </c>
      <c r="G1275" s="359" t="s">
        <v>14392</v>
      </c>
      <c r="H1275" s="360"/>
      <c r="I1275" s="359" t="s">
        <v>14392</v>
      </c>
      <c r="J1275" s="359"/>
      <c r="K1275" s="359"/>
      <c r="L1275" s="359"/>
    </row>
    <row r="1276" spans="2:12">
      <c r="B1276" s="359"/>
      <c r="C1276" s="359"/>
      <c r="D1276" s="359"/>
      <c r="E1276" s="359"/>
      <c r="F1276" s="360"/>
      <c r="G1276" s="360"/>
      <c r="H1276" s="360"/>
      <c r="I1276" s="360"/>
      <c r="J1276" s="359"/>
      <c r="K1276" s="359"/>
      <c r="L1276" s="359"/>
    </row>
    <row r="1277" spans="2:12">
      <c r="B1277" s="359"/>
      <c r="C1277" s="359"/>
      <c r="D1277" s="359"/>
      <c r="E1277" s="359"/>
      <c r="F1277" s="359" t="s">
        <v>14371</v>
      </c>
      <c r="G1277" s="359" t="s">
        <v>14372</v>
      </c>
      <c r="H1277" s="360"/>
      <c r="I1277" s="359" t="s">
        <v>14373</v>
      </c>
      <c r="J1277" s="359"/>
      <c r="K1277" s="359"/>
      <c r="L1277" s="359"/>
    </row>
    <row r="1278" spans="2:12">
      <c r="B1278" s="359"/>
      <c r="C1278" s="359"/>
      <c r="D1278" s="359"/>
      <c r="E1278" s="359"/>
      <c r="F1278" s="360"/>
      <c r="G1278" s="360"/>
      <c r="H1278" s="360"/>
      <c r="I1278" s="360"/>
      <c r="J1278" s="359"/>
      <c r="K1278" s="359"/>
      <c r="L1278" s="359"/>
    </row>
    <row r="1279" spans="2:12" ht="28.5">
      <c r="B1279" s="361"/>
      <c r="C1279" s="361"/>
      <c r="D1279" s="361"/>
      <c r="E1279" s="361"/>
      <c r="F1279" s="361" t="s">
        <v>14374</v>
      </c>
      <c r="G1279" s="361" t="s">
        <v>14373</v>
      </c>
      <c r="H1279" s="362"/>
      <c r="I1279" s="362"/>
      <c r="J1279" s="361"/>
      <c r="K1279" s="361"/>
      <c r="L1279" s="361"/>
    </row>
    <row r="1280" spans="2:12">
      <c r="B1280" s="358" t="s">
        <v>14967</v>
      </c>
      <c r="C1280" s="358" t="s">
        <v>27402</v>
      </c>
      <c r="D1280" s="358" t="s">
        <v>14968</v>
      </c>
      <c r="E1280" s="358" t="s">
        <v>14969</v>
      </c>
      <c r="F1280" s="358" t="s">
        <v>14505</v>
      </c>
      <c r="G1280" s="358" t="s">
        <v>14506</v>
      </c>
      <c r="H1280" s="358" t="s">
        <v>14328</v>
      </c>
      <c r="I1280" s="358" t="s">
        <v>14506</v>
      </c>
      <c r="J1280" s="358"/>
      <c r="K1280" s="358"/>
      <c r="L1280" s="358"/>
    </row>
    <row r="1281" spans="2:12">
      <c r="B1281" s="359"/>
      <c r="C1281" s="359"/>
      <c r="D1281" s="359"/>
      <c r="E1281" s="359"/>
      <c r="F1281" s="360"/>
      <c r="G1281" s="360"/>
      <c r="H1281" s="360"/>
      <c r="I1281" s="360"/>
      <c r="J1281" s="359"/>
      <c r="K1281" s="359"/>
      <c r="L1281" s="359"/>
    </row>
    <row r="1282" spans="2:12">
      <c r="B1282" s="359"/>
      <c r="C1282" s="359"/>
      <c r="D1282" s="359"/>
      <c r="E1282" s="359"/>
      <c r="F1282" s="359" t="s">
        <v>14382</v>
      </c>
      <c r="G1282" s="359" t="s">
        <v>14483</v>
      </c>
      <c r="H1282" s="359" t="s">
        <v>14378</v>
      </c>
      <c r="I1282" s="359" t="s">
        <v>14483</v>
      </c>
      <c r="J1282" s="359"/>
      <c r="K1282" s="359"/>
      <c r="L1282" s="359"/>
    </row>
    <row r="1283" spans="2:12">
      <c r="B1283" s="359"/>
      <c r="C1283" s="359"/>
      <c r="D1283" s="359"/>
      <c r="E1283" s="359"/>
      <c r="F1283" s="360"/>
      <c r="G1283" s="360"/>
      <c r="H1283" s="360"/>
      <c r="I1283" s="360"/>
      <c r="J1283" s="359"/>
      <c r="K1283" s="359"/>
      <c r="L1283" s="359"/>
    </row>
    <row r="1284" spans="2:12">
      <c r="B1284" s="359"/>
      <c r="C1284" s="359"/>
      <c r="D1284" s="359"/>
      <c r="E1284" s="359"/>
      <c r="F1284" s="359" t="s">
        <v>14382</v>
      </c>
      <c r="G1284" s="359" t="s">
        <v>14579</v>
      </c>
      <c r="H1284" s="359" t="s">
        <v>14381</v>
      </c>
      <c r="I1284" s="359" t="s">
        <v>14579</v>
      </c>
      <c r="J1284" s="359"/>
      <c r="K1284" s="359"/>
      <c r="L1284" s="359"/>
    </row>
    <row r="1285" spans="2:12">
      <c r="B1285" s="359"/>
      <c r="C1285" s="359"/>
      <c r="D1285" s="359"/>
      <c r="E1285" s="359"/>
      <c r="F1285" s="360"/>
      <c r="G1285" s="360"/>
      <c r="H1285" s="360"/>
      <c r="I1285" s="360"/>
      <c r="J1285" s="359"/>
      <c r="K1285" s="359"/>
      <c r="L1285" s="359"/>
    </row>
    <row r="1286" spans="2:12">
      <c r="B1286" s="359"/>
      <c r="C1286" s="359"/>
      <c r="D1286" s="359"/>
      <c r="E1286" s="359"/>
      <c r="F1286" s="359" t="s">
        <v>14382</v>
      </c>
      <c r="G1286" s="359" t="s">
        <v>14383</v>
      </c>
      <c r="H1286" s="359" t="s">
        <v>14370</v>
      </c>
      <c r="I1286" s="359" t="s">
        <v>14383</v>
      </c>
      <c r="J1286" s="359"/>
      <c r="K1286" s="359"/>
      <c r="L1286" s="359"/>
    </row>
    <row r="1287" spans="2:12">
      <c r="B1287" s="359"/>
      <c r="C1287" s="359"/>
      <c r="D1287" s="359"/>
      <c r="E1287" s="359"/>
      <c r="F1287" s="360"/>
      <c r="G1287" s="360"/>
      <c r="H1287" s="360"/>
      <c r="I1287" s="360"/>
      <c r="J1287" s="359"/>
      <c r="K1287" s="359"/>
      <c r="L1287" s="359"/>
    </row>
    <row r="1288" spans="2:12">
      <c r="B1288" s="359"/>
      <c r="C1288" s="359"/>
      <c r="D1288" s="359"/>
      <c r="E1288" s="359"/>
      <c r="F1288" s="359" t="s">
        <v>14384</v>
      </c>
      <c r="G1288" s="359" t="s">
        <v>14385</v>
      </c>
      <c r="H1288" s="359" t="s">
        <v>14332</v>
      </c>
      <c r="I1288" s="359" t="s">
        <v>14385</v>
      </c>
      <c r="J1288" s="359"/>
      <c r="K1288" s="359"/>
      <c r="L1288" s="359"/>
    </row>
    <row r="1289" spans="2:12">
      <c r="B1289" s="359"/>
      <c r="C1289" s="359"/>
      <c r="D1289" s="359"/>
      <c r="E1289" s="359"/>
      <c r="F1289" s="360"/>
      <c r="G1289" s="360"/>
      <c r="H1289" s="360"/>
      <c r="I1289" s="360"/>
      <c r="J1289" s="359"/>
      <c r="K1289" s="359"/>
      <c r="L1289" s="359"/>
    </row>
    <row r="1290" spans="2:12">
      <c r="B1290" s="359"/>
      <c r="C1290" s="359"/>
      <c r="D1290" s="359"/>
      <c r="E1290" s="359"/>
      <c r="F1290" s="359" t="s">
        <v>14386</v>
      </c>
      <c r="G1290" s="359" t="s">
        <v>14387</v>
      </c>
      <c r="H1290" s="360"/>
      <c r="I1290" s="359" t="s">
        <v>14387</v>
      </c>
      <c r="J1290" s="359"/>
      <c r="K1290" s="359"/>
      <c r="L1290" s="359"/>
    </row>
    <row r="1291" spans="2:12">
      <c r="B1291" s="359"/>
      <c r="C1291" s="359"/>
      <c r="D1291" s="359"/>
      <c r="E1291" s="359"/>
      <c r="F1291" s="360"/>
      <c r="G1291" s="360"/>
      <c r="H1291" s="360"/>
      <c r="I1291" s="360"/>
      <c r="J1291" s="359"/>
      <c r="K1291" s="359"/>
      <c r="L1291" s="359"/>
    </row>
    <row r="1292" spans="2:12">
      <c r="B1292" s="359"/>
      <c r="C1292" s="359"/>
      <c r="D1292" s="359"/>
      <c r="E1292" s="359"/>
      <c r="F1292" s="359" t="s">
        <v>14391</v>
      </c>
      <c r="G1292" s="359" t="s">
        <v>14392</v>
      </c>
      <c r="H1292" s="360"/>
      <c r="I1292" s="359" t="s">
        <v>14392</v>
      </c>
      <c r="J1292" s="359"/>
      <c r="K1292" s="359"/>
      <c r="L1292" s="359"/>
    </row>
    <row r="1293" spans="2:12">
      <c r="B1293" s="359"/>
      <c r="C1293" s="359"/>
      <c r="D1293" s="359"/>
      <c r="E1293" s="359"/>
      <c r="F1293" s="360"/>
      <c r="G1293" s="360"/>
      <c r="H1293" s="360"/>
      <c r="I1293" s="360"/>
      <c r="J1293" s="359"/>
      <c r="K1293" s="359"/>
      <c r="L1293" s="359"/>
    </row>
    <row r="1294" spans="2:12">
      <c r="B1294" s="361"/>
      <c r="C1294" s="361"/>
      <c r="D1294" s="361"/>
      <c r="E1294" s="361"/>
      <c r="F1294" s="361" t="s">
        <v>14371</v>
      </c>
      <c r="G1294" s="361" t="s">
        <v>14372</v>
      </c>
      <c r="H1294" s="362"/>
      <c r="I1294" s="361" t="s">
        <v>14372</v>
      </c>
      <c r="J1294" s="361"/>
      <c r="K1294" s="361"/>
      <c r="L1294" s="361"/>
    </row>
    <row r="1295" spans="2:12">
      <c r="B1295" s="358" t="s">
        <v>14970</v>
      </c>
      <c r="C1295" s="358" t="s">
        <v>14971</v>
      </c>
      <c r="D1295" s="358" t="s">
        <v>14972</v>
      </c>
      <c r="E1295" s="358" t="s">
        <v>5775</v>
      </c>
      <c r="F1295" s="358" t="s">
        <v>14505</v>
      </c>
      <c r="G1295" s="358" t="s">
        <v>14506</v>
      </c>
      <c r="H1295" s="358" t="s">
        <v>14328</v>
      </c>
      <c r="I1295" s="358" t="s">
        <v>14506</v>
      </c>
      <c r="J1295" s="358"/>
      <c r="K1295" s="358"/>
      <c r="L1295" s="358"/>
    </row>
    <row r="1296" spans="2:12">
      <c r="B1296" s="359"/>
      <c r="C1296" s="359"/>
      <c r="D1296" s="359"/>
      <c r="E1296" s="359"/>
      <c r="F1296" s="360"/>
      <c r="G1296" s="360"/>
      <c r="H1296" s="360"/>
      <c r="I1296" s="360"/>
      <c r="J1296" s="359"/>
      <c r="K1296" s="359"/>
      <c r="L1296" s="359"/>
    </row>
    <row r="1297" spans="2:12">
      <c r="B1297" s="359"/>
      <c r="C1297" s="359"/>
      <c r="D1297" s="359"/>
      <c r="E1297" s="359"/>
      <c r="F1297" s="359" t="s">
        <v>14382</v>
      </c>
      <c r="G1297" s="359" t="s">
        <v>14483</v>
      </c>
      <c r="H1297" s="359" t="s">
        <v>14378</v>
      </c>
      <c r="I1297" s="359" t="s">
        <v>14483</v>
      </c>
      <c r="J1297" s="359"/>
      <c r="K1297" s="359"/>
      <c r="L1297" s="359"/>
    </row>
    <row r="1298" spans="2:12">
      <c r="B1298" s="359"/>
      <c r="C1298" s="359"/>
      <c r="D1298" s="359"/>
      <c r="E1298" s="359"/>
      <c r="F1298" s="360"/>
      <c r="G1298" s="360"/>
      <c r="H1298" s="360"/>
      <c r="I1298" s="360"/>
      <c r="J1298" s="359"/>
      <c r="K1298" s="359"/>
      <c r="L1298" s="359"/>
    </row>
    <row r="1299" spans="2:12">
      <c r="B1299" s="361"/>
      <c r="C1299" s="361"/>
      <c r="D1299" s="361"/>
      <c r="E1299" s="361"/>
      <c r="F1299" s="361" t="s">
        <v>14382</v>
      </c>
      <c r="G1299" s="361" t="s">
        <v>14383</v>
      </c>
      <c r="H1299" s="361" t="s">
        <v>14332</v>
      </c>
      <c r="I1299" s="361" t="s">
        <v>14383</v>
      </c>
      <c r="J1299" s="361"/>
      <c r="K1299" s="361"/>
      <c r="L1299" s="361"/>
    </row>
    <row r="1300" spans="2:12">
      <c r="B1300" s="358" t="s">
        <v>10199</v>
      </c>
      <c r="C1300" s="358" t="s">
        <v>14973</v>
      </c>
      <c r="D1300" s="358" t="s">
        <v>10200</v>
      </c>
      <c r="E1300" s="358" t="s">
        <v>5783</v>
      </c>
      <c r="F1300" s="358" t="s">
        <v>14505</v>
      </c>
      <c r="G1300" s="358" t="s">
        <v>14506</v>
      </c>
      <c r="H1300" s="358" t="s">
        <v>14328</v>
      </c>
      <c r="I1300" s="358" t="s">
        <v>14506</v>
      </c>
      <c r="J1300" s="358"/>
      <c r="K1300" s="358"/>
      <c r="L1300" s="358"/>
    </row>
    <row r="1301" spans="2:12">
      <c r="B1301" s="359"/>
      <c r="C1301" s="359"/>
      <c r="D1301" s="359"/>
      <c r="E1301" s="359"/>
      <c r="F1301" s="360"/>
      <c r="G1301" s="360"/>
      <c r="H1301" s="360"/>
      <c r="I1301" s="360"/>
      <c r="J1301" s="359"/>
      <c r="K1301" s="359"/>
      <c r="L1301" s="359"/>
    </row>
    <row r="1302" spans="2:12">
      <c r="B1302" s="359"/>
      <c r="C1302" s="359"/>
      <c r="D1302" s="359"/>
      <c r="E1302" s="359"/>
      <c r="F1302" s="359" t="s">
        <v>14376</v>
      </c>
      <c r="G1302" s="359" t="s">
        <v>14669</v>
      </c>
      <c r="H1302" s="359" t="s">
        <v>14381</v>
      </c>
      <c r="I1302" s="359" t="s">
        <v>14669</v>
      </c>
      <c r="J1302" s="359"/>
      <c r="K1302" s="359"/>
      <c r="L1302" s="359"/>
    </row>
    <row r="1303" spans="2:12">
      <c r="B1303" s="359"/>
      <c r="C1303" s="359"/>
      <c r="D1303" s="359"/>
      <c r="E1303" s="359"/>
      <c r="F1303" s="360"/>
      <c r="G1303" s="360"/>
      <c r="H1303" s="360"/>
      <c r="I1303" s="360"/>
      <c r="J1303" s="359"/>
      <c r="K1303" s="359"/>
      <c r="L1303" s="359"/>
    </row>
    <row r="1304" spans="2:12">
      <c r="B1304" s="359"/>
      <c r="C1304" s="359"/>
      <c r="D1304" s="359"/>
      <c r="E1304" s="359"/>
      <c r="F1304" s="359" t="s">
        <v>14426</v>
      </c>
      <c r="G1304" s="359" t="s">
        <v>14427</v>
      </c>
      <c r="H1304" s="359" t="s">
        <v>14367</v>
      </c>
      <c r="I1304" s="359" t="s">
        <v>14427</v>
      </c>
      <c r="J1304" s="359"/>
      <c r="K1304" s="359"/>
      <c r="L1304" s="359"/>
    </row>
    <row r="1305" spans="2:12">
      <c r="B1305" s="359"/>
      <c r="C1305" s="359"/>
      <c r="D1305" s="359"/>
      <c r="E1305" s="359"/>
      <c r="F1305" s="360"/>
      <c r="G1305" s="360"/>
      <c r="H1305" s="360"/>
      <c r="I1305" s="360"/>
      <c r="J1305" s="359"/>
      <c r="K1305" s="359"/>
      <c r="L1305" s="359"/>
    </row>
    <row r="1306" spans="2:12">
      <c r="B1306" s="359"/>
      <c r="C1306" s="359"/>
      <c r="D1306" s="359"/>
      <c r="E1306" s="359"/>
      <c r="F1306" s="359" t="s">
        <v>14420</v>
      </c>
      <c r="G1306" s="359" t="s">
        <v>14459</v>
      </c>
      <c r="H1306" s="359" t="s">
        <v>14332</v>
      </c>
      <c r="I1306" s="359" t="s">
        <v>14459</v>
      </c>
      <c r="J1306" s="359"/>
      <c r="K1306" s="359"/>
      <c r="L1306" s="359"/>
    </row>
    <row r="1307" spans="2:12">
      <c r="B1307" s="359"/>
      <c r="C1307" s="359"/>
      <c r="D1307" s="359"/>
      <c r="E1307" s="359"/>
      <c r="F1307" s="360"/>
      <c r="G1307" s="360"/>
      <c r="H1307" s="360"/>
      <c r="I1307" s="360"/>
      <c r="J1307" s="359"/>
      <c r="K1307" s="359"/>
      <c r="L1307" s="359"/>
    </row>
    <row r="1308" spans="2:12">
      <c r="B1308" s="361"/>
      <c r="C1308" s="361"/>
      <c r="D1308" s="361"/>
      <c r="E1308" s="361"/>
      <c r="F1308" s="361" t="s">
        <v>14420</v>
      </c>
      <c r="G1308" s="361" t="s">
        <v>14429</v>
      </c>
      <c r="H1308" s="362"/>
      <c r="I1308" s="361" t="s">
        <v>14429</v>
      </c>
      <c r="J1308" s="361"/>
      <c r="K1308" s="361"/>
      <c r="L1308" s="361"/>
    </row>
    <row r="1309" spans="2:12">
      <c r="B1309" s="358" t="s">
        <v>14974</v>
      </c>
      <c r="C1309" s="358" t="s">
        <v>27403</v>
      </c>
      <c r="D1309" s="358" t="s">
        <v>14975</v>
      </c>
      <c r="E1309" s="358" t="s">
        <v>5806</v>
      </c>
      <c r="F1309" s="358" t="s">
        <v>14505</v>
      </c>
      <c r="G1309" s="358" t="s">
        <v>14506</v>
      </c>
      <c r="H1309" s="358" t="s">
        <v>14328</v>
      </c>
      <c r="I1309" s="358" t="s">
        <v>14506</v>
      </c>
      <c r="J1309" s="358"/>
      <c r="K1309" s="358"/>
      <c r="L1309" s="358"/>
    </row>
    <row r="1310" spans="2:12">
      <c r="B1310" s="359"/>
      <c r="C1310" s="359"/>
      <c r="D1310" s="359"/>
      <c r="E1310" s="359"/>
      <c r="F1310" s="360"/>
      <c r="G1310" s="360"/>
      <c r="H1310" s="360"/>
      <c r="I1310" s="360"/>
      <c r="J1310" s="359"/>
      <c r="K1310" s="359"/>
      <c r="L1310" s="359"/>
    </row>
    <row r="1311" spans="2:12">
      <c r="B1311" s="359"/>
      <c r="C1311" s="359"/>
      <c r="D1311" s="359"/>
      <c r="E1311" s="359"/>
      <c r="F1311" s="359" t="s">
        <v>14420</v>
      </c>
      <c r="G1311" s="359" t="s">
        <v>14459</v>
      </c>
      <c r="H1311" s="359" t="s">
        <v>14367</v>
      </c>
      <c r="I1311" s="359" t="s">
        <v>14459</v>
      </c>
      <c r="J1311" s="359"/>
      <c r="K1311" s="359"/>
      <c r="L1311" s="359"/>
    </row>
    <row r="1312" spans="2:12">
      <c r="B1312" s="359"/>
      <c r="C1312" s="359"/>
      <c r="D1312" s="359"/>
      <c r="E1312" s="359"/>
      <c r="F1312" s="360"/>
      <c r="G1312" s="360"/>
      <c r="H1312" s="360"/>
      <c r="I1312" s="360"/>
      <c r="J1312" s="359"/>
      <c r="K1312" s="359"/>
      <c r="L1312" s="359"/>
    </row>
    <row r="1313" spans="2:12">
      <c r="B1313" s="361"/>
      <c r="C1313" s="361"/>
      <c r="D1313" s="361"/>
      <c r="E1313" s="361"/>
      <c r="F1313" s="361" t="s">
        <v>14420</v>
      </c>
      <c r="G1313" s="361" t="s">
        <v>14429</v>
      </c>
      <c r="H1313" s="361" t="s">
        <v>14332</v>
      </c>
      <c r="I1313" s="361" t="s">
        <v>14429</v>
      </c>
      <c r="J1313" s="361"/>
      <c r="K1313" s="361"/>
      <c r="L1313" s="361"/>
    </row>
    <row r="1314" spans="2:12">
      <c r="B1314" s="358" t="s">
        <v>14976</v>
      </c>
      <c r="C1314" s="358" t="s">
        <v>27404</v>
      </c>
      <c r="D1314" s="358" t="s">
        <v>14977</v>
      </c>
      <c r="E1314" s="358" t="s">
        <v>5794</v>
      </c>
      <c r="F1314" s="358" t="s">
        <v>14505</v>
      </c>
      <c r="G1314" s="358" t="s">
        <v>14506</v>
      </c>
      <c r="H1314" s="358" t="s">
        <v>14328</v>
      </c>
      <c r="I1314" s="358" t="s">
        <v>14506</v>
      </c>
      <c r="J1314" s="358"/>
      <c r="K1314" s="358"/>
      <c r="L1314" s="358"/>
    </row>
    <row r="1315" spans="2:12">
      <c r="B1315" s="359"/>
      <c r="C1315" s="359"/>
      <c r="D1315" s="359"/>
      <c r="E1315" s="359"/>
      <c r="F1315" s="360"/>
      <c r="G1315" s="360"/>
      <c r="H1315" s="360"/>
      <c r="I1315" s="360"/>
      <c r="J1315" s="359"/>
      <c r="K1315" s="359"/>
      <c r="L1315" s="359"/>
    </row>
    <row r="1316" spans="2:12">
      <c r="B1316" s="359"/>
      <c r="C1316" s="359"/>
      <c r="D1316" s="359"/>
      <c r="E1316" s="359"/>
      <c r="F1316" s="359" t="s">
        <v>14420</v>
      </c>
      <c r="G1316" s="359" t="s">
        <v>14459</v>
      </c>
      <c r="H1316" s="359" t="s">
        <v>14367</v>
      </c>
      <c r="I1316" s="359" t="s">
        <v>14459</v>
      </c>
      <c r="J1316" s="359"/>
      <c r="K1316" s="359"/>
      <c r="L1316" s="359"/>
    </row>
    <row r="1317" spans="2:12">
      <c r="B1317" s="359"/>
      <c r="C1317" s="359"/>
      <c r="D1317" s="359"/>
      <c r="E1317" s="359"/>
      <c r="F1317" s="360"/>
      <c r="G1317" s="360"/>
      <c r="H1317" s="360"/>
      <c r="I1317" s="360"/>
      <c r="J1317" s="359"/>
      <c r="K1317" s="359"/>
      <c r="L1317" s="359"/>
    </row>
    <row r="1318" spans="2:12">
      <c r="B1318" s="361"/>
      <c r="C1318" s="361"/>
      <c r="D1318" s="361"/>
      <c r="E1318" s="361"/>
      <c r="F1318" s="361" t="s">
        <v>14420</v>
      </c>
      <c r="G1318" s="361" t="s">
        <v>14429</v>
      </c>
      <c r="H1318" s="361" t="s">
        <v>14332</v>
      </c>
      <c r="I1318" s="361" t="s">
        <v>14429</v>
      </c>
      <c r="J1318" s="361"/>
      <c r="K1318" s="361"/>
      <c r="L1318" s="361"/>
    </row>
    <row r="1319" spans="2:12">
      <c r="B1319" s="358" t="s">
        <v>14978</v>
      </c>
      <c r="C1319" s="358" t="s">
        <v>14979</v>
      </c>
      <c r="D1319" s="358" t="s">
        <v>14980</v>
      </c>
      <c r="E1319" s="358" t="s">
        <v>14981</v>
      </c>
      <c r="F1319" s="358" t="s">
        <v>14505</v>
      </c>
      <c r="G1319" s="358" t="s">
        <v>14506</v>
      </c>
      <c r="H1319" s="358" t="s">
        <v>14328</v>
      </c>
      <c r="I1319" s="358" t="s">
        <v>14506</v>
      </c>
      <c r="J1319" s="358"/>
      <c r="K1319" s="358"/>
      <c r="L1319" s="358"/>
    </row>
    <row r="1320" spans="2:12">
      <c r="B1320" s="359"/>
      <c r="C1320" s="360"/>
      <c r="D1320" s="360"/>
      <c r="E1320" s="360"/>
      <c r="F1320" s="360"/>
      <c r="G1320" s="360"/>
      <c r="H1320" s="360"/>
      <c r="I1320" s="360"/>
      <c r="J1320" s="359"/>
      <c r="K1320" s="359"/>
      <c r="L1320" s="359"/>
    </row>
    <row r="1321" spans="2:12">
      <c r="B1321" s="359"/>
      <c r="C1321" s="359" t="s">
        <v>14982</v>
      </c>
      <c r="D1321" s="359" t="s">
        <v>14983</v>
      </c>
      <c r="E1321" s="359" t="s">
        <v>14984</v>
      </c>
      <c r="F1321" s="359" t="s">
        <v>14420</v>
      </c>
      <c r="G1321" s="359" t="s">
        <v>14459</v>
      </c>
      <c r="H1321" s="359" t="s">
        <v>14367</v>
      </c>
      <c r="I1321" s="359" t="s">
        <v>14459</v>
      </c>
      <c r="J1321" s="359"/>
      <c r="K1321" s="359"/>
      <c r="L1321" s="359"/>
    </row>
    <row r="1322" spans="2:12">
      <c r="B1322" s="359"/>
      <c r="C1322" s="360"/>
      <c r="D1322" s="360"/>
      <c r="E1322" s="360"/>
      <c r="F1322" s="360"/>
      <c r="G1322" s="360"/>
      <c r="H1322" s="360"/>
      <c r="I1322" s="360"/>
      <c r="J1322" s="359"/>
      <c r="K1322" s="359"/>
      <c r="L1322" s="359"/>
    </row>
    <row r="1323" spans="2:12">
      <c r="B1323" s="361"/>
      <c r="C1323" s="362"/>
      <c r="D1323" s="362"/>
      <c r="E1323" s="362"/>
      <c r="F1323" s="361" t="s">
        <v>14420</v>
      </c>
      <c r="G1323" s="361" t="s">
        <v>14429</v>
      </c>
      <c r="H1323" s="361" t="s">
        <v>14332</v>
      </c>
      <c r="I1323" s="361" t="s">
        <v>14429</v>
      </c>
      <c r="J1323" s="361"/>
      <c r="K1323" s="361"/>
      <c r="L1323" s="361"/>
    </row>
    <row r="1324" spans="2:12">
      <c r="B1324" s="358" t="s">
        <v>10202</v>
      </c>
      <c r="C1324" s="358" t="s">
        <v>14985</v>
      </c>
      <c r="D1324" s="358" t="s">
        <v>10203</v>
      </c>
      <c r="E1324" s="358" t="s">
        <v>10204</v>
      </c>
      <c r="F1324" s="358" t="s">
        <v>14376</v>
      </c>
      <c r="G1324" s="358" t="s">
        <v>14669</v>
      </c>
      <c r="H1324" s="358" t="s">
        <v>14381</v>
      </c>
      <c r="I1324" s="358" t="s">
        <v>14669</v>
      </c>
      <c r="J1324" s="358"/>
      <c r="K1324" s="358"/>
      <c r="L1324" s="358"/>
    </row>
    <row r="1325" spans="2:12">
      <c r="B1325" s="359"/>
      <c r="C1325" s="360"/>
      <c r="D1325" s="359"/>
      <c r="E1325" s="359"/>
      <c r="F1325" s="360"/>
      <c r="G1325" s="360"/>
      <c r="H1325" s="360"/>
      <c r="I1325" s="360"/>
      <c r="J1325" s="359"/>
      <c r="K1325" s="359"/>
      <c r="L1325" s="359"/>
    </row>
    <row r="1326" spans="2:12">
      <c r="B1326" s="359"/>
      <c r="C1326" s="359" t="s">
        <v>14986</v>
      </c>
      <c r="D1326" s="359"/>
      <c r="E1326" s="359"/>
      <c r="F1326" s="359" t="s">
        <v>14420</v>
      </c>
      <c r="G1326" s="359" t="s">
        <v>14429</v>
      </c>
      <c r="H1326" s="359" t="s">
        <v>14367</v>
      </c>
      <c r="I1326" s="359" t="s">
        <v>14429</v>
      </c>
      <c r="J1326" s="359"/>
      <c r="K1326" s="359"/>
      <c r="L1326" s="359"/>
    </row>
    <row r="1327" spans="2:12">
      <c r="B1327" s="359"/>
      <c r="C1327" s="360"/>
      <c r="D1327" s="359"/>
      <c r="E1327" s="359"/>
      <c r="F1327" s="360"/>
      <c r="G1327" s="360"/>
      <c r="H1327" s="360"/>
      <c r="I1327" s="360"/>
      <c r="J1327" s="359"/>
      <c r="K1327" s="359"/>
      <c r="L1327" s="359"/>
    </row>
    <row r="1328" spans="2:12">
      <c r="B1328" s="359"/>
      <c r="C1328" s="360"/>
      <c r="D1328" s="359"/>
      <c r="E1328" s="359"/>
      <c r="F1328" s="359" t="s">
        <v>14371</v>
      </c>
      <c r="G1328" s="359" t="s">
        <v>14372</v>
      </c>
      <c r="H1328" s="359" t="s">
        <v>14370</v>
      </c>
      <c r="I1328" s="359" t="s">
        <v>14373</v>
      </c>
      <c r="J1328" s="359"/>
      <c r="K1328" s="359"/>
      <c r="L1328" s="359"/>
    </row>
    <row r="1329" spans="2:12">
      <c r="B1329" s="359"/>
      <c r="C1329" s="360"/>
      <c r="D1329" s="359"/>
      <c r="E1329" s="359"/>
      <c r="F1329" s="360"/>
      <c r="G1329" s="360"/>
      <c r="H1329" s="360"/>
      <c r="I1329" s="360"/>
      <c r="J1329" s="359"/>
      <c r="K1329" s="359"/>
      <c r="L1329" s="359"/>
    </row>
    <row r="1330" spans="2:12" ht="28.5">
      <c r="B1330" s="361"/>
      <c r="C1330" s="362"/>
      <c r="D1330" s="361"/>
      <c r="E1330" s="361"/>
      <c r="F1330" s="361" t="s">
        <v>14374</v>
      </c>
      <c r="G1330" s="361" t="s">
        <v>14373</v>
      </c>
      <c r="H1330" s="361" t="s">
        <v>14332</v>
      </c>
      <c r="I1330" s="362"/>
      <c r="J1330" s="361"/>
      <c r="K1330" s="361"/>
      <c r="L1330" s="361"/>
    </row>
    <row r="1331" spans="2:12">
      <c r="B1331" s="358" t="s">
        <v>10206</v>
      </c>
      <c r="C1331" s="358" t="s">
        <v>14987</v>
      </c>
      <c r="D1331" s="358" t="s">
        <v>14</v>
      </c>
      <c r="E1331" s="358" t="s">
        <v>8356</v>
      </c>
      <c r="F1331" s="358" t="s">
        <v>14376</v>
      </c>
      <c r="G1331" s="358" t="s">
        <v>14669</v>
      </c>
      <c r="H1331" s="358" t="s">
        <v>14381</v>
      </c>
      <c r="I1331" s="358" t="s">
        <v>14669</v>
      </c>
      <c r="J1331" s="358"/>
      <c r="K1331" s="358"/>
      <c r="L1331" s="358"/>
    </row>
    <row r="1332" spans="2:12">
      <c r="B1332" s="359"/>
      <c r="C1332" s="359"/>
      <c r="D1332" s="359"/>
      <c r="E1332" s="359"/>
      <c r="F1332" s="360"/>
      <c r="G1332" s="360"/>
      <c r="H1332" s="360"/>
      <c r="I1332" s="360"/>
      <c r="J1332" s="359"/>
      <c r="K1332" s="359"/>
      <c r="L1332" s="359"/>
    </row>
    <row r="1333" spans="2:12">
      <c r="B1333" s="359"/>
      <c r="C1333" s="359"/>
      <c r="D1333" s="359"/>
      <c r="E1333" s="359"/>
      <c r="F1333" s="359" t="s">
        <v>14420</v>
      </c>
      <c r="G1333" s="359" t="s">
        <v>14429</v>
      </c>
      <c r="H1333" s="359" t="s">
        <v>14341</v>
      </c>
      <c r="I1333" s="359" t="s">
        <v>14429</v>
      </c>
      <c r="J1333" s="359"/>
      <c r="K1333" s="359"/>
      <c r="L1333" s="359"/>
    </row>
    <row r="1334" spans="2:12">
      <c r="B1334" s="359"/>
      <c r="C1334" s="359"/>
      <c r="D1334" s="359"/>
      <c r="E1334" s="359"/>
      <c r="F1334" s="360"/>
      <c r="G1334" s="360"/>
      <c r="H1334" s="360"/>
      <c r="I1334" s="360"/>
      <c r="J1334" s="359"/>
      <c r="K1334" s="359"/>
      <c r="L1334" s="359"/>
    </row>
    <row r="1335" spans="2:12">
      <c r="B1335" s="359"/>
      <c r="C1335" s="359"/>
      <c r="D1335" s="359"/>
      <c r="E1335" s="359"/>
      <c r="F1335" s="359" t="s">
        <v>14356</v>
      </c>
      <c r="G1335" s="359" t="s">
        <v>14340</v>
      </c>
      <c r="H1335" s="359" t="s">
        <v>14367</v>
      </c>
      <c r="I1335" s="359" t="s">
        <v>14340</v>
      </c>
      <c r="J1335" s="359"/>
      <c r="K1335" s="359"/>
      <c r="L1335" s="359"/>
    </row>
    <row r="1336" spans="2:12">
      <c r="B1336" s="359"/>
      <c r="C1336" s="359"/>
      <c r="D1336" s="359"/>
      <c r="E1336" s="359"/>
      <c r="F1336" s="360"/>
      <c r="G1336" s="360"/>
      <c r="H1336" s="360"/>
      <c r="I1336" s="360"/>
      <c r="J1336" s="359"/>
      <c r="K1336" s="359"/>
      <c r="L1336" s="359"/>
    </row>
    <row r="1337" spans="2:12">
      <c r="B1337" s="359"/>
      <c r="C1337" s="359"/>
      <c r="D1337" s="359"/>
      <c r="E1337" s="359"/>
      <c r="F1337" s="359" t="s">
        <v>14391</v>
      </c>
      <c r="G1337" s="359" t="s">
        <v>14392</v>
      </c>
      <c r="H1337" s="359" t="s">
        <v>14332</v>
      </c>
      <c r="I1337" s="359" t="s">
        <v>14392</v>
      </c>
      <c r="J1337" s="359"/>
      <c r="K1337" s="359"/>
      <c r="L1337" s="359"/>
    </row>
    <row r="1338" spans="2:12">
      <c r="B1338" s="359"/>
      <c r="C1338" s="359"/>
      <c r="D1338" s="359"/>
      <c r="E1338" s="359"/>
      <c r="F1338" s="360"/>
      <c r="G1338" s="360"/>
      <c r="H1338" s="360"/>
      <c r="I1338" s="360"/>
      <c r="J1338" s="359"/>
      <c r="K1338" s="359"/>
      <c r="L1338" s="359"/>
    </row>
    <row r="1339" spans="2:12" ht="28.5">
      <c r="B1339" s="361"/>
      <c r="C1339" s="361"/>
      <c r="D1339" s="361"/>
      <c r="E1339" s="361"/>
      <c r="F1339" s="361" t="s">
        <v>14472</v>
      </c>
      <c r="G1339" s="361" t="s">
        <v>14473</v>
      </c>
      <c r="H1339" s="362"/>
      <c r="I1339" s="361" t="s">
        <v>14473</v>
      </c>
      <c r="J1339" s="361"/>
      <c r="K1339" s="361"/>
      <c r="L1339" s="361"/>
    </row>
    <row r="1340" spans="2:12" ht="28.5">
      <c r="B1340" s="358" t="s">
        <v>14988</v>
      </c>
      <c r="C1340" s="358" t="s">
        <v>14989</v>
      </c>
      <c r="D1340" s="358" t="s">
        <v>14990</v>
      </c>
      <c r="E1340" s="358" t="s">
        <v>8356</v>
      </c>
      <c r="F1340" s="358" t="s">
        <v>14389</v>
      </c>
      <c r="G1340" s="358" t="s">
        <v>14390</v>
      </c>
      <c r="H1340" s="358" t="s">
        <v>14367</v>
      </c>
      <c r="I1340" s="358" t="s">
        <v>14390</v>
      </c>
      <c r="J1340" s="358"/>
      <c r="K1340" s="358"/>
      <c r="L1340" s="358"/>
    </row>
    <row r="1341" spans="2:12">
      <c r="B1341" s="359"/>
      <c r="C1341" s="359"/>
      <c r="D1341" s="359"/>
      <c r="E1341" s="359"/>
      <c r="F1341" s="360"/>
      <c r="G1341" s="360"/>
      <c r="H1341" s="360"/>
      <c r="I1341" s="360"/>
      <c r="J1341" s="359"/>
      <c r="K1341" s="359"/>
      <c r="L1341" s="359"/>
    </row>
    <row r="1342" spans="2:12">
      <c r="B1342" s="361"/>
      <c r="C1342" s="361"/>
      <c r="D1342" s="361"/>
      <c r="E1342" s="361"/>
      <c r="F1342" s="361" t="s">
        <v>14391</v>
      </c>
      <c r="G1342" s="361" t="s">
        <v>14392</v>
      </c>
      <c r="H1342" s="361" t="s">
        <v>14422</v>
      </c>
      <c r="I1342" s="361" t="s">
        <v>14392</v>
      </c>
      <c r="J1342" s="361"/>
      <c r="K1342" s="361"/>
      <c r="L1342" s="361"/>
    </row>
    <row r="1343" spans="2:12">
      <c r="B1343" s="358" t="s">
        <v>14991</v>
      </c>
      <c r="C1343" s="358" t="s">
        <v>14992</v>
      </c>
      <c r="D1343" s="358" t="s">
        <v>14993</v>
      </c>
      <c r="E1343" s="358" t="s">
        <v>14994</v>
      </c>
      <c r="F1343" s="358" t="s">
        <v>14460</v>
      </c>
      <c r="G1343" s="358" t="s">
        <v>14519</v>
      </c>
      <c r="H1343" s="358" t="s">
        <v>14381</v>
      </c>
      <c r="I1343" s="358" t="s">
        <v>14519</v>
      </c>
      <c r="J1343" s="358"/>
      <c r="K1343" s="358"/>
      <c r="L1343" s="358"/>
    </row>
    <row r="1344" spans="2:12">
      <c r="B1344" s="359"/>
      <c r="C1344" s="359"/>
      <c r="D1344" s="359"/>
      <c r="E1344" s="359"/>
      <c r="F1344" s="360"/>
      <c r="G1344" s="360"/>
      <c r="H1344" s="360"/>
      <c r="I1344" s="360"/>
      <c r="J1344" s="359"/>
      <c r="K1344" s="359"/>
      <c r="L1344" s="359"/>
    </row>
    <row r="1345" spans="2:12">
      <c r="B1345" s="359"/>
      <c r="C1345" s="359"/>
      <c r="D1345" s="359"/>
      <c r="E1345" s="359"/>
      <c r="F1345" s="359" t="s">
        <v>14389</v>
      </c>
      <c r="G1345" s="359" t="s">
        <v>14390</v>
      </c>
      <c r="H1345" s="359" t="s">
        <v>14341</v>
      </c>
      <c r="I1345" s="359" t="s">
        <v>14390</v>
      </c>
      <c r="J1345" s="359"/>
      <c r="K1345" s="359"/>
      <c r="L1345" s="359"/>
    </row>
    <row r="1346" spans="2:12">
      <c r="B1346" s="359"/>
      <c r="C1346" s="359"/>
      <c r="D1346" s="359"/>
      <c r="E1346" s="359"/>
      <c r="F1346" s="360"/>
      <c r="G1346" s="360"/>
      <c r="H1346" s="360"/>
      <c r="I1346" s="360"/>
      <c r="J1346" s="359"/>
      <c r="K1346" s="359"/>
      <c r="L1346" s="359"/>
    </row>
    <row r="1347" spans="2:12">
      <c r="B1347" s="359"/>
      <c r="C1347" s="359"/>
      <c r="D1347" s="359"/>
      <c r="E1347" s="359"/>
      <c r="F1347" s="359" t="s">
        <v>14430</v>
      </c>
      <c r="G1347" s="359" t="s">
        <v>14431</v>
      </c>
      <c r="H1347" s="359" t="s">
        <v>14370</v>
      </c>
      <c r="I1347" s="359" t="s">
        <v>14431</v>
      </c>
      <c r="J1347" s="359"/>
      <c r="K1347" s="359"/>
      <c r="L1347" s="359"/>
    </row>
    <row r="1348" spans="2:12">
      <c r="B1348" s="359"/>
      <c r="C1348" s="359"/>
      <c r="D1348" s="359"/>
      <c r="E1348" s="359"/>
      <c r="F1348" s="360"/>
      <c r="G1348" s="360"/>
      <c r="H1348" s="360"/>
      <c r="I1348" s="360"/>
      <c r="J1348" s="359"/>
      <c r="K1348" s="359"/>
      <c r="L1348" s="359"/>
    </row>
    <row r="1349" spans="2:12">
      <c r="B1349" s="359"/>
      <c r="C1349" s="359"/>
      <c r="D1349" s="359"/>
      <c r="E1349" s="359"/>
      <c r="F1349" s="359" t="s">
        <v>14371</v>
      </c>
      <c r="G1349" s="359" t="s">
        <v>14372</v>
      </c>
      <c r="H1349" s="359" t="s">
        <v>14332</v>
      </c>
      <c r="I1349" s="359" t="s">
        <v>14373</v>
      </c>
      <c r="J1349" s="359"/>
      <c r="K1349" s="359"/>
      <c r="L1349" s="359"/>
    </row>
    <row r="1350" spans="2:12">
      <c r="B1350" s="359"/>
      <c r="C1350" s="359"/>
      <c r="D1350" s="359"/>
      <c r="E1350" s="359"/>
      <c r="F1350" s="360"/>
      <c r="G1350" s="360"/>
      <c r="H1350" s="360"/>
      <c r="I1350" s="360"/>
      <c r="J1350" s="359"/>
      <c r="K1350" s="359"/>
      <c r="L1350" s="359"/>
    </row>
    <row r="1351" spans="2:12" ht="28.5">
      <c r="B1351" s="361"/>
      <c r="C1351" s="361"/>
      <c r="D1351" s="361"/>
      <c r="E1351" s="361"/>
      <c r="F1351" s="361" t="s">
        <v>14374</v>
      </c>
      <c r="G1351" s="361" t="s">
        <v>14373</v>
      </c>
      <c r="H1351" s="362"/>
      <c r="I1351" s="362"/>
      <c r="J1351" s="361"/>
      <c r="K1351" s="361"/>
      <c r="L1351" s="361"/>
    </row>
    <row r="1352" spans="2:12" ht="28.5">
      <c r="B1352" s="358" t="s">
        <v>14995</v>
      </c>
      <c r="C1352" s="358" t="s">
        <v>27405</v>
      </c>
      <c r="D1352" s="358" t="s">
        <v>14996</v>
      </c>
      <c r="E1352" s="358" t="s">
        <v>14997</v>
      </c>
      <c r="F1352" s="358" t="s">
        <v>14426</v>
      </c>
      <c r="G1352" s="358" t="s">
        <v>14427</v>
      </c>
      <c r="H1352" s="358" t="s">
        <v>14378</v>
      </c>
      <c r="I1352" s="358" t="s">
        <v>14427</v>
      </c>
      <c r="J1352" s="358"/>
      <c r="K1352" s="358"/>
      <c r="L1352" s="358"/>
    </row>
    <row r="1353" spans="2:12">
      <c r="B1353" s="359"/>
      <c r="C1353" s="359"/>
      <c r="D1353" s="359"/>
      <c r="E1353" s="359"/>
      <c r="F1353" s="360"/>
      <c r="G1353" s="360"/>
      <c r="H1353" s="360"/>
      <c r="I1353" s="360"/>
      <c r="J1353" s="359"/>
      <c r="K1353" s="359"/>
      <c r="L1353" s="359"/>
    </row>
    <row r="1354" spans="2:12">
      <c r="B1354" s="359"/>
      <c r="C1354" s="359"/>
      <c r="D1354" s="359"/>
      <c r="E1354" s="359"/>
      <c r="F1354" s="359" t="s">
        <v>14382</v>
      </c>
      <c r="G1354" s="359" t="s">
        <v>14383</v>
      </c>
      <c r="H1354" s="359" t="s">
        <v>14381</v>
      </c>
      <c r="I1354" s="359" t="s">
        <v>14383</v>
      </c>
      <c r="J1354" s="359"/>
      <c r="K1354" s="359"/>
      <c r="L1354" s="359"/>
    </row>
    <row r="1355" spans="2:12">
      <c r="B1355" s="359"/>
      <c r="C1355" s="359"/>
      <c r="D1355" s="359"/>
      <c r="E1355" s="359"/>
      <c r="F1355" s="360"/>
      <c r="G1355" s="360"/>
      <c r="H1355" s="360"/>
      <c r="I1355" s="360"/>
      <c r="J1355" s="359"/>
      <c r="K1355" s="359"/>
      <c r="L1355" s="359"/>
    </row>
    <row r="1356" spans="2:12">
      <c r="B1356" s="359"/>
      <c r="C1356" s="359"/>
      <c r="D1356" s="359"/>
      <c r="E1356" s="359"/>
      <c r="F1356" s="359" t="s">
        <v>14384</v>
      </c>
      <c r="G1356" s="359" t="s">
        <v>14385</v>
      </c>
      <c r="H1356" s="359" t="s">
        <v>14370</v>
      </c>
      <c r="I1356" s="359" t="s">
        <v>14385</v>
      </c>
      <c r="J1356" s="359"/>
      <c r="K1356" s="359"/>
      <c r="L1356" s="359"/>
    </row>
    <row r="1357" spans="2:12">
      <c r="B1357" s="359"/>
      <c r="C1357" s="359"/>
      <c r="D1357" s="359"/>
      <c r="E1357" s="359"/>
      <c r="F1357" s="360"/>
      <c r="G1357" s="360"/>
      <c r="H1357" s="360"/>
      <c r="I1357" s="360"/>
      <c r="J1357" s="359"/>
      <c r="K1357" s="359"/>
      <c r="L1357" s="359"/>
    </row>
    <row r="1358" spans="2:12">
      <c r="B1358" s="359"/>
      <c r="C1358" s="359"/>
      <c r="D1358" s="359"/>
      <c r="E1358" s="359"/>
      <c r="F1358" s="359" t="s">
        <v>14391</v>
      </c>
      <c r="G1358" s="359" t="s">
        <v>14392</v>
      </c>
      <c r="H1358" s="359" t="s">
        <v>14332</v>
      </c>
      <c r="I1358" s="359" t="s">
        <v>14392</v>
      </c>
      <c r="J1358" s="359"/>
      <c r="K1358" s="359"/>
      <c r="L1358" s="359"/>
    </row>
    <row r="1359" spans="2:12">
      <c r="B1359" s="359"/>
      <c r="C1359" s="359"/>
      <c r="D1359" s="359"/>
      <c r="E1359" s="359"/>
      <c r="F1359" s="360"/>
      <c r="G1359" s="360"/>
      <c r="H1359" s="360"/>
      <c r="I1359" s="360"/>
      <c r="J1359" s="359"/>
      <c r="K1359" s="359"/>
      <c r="L1359" s="359"/>
    </row>
    <row r="1360" spans="2:12">
      <c r="B1360" s="359"/>
      <c r="C1360" s="359"/>
      <c r="D1360" s="359"/>
      <c r="E1360" s="359"/>
      <c r="F1360" s="359" t="s">
        <v>14371</v>
      </c>
      <c r="G1360" s="359" t="s">
        <v>14372</v>
      </c>
      <c r="H1360" s="360"/>
      <c r="I1360" s="359" t="s">
        <v>14373</v>
      </c>
      <c r="J1360" s="359"/>
      <c r="K1360" s="359"/>
      <c r="L1360" s="359"/>
    </row>
    <row r="1361" spans="2:12">
      <c r="B1361" s="359"/>
      <c r="C1361" s="359"/>
      <c r="D1361" s="359"/>
      <c r="E1361" s="359"/>
      <c r="F1361" s="360"/>
      <c r="G1361" s="360"/>
      <c r="H1361" s="360"/>
      <c r="I1361" s="360"/>
      <c r="J1361" s="359"/>
      <c r="K1361" s="359"/>
      <c r="L1361" s="359"/>
    </row>
    <row r="1362" spans="2:12" ht="28.5">
      <c r="B1362" s="361"/>
      <c r="C1362" s="361"/>
      <c r="D1362" s="361"/>
      <c r="E1362" s="361"/>
      <c r="F1362" s="361" t="s">
        <v>14374</v>
      </c>
      <c r="G1362" s="361" t="s">
        <v>14373</v>
      </c>
      <c r="H1362" s="362"/>
      <c r="I1362" s="362"/>
      <c r="J1362" s="361"/>
      <c r="K1362" s="361"/>
      <c r="L1362" s="361"/>
    </row>
    <row r="1363" spans="2:12" ht="28.5">
      <c r="B1363" s="358" t="s">
        <v>14998</v>
      </c>
      <c r="C1363" s="358" t="s">
        <v>14999</v>
      </c>
      <c r="D1363" s="358" t="s">
        <v>15000</v>
      </c>
      <c r="E1363" s="358" t="s">
        <v>15001</v>
      </c>
      <c r="F1363" s="358" t="s">
        <v>14430</v>
      </c>
      <c r="G1363" s="358" t="s">
        <v>14431</v>
      </c>
      <c r="H1363" s="358" t="s">
        <v>14341</v>
      </c>
      <c r="I1363" s="358" t="s">
        <v>14431</v>
      </c>
      <c r="J1363" s="358"/>
      <c r="K1363" s="358"/>
      <c r="L1363" s="358"/>
    </row>
    <row r="1364" spans="2:12">
      <c r="B1364" s="359"/>
      <c r="C1364" s="359"/>
      <c r="D1364" s="359"/>
      <c r="E1364" s="359"/>
      <c r="F1364" s="360"/>
      <c r="G1364" s="360"/>
      <c r="H1364" s="360"/>
      <c r="I1364" s="360"/>
      <c r="J1364" s="359"/>
      <c r="K1364" s="359"/>
      <c r="L1364" s="359"/>
    </row>
    <row r="1365" spans="2:12">
      <c r="B1365" s="359"/>
      <c r="C1365" s="359"/>
      <c r="D1365" s="359"/>
      <c r="E1365" s="359"/>
      <c r="F1365" s="359" t="s">
        <v>14391</v>
      </c>
      <c r="G1365" s="359" t="s">
        <v>14392</v>
      </c>
      <c r="H1365" s="359" t="s">
        <v>14367</v>
      </c>
      <c r="I1365" s="359" t="s">
        <v>14392</v>
      </c>
      <c r="J1365" s="359"/>
      <c r="K1365" s="359"/>
      <c r="L1365" s="359"/>
    </row>
    <row r="1366" spans="2:12">
      <c r="B1366" s="359"/>
      <c r="C1366" s="359"/>
      <c r="D1366" s="359"/>
      <c r="E1366" s="359"/>
      <c r="F1366" s="360"/>
      <c r="G1366" s="360"/>
      <c r="H1366" s="360"/>
      <c r="I1366" s="360"/>
      <c r="J1366" s="359"/>
      <c r="K1366" s="359"/>
      <c r="L1366" s="359"/>
    </row>
    <row r="1367" spans="2:12">
      <c r="B1367" s="361"/>
      <c r="C1367" s="361"/>
      <c r="D1367" s="361"/>
      <c r="E1367" s="361"/>
      <c r="F1367" s="362"/>
      <c r="G1367" s="362"/>
      <c r="H1367" s="361" t="s">
        <v>14332</v>
      </c>
      <c r="I1367" s="362"/>
      <c r="J1367" s="361"/>
      <c r="K1367" s="361"/>
      <c r="L1367" s="361"/>
    </row>
    <row r="1368" spans="2:12" ht="28.5">
      <c r="B1368" s="358" t="s">
        <v>15002</v>
      </c>
      <c r="C1368" s="358" t="s">
        <v>15003</v>
      </c>
      <c r="D1368" s="358" t="s">
        <v>15004</v>
      </c>
      <c r="E1368" s="358" t="s">
        <v>15005</v>
      </c>
      <c r="F1368" s="358" t="s">
        <v>14420</v>
      </c>
      <c r="G1368" s="358" t="s">
        <v>14421</v>
      </c>
      <c r="H1368" s="358" t="s">
        <v>14381</v>
      </c>
      <c r="I1368" s="358" t="s">
        <v>14421</v>
      </c>
      <c r="J1368" s="358"/>
      <c r="K1368" s="358"/>
      <c r="L1368" s="358"/>
    </row>
    <row r="1369" spans="2:12">
      <c r="B1369" s="359"/>
      <c r="C1369" s="359"/>
      <c r="D1369" s="359"/>
      <c r="E1369" s="359"/>
      <c r="F1369" s="360"/>
      <c r="G1369" s="360"/>
      <c r="H1369" s="360"/>
      <c r="I1369" s="360"/>
      <c r="J1369" s="359"/>
      <c r="K1369" s="359"/>
      <c r="L1369" s="359"/>
    </row>
    <row r="1370" spans="2:12">
      <c r="B1370" s="359"/>
      <c r="C1370" s="359"/>
      <c r="D1370" s="359"/>
      <c r="E1370" s="359"/>
      <c r="F1370" s="359" t="s">
        <v>14420</v>
      </c>
      <c r="G1370" s="359" t="s">
        <v>14429</v>
      </c>
      <c r="H1370" s="359" t="s">
        <v>14341</v>
      </c>
      <c r="I1370" s="359" t="s">
        <v>14429</v>
      </c>
      <c r="J1370" s="359"/>
      <c r="K1370" s="359"/>
      <c r="L1370" s="359"/>
    </row>
    <row r="1371" spans="2:12">
      <c r="B1371" s="359"/>
      <c r="C1371" s="359"/>
      <c r="D1371" s="359"/>
      <c r="E1371" s="359"/>
      <c r="F1371" s="360"/>
      <c r="G1371" s="360"/>
      <c r="H1371" s="360"/>
      <c r="I1371" s="360"/>
      <c r="J1371" s="359"/>
      <c r="K1371" s="359"/>
      <c r="L1371" s="359"/>
    </row>
    <row r="1372" spans="2:12">
      <c r="B1372" s="359"/>
      <c r="C1372" s="359"/>
      <c r="D1372" s="359"/>
      <c r="E1372" s="359"/>
      <c r="F1372" s="359" t="s">
        <v>14460</v>
      </c>
      <c r="G1372" s="359" t="s">
        <v>14519</v>
      </c>
      <c r="H1372" s="359" t="s">
        <v>14367</v>
      </c>
      <c r="I1372" s="359" t="s">
        <v>14519</v>
      </c>
      <c r="J1372" s="359"/>
      <c r="K1372" s="359"/>
      <c r="L1372" s="359"/>
    </row>
    <row r="1373" spans="2:12">
      <c r="B1373" s="359"/>
      <c r="C1373" s="359"/>
      <c r="D1373" s="359"/>
      <c r="E1373" s="359"/>
      <c r="F1373" s="360"/>
      <c r="G1373" s="360"/>
      <c r="H1373" s="360"/>
      <c r="I1373" s="360"/>
      <c r="J1373" s="359"/>
      <c r="K1373" s="359"/>
      <c r="L1373" s="359"/>
    </row>
    <row r="1374" spans="2:12">
      <c r="B1374" s="359"/>
      <c r="C1374" s="359"/>
      <c r="D1374" s="359"/>
      <c r="E1374" s="359"/>
      <c r="F1374" s="359" t="s">
        <v>14356</v>
      </c>
      <c r="G1374" s="359" t="s">
        <v>14340</v>
      </c>
      <c r="H1374" s="359" t="s">
        <v>14370</v>
      </c>
      <c r="I1374" s="359" t="s">
        <v>14340</v>
      </c>
      <c r="J1374" s="359"/>
      <c r="K1374" s="359"/>
      <c r="L1374" s="359"/>
    </row>
    <row r="1375" spans="2:12">
      <c r="B1375" s="359"/>
      <c r="C1375" s="359"/>
      <c r="D1375" s="359"/>
      <c r="E1375" s="359"/>
      <c r="F1375" s="360"/>
      <c r="G1375" s="360"/>
      <c r="H1375" s="360"/>
      <c r="I1375" s="360"/>
      <c r="J1375" s="359"/>
      <c r="K1375" s="359"/>
      <c r="L1375" s="359"/>
    </row>
    <row r="1376" spans="2:12">
      <c r="B1376" s="359"/>
      <c r="C1376" s="359"/>
      <c r="D1376" s="359"/>
      <c r="E1376" s="359"/>
      <c r="F1376" s="359" t="s">
        <v>14391</v>
      </c>
      <c r="G1376" s="359" t="s">
        <v>14392</v>
      </c>
      <c r="H1376" s="359" t="s">
        <v>14332</v>
      </c>
      <c r="I1376" s="359" t="s">
        <v>14392</v>
      </c>
      <c r="J1376" s="359"/>
      <c r="K1376" s="359"/>
      <c r="L1376" s="359"/>
    </row>
    <row r="1377" spans="2:12">
      <c r="B1377" s="359"/>
      <c r="C1377" s="359"/>
      <c r="D1377" s="359"/>
      <c r="E1377" s="359"/>
      <c r="F1377" s="360"/>
      <c r="G1377" s="360"/>
      <c r="H1377" s="360"/>
      <c r="I1377" s="360"/>
      <c r="J1377" s="359"/>
      <c r="K1377" s="359"/>
      <c r="L1377" s="359"/>
    </row>
    <row r="1378" spans="2:12">
      <c r="B1378" s="359"/>
      <c r="C1378" s="359"/>
      <c r="D1378" s="359"/>
      <c r="E1378" s="359"/>
      <c r="F1378" s="359" t="s">
        <v>14371</v>
      </c>
      <c r="G1378" s="359" t="s">
        <v>14372</v>
      </c>
      <c r="H1378" s="360"/>
      <c r="I1378" s="359" t="s">
        <v>14373</v>
      </c>
      <c r="J1378" s="359"/>
      <c r="K1378" s="359"/>
      <c r="L1378" s="359"/>
    </row>
    <row r="1379" spans="2:12">
      <c r="B1379" s="359"/>
      <c r="C1379" s="359"/>
      <c r="D1379" s="359"/>
      <c r="E1379" s="359"/>
      <c r="F1379" s="360"/>
      <c r="G1379" s="360"/>
      <c r="H1379" s="360"/>
      <c r="I1379" s="360"/>
      <c r="J1379" s="359"/>
      <c r="K1379" s="359"/>
      <c r="L1379" s="359"/>
    </row>
    <row r="1380" spans="2:12" ht="28.5">
      <c r="B1380" s="361"/>
      <c r="C1380" s="361"/>
      <c r="D1380" s="361"/>
      <c r="E1380" s="361"/>
      <c r="F1380" s="361" t="s">
        <v>14374</v>
      </c>
      <c r="G1380" s="361" t="s">
        <v>14373</v>
      </c>
      <c r="H1380" s="362"/>
      <c r="I1380" s="362"/>
      <c r="J1380" s="361"/>
      <c r="K1380" s="361"/>
      <c r="L1380" s="361"/>
    </row>
    <row r="1381" spans="2:12">
      <c r="B1381" s="358" t="s">
        <v>15006</v>
      </c>
      <c r="C1381" s="358" t="s">
        <v>15007</v>
      </c>
      <c r="D1381" s="358" t="s">
        <v>15008</v>
      </c>
      <c r="E1381" s="358" t="s">
        <v>15009</v>
      </c>
      <c r="F1381" s="358" t="s">
        <v>15010</v>
      </c>
      <c r="G1381" s="358" t="s">
        <v>15011</v>
      </c>
      <c r="H1381" s="358" t="s">
        <v>14954</v>
      </c>
      <c r="I1381" s="358" t="s">
        <v>15011</v>
      </c>
      <c r="J1381" s="358"/>
      <c r="K1381" s="358"/>
      <c r="L1381" s="358"/>
    </row>
    <row r="1382" spans="2:12">
      <c r="B1382" s="359"/>
      <c r="C1382" s="359"/>
      <c r="D1382" s="359"/>
      <c r="E1382" s="359"/>
      <c r="F1382" s="360"/>
      <c r="G1382" s="360"/>
      <c r="H1382" s="360"/>
      <c r="I1382" s="360"/>
      <c r="J1382" s="359"/>
      <c r="K1382" s="359"/>
      <c r="L1382" s="359"/>
    </row>
    <row r="1383" spans="2:12">
      <c r="B1383" s="359"/>
      <c r="C1383" s="359"/>
      <c r="D1383" s="359"/>
      <c r="E1383" s="359"/>
      <c r="F1383" s="359" t="s">
        <v>14443</v>
      </c>
      <c r="G1383" s="359" t="s">
        <v>14444</v>
      </c>
      <c r="H1383" s="359" t="s">
        <v>14378</v>
      </c>
      <c r="I1383" s="359" t="s">
        <v>14444</v>
      </c>
      <c r="J1383" s="359"/>
      <c r="K1383" s="359"/>
      <c r="L1383" s="359"/>
    </row>
    <row r="1384" spans="2:12">
      <c r="B1384" s="359"/>
      <c r="C1384" s="359"/>
      <c r="D1384" s="359"/>
      <c r="E1384" s="359"/>
      <c r="F1384" s="360"/>
      <c r="G1384" s="360"/>
      <c r="H1384" s="360"/>
      <c r="I1384" s="360"/>
      <c r="J1384" s="359"/>
      <c r="K1384" s="359"/>
      <c r="L1384" s="359"/>
    </row>
    <row r="1385" spans="2:12">
      <c r="B1385" s="359"/>
      <c r="C1385" s="359"/>
      <c r="D1385" s="359"/>
      <c r="E1385" s="359"/>
      <c r="F1385" s="359" t="s">
        <v>14382</v>
      </c>
      <c r="G1385" s="359" t="s">
        <v>14579</v>
      </c>
      <c r="H1385" s="359" t="s">
        <v>14381</v>
      </c>
      <c r="I1385" s="359" t="s">
        <v>14579</v>
      </c>
      <c r="J1385" s="359"/>
      <c r="K1385" s="359"/>
      <c r="L1385" s="359"/>
    </row>
    <row r="1386" spans="2:12">
      <c r="B1386" s="359"/>
      <c r="C1386" s="359"/>
      <c r="D1386" s="359"/>
      <c r="E1386" s="359"/>
      <c r="F1386" s="360"/>
      <c r="G1386" s="360"/>
      <c r="H1386" s="360"/>
      <c r="I1386" s="360"/>
      <c r="J1386" s="359"/>
      <c r="K1386" s="359"/>
      <c r="L1386" s="359"/>
    </row>
    <row r="1387" spans="2:12">
      <c r="B1387" s="359"/>
      <c r="C1387" s="359"/>
      <c r="D1387" s="359"/>
      <c r="E1387" s="359"/>
      <c r="F1387" s="359" t="s">
        <v>14420</v>
      </c>
      <c r="G1387" s="359" t="s">
        <v>14429</v>
      </c>
      <c r="H1387" s="359" t="s">
        <v>14370</v>
      </c>
      <c r="I1387" s="359" t="s">
        <v>14429</v>
      </c>
      <c r="J1387" s="359"/>
      <c r="K1387" s="359"/>
      <c r="L1387" s="359"/>
    </row>
    <row r="1388" spans="2:12">
      <c r="B1388" s="359"/>
      <c r="C1388" s="359"/>
      <c r="D1388" s="359"/>
      <c r="E1388" s="359"/>
      <c r="F1388" s="360"/>
      <c r="G1388" s="360"/>
      <c r="H1388" s="360"/>
      <c r="I1388" s="360"/>
      <c r="J1388" s="359"/>
      <c r="K1388" s="359"/>
      <c r="L1388" s="359"/>
    </row>
    <row r="1389" spans="2:12">
      <c r="B1389" s="359"/>
      <c r="C1389" s="359"/>
      <c r="D1389" s="359"/>
      <c r="E1389" s="359"/>
      <c r="F1389" s="359" t="s">
        <v>14460</v>
      </c>
      <c r="G1389" s="359" t="s">
        <v>14461</v>
      </c>
      <c r="H1389" s="359" t="s">
        <v>14332</v>
      </c>
      <c r="I1389" s="359" t="s">
        <v>14461</v>
      </c>
      <c r="J1389" s="359"/>
      <c r="K1389" s="359"/>
      <c r="L1389" s="359"/>
    </row>
    <row r="1390" spans="2:12">
      <c r="B1390" s="359"/>
      <c r="C1390" s="359"/>
      <c r="D1390" s="359"/>
      <c r="E1390" s="359"/>
      <c r="F1390" s="360"/>
      <c r="G1390" s="360"/>
      <c r="H1390" s="360"/>
      <c r="I1390" s="360"/>
      <c r="J1390" s="359"/>
      <c r="K1390" s="359"/>
      <c r="L1390" s="359"/>
    </row>
    <row r="1391" spans="2:12">
      <c r="B1391" s="359"/>
      <c r="C1391" s="359"/>
      <c r="D1391" s="359"/>
      <c r="E1391" s="359"/>
      <c r="F1391" s="359" t="s">
        <v>14386</v>
      </c>
      <c r="G1391" s="359" t="s">
        <v>14387</v>
      </c>
      <c r="H1391" s="360"/>
      <c r="I1391" s="359" t="s">
        <v>14387</v>
      </c>
      <c r="J1391" s="359"/>
      <c r="K1391" s="359"/>
      <c r="L1391" s="359"/>
    </row>
    <row r="1392" spans="2:12">
      <c r="B1392" s="359"/>
      <c r="C1392" s="359"/>
      <c r="D1392" s="359"/>
      <c r="E1392" s="359"/>
      <c r="F1392" s="360"/>
      <c r="G1392" s="360"/>
      <c r="H1392" s="360"/>
      <c r="I1392" s="360"/>
      <c r="J1392" s="359"/>
      <c r="K1392" s="359"/>
      <c r="L1392" s="359"/>
    </row>
    <row r="1393" spans="2:12">
      <c r="B1393" s="359"/>
      <c r="C1393" s="359"/>
      <c r="D1393" s="359"/>
      <c r="E1393" s="359"/>
      <c r="F1393" s="359" t="s">
        <v>14389</v>
      </c>
      <c r="G1393" s="359" t="s">
        <v>14390</v>
      </c>
      <c r="H1393" s="360"/>
      <c r="I1393" s="359" t="s">
        <v>14390</v>
      </c>
      <c r="J1393" s="359"/>
      <c r="K1393" s="359"/>
      <c r="L1393" s="359"/>
    </row>
    <row r="1394" spans="2:12">
      <c r="B1394" s="359"/>
      <c r="C1394" s="359"/>
      <c r="D1394" s="359"/>
      <c r="E1394" s="359"/>
      <c r="F1394" s="360"/>
      <c r="G1394" s="360"/>
      <c r="H1394" s="360"/>
      <c r="I1394" s="360"/>
      <c r="J1394" s="359"/>
      <c r="K1394" s="359"/>
      <c r="L1394" s="359"/>
    </row>
    <row r="1395" spans="2:12">
      <c r="B1395" s="359"/>
      <c r="C1395" s="359"/>
      <c r="D1395" s="359"/>
      <c r="E1395" s="359"/>
      <c r="F1395" s="359" t="s">
        <v>14391</v>
      </c>
      <c r="G1395" s="359" t="s">
        <v>14392</v>
      </c>
      <c r="H1395" s="360"/>
      <c r="I1395" s="359" t="s">
        <v>14392</v>
      </c>
      <c r="J1395" s="359"/>
      <c r="K1395" s="359"/>
      <c r="L1395" s="359"/>
    </row>
    <row r="1396" spans="2:12">
      <c r="B1396" s="359"/>
      <c r="C1396" s="359"/>
      <c r="D1396" s="359"/>
      <c r="E1396" s="359"/>
      <c r="F1396" s="360"/>
      <c r="G1396" s="360"/>
      <c r="H1396" s="360"/>
      <c r="I1396" s="360"/>
      <c r="J1396" s="359"/>
      <c r="K1396" s="359"/>
      <c r="L1396" s="359"/>
    </row>
    <row r="1397" spans="2:12">
      <c r="B1397" s="361"/>
      <c r="C1397" s="361"/>
      <c r="D1397" s="361"/>
      <c r="E1397" s="361"/>
      <c r="F1397" s="361" t="s">
        <v>14371</v>
      </c>
      <c r="G1397" s="361" t="s">
        <v>14372</v>
      </c>
      <c r="H1397" s="362"/>
      <c r="I1397" s="361" t="s">
        <v>14372</v>
      </c>
      <c r="J1397" s="361"/>
      <c r="K1397" s="361"/>
      <c r="L1397" s="361"/>
    </row>
    <row r="1398" spans="2:12">
      <c r="B1398" s="358" t="s">
        <v>15012</v>
      </c>
      <c r="C1398" s="358" t="s">
        <v>15013</v>
      </c>
      <c r="D1398" s="358" t="s">
        <v>15014</v>
      </c>
      <c r="E1398" s="358" t="s">
        <v>15015</v>
      </c>
      <c r="F1398" s="358" t="s">
        <v>14420</v>
      </c>
      <c r="G1398" s="358" t="s">
        <v>14421</v>
      </c>
      <c r="H1398" s="358" t="s">
        <v>14341</v>
      </c>
      <c r="I1398" s="358" t="s">
        <v>14421</v>
      </c>
      <c r="J1398" s="358"/>
      <c r="K1398" s="358"/>
      <c r="L1398" s="358"/>
    </row>
    <row r="1399" spans="2:12">
      <c r="B1399" s="359"/>
      <c r="C1399" s="359"/>
      <c r="D1399" s="359"/>
      <c r="E1399" s="359"/>
      <c r="F1399" s="360"/>
      <c r="G1399" s="360"/>
      <c r="H1399" s="360"/>
      <c r="I1399" s="360"/>
      <c r="J1399" s="359"/>
      <c r="K1399" s="359"/>
      <c r="L1399" s="359"/>
    </row>
    <row r="1400" spans="2:12">
      <c r="B1400" s="359"/>
      <c r="C1400" s="359"/>
      <c r="D1400" s="359"/>
      <c r="E1400" s="359"/>
      <c r="F1400" s="359" t="s">
        <v>14420</v>
      </c>
      <c r="G1400" s="359" t="s">
        <v>14429</v>
      </c>
      <c r="H1400" s="359" t="s">
        <v>14367</v>
      </c>
      <c r="I1400" s="359" t="s">
        <v>14429</v>
      </c>
      <c r="J1400" s="359"/>
      <c r="K1400" s="359"/>
      <c r="L1400" s="359"/>
    </row>
    <row r="1401" spans="2:12">
      <c r="B1401" s="359"/>
      <c r="C1401" s="359"/>
      <c r="D1401" s="359"/>
      <c r="E1401" s="359"/>
      <c r="F1401" s="360"/>
      <c r="G1401" s="360"/>
      <c r="H1401" s="360"/>
      <c r="I1401" s="360"/>
      <c r="J1401" s="359"/>
      <c r="K1401" s="359"/>
      <c r="L1401" s="359"/>
    </row>
    <row r="1402" spans="2:12">
      <c r="B1402" s="361"/>
      <c r="C1402" s="361"/>
      <c r="D1402" s="361"/>
      <c r="E1402" s="361"/>
      <c r="F1402" s="361" t="s">
        <v>14339</v>
      </c>
      <c r="G1402" s="361" t="s">
        <v>14340</v>
      </c>
      <c r="H1402" s="361" t="s">
        <v>14332</v>
      </c>
      <c r="I1402" s="361" t="s">
        <v>14340</v>
      </c>
      <c r="J1402" s="361"/>
      <c r="K1402" s="361"/>
      <c r="L1402" s="361"/>
    </row>
    <row r="1403" spans="2:12">
      <c r="B1403" s="358" t="s">
        <v>15016</v>
      </c>
      <c r="C1403" s="358" t="s">
        <v>15017</v>
      </c>
      <c r="D1403" s="358" t="s">
        <v>15018</v>
      </c>
      <c r="E1403" s="358" t="s">
        <v>15019</v>
      </c>
      <c r="F1403" s="358" t="s">
        <v>14933</v>
      </c>
      <c r="G1403" s="358" t="s">
        <v>14928</v>
      </c>
      <c r="H1403" s="358" t="s">
        <v>14479</v>
      </c>
      <c r="I1403" s="358" t="s">
        <v>14928</v>
      </c>
      <c r="J1403" s="358"/>
      <c r="K1403" s="358"/>
      <c r="L1403" s="358" t="s">
        <v>14329</v>
      </c>
    </row>
    <row r="1404" spans="2:12">
      <c r="B1404" s="359"/>
      <c r="C1404" s="359"/>
      <c r="D1404" s="359"/>
      <c r="E1404" s="359"/>
      <c r="F1404" s="360"/>
      <c r="G1404" s="359"/>
      <c r="H1404" s="360"/>
      <c r="I1404" s="359"/>
      <c r="J1404" s="359"/>
      <c r="K1404" s="359"/>
      <c r="L1404" s="359"/>
    </row>
    <row r="1405" spans="2:12">
      <c r="B1405" s="359"/>
      <c r="C1405" s="359"/>
      <c r="D1405" s="359"/>
      <c r="E1405" s="359"/>
      <c r="F1405" s="359" t="s">
        <v>14330</v>
      </c>
      <c r="G1405" s="359"/>
      <c r="H1405" s="359" t="s">
        <v>14331</v>
      </c>
      <c r="I1405" s="359"/>
      <c r="J1405" s="359"/>
      <c r="K1405" s="359"/>
      <c r="L1405" s="359"/>
    </row>
    <row r="1406" spans="2:12">
      <c r="B1406" s="359"/>
      <c r="C1406" s="359"/>
      <c r="D1406" s="359"/>
      <c r="E1406" s="359"/>
      <c r="F1406" s="360"/>
      <c r="G1406" s="359"/>
      <c r="H1406" s="360"/>
      <c r="I1406" s="359"/>
      <c r="J1406" s="359"/>
      <c r="K1406" s="359"/>
      <c r="L1406" s="359"/>
    </row>
    <row r="1407" spans="2:12">
      <c r="B1407" s="361"/>
      <c r="C1407" s="361"/>
      <c r="D1407" s="361"/>
      <c r="E1407" s="361"/>
      <c r="F1407" s="362"/>
      <c r="G1407" s="361"/>
      <c r="H1407" s="361" t="s">
        <v>14332</v>
      </c>
      <c r="I1407" s="361"/>
      <c r="J1407" s="361"/>
      <c r="K1407" s="361"/>
      <c r="L1407" s="361"/>
    </row>
    <row r="1408" spans="2:12" ht="42.75">
      <c r="B1408" s="358" t="s">
        <v>15020</v>
      </c>
      <c r="C1408" s="358" t="s">
        <v>28591</v>
      </c>
      <c r="D1408" s="358" t="s">
        <v>15021</v>
      </c>
      <c r="E1408" s="358" t="s">
        <v>15022</v>
      </c>
      <c r="F1408" s="358" t="s">
        <v>15023</v>
      </c>
      <c r="G1408" s="358" t="s">
        <v>15024</v>
      </c>
      <c r="H1408" s="358" t="s">
        <v>14479</v>
      </c>
      <c r="I1408" s="358" t="s">
        <v>15024</v>
      </c>
      <c r="J1408" s="358"/>
      <c r="K1408" s="358" t="s">
        <v>28592</v>
      </c>
      <c r="L1408" s="358" t="s">
        <v>10376</v>
      </c>
    </row>
    <row r="1409" spans="2:12">
      <c r="B1409" s="359"/>
      <c r="C1409" s="359"/>
      <c r="D1409" s="359"/>
      <c r="E1409" s="359"/>
      <c r="F1409" s="360"/>
      <c r="G1409" s="360"/>
      <c r="H1409" s="360"/>
      <c r="I1409" s="360"/>
      <c r="J1409" s="359"/>
      <c r="K1409" s="360"/>
      <c r="L1409" s="359"/>
    </row>
    <row r="1410" spans="2:12" ht="57">
      <c r="B1410" s="359"/>
      <c r="C1410" s="359"/>
      <c r="D1410" s="359"/>
      <c r="E1410" s="359"/>
      <c r="F1410" s="359" t="s">
        <v>14420</v>
      </c>
      <c r="G1410" s="359" t="s">
        <v>14459</v>
      </c>
      <c r="H1410" s="359" t="s">
        <v>14341</v>
      </c>
      <c r="I1410" s="359" t="s">
        <v>14459</v>
      </c>
      <c r="J1410" s="359"/>
      <c r="K1410" s="359" t="s">
        <v>28593</v>
      </c>
      <c r="L1410" s="359"/>
    </row>
    <row r="1411" spans="2:12">
      <c r="B1411" s="359"/>
      <c r="C1411" s="359"/>
      <c r="D1411" s="359"/>
      <c r="E1411" s="359"/>
      <c r="F1411" s="360"/>
      <c r="G1411" s="360"/>
      <c r="H1411" s="360"/>
      <c r="I1411" s="360"/>
      <c r="J1411" s="359"/>
      <c r="K1411" s="360"/>
      <c r="L1411" s="359"/>
    </row>
    <row r="1412" spans="2:12">
      <c r="B1412" s="359"/>
      <c r="C1412" s="359"/>
      <c r="D1412" s="359"/>
      <c r="E1412" s="359"/>
      <c r="F1412" s="359" t="s">
        <v>14420</v>
      </c>
      <c r="G1412" s="359" t="s">
        <v>14429</v>
      </c>
      <c r="H1412" s="359" t="s">
        <v>14367</v>
      </c>
      <c r="I1412" s="359" t="s">
        <v>14429</v>
      </c>
      <c r="J1412" s="359"/>
      <c r="K1412" s="359" t="s">
        <v>14929</v>
      </c>
      <c r="L1412" s="359"/>
    </row>
    <row r="1413" spans="2:12">
      <c r="B1413" s="359"/>
      <c r="C1413" s="359"/>
      <c r="D1413" s="359"/>
      <c r="E1413" s="359"/>
      <c r="F1413" s="360"/>
      <c r="G1413" s="360"/>
      <c r="H1413" s="360"/>
      <c r="I1413" s="360"/>
      <c r="J1413" s="359"/>
      <c r="K1413" s="360"/>
      <c r="L1413" s="359"/>
    </row>
    <row r="1414" spans="2:12" ht="85.5">
      <c r="B1414" s="359"/>
      <c r="C1414" s="359"/>
      <c r="D1414" s="359"/>
      <c r="E1414" s="359"/>
      <c r="F1414" s="359" t="s">
        <v>14339</v>
      </c>
      <c r="G1414" s="359" t="s">
        <v>14340</v>
      </c>
      <c r="H1414" s="359" t="s">
        <v>14332</v>
      </c>
      <c r="I1414" s="359" t="s">
        <v>14340</v>
      </c>
      <c r="J1414" s="359"/>
      <c r="K1414" s="359" t="s">
        <v>28594</v>
      </c>
      <c r="L1414" s="359"/>
    </row>
    <row r="1415" spans="2:12">
      <c r="B1415" s="359"/>
      <c r="C1415" s="359"/>
      <c r="D1415" s="359"/>
      <c r="E1415" s="359"/>
      <c r="F1415" s="360"/>
      <c r="G1415" s="360"/>
      <c r="H1415" s="360"/>
      <c r="I1415" s="360"/>
      <c r="J1415" s="359"/>
      <c r="K1415" s="360"/>
      <c r="L1415" s="359"/>
    </row>
    <row r="1416" spans="2:12" ht="42.75">
      <c r="B1416" s="359"/>
      <c r="C1416" s="359"/>
      <c r="D1416" s="359"/>
      <c r="E1416" s="359"/>
      <c r="F1416" s="360"/>
      <c r="G1416" s="360"/>
      <c r="H1416" s="360"/>
      <c r="I1416" s="360"/>
      <c r="J1416" s="359"/>
      <c r="K1416" s="359" t="s">
        <v>28595</v>
      </c>
      <c r="L1416" s="359"/>
    </row>
    <row r="1417" spans="2:12">
      <c r="B1417" s="359"/>
      <c r="C1417" s="359"/>
      <c r="D1417" s="359"/>
      <c r="E1417" s="359"/>
      <c r="F1417" s="360"/>
      <c r="G1417" s="360"/>
      <c r="H1417" s="360"/>
      <c r="I1417" s="360"/>
      <c r="J1417" s="359"/>
      <c r="K1417" s="360"/>
      <c r="L1417" s="359"/>
    </row>
    <row r="1418" spans="2:12" ht="42.75">
      <c r="B1418" s="359"/>
      <c r="C1418" s="359"/>
      <c r="D1418" s="359"/>
      <c r="E1418" s="359"/>
      <c r="F1418" s="360"/>
      <c r="G1418" s="360"/>
      <c r="H1418" s="360"/>
      <c r="I1418" s="360"/>
      <c r="J1418" s="359"/>
      <c r="K1418" s="359" t="s">
        <v>28596</v>
      </c>
      <c r="L1418" s="359"/>
    </row>
    <row r="1419" spans="2:12">
      <c r="B1419" s="359"/>
      <c r="C1419" s="359"/>
      <c r="D1419" s="359"/>
      <c r="E1419" s="359"/>
      <c r="F1419" s="360"/>
      <c r="G1419" s="360"/>
      <c r="H1419" s="360"/>
      <c r="I1419" s="360"/>
      <c r="J1419" s="359"/>
      <c r="K1419" s="360"/>
      <c r="L1419" s="359"/>
    </row>
    <row r="1420" spans="2:12" ht="71.25">
      <c r="B1420" s="361"/>
      <c r="C1420" s="361"/>
      <c r="D1420" s="361"/>
      <c r="E1420" s="361"/>
      <c r="F1420" s="362"/>
      <c r="G1420" s="362"/>
      <c r="H1420" s="362"/>
      <c r="I1420" s="362"/>
      <c r="J1420" s="361"/>
      <c r="K1420" s="361" t="s">
        <v>28597</v>
      </c>
      <c r="L1420" s="361"/>
    </row>
    <row r="1421" spans="2:12">
      <c r="B1421" s="358" t="s">
        <v>15025</v>
      </c>
      <c r="C1421" s="358" t="s">
        <v>15026</v>
      </c>
      <c r="D1421" s="358" t="s">
        <v>15027</v>
      </c>
      <c r="E1421" s="358" t="s">
        <v>15028</v>
      </c>
      <c r="F1421" s="358" t="s">
        <v>14330</v>
      </c>
      <c r="G1421" s="358" t="s">
        <v>14928</v>
      </c>
      <c r="H1421" s="358" t="s">
        <v>14331</v>
      </c>
      <c r="I1421" s="358" t="s">
        <v>14928</v>
      </c>
      <c r="J1421" s="358"/>
      <c r="K1421" s="358"/>
      <c r="L1421" s="358"/>
    </row>
    <row r="1422" spans="2:12">
      <c r="B1422" s="359"/>
      <c r="C1422" s="359"/>
      <c r="D1422" s="359"/>
      <c r="E1422" s="359"/>
      <c r="F1422" s="360"/>
      <c r="G1422" s="360"/>
      <c r="H1422" s="360"/>
      <c r="I1422" s="360"/>
      <c r="J1422" s="359"/>
      <c r="K1422" s="359"/>
      <c r="L1422" s="359"/>
    </row>
    <row r="1423" spans="2:12">
      <c r="B1423" s="359"/>
      <c r="C1423" s="359"/>
      <c r="D1423" s="359"/>
      <c r="E1423" s="359"/>
      <c r="F1423" s="359" t="s">
        <v>14933</v>
      </c>
      <c r="G1423" s="359" t="s">
        <v>14380</v>
      </c>
      <c r="H1423" s="359" t="s">
        <v>14479</v>
      </c>
      <c r="I1423" s="359" t="s">
        <v>14380</v>
      </c>
      <c r="J1423" s="359"/>
      <c r="K1423" s="359"/>
      <c r="L1423" s="359"/>
    </row>
    <row r="1424" spans="2:12">
      <c r="B1424" s="359"/>
      <c r="C1424" s="359"/>
      <c r="D1424" s="359"/>
      <c r="E1424" s="359"/>
      <c r="F1424" s="360"/>
      <c r="G1424" s="360"/>
      <c r="H1424" s="360"/>
      <c r="I1424" s="360"/>
      <c r="J1424" s="359"/>
      <c r="K1424" s="359"/>
      <c r="L1424" s="359"/>
    </row>
    <row r="1425" spans="2:12">
      <c r="B1425" s="359"/>
      <c r="C1425" s="359"/>
      <c r="D1425" s="359"/>
      <c r="E1425" s="359"/>
      <c r="F1425" s="359" t="s">
        <v>14379</v>
      </c>
      <c r="G1425" s="359" t="s">
        <v>14340</v>
      </c>
      <c r="H1425" s="359" t="s">
        <v>14378</v>
      </c>
      <c r="I1425" s="359" t="s">
        <v>14340</v>
      </c>
      <c r="J1425" s="359"/>
      <c r="K1425" s="359"/>
      <c r="L1425" s="359"/>
    </row>
    <row r="1426" spans="2:12">
      <c r="B1426" s="359"/>
      <c r="C1426" s="359"/>
      <c r="D1426" s="359"/>
      <c r="E1426" s="359"/>
      <c r="F1426" s="360"/>
      <c r="G1426" s="360"/>
      <c r="H1426" s="360"/>
      <c r="I1426" s="360"/>
      <c r="J1426" s="359"/>
      <c r="K1426" s="359"/>
      <c r="L1426" s="359"/>
    </row>
    <row r="1427" spans="2:12">
      <c r="B1427" s="359"/>
      <c r="C1427" s="359"/>
      <c r="D1427" s="359"/>
      <c r="E1427" s="359"/>
      <c r="F1427" s="359" t="s">
        <v>14339</v>
      </c>
      <c r="G1427" s="360"/>
      <c r="H1427" s="359" t="s">
        <v>14341</v>
      </c>
      <c r="I1427" s="360"/>
      <c r="J1427" s="359"/>
      <c r="K1427" s="359"/>
      <c r="L1427" s="359"/>
    </row>
    <row r="1428" spans="2:12">
      <c r="B1428" s="359"/>
      <c r="C1428" s="359"/>
      <c r="D1428" s="359"/>
      <c r="E1428" s="359"/>
      <c r="F1428" s="360"/>
      <c r="G1428" s="360"/>
      <c r="H1428" s="360"/>
      <c r="I1428" s="360"/>
      <c r="J1428" s="359"/>
      <c r="K1428" s="359"/>
      <c r="L1428" s="359"/>
    </row>
    <row r="1429" spans="2:12">
      <c r="B1429" s="361"/>
      <c r="C1429" s="361"/>
      <c r="D1429" s="361"/>
      <c r="E1429" s="361"/>
      <c r="F1429" s="362"/>
      <c r="G1429" s="362"/>
      <c r="H1429" s="361" t="s">
        <v>14332</v>
      </c>
      <c r="I1429" s="362"/>
      <c r="J1429" s="361"/>
      <c r="K1429" s="361"/>
      <c r="L1429" s="361"/>
    </row>
    <row r="1430" spans="2:12">
      <c r="B1430" s="358" t="s">
        <v>15029</v>
      </c>
      <c r="C1430" s="358" t="s">
        <v>15030</v>
      </c>
      <c r="D1430" s="358" t="s">
        <v>15031</v>
      </c>
      <c r="E1430" s="358" t="s">
        <v>15032</v>
      </c>
      <c r="F1430" s="358" t="s">
        <v>14379</v>
      </c>
      <c r="G1430" s="358" t="s">
        <v>14380</v>
      </c>
      <c r="H1430" s="358" t="s">
        <v>14378</v>
      </c>
      <c r="I1430" s="358" t="s">
        <v>14380</v>
      </c>
      <c r="J1430" s="358"/>
      <c r="K1430" s="358"/>
      <c r="L1430" s="358"/>
    </row>
    <row r="1431" spans="2:12">
      <c r="B1431" s="359"/>
      <c r="C1431" s="359"/>
      <c r="D1431" s="359"/>
      <c r="E1431" s="359"/>
      <c r="F1431" s="360"/>
      <c r="G1431" s="360"/>
      <c r="H1431" s="360"/>
      <c r="I1431" s="360"/>
      <c r="J1431" s="359"/>
      <c r="K1431" s="359"/>
      <c r="L1431" s="359"/>
    </row>
    <row r="1432" spans="2:12">
      <c r="B1432" s="359"/>
      <c r="C1432" s="359"/>
      <c r="D1432" s="359"/>
      <c r="E1432" s="359"/>
      <c r="F1432" s="359" t="s">
        <v>14530</v>
      </c>
      <c r="G1432" s="359" t="s">
        <v>14531</v>
      </c>
      <c r="H1432" s="359" t="s">
        <v>14341</v>
      </c>
      <c r="I1432" s="359" t="s">
        <v>14531</v>
      </c>
      <c r="J1432" s="359"/>
      <c r="K1432" s="359"/>
      <c r="L1432" s="359"/>
    </row>
    <row r="1433" spans="2:12">
      <c r="B1433" s="359"/>
      <c r="C1433" s="359"/>
      <c r="D1433" s="359"/>
      <c r="E1433" s="359"/>
      <c r="F1433" s="360"/>
      <c r="G1433" s="360"/>
      <c r="H1433" s="360"/>
      <c r="I1433" s="360"/>
      <c r="J1433" s="359"/>
      <c r="K1433" s="359"/>
      <c r="L1433" s="359"/>
    </row>
    <row r="1434" spans="2:12">
      <c r="B1434" s="359"/>
      <c r="C1434" s="359"/>
      <c r="D1434" s="359"/>
      <c r="E1434" s="359"/>
      <c r="F1434" s="359" t="s">
        <v>14379</v>
      </c>
      <c r="G1434" s="359" t="s">
        <v>14405</v>
      </c>
      <c r="H1434" s="359" t="s">
        <v>14332</v>
      </c>
      <c r="I1434" s="359" t="s">
        <v>14405</v>
      </c>
      <c r="J1434" s="359"/>
      <c r="K1434" s="359"/>
      <c r="L1434" s="359"/>
    </row>
    <row r="1435" spans="2:12">
      <c r="B1435" s="359"/>
      <c r="C1435" s="359"/>
      <c r="D1435" s="359"/>
      <c r="E1435" s="359"/>
      <c r="F1435" s="360"/>
      <c r="G1435" s="360"/>
      <c r="H1435" s="360"/>
      <c r="I1435" s="360"/>
      <c r="J1435" s="359"/>
      <c r="K1435" s="359"/>
      <c r="L1435" s="359"/>
    </row>
    <row r="1436" spans="2:12">
      <c r="B1436" s="361"/>
      <c r="C1436" s="361"/>
      <c r="D1436" s="361"/>
      <c r="E1436" s="361"/>
      <c r="F1436" s="361" t="s">
        <v>14339</v>
      </c>
      <c r="G1436" s="361" t="s">
        <v>14340</v>
      </c>
      <c r="H1436" s="362"/>
      <c r="I1436" s="361" t="s">
        <v>14340</v>
      </c>
      <c r="J1436" s="361"/>
      <c r="K1436" s="361"/>
      <c r="L1436" s="361"/>
    </row>
    <row r="1437" spans="2:12" ht="114">
      <c r="B1437" s="358" t="s">
        <v>15033</v>
      </c>
      <c r="C1437" s="358" t="s">
        <v>15034</v>
      </c>
      <c r="D1437" s="358" t="s">
        <v>15031</v>
      </c>
      <c r="E1437" s="358" t="s">
        <v>15032</v>
      </c>
      <c r="F1437" s="358" t="s">
        <v>14379</v>
      </c>
      <c r="G1437" s="358" t="s">
        <v>14380</v>
      </c>
      <c r="H1437" s="358" t="s">
        <v>14378</v>
      </c>
      <c r="I1437" s="358" t="s">
        <v>14380</v>
      </c>
      <c r="J1437" s="358"/>
      <c r="K1437" s="358" t="s">
        <v>28598</v>
      </c>
      <c r="L1437" s="358" t="s">
        <v>10376</v>
      </c>
    </row>
    <row r="1438" spans="2:12">
      <c r="B1438" s="359"/>
      <c r="C1438" s="359"/>
      <c r="D1438" s="359"/>
      <c r="E1438" s="359"/>
      <c r="F1438" s="360"/>
      <c r="G1438" s="360"/>
      <c r="H1438" s="360"/>
      <c r="I1438" s="360"/>
      <c r="J1438" s="359"/>
      <c r="K1438" s="359"/>
      <c r="L1438" s="359"/>
    </row>
    <row r="1439" spans="2:12">
      <c r="B1439" s="359"/>
      <c r="C1439" s="359"/>
      <c r="D1439" s="359"/>
      <c r="E1439" s="359"/>
      <c r="F1439" s="359" t="s">
        <v>14530</v>
      </c>
      <c r="G1439" s="359" t="s">
        <v>14531</v>
      </c>
      <c r="H1439" s="359" t="s">
        <v>14341</v>
      </c>
      <c r="I1439" s="359" t="s">
        <v>14531</v>
      </c>
      <c r="J1439" s="359"/>
      <c r="K1439" s="359"/>
      <c r="L1439" s="359"/>
    </row>
    <row r="1440" spans="2:12">
      <c r="B1440" s="359"/>
      <c r="C1440" s="359"/>
      <c r="D1440" s="359"/>
      <c r="E1440" s="359"/>
      <c r="F1440" s="360"/>
      <c r="G1440" s="360"/>
      <c r="H1440" s="360"/>
      <c r="I1440" s="360"/>
      <c r="J1440" s="359"/>
      <c r="K1440" s="359"/>
      <c r="L1440" s="359"/>
    </row>
    <row r="1441" spans="2:12">
      <c r="B1441" s="359"/>
      <c r="C1441" s="359"/>
      <c r="D1441" s="359"/>
      <c r="E1441" s="359"/>
      <c r="F1441" s="359" t="s">
        <v>14379</v>
      </c>
      <c r="G1441" s="359" t="s">
        <v>14405</v>
      </c>
      <c r="H1441" s="359" t="s">
        <v>14332</v>
      </c>
      <c r="I1441" s="359" t="s">
        <v>14405</v>
      </c>
      <c r="J1441" s="359"/>
      <c r="K1441" s="359"/>
      <c r="L1441" s="359"/>
    </row>
    <row r="1442" spans="2:12">
      <c r="B1442" s="359"/>
      <c r="C1442" s="359"/>
      <c r="D1442" s="359"/>
      <c r="E1442" s="359"/>
      <c r="F1442" s="360"/>
      <c r="G1442" s="360"/>
      <c r="H1442" s="360"/>
      <c r="I1442" s="360"/>
      <c r="J1442" s="359"/>
      <c r="K1442" s="359"/>
      <c r="L1442" s="359"/>
    </row>
    <row r="1443" spans="2:12">
      <c r="B1443" s="361"/>
      <c r="C1443" s="361"/>
      <c r="D1443" s="361"/>
      <c r="E1443" s="361"/>
      <c r="F1443" s="361" t="s">
        <v>14339</v>
      </c>
      <c r="G1443" s="361" t="s">
        <v>14340</v>
      </c>
      <c r="H1443" s="362"/>
      <c r="I1443" s="361" t="s">
        <v>14340</v>
      </c>
      <c r="J1443" s="361"/>
      <c r="K1443" s="361"/>
      <c r="L1443" s="361"/>
    </row>
    <row r="1444" spans="2:12">
      <c r="B1444" s="358" t="s">
        <v>15035</v>
      </c>
      <c r="C1444" s="358" t="s">
        <v>15036</v>
      </c>
      <c r="D1444" s="358" t="s">
        <v>15037</v>
      </c>
      <c r="E1444" s="358" t="s">
        <v>15038</v>
      </c>
      <c r="F1444" s="358" t="s">
        <v>14382</v>
      </c>
      <c r="G1444" s="358" t="s">
        <v>14383</v>
      </c>
      <c r="H1444" s="358" t="s">
        <v>14378</v>
      </c>
      <c r="I1444" s="358" t="s">
        <v>14383</v>
      </c>
      <c r="J1444" s="358" t="s">
        <v>14534</v>
      </c>
      <c r="K1444" s="358"/>
      <c r="L1444" s="358"/>
    </row>
    <row r="1445" spans="2:12">
      <c r="B1445" s="359"/>
      <c r="C1445" s="359"/>
      <c r="D1445" s="359"/>
      <c r="E1445" s="359"/>
      <c r="F1445" s="360"/>
      <c r="G1445" s="360"/>
      <c r="H1445" s="360"/>
      <c r="I1445" s="360"/>
      <c r="J1445" s="359"/>
      <c r="K1445" s="359"/>
      <c r="L1445" s="359"/>
    </row>
    <row r="1446" spans="2:12">
      <c r="B1446" s="359"/>
      <c r="C1446" s="359"/>
      <c r="D1446" s="359"/>
      <c r="E1446" s="359"/>
      <c r="F1446" s="359" t="s">
        <v>14386</v>
      </c>
      <c r="G1446" s="359" t="s">
        <v>14387</v>
      </c>
      <c r="H1446" s="359" t="s">
        <v>14332</v>
      </c>
      <c r="I1446" s="359" t="s">
        <v>14387</v>
      </c>
      <c r="J1446" s="359"/>
      <c r="K1446" s="359"/>
      <c r="L1446" s="359"/>
    </row>
    <row r="1447" spans="2:12">
      <c r="B1447" s="359"/>
      <c r="C1447" s="359"/>
      <c r="D1447" s="359"/>
      <c r="E1447" s="359"/>
      <c r="F1447" s="360"/>
      <c r="G1447" s="360"/>
      <c r="H1447" s="360"/>
      <c r="I1447" s="360"/>
      <c r="J1447" s="359"/>
      <c r="K1447" s="359"/>
      <c r="L1447" s="359"/>
    </row>
    <row r="1448" spans="2:12">
      <c r="B1448" s="361"/>
      <c r="C1448" s="361"/>
      <c r="D1448" s="361"/>
      <c r="E1448" s="361"/>
      <c r="F1448" s="361" t="s">
        <v>14389</v>
      </c>
      <c r="G1448" s="361" t="s">
        <v>14390</v>
      </c>
      <c r="H1448" s="362"/>
      <c r="I1448" s="361" t="s">
        <v>14390</v>
      </c>
      <c r="J1448" s="361"/>
      <c r="K1448" s="361"/>
      <c r="L1448" s="361"/>
    </row>
    <row r="1449" spans="2:12">
      <c r="B1449" s="358" t="s">
        <v>15039</v>
      </c>
      <c r="C1449" s="358" t="s">
        <v>15040</v>
      </c>
      <c r="D1449" s="358" t="s">
        <v>15041</v>
      </c>
      <c r="E1449" s="358" t="s">
        <v>15042</v>
      </c>
      <c r="F1449" s="358" t="s">
        <v>14382</v>
      </c>
      <c r="G1449" s="358" t="s">
        <v>14483</v>
      </c>
      <c r="H1449" s="358" t="s">
        <v>14378</v>
      </c>
      <c r="I1449" s="358" t="s">
        <v>14483</v>
      </c>
      <c r="J1449" s="358"/>
      <c r="K1449" s="358"/>
      <c r="L1449" s="358"/>
    </row>
    <row r="1450" spans="2:12">
      <c r="B1450" s="359"/>
      <c r="C1450" s="359"/>
      <c r="D1450" s="359"/>
      <c r="E1450" s="359"/>
      <c r="F1450" s="360"/>
      <c r="G1450" s="360"/>
      <c r="H1450" s="360"/>
      <c r="I1450" s="360"/>
      <c r="J1450" s="359"/>
      <c r="K1450" s="359"/>
      <c r="L1450" s="359"/>
    </row>
    <row r="1451" spans="2:12">
      <c r="B1451" s="359"/>
      <c r="C1451" s="359"/>
      <c r="D1451" s="359"/>
      <c r="E1451" s="359"/>
      <c r="F1451" s="359" t="s">
        <v>14382</v>
      </c>
      <c r="G1451" s="359" t="s">
        <v>14579</v>
      </c>
      <c r="H1451" s="359" t="s">
        <v>14332</v>
      </c>
      <c r="I1451" s="359" t="s">
        <v>14579</v>
      </c>
      <c r="J1451" s="359"/>
      <c r="K1451" s="359"/>
      <c r="L1451" s="359"/>
    </row>
    <row r="1452" spans="2:12">
      <c r="B1452" s="359"/>
      <c r="C1452" s="359"/>
      <c r="D1452" s="359"/>
      <c r="E1452" s="359"/>
      <c r="F1452" s="360"/>
      <c r="G1452" s="360"/>
      <c r="H1452" s="360"/>
      <c r="I1452" s="360"/>
      <c r="J1452" s="359"/>
      <c r="K1452" s="359"/>
      <c r="L1452" s="359"/>
    </row>
    <row r="1453" spans="2:12">
      <c r="B1453" s="361"/>
      <c r="C1453" s="361"/>
      <c r="D1453" s="361"/>
      <c r="E1453" s="361"/>
      <c r="F1453" s="361" t="s">
        <v>14382</v>
      </c>
      <c r="G1453" s="361" t="s">
        <v>14383</v>
      </c>
      <c r="H1453" s="362"/>
      <c r="I1453" s="361" t="s">
        <v>14383</v>
      </c>
      <c r="J1453" s="361"/>
      <c r="K1453" s="361"/>
      <c r="L1453" s="361"/>
    </row>
    <row r="1454" spans="2:12">
      <c r="B1454" s="358" t="s">
        <v>15043</v>
      </c>
      <c r="C1454" s="358" t="s">
        <v>15044</v>
      </c>
      <c r="D1454" s="358" t="s">
        <v>15045</v>
      </c>
      <c r="E1454" s="358" t="s">
        <v>15046</v>
      </c>
      <c r="F1454" s="358" t="s">
        <v>14382</v>
      </c>
      <c r="G1454" s="358" t="s">
        <v>14483</v>
      </c>
      <c r="H1454" s="358" t="s">
        <v>14378</v>
      </c>
      <c r="I1454" s="358" t="s">
        <v>14483</v>
      </c>
      <c r="J1454" s="358"/>
      <c r="K1454" s="358"/>
      <c r="L1454" s="358"/>
    </row>
    <row r="1455" spans="2:12">
      <c r="B1455" s="359"/>
      <c r="C1455" s="359"/>
      <c r="D1455" s="359"/>
      <c r="E1455" s="359"/>
      <c r="F1455" s="360"/>
      <c r="G1455" s="360"/>
      <c r="H1455" s="360"/>
      <c r="I1455" s="360"/>
      <c r="J1455" s="359"/>
      <c r="K1455" s="359"/>
      <c r="L1455" s="359"/>
    </row>
    <row r="1456" spans="2:12">
      <c r="B1456" s="359"/>
      <c r="C1456" s="359"/>
      <c r="D1456" s="359"/>
      <c r="E1456" s="359"/>
      <c r="F1456" s="359" t="s">
        <v>14382</v>
      </c>
      <c r="G1456" s="359" t="s">
        <v>14579</v>
      </c>
      <c r="H1456" s="359" t="s">
        <v>14332</v>
      </c>
      <c r="I1456" s="359" t="s">
        <v>14579</v>
      </c>
      <c r="J1456" s="359"/>
      <c r="K1456" s="359"/>
      <c r="L1456" s="359"/>
    </row>
    <row r="1457" spans="2:12">
      <c r="B1457" s="359"/>
      <c r="C1457" s="359"/>
      <c r="D1457" s="359"/>
      <c r="E1457" s="359"/>
      <c r="F1457" s="360"/>
      <c r="G1457" s="360"/>
      <c r="H1457" s="360"/>
      <c r="I1457" s="360"/>
      <c r="J1457" s="359"/>
      <c r="K1457" s="359"/>
      <c r="L1457" s="359"/>
    </row>
    <row r="1458" spans="2:12">
      <c r="B1458" s="361"/>
      <c r="C1458" s="361"/>
      <c r="D1458" s="361"/>
      <c r="E1458" s="361"/>
      <c r="F1458" s="361" t="s">
        <v>14382</v>
      </c>
      <c r="G1458" s="361" t="s">
        <v>14383</v>
      </c>
      <c r="H1458" s="362"/>
      <c r="I1458" s="361" t="s">
        <v>14383</v>
      </c>
      <c r="J1458" s="361"/>
      <c r="K1458" s="361"/>
      <c r="L1458" s="361"/>
    </row>
    <row r="1459" spans="2:12" ht="85.5">
      <c r="B1459" s="358" t="s">
        <v>15047</v>
      </c>
      <c r="C1459" s="358" t="s">
        <v>15048</v>
      </c>
      <c r="D1459" s="358" t="s">
        <v>15049</v>
      </c>
      <c r="E1459" s="358" t="s">
        <v>15050</v>
      </c>
      <c r="F1459" s="358" t="s">
        <v>14382</v>
      </c>
      <c r="G1459" s="358" t="s">
        <v>14383</v>
      </c>
      <c r="H1459" s="358" t="s">
        <v>14378</v>
      </c>
      <c r="I1459" s="358" t="s">
        <v>14383</v>
      </c>
      <c r="J1459" s="358"/>
      <c r="K1459" s="358" t="s">
        <v>28599</v>
      </c>
      <c r="L1459" s="358"/>
    </row>
    <row r="1460" spans="2:12">
      <c r="B1460" s="359"/>
      <c r="C1460" s="360"/>
      <c r="D1460" s="359"/>
      <c r="E1460" s="359"/>
      <c r="F1460" s="360"/>
      <c r="G1460" s="360"/>
      <c r="H1460" s="360"/>
      <c r="I1460" s="360"/>
      <c r="J1460" s="359"/>
      <c r="K1460" s="360"/>
      <c r="L1460" s="359"/>
    </row>
    <row r="1461" spans="2:12" ht="28.5">
      <c r="B1461" s="359"/>
      <c r="C1461" s="359" t="s">
        <v>15051</v>
      </c>
      <c r="D1461" s="359"/>
      <c r="E1461" s="359"/>
      <c r="F1461" s="359" t="s">
        <v>14356</v>
      </c>
      <c r="G1461" s="359" t="s">
        <v>14340</v>
      </c>
      <c r="H1461" s="359" t="s">
        <v>14341</v>
      </c>
      <c r="I1461" s="359" t="s">
        <v>14340</v>
      </c>
      <c r="J1461" s="359"/>
      <c r="K1461" s="359" t="s">
        <v>28600</v>
      </c>
      <c r="L1461" s="359"/>
    </row>
    <row r="1462" spans="2:12">
      <c r="B1462" s="359"/>
      <c r="C1462" s="360"/>
      <c r="D1462" s="359"/>
      <c r="E1462" s="359"/>
      <c r="F1462" s="360"/>
      <c r="G1462" s="360"/>
      <c r="H1462" s="360"/>
      <c r="I1462" s="360"/>
      <c r="J1462" s="359"/>
      <c r="K1462" s="360"/>
      <c r="L1462" s="359"/>
    </row>
    <row r="1463" spans="2:12">
      <c r="B1463" s="361"/>
      <c r="C1463" s="362"/>
      <c r="D1463" s="361"/>
      <c r="E1463" s="361"/>
      <c r="F1463" s="362"/>
      <c r="G1463" s="362"/>
      <c r="H1463" s="361" t="s">
        <v>14332</v>
      </c>
      <c r="I1463" s="362"/>
      <c r="J1463" s="361"/>
      <c r="K1463" s="361" t="s">
        <v>28601</v>
      </c>
      <c r="L1463" s="361"/>
    </row>
    <row r="1464" spans="2:12">
      <c r="B1464" s="358" t="s">
        <v>15052</v>
      </c>
      <c r="C1464" s="358" t="s">
        <v>15053</v>
      </c>
      <c r="D1464" s="358" t="s">
        <v>15054</v>
      </c>
      <c r="E1464" s="358" t="s">
        <v>15055</v>
      </c>
      <c r="F1464" s="358" t="s">
        <v>14382</v>
      </c>
      <c r="G1464" s="358" t="s">
        <v>14383</v>
      </c>
      <c r="H1464" s="358" t="s">
        <v>14378</v>
      </c>
      <c r="I1464" s="358" t="s">
        <v>14383</v>
      </c>
      <c r="J1464" s="358"/>
      <c r="K1464" s="358" t="s">
        <v>14929</v>
      </c>
      <c r="L1464" s="358"/>
    </row>
    <row r="1465" spans="2:12">
      <c r="B1465" s="359"/>
      <c r="C1465" s="360"/>
      <c r="D1465" s="359"/>
      <c r="E1465" s="359"/>
      <c r="F1465" s="360"/>
      <c r="G1465" s="360"/>
      <c r="H1465" s="360"/>
      <c r="I1465" s="360"/>
      <c r="J1465" s="359"/>
      <c r="K1465" s="360"/>
      <c r="L1465" s="359"/>
    </row>
    <row r="1466" spans="2:12" ht="42.75">
      <c r="B1466" s="359"/>
      <c r="C1466" s="359" t="s">
        <v>15056</v>
      </c>
      <c r="D1466" s="359"/>
      <c r="E1466" s="359"/>
      <c r="F1466" s="359" t="s">
        <v>14356</v>
      </c>
      <c r="G1466" s="359" t="s">
        <v>14340</v>
      </c>
      <c r="H1466" s="359" t="s">
        <v>14341</v>
      </c>
      <c r="I1466" s="359" t="s">
        <v>14340</v>
      </c>
      <c r="J1466" s="359"/>
      <c r="K1466" s="359" t="s">
        <v>28602</v>
      </c>
      <c r="L1466" s="359"/>
    </row>
    <row r="1467" spans="2:12">
      <c r="B1467" s="359"/>
      <c r="C1467" s="360"/>
      <c r="D1467" s="359"/>
      <c r="E1467" s="359"/>
      <c r="F1467" s="360"/>
      <c r="G1467" s="360"/>
      <c r="H1467" s="360"/>
      <c r="I1467" s="360"/>
      <c r="J1467" s="359"/>
      <c r="K1467" s="360"/>
      <c r="L1467" s="359"/>
    </row>
    <row r="1468" spans="2:12" ht="42.75">
      <c r="B1468" s="359"/>
      <c r="C1468" s="360"/>
      <c r="D1468" s="359"/>
      <c r="E1468" s="359"/>
      <c r="F1468" s="360"/>
      <c r="G1468" s="360"/>
      <c r="H1468" s="359" t="s">
        <v>14332</v>
      </c>
      <c r="I1468" s="360"/>
      <c r="J1468" s="359"/>
      <c r="K1468" s="359" t="s">
        <v>28603</v>
      </c>
      <c r="L1468" s="359"/>
    </row>
    <row r="1469" spans="2:12">
      <c r="B1469" s="359"/>
      <c r="C1469" s="360"/>
      <c r="D1469" s="359"/>
      <c r="E1469" s="359"/>
      <c r="F1469" s="360"/>
      <c r="G1469" s="360"/>
      <c r="H1469" s="360"/>
      <c r="I1469" s="360"/>
      <c r="J1469" s="359"/>
      <c r="K1469" s="360"/>
      <c r="L1469" s="359"/>
    </row>
    <row r="1470" spans="2:12" ht="42.75">
      <c r="B1470" s="361"/>
      <c r="C1470" s="362"/>
      <c r="D1470" s="361"/>
      <c r="E1470" s="361"/>
      <c r="F1470" s="362"/>
      <c r="G1470" s="362"/>
      <c r="H1470" s="362"/>
      <c r="I1470" s="362"/>
      <c r="J1470" s="361"/>
      <c r="K1470" s="361" t="s">
        <v>28604</v>
      </c>
      <c r="L1470" s="361"/>
    </row>
    <row r="1471" spans="2:12">
      <c r="B1471" s="358" t="s">
        <v>15057</v>
      </c>
      <c r="C1471" s="358" t="s">
        <v>15058</v>
      </c>
      <c r="D1471" s="358" t="s">
        <v>15059</v>
      </c>
      <c r="E1471" s="358" t="s">
        <v>15060</v>
      </c>
      <c r="F1471" s="358" t="s">
        <v>14382</v>
      </c>
      <c r="G1471" s="358" t="s">
        <v>14383</v>
      </c>
      <c r="H1471" s="358" t="s">
        <v>14378</v>
      </c>
      <c r="I1471" s="358" t="s">
        <v>14383</v>
      </c>
      <c r="J1471" s="358"/>
      <c r="K1471" s="358" t="s">
        <v>14929</v>
      </c>
      <c r="L1471" s="358"/>
    </row>
    <row r="1472" spans="2:12">
      <c r="B1472" s="359"/>
      <c r="C1472" s="360"/>
      <c r="D1472" s="359"/>
      <c r="E1472" s="359"/>
      <c r="F1472" s="360"/>
      <c r="G1472" s="360"/>
      <c r="H1472" s="360"/>
      <c r="I1472" s="360"/>
      <c r="J1472" s="359"/>
      <c r="K1472" s="360"/>
      <c r="L1472" s="359"/>
    </row>
    <row r="1473" spans="2:12" ht="85.5">
      <c r="B1473" s="359"/>
      <c r="C1473" s="359" t="s">
        <v>15061</v>
      </c>
      <c r="D1473" s="359"/>
      <c r="E1473" s="359"/>
      <c r="F1473" s="359" t="s">
        <v>14356</v>
      </c>
      <c r="G1473" s="359" t="s">
        <v>14340</v>
      </c>
      <c r="H1473" s="359" t="s">
        <v>14341</v>
      </c>
      <c r="I1473" s="359" t="s">
        <v>14340</v>
      </c>
      <c r="J1473" s="359"/>
      <c r="K1473" s="359" t="s">
        <v>28605</v>
      </c>
      <c r="L1473" s="359"/>
    </row>
    <row r="1474" spans="2:12">
      <c r="B1474" s="359"/>
      <c r="C1474" s="360"/>
      <c r="D1474" s="359"/>
      <c r="E1474" s="359"/>
      <c r="F1474" s="360"/>
      <c r="G1474" s="360"/>
      <c r="H1474" s="360"/>
      <c r="I1474" s="360"/>
      <c r="J1474" s="359"/>
      <c r="K1474" s="360"/>
      <c r="L1474" s="359"/>
    </row>
    <row r="1475" spans="2:12" ht="42.75">
      <c r="B1475" s="361"/>
      <c r="C1475" s="362"/>
      <c r="D1475" s="361"/>
      <c r="E1475" s="361"/>
      <c r="F1475" s="362"/>
      <c r="G1475" s="362"/>
      <c r="H1475" s="361" t="s">
        <v>14332</v>
      </c>
      <c r="I1475" s="362"/>
      <c r="J1475" s="361"/>
      <c r="K1475" s="361" t="s">
        <v>28604</v>
      </c>
      <c r="L1475" s="361"/>
    </row>
    <row r="1476" spans="2:12" ht="85.5">
      <c r="B1476" s="358" t="s">
        <v>15062</v>
      </c>
      <c r="C1476" s="358" t="s">
        <v>28606</v>
      </c>
      <c r="D1476" s="358" t="s">
        <v>15063</v>
      </c>
      <c r="E1476" s="358" t="s">
        <v>15064</v>
      </c>
      <c r="F1476" s="358" t="s">
        <v>14356</v>
      </c>
      <c r="G1476" s="358" t="s">
        <v>14340</v>
      </c>
      <c r="H1476" s="358" t="s">
        <v>14341</v>
      </c>
      <c r="I1476" s="358" t="s">
        <v>14340</v>
      </c>
      <c r="J1476" s="358"/>
      <c r="K1476" s="358" t="s">
        <v>28607</v>
      </c>
      <c r="L1476" s="358" t="s">
        <v>10376</v>
      </c>
    </row>
    <row r="1477" spans="2:12">
      <c r="B1477" s="359"/>
      <c r="C1477" s="359"/>
      <c r="D1477" s="359"/>
      <c r="E1477" s="359"/>
      <c r="F1477" s="359"/>
      <c r="G1477" s="359"/>
      <c r="H1477" s="360"/>
      <c r="I1477" s="359"/>
      <c r="J1477" s="359"/>
      <c r="K1477" s="360"/>
      <c r="L1477" s="359"/>
    </row>
    <row r="1478" spans="2:12" ht="42.75">
      <c r="B1478" s="359"/>
      <c r="C1478" s="359"/>
      <c r="D1478" s="359"/>
      <c r="E1478" s="359"/>
      <c r="F1478" s="359"/>
      <c r="G1478" s="359"/>
      <c r="H1478" s="359" t="s">
        <v>14332</v>
      </c>
      <c r="I1478" s="359"/>
      <c r="J1478" s="359"/>
      <c r="K1478" s="359" t="s">
        <v>28608</v>
      </c>
      <c r="L1478" s="359"/>
    </row>
    <row r="1479" spans="2:12">
      <c r="B1479" s="359"/>
      <c r="C1479" s="359"/>
      <c r="D1479" s="359"/>
      <c r="E1479" s="359"/>
      <c r="F1479" s="359"/>
      <c r="G1479" s="359"/>
      <c r="H1479" s="360"/>
      <c r="I1479" s="359"/>
      <c r="J1479" s="359"/>
      <c r="K1479" s="360"/>
      <c r="L1479" s="359"/>
    </row>
    <row r="1480" spans="2:12">
      <c r="B1480" s="361"/>
      <c r="C1480" s="361"/>
      <c r="D1480" s="361"/>
      <c r="E1480" s="361"/>
      <c r="F1480" s="361"/>
      <c r="G1480" s="361"/>
      <c r="H1480" s="362"/>
      <c r="I1480" s="361"/>
      <c r="J1480" s="361"/>
      <c r="K1480" s="361" t="s">
        <v>28609</v>
      </c>
      <c r="L1480" s="361"/>
    </row>
    <row r="1481" spans="2:12">
      <c r="B1481" s="358" t="s">
        <v>15065</v>
      </c>
      <c r="C1481" s="358" t="s">
        <v>28610</v>
      </c>
      <c r="D1481" s="358" t="s">
        <v>15066</v>
      </c>
      <c r="E1481" s="358" t="s">
        <v>1814</v>
      </c>
      <c r="F1481" s="358" t="s">
        <v>14356</v>
      </c>
      <c r="G1481" s="358" t="s">
        <v>14340</v>
      </c>
      <c r="H1481" s="358" t="s">
        <v>14341</v>
      </c>
      <c r="I1481" s="358" t="s">
        <v>14340</v>
      </c>
      <c r="J1481" s="358"/>
      <c r="K1481" s="358"/>
      <c r="L1481" s="358" t="s">
        <v>10376</v>
      </c>
    </row>
    <row r="1482" spans="2:12">
      <c r="B1482" s="359"/>
      <c r="C1482" s="359"/>
      <c r="D1482" s="359"/>
      <c r="E1482" s="359"/>
      <c r="F1482" s="359"/>
      <c r="G1482" s="359"/>
      <c r="H1482" s="360"/>
      <c r="I1482" s="359"/>
      <c r="J1482" s="359"/>
      <c r="K1482" s="359"/>
      <c r="L1482" s="359"/>
    </row>
    <row r="1483" spans="2:12">
      <c r="B1483" s="361"/>
      <c r="C1483" s="361"/>
      <c r="D1483" s="361"/>
      <c r="E1483" s="361"/>
      <c r="F1483" s="361"/>
      <c r="G1483" s="361"/>
      <c r="H1483" s="361" t="s">
        <v>14332</v>
      </c>
      <c r="I1483" s="361"/>
      <c r="J1483" s="361"/>
      <c r="K1483" s="361"/>
      <c r="L1483" s="361"/>
    </row>
    <row r="1484" spans="2:12" ht="28.5">
      <c r="B1484" s="358" t="s">
        <v>15067</v>
      </c>
      <c r="C1484" s="358" t="s">
        <v>15068</v>
      </c>
      <c r="D1484" s="358" t="s">
        <v>15069</v>
      </c>
      <c r="E1484" s="358" t="s">
        <v>15070</v>
      </c>
      <c r="F1484" s="358" t="s">
        <v>14382</v>
      </c>
      <c r="G1484" s="358" t="s">
        <v>14483</v>
      </c>
      <c r="H1484" s="358" t="s">
        <v>14378</v>
      </c>
      <c r="I1484" s="358" t="s">
        <v>14483</v>
      </c>
      <c r="J1484" s="358"/>
      <c r="K1484" s="358" t="s">
        <v>14929</v>
      </c>
      <c r="L1484" s="358" t="s">
        <v>9491</v>
      </c>
    </row>
    <row r="1485" spans="2:12">
      <c r="B1485" s="359"/>
      <c r="C1485" s="360"/>
      <c r="D1485" s="360"/>
      <c r="E1485" s="360"/>
      <c r="F1485" s="360"/>
      <c r="G1485" s="360"/>
      <c r="H1485" s="360"/>
      <c r="I1485" s="360"/>
      <c r="J1485" s="359"/>
      <c r="K1485" s="359"/>
      <c r="L1485" s="359"/>
    </row>
    <row r="1486" spans="2:12" ht="28.5">
      <c r="B1486" s="359"/>
      <c r="C1486" s="359" t="s">
        <v>15071</v>
      </c>
      <c r="D1486" s="359" t="s">
        <v>15072</v>
      </c>
      <c r="E1486" s="359" t="s">
        <v>15073</v>
      </c>
      <c r="F1486" s="359" t="s">
        <v>14382</v>
      </c>
      <c r="G1486" s="359" t="s">
        <v>14579</v>
      </c>
      <c r="H1486" s="359" t="s">
        <v>14332</v>
      </c>
      <c r="I1486" s="359" t="s">
        <v>14579</v>
      </c>
      <c r="J1486" s="359"/>
      <c r="K1486" s="359"/>
      <c r="L1486" s="359"/>
    </row>
    <row r="1487" spans="2:12">
      <c r="B1487" s="359"/>
      <c r="C1487" s="360"/>
      <c r="D1487" s="360"/>
      <c r="E1487" s="360"/>
      <c r="F1487" s="360"/>
      <c r="G1487" s="360"/>
      <c r="H1487" s="360"/>
      <c r="I1487" s="360"/>
      <c r="J1487" s="359"/>
      <c r="K1487" s="359"/>
      <c r="L1487" s="359"/>
    </row>
    <row r="1488" spans="2:12" ht="28.5">
      <c r="B1488" s="361"/>
      <c r="C1488" s="361" t="s">
        <v>15074</v>
      </c>
      <c r="D1488" s="361" t="s">
        <v>15075</v>
      </c>
      <c r="E1488" s="361" t="s">
        <v>15076</v>
      </c>
      <c r="F1488" s="361" t="s">
        <v>14382</v>
      </c>
      <c r="G1488" s="361" t="s">
        <v>14383</v>
      </c>
      <c r="H1488" s="362"/>
      <c r="I1488" s="361" t="s">
        <v>14383</v>
      </c>
      <c r="J1488" s="361"/>
      <c r="K1488" s="361"/>
      <c r="L1488" s="361"/>
    </row>
    <row r="1489" spans="2:12" ht="28.5">
      <c r="B1489" s="358" t="s">
        <v>15077</v>
      </c>
      <c r="C1489" s="358" t="s">
        <v>15078</v>
      </c>
      <c r="D1489" s="358" t="s">
        <v>8356</v>
      </c>
      <c r="E1489" s="358" t="s">
        <v>8356</v>
      </c>
      <c r="F1489" s="358" t="s">
        <v>14420</v>
      </c>
      <c r="G1489" s="358" t="s">
        <v>14429</v>
      </c>
      <c r="H1489" s="358" t="s">
        <v>14367</v>
      </c>
      <c r="I1489" s="358" t="s">
        <v>14429</v>
      </c>
      <c r="J1489" s="358"/>
      <c r="K1489" s="358" t="s">
        <v>14929</v>
      </c>
      <c r="L1489" s="358" t="s">
        <v>9491</v>
      </c>
    </row>
    <row r="1490" spans="2:12">
      <c r="B1490" s="359"/>
      <c r="C1490" s="359"/>
      <c r="D1490" s="359"/>
      <c r="E1490" s="359"/>
      <c r="F1490" s="359"/>
      <c r="G1490" s="359"/>
      <c r="H1490" s="360"/>
      <c r="I1490" s="359"/>
      <c r="J1490" s="359"/>
      <c r="K1490" s="359"/>
      <c r="L1490" s="359"/>
    </row>
    <row r="1491" spans="2:12">
      <c r="B1491" s="361"/>
      <c r="C1491" s="361"/>
      <c r="D1491" s="361"/>
      <c r="E1491" s="361"/>
      <c r="F1491" s="361"/>
      <c r="G1491" s="361"/>
      <c r="H1491" s="361" t="s">
        <v>14422</v>
      </c>
      <c r="I1491" s="361"/>
      <c r="J1491" s="361"/>
      <c r="K1491" s="361"/>
      <c r="L1491" s="361"/>
    </row>
    <row r="1492" spans="2:12">
      <c r="B1492" s="358" t="s">
        <v>12924</v>
      </c>
      <c r="C1492" s="358" t="s">
        <v>15079</v>
      </c>
      <c r="D1492" s="358" t="s">
        <v>12925</v>
      </c>
      <c r="E1492" s="358" t="s">
        <v>4260</v>
      </c>
      <c r="F1492" s="358" t="s">
        <v>14497</v>
      </c>
      <c r="G1492" s="358" t="s">
        <v>14481</v>
      </c>
      <c r="H1492" s="358" t="s">
        <v>14381</v>
      </c>
      <c r="I1492" s="358" t="s">
        <v>14481</v>
      </c>
      <c r="J1492" s="358"/>
      <c r="K1492" s="358"/>
      <c r="L1492" s="358" t="s">
        <v>27406</v>
      </c>
    </row>
    <row r="1493" spans="2:12">
      <c r="B1493" s="359"/>
      <c r="C1493" s="359"/>
      <c r="D1493" s="359"/>
      <c r="E1493" s="359"/>
      <c r="F1493" s="360"/>
      <c r="G1493" s="360"/>
      <c r="H1493" s="360"/>
      <c r="I1493" s="360"/>
      <c r="J1493" s="359"/>
      <c r="K1493" s="359"/>
      <c r="L1493" s="359"/>
    </row>
    <row r="1494" spans="2:12">
      <c r="B1494" s="359"/>
      <c r="C1494" s="359"/>
      <c r="D1494" s="359"/>
      <c r="E1494" s="359"/>
      <c r="F1494" s="359" t="s">
        <v>14420</v>
      </c>
      <c r="G1494" s="359" t="s">
        <v>14459</v>
      </c>
      <c r="H1494" s="359" t="s">
        <v>14367</v>
      </c>
      <c r="I1494" s="359" t="s">
        <v>14459</v>
      </c>
      <c r="J1494" s="359"/>
      <c r="K1494" s="359"/>
      <c r="L1494" s="359"/>
    </row>
    <row r="1495" spans="2:12">
      <c r="B1495" s="359"/>
      <c r="C1495" s="359"/>
      <c r="D1495" s="359"/>
      <c r="E1495" s="359"/>
      <c r="F1495" s="360"/>
      <c r="G1495" s="360"/>
      <c r="H1495" s="360"/>
      <c r="I1495" s="360"/>
      <c r="J1495" s="359"/>
      <c r="K1495" s="359"/>
      <c r="L1495" s="359"/>
    </row>
    <row r="1496" spans="2:12">
      <c r="B1496" s="359"/>
      <c r="C1496" s="359"/>
      <c r="D1496" s="359"/>
      <c r="E1496" s="359"/>
      <c r="F1496" s="359" t="s">
        <v>14420</v>
      </c>
      <c r="G1496" s="359" t="s">
        <v>14429</v>
      </c>
      <c r="H1496" s="359" t="s">
        <v>14370</v>
      </c>
      <c r="I1496" s="359" t="s">
        <v>14429</v>
      </c>
      <c r="J1496" s="359"/>
      <c r="K1496" s="359"/>
      <c r="L1496" s="359"/>
    </row>
    <row r="1497" spans="2:12">
      <c r="B1497" s="359"/>
      <c r="C1497" s="359"/>
      <c r="D1497" s="359"/>
      <c r="E1497" s="359"/>
      <c r="F1497" s="360"/>
      <c r="G1497" s="360"/>
      <c r="H1497" s="360"/>
      <c r="I1497" s="360"/>
      <c r="J1497" s="359"/>
      <c r="K1497" s="359"/>
      <c r="L1497" s="359"/>
    </row>
    <row r="1498" spans="2:12">
      <c r="B1498" s="359"/>
      <c r="C1498" s="359"/>
      <c r="D1498" s="359"/>
      <c r="E1498" s="359"/>
      <c r="F1498" s="359" t="s">
        <v>14460</v>
      </c>
      <c r="G1498" s="359" t="s">
        <v>14519</v>
      </c>
      <c r="H1498" s="359" t="s">
        <v>14332</v>
      </c>
      <c r="I1498" s="359" t="s">
        <v>14519</v>
      </c>
      <c r="J1498" s="359"/>
      <c r="K1498" s="359"/>
      <c r="L1498" s="359"/>
    </row>
    <row r="1499" spans="2:12">
      <c r="B1499" s="359"/>
      <c r="C1499" s="359"/>
      <c r="D1499" s="359"/>
      <c r="E1499" s="359"/>
      <c r="F1499" s="360"/>
      <c r="G1499" s="360"/>
      <c r="H1499" s="360"/>
      <c r="I1499" s="360"/>
      <c r="J1499" s="359"/>
      <c r="K1499" s="359"/>
      <c r="L1499" s="359"/>
    </row>
    <row r="1500" spans="2:12">
      <c r="B1500" s="359"/>
      <c r="C1500" s="359"/>
      <c r="D1500" s="359"/>
      <c r="E1500" s="359"/>
      <c r="F1500" s="359" t="s">
        <v>14371</v>
      </c>
      <c r="G1500" s="359" t="s">
        <v>14372</v>
      </c>
      <c r="H1500" s="360"/>
      <c r="I1500" s="359" t="s">
        <v>14373</v>
      </c>
      <c r="J1500" s="359"/>
      <c r="K1500" s="359"/>
      <c r="L1500" s="359"/>
    </row>
    <row r="1501" spans="2:12">
      <c r="B1501" s="359"/>
      <c r="C1501" s="359"/>
      <c r="D1501" s="359"/>
      <c r="E1501" s="359"/>
      <c r="F1501" s="360"/>
      <c r="G1501" s="360"/>
      <c r="H1501" s="360"/>
      <c r="I1501" s="360"/>
      <c r="J1501" s="359"/>
      <c r="K1501" s="359"/>
      <c r="L1501" s="359"/>
    </row>
    <row r="1502" spans="2:12" ht="28.5">
      <c r="B1502" s="361"/>
      <c r="C1502" s="361"/>
      <c r="D1502" s="361"/>
      <c r="E1502" s="361"/>
      <c r="F1502" s="361" t="s">
        <v>14374</v>
      </c>
      <c r="G1502" s="361" t="s">
        <v>14373</v>
      </c>
      <c r="H1502" s="362"/>
      <c r="I1502" s="362"/>
      <c r="J1502" s="361"/>
      <c r="K1502" s="361"/>
      <c r="L1502" s="361"/>
    </row>
    <row r="1503" spans="2:12">
      <c r="B1503" s="358" t="s">
        <v>15080</v>
      </c>
      <c r="C1503" s="358" t="s">
        <v>15081</v>
      </c>
      <c r="D1503" s="358" t="s">
        <v>15082</v>
      </c>
      <c r="E1503" s="358" t="s">
        <v>15083</v>
      </c>
      <c r="F1503" s="358" t="s">
        <v>14330</v>
      </c>
      <c r="G1503" s="358" t="s">
        <v>14483</v>
      </c>
      <c r="H1503" s="358" t="s">
        <v>14331</v>
      </c>
      <c r="I1503" s="358" t="s">
        <v>14483</v>
      </c>
      <c r="J1503" s="358"/>
      <c r="K1503" s="358"/>
      <c r="L1503" s="358" t="s">
        <v>14329</v>
      </c>
    </row>
    <row r="1504" spans="2:12">
      <c r="B1504" s="359"/>
      <c r="C1504" s="359"/>
      <c r="D1504" s="359"/>
      <c r="E1504" s="359"/>
      <c r="F1504" s="360"/>
      <c r="G1504" s="360"/>
      <c r="H1504" s="360"/>
      <c r="I1504" s="360"/>
      <c r="J1504" s="359"/>
      <c r="K1504" s="359"/>
      <c r="L1504" s="359"/>
    </row>
    <row r="1505" spans="2:12">
      <c r="B1505" s="359"/>
      <c r="C1505" s="359"/>
      <c r="D1505" s="359"/>
      <c r="E1505" s="359"/>
      <c r="F1505" s="359" t="s">
        <v>14382</v>
      </c>
      <c r="G1505" s="359" t="s">
        <v>14519</v>
      </c>
      <c r="H1505" s="359" t="s">
        <v>14378</v>
      </c>
      <c r="I1505" s="359" t="s">
        <v>14519</v>
      </c>
      <c r="J1505" s="359"/>
      <c r="K1505" s="359"/>
      <c r="L1505" s="359"/>
    </row>
    <row r="1506" spans="2:12">
      <c r="B1506" s="359"/>
      <c r="C1506" s="359"/>
      <c r="D1506" s="359"/>
      <c r="E1506" s="359"/>
      <c r="F1506" s="360"/>
      <c r="G1506" s="360"/>
      <c r="H1506" s="360"/>
      <c r="I1506" s="360"/>
      <c r="J1506" s="359"/>
      <c r="K1506" s="359"/>
      <c r="L1506" s="359"/>
    </row>
    <row r="1507" spans="2:12">
      <c r="B1507" s="359"/>
      <c r="C1507" s="359"/>
      <c r="D1507" s="359"/>
      <c r="E1507" s="359"/>
      <c r="F1507" s="359" t="s">
        <v>14460</v>
      </c>
      <c r="G1507" s="359" t="s">
        <v>14372</v>
      </c>
      <c r="H1507" s="359" t="s">
        <v>14381</v>
      </c>
      <c r="I1507" s="359" t="s">
        <v>14372</v>
      </c>
      <c r="J1507" s="359"/>
      <c r="K1507" s="359"/>
      <c r="L1507" s="359"/>
    </row>
    <row r="1508" spans="2:12">
      <c r="B1508" s="359"/>
      <c r="C1508" s="359"/>
      <c r="D1508" s="359"/>
      <c r="E1508" s="359"/>
      <c r="F1508" s="360"/>
      <c r="G1508" s="360"/>
      <c r="H1508" s="360"/>
      <c r="I1508" s="360"/>
      <c r="J1508" s="359"/>
      <c r="K1508" s="359"/>
      <c r="L1508" s="359"/>
    </row>
    <row r="1509" spans="2:12">
      <c r="B1509" s="359"/>
      <c r="C1509" s="359"/>
      <c r="D1509" s="359"/>
      <c r="E1509" s="359"/>
      <c r="F1509" s="359" t="s">
        <v>14371</v>
      </c>
      <c r="G1509" s="360"/>
      <c r="H1509" s="359" t="s">
        <v>14370</v>
      </c>
      <c r="I1509" s="360"/>
      <c r="J1509" s="359"/>
      <c r="K1509" s="359"/>
      <c r="L1509" s="359"/>
    </row>
    <row r="1510" spans="2:12">
      <c r="B1510" s="359"/>
      <c r="C1510" s="359"/>
      <c r="D1510" s="359"/>
      <c r="E1510" s="359"/>
      <c r="F1510" s="360"/>
      <c r="G1510" s="360"/>
      <c r="H1510" s="360"/>
      <c r="I1510" s="360"/>
      <c r="J1510" s="359"/>
      <c r="K1510" s="359"/>
      <c r="L1510" s="359"/>
    </row>
    <row r="1511" spans="2:12">
      <c r="B1511" s="361"/>
      <c r="C1511" s="361"/>
      <c r="D1511" s="361"/>
      <c r="E1511" s="361"/>
      <c r="F1511" s="362"/>
      <c r="G1511" s="362"/>
      <c r="H1511" s="361" t="s">
        <v>14332</v>
      </c>
      <c r="I1511" s="362"/>
      <c r="J1511" s="361"/>
      <c r="K1511" s="361"/>
      <c r="L1511" s="361"/>
    </row>
    <row r="1512" spans="2:12" ht="28.5">
      <c r="B1512" s="358" t="s">
        <v>15084</v>
      </c>
      <c r="C1512" s="358" t="s">
        <v>15085</v>
      </c>
      <c r="D1512" s="358" t="s">
        <v>15086</v>
      </c>
      <c r="E1512" s="358" t="s">
        <v>15087</v>
      </c>
      <c r="F1512" s="358" t="s">
        <v>14384</v>
      </c>
      <c r="G1512" s="358" t="s">
        <v>15088</v>
      </c>
      <c r="H1512" s="358" t="s">
        <v>14367</v>
      </c>
      <c r="I1512" s="358" t="s">
        <v>15088</v>
      </c>
      <c r="J1512" s="358"/>
      <c r="K1512" s="358"/>
      <c r="L1512" s="358"/>
    </row>
    <row r="1513" spans="2:12">
      <c r="B1513" s="359"/>
      <c r="C1513" s="360"/>
      <c r="D1513" s="360"/>
      <c r="E1513" s="360"/>
      <c r="F1513" s="360"/>
      <c r="G1513" s="360"/>
      <c r="H1513" s="360"/>
      <c r="I1513" s="360"/>
      <c r="J1513" s="359"/>
      <c r="K1513" s="359"/>
      <c r="L1513" s="359"/>
    </row>
    <row r="1514" spans="2:12" ht="28.5">
      <c r="B1514" s="359"/>
      <c r="C1514" s="359" t="s">
        <v>28611</v>
      </c>
      <c r="D1514" s="359" t="s">
        <v>15090</v>
      </c>
      <c r="E1514" s="359" t="s">
        <v>15091</v>
      </c>
      <c r="F1514" s="359" t="s">
        <v>15089</v>
      </c>
      <c r="G1514" s="359" t="s">
        <v>14459</v>
      </c>
      <c r="H1514" s="359" t="s">
        <v>14381</v>
      </c>
      <c r="I1514" s="359" t="s">
        <v>14459</v>
      </c>
      <c r="J1514" s="359"/>
      <c r="K1514" s="359"/>
      <c r="L1514" s="359"/>
    </row>
    <row r="1515" spans="2:12">
      <c r="B1515" s="359"/>
      <c r="C1515" s="360"/>
      <c r="D1515" s="360"/>
      <c r="E1515" s="360"/>
      <c r="F1515" s="360"/>
      <c r="G1515" s="360"/>
      <c r="H1515" s="360"/>
      <c r="I1515" s="360"/>
      <c r="J1515" s="359"/>
      <c r="K1515" s="359"/>
      <c r="L1515" s="359"/>
    </row>
    <row r="1516" spans="2:12" ht="28.5">
      <c r="B1516" s="359"/>
      <c r="C1516" s="360"/>
      <c r="D1516" s="360"/>
      <c r="E1516" s="360"/>
      <c r="F1516" s="359" t="s">
        <v>14394</v>
      </c>
      <c r="G1516" s="359" t="s">
        <v>14395</v>
      </c>
      <c r="H1516" s="359" t="s">
        <v>14370</v>
      </c>
      <c r="I1516" s="359" t="s">
        <v>14395</v>
      </c>
      <c r="J1516" s="359"/>
      <c r="K1516" s="359"/>
      <c r="L1516" s="359"/>
    </row>
    <row r="1517" spans="2:12">
      <c r="B1517" s="359"/>
      <c r="C1517" s="360"/>
      <c r="D1517" s="360"/>
      <c r="E1517" s="360"/>
      <c r="F1517" s="360"/>
      <c r="G1517" s="360"/>
      <c r="H1517" s="360"/>
      <c r="I1517" s="360"/>
      <c r="J1517" s="359"/>
      <c r="K1517" s="359"/>
      <c r="L1517" s="359"/>
    </row>
    <row r="1518" spans="2:12">
      <c r="B1518" s="361"/>
      <c r="C1518" s="362"/>
      <c r="D1518" s="362"/>
      <c r="E1518" s="362"/>
      <c r="F1518" s="362"/>
      <c r="G1518" s="362"/>
      <c r="H1518" s="361" t="s">
        <v>14332</v>
      </c>
      <c r="I1518" s="362"/>
      <c r="J1518" s="361"/>
      <c r="K1518" s="361"/>
      <c r="L1518" s="361"/>
    </row>
    <row r="1519" spans="2:12">
      <c r="B1519" s="358" t="s">
        <v>15092</v>
      </c>
      <c r="C1519" s="358" t="s">
        <v>15093</v>
      </c>
      <c r="D1519" s="358" t="s">
        <v>15094</v>
      </c>
      <c r="E1519" s="358" t="s">
        <v>15095</v>
      </c>
      <c r="F1519" s="358" t="s">
        <v>15096</v>
      </c>
      <c r="G1519" s="358" t="s">
        <v>15097</v>
      </c>
      <c r="H1519" s="358" t="s">
        <v>14328</v>
      </c>
      <c r="I1519" s="358" t="s">
        <v>15097</v>
      </c>
      <c r="J1519" s="358" t="s">
        <v>14355</v>
      </c>
      <c r="K1519" s="358"/>
      <c r="L1519" s="358" t="s">
        <v>14513</v>
      </c>
    </row>
    <row r="1520" spans="2:12">
      <c r="B1520" s="359"/>
      <c r="C1520" s="359"/>
      <c r="D1520" s="359"/>
      <c r="E1520" s="359"/>
      <c r="F1520" s="360"/>
      <c r="G1520" s="360"/>
      <c r="H1520" s="360"/>
      <c r="I1520" s="360"/>
      <c r="J1520" s="359"/>
      <c r="K1520" s="359"/>
      <c r="L1520" s="359"/>
    </row>
    <row r="1521" spans="2:12">
      <c r="B1521" s="359"/>
      <c r="C1521" s="359"/>
      <c r="D1521" s="359"/>
      <c r="E1521" s="359"/>
      <c r="F1521" s="359" t="s">
        <v>14337</v>
      </c>
      <c r="G1521" s="359" t="s">
        <v>14928</v>
      </c>
      <c r="H1521" s="359" t="s">
        <v>14341</v>
      </c>
      <c r="I1521" s="359" t="s">
        <v>14928</v>
      </c>
      <c r="J1521" s="359"/>
      <c r="K1521" s="359"/>
      <c r="L1521" s="359"/>
    </row>
    <row r="1522" spans="2:12">
      <c r="B1522" s="359"/>
      <c r="C1522" s="359"/>
      <c r="D1522" s="359"/>
      <c r="E1522" s="359"/>
      <c r="F1522" s="360"/>
      <c r="G1522" s="360"/>
      <c r="H1522" s="360"/>
      <c r="I1522" s="360"/>
      <c r="J1522" s="359"/>
      <c r="K1522" s="359"/>
      <c r="L1522" s="359"/>
    </row>
    <row r="1523" spans="2:12">
      <c r="B1523" s="359"/>
      <c r="C1523" s="359"/>
      <c r="D1523" s="359"/>
      <c r="E1523" s="359"/>
      <c r="F1523" s="359" t="s">
        <v>14339</v>
      </c>
      <c r="G1523" s="359" t="s">
        <v>14340</v>
      </c>
      <c r="H1523" s="359" t="s">
        <v>14367</v>
      </c>
      <c r="I1523" s="359" t="s">
        <v>14340</v>
      </c>
      <c r="J1523" s="359"/>
      <c r="K1523" s="359"/>
      <c r="L1523" s="359"/>
    </row>
    <row r="1524" spans="2:12">
      <c r="B1524" s="359"/>
      <c r="C1524" s="359"/>
      <c r="D1524" s="359"/>
      <c r="E1524" s="359"/>
      <c r="F1524" s="360"/>
      <c r="G1524" s="360"/>
      <c r="H1524" s="360"/>
      <c r="I1524" s="360"/>
      <c r="J1524" s="359"/>
      <c r="K1524" s="359"/>
      <c r="L1524" s="359"/>
    </row>
    <row r="1525" spans="2:12">
      <c r="B1525" s="361"/>
      <c r="C1525" s="361"/>
      <c r="D1525" s="361"/>
      <c r="E1525" s="361"/>
      <c r="F1525" s="361" t="s">
        <v>14420</v>
      </c>
      <c r="G1525" s="361" t="s">
        <v>14459</v>
      </c>
      <c r="H1525" s="361" t="s">
        <v>14332</v>
      </c>
      <c r="I1525" s="361" t="s">
        <v>14459</v>
      </c>
      <c r="J1525" s="361"/>
      <c r="K1525" s="361"/>
      <c r="L1525" s="361"/>
    </row>
    <row r="1526" spans="2:12">
      <c r="B1526" s="358" t="s">
        <v>15098</v>
      </c>
      <c r="C1526" s="358" t="s">
        <v>15099</v>
      </c>
      <c r="D1526" s="358" t="s">
        <v>15100</v>
      </c>
      <c r="E1526" s="358" t="s">
        <v>15101</v>
      </c>
      <c r="F1526" s="358" t="s">
        <v>14382</v>
      </c>
      <c r="G1526" s="358" t="s">
        <v>14383</v>
      </c>
      <c r="H1526" s="358" t="s">
        <v>14378</v>
      </c>
      <c r="I1526" s="358" t="s">
        <v>14383</v>
      </c>
      <c r="J1526" s="358"/>
      <c r="K1526" s="358" t="s">
        <v>14929</v>
      </c>
      <c r="L1526" s="358"/>
    </row>
    <row r="1527" spans="2:12">
      <c r="B1527" s="359"/>
      <c r="C1527" s="359"/>
      <c r="D1527" s="359"/>
      <c r="E1527" s="359"/>
      <c r="F1527" s="359"/>
      <c r="G1527" s="359"/>
      <c r="H1527" s="360"/>
      <c r="I1527" s="359"/>
      <c r="J1527" s="359"/>
      <c r="K1527" s="359"/>
      <c r="L1527" s="359"/>
    </row>
    <row r="1528" spans="2:12">
      <c r="B1528" s="361"/>
      <c r="C1528" s="361"/>
      <c r="D1528" s="361"/>
      <c r="E1528" s="361"/>
      <c r="F1528" s="361"/>
      <c r="G1528" s="361"/>
      <c r="H1528" s="361" t="s">
        <v>14332</v>
      </c>
      <c r="I1528" s="361"/>
      <c r="J1528" s="361"/>
      <c r="K1528" s="361"/>
      <c r="L1528" s="361"/>
    </row>
    <row r="1529" spans="2:12">
      <c r="B1529" s="358" t="s">
        <v>15102</v>
      </c>
      <c r="C1529" s="358" t="s">
        <v>15103</v>
      </c>
      <c r="D1529" s="358" t="s">
        <v>15104</v>
      </c>
      <c r="E1529" s="358" t="s">
        <v>15105</v>
      </c>
      <c r="F1529" s="358" t="s">
        <v>14337</v>
      </c>
      <c r="G1529" s="358" t="s">
        <v>14338</v>
      </c>
      <c r="H1529" s="358" t="s">
        <v>14328</v>
      </c>
      <c r="I1529" s="358" t="s">
        <v>14338</v>
      </c>
      <c r="J1529" s="358" t="s">
        <v>14355</v>
      </c>
      <c r="K1529" s="358"/>
      <c r="L1529" s="358"/>
    </row>
    <row r="1530" spans="2:12">
      <c r="B1530" s="359"/>
      <c r="C1530" s="359"/>
      <c r="D1530" s="359"/>
      <c r="E1530" s="359"/>
      <c r="F1530" s="360"/>
      <c r="G1530" s="360"/>
      <c r="H1530" s="360"/>
      <c r="I1530" s="360"/>
      <c r="J1530" s="359"/>
      <c r="K1530" s="359"/>
      <c r="L1530" s="359"/>
    </row>
    <row r="1531" spans="2:12">
      <c r="B1531" s="359"/>
      <c r="C1531" s="359"/>
      <c r="D1531" s="359"/>
      <c r="E1531" s="359"/>
      <c r="F1531" s="359" t="s">
        <v>14356</v>
      </c>
      <c r="G1531" s="359" t="s">
        <v>14340</v>
      </c>
      <c r="H1531" s="359" t="s">
        <v>14341</v>
      </c>
      <c r="I1531" s="359" t="s">
        <v>14340</v>
      </c>
      <c r="J1531" s="359"/>
      <c r="K1531" s="359"/>
      <c r="L1531" s="359"/>
    </row>
    <row r="1532" spans="2:12">
      <c r="B1532" s="359"/>
      <c r="C1532" s="359"/>
      <c r="D1532" s="359"/>
      <c r="E1532" s="359"/>
      <c r="F1532" s="360"/>
      <c r="G1532" s="360"/>
      <c r="H1532" s="360"/>
      <c r="I1532" s="360"/>
      <c r="J1532" s="359"/>
      <c r="K1532" s="359"/>
      <c r="L1532" s="359"/>
    </row>
    <row r="1533" spans="2:12">
      <c r="B1533" s="361"/>
      <c r="C1533" s="361"/>
      <c r="D1533" s="361"/>
      <c r="E1533" s="361"/>
      <c r="F1533" s="362"/>
      <c r="G1533" s="362"/>
      <c r="H1533" s="361" t="s">
        <v>14332</v>
      </c>
      <c r="I1533" s="362"/>
      <c r="J1533" s="361"/>
      <c r="K1533" s="361"/>
      <c r="L1533" s="361"/>
    </row>
    <row r="1534" spans="2:12" ht="156.75">
      <c r="B1534" s="358" t="s">
        <v>15106</v>
      </c>
      <c r="C1534" s="358" t="s">
        <v>15107</v>
      </c>
      <c r="D1534" s="358" t="s">
        <v>15108</v>
      </c>
      <c r="E1534" s="358" t="s">
        <v>15109</v>
      </c>
      <c r="F1534" s="358" t="s">
        <v>14339</v>
      </c>
      <c r="G1534" s="358" t="s">
        <v>14340</v>
      </c>
      <c r="H1534" s="358" t="s">
        <v>14341</v>
      </c>
      <c r="I1534" s="358" t="s">
        <v>14340</v>
      </c>
      <c r="J1534" s="358"/>
      <c r="K1534" s="358" t="s">
        <v>28612</v>
      </c>
      <c r="L1534" s="358"/>
    </row>
    <row r="1535" spans="2:12">
      <c r="B1535" s="359"/>
      <c r="C1535" s="360"/>
      <c r="D1535" s="359"/>
      <c r="E1535" s="359"/>
      <c r="F1535" s="359"/>
      <c r="G1535" s="359"/>
      <c r="H1535" s="360"/>
      <c r="I1535" s="359"/>
      <c r="J1535" s="359"/>
      <c r="K1535" s="359"/>
      <c r="L1535" s="359"/>
    </row>
    <row r="1536" spans="2:12">
      <c r="B1536" s="361"/>
      <c r="C1536" s="361" t="s">
        <v>15110</v>
      </c>
      <c r="D1536" s="361"/>
      <c r="E1536" s="361"/>
      <c r="F1536" s="361"/>
      <c r="G1536" s="361"/>
      <c r="H1536" s="361" t="s">
        <v>14332</v>
      </c>
      <c r="I1536" s="361"/>
      <c r="J1536" s="361"/>
      <c r="K1536" s="361"/>
      <c r="L1536" s="361"/>
    </row>
    <row r="1537" spans="2:12">
      <c r="B1537" s="358" t="s">
        <v>15111</v>
      </c>
      <c r="C1537" s="358" t="s">
        <v>15112</v>
      </c>
      <c r="D1537" s="358" t="s">
        <v>15113</v>
      </c>
      <c r="E1537" s="358" t="s">
        <v>15114</v>
      </c>
      <c r="F1537" s="358" t="s">
        <v>15115</v>
      </c>
      <c r="G1537" s="358" t="s">
        <v>15024</v>
      </c>
      <c r="H1537" s="358" t="s">
        <v>14479</v>
      </c>
      <c r="I1537" s="358" t="s">
        <v>15024</v>
      </c>
      <c r="J1537" s="358"/>
      <c r="K1537" s="358"/>
      <c r="L1537" s="358"/>
    </row>
    <row r="1538" spans="2:12">
      <c r="B1538" s="359"/>
      <c r="C1538" s="359"/>
      <c r="D1538" s="359"/>
      <c r="E1538" s="359"/>
      <c r="F1538" s="360"/>
      <c r="G1538" s="360"/>
      <c r="H1538" s="360"/>
      <c r="I1538" s="360"/>
      <c r="J1538" s="359"/>
      <c r="K1538" s="359"/>
      <c r="L1538" s="359"/>
    </row>
    <row r="1539" spans="2:12">
      <c r="B1539" s="359"/>
      <c r="C1539" s="359"/>
      <c r="D1539" s="359"/>
      <c r="E1539" s="359"/>
      <c r="F1539" s="359" t="s">
        <v>14339</v>
      </c>
      <c r="G1539" s="359" t="s">
        <v>14340</v>
      </c>
      <c r="H1539" s="359" t="s">
        <v>14341</v>
      </c>
      <c r="I1539" s="359" t="s">
        <v>14340</v>
      </c>
      <c r="J1539" s="359"/>
      <c r="K1539" s="359"/>
      <c r="L1539" s="359"/>
    </row>
    <row r="1540" spans="2:12">
      <c r="B1540" s="359"/>
      <c r="C1540" s="359"/>
      <c r="D1540" s="359"/>
      <c r="E1540" s="359"/>
      <c r="F1540" s="360"/>
      <c r="G1540" s="360"/>
      <c r="H1540" s="360"/>
      <c r="I1540" s="360"/>
      <c r="J1540" s="359"/>
      <c r="K1540" s="359"/>
      <c r="L1540" s="359"/>
    </row>
    <row r="1541" spans="2:12">
      <c r="B1541" s="361"/>
      <c r="C1541" s="361"/>
      <c r="D1541" s="361"/>
      <c r="E1541" s="361"/>
      <c r="F1541" s="362"/>
      <c r="G1541" s="362"/>
      <c r="H1541" s="361" t="s">
        <v>14332</v>
      </c>
      <c r="I1541" s="362"/>
      <c r="J1541" s="361"/>
      <c r="K1541" s="361"/>
      <c r="L1541" s="361"/>
    </row>
    <row r="1542" spans="2:12">
      <c r="B1542" s="358" t="s">
        <v>15116</v>
      </c>
      <c r="C1542" s="358" t="s">
        <v>15117</v>
      </c>
      <c r="D1542" s="358" t="s">
        <v>15118</v>
      </c>
      <c r="E1542" s="358" t="s">
        <v>6544</v>
      </c>
      <c r="F1542" s="358" t="s">
        <v>14379</v>
      </c>
      <c r="G1542" s="358" t="s">
        <v>14405</v>
      </c>
      <c r="H1542" s="358" t="s">
        <v>14378</v>
      </c>
      <c r="I1542" s="358" t="s">
        <v>14405</v>
      </c>
      <c r="J1542" s="358" t="s">
        <v>14534</v>
      </c>
      <c r="K1542" s="358"/>
      <c r="L1542" s="358"/>
    </row>
    <row r="1543" spans="2:12">
      <c r="B1543" s="359"/>
      <c r="C1543" s="359"/>
      <c r="D1543" s="359"/>
      <c r="E1543" s="359"/>
      <c r="F1543" s="360"/>
      <c r="G1543" s="360"/>
      <c r="H1543" s="360"/>
      <c r="I1543" s="360"/>
      <c r="J1543" s="359"/>
      <c r="K1543" s="359"/>
      <c r="L1543" s="359"/>
    </row>
    <row r="1544" spans="2:12">
      <c r="B1544" s="359"/>
      <c r="C1544" s="359"/>
      <c r="D1544" s="359"/>
      <c r="E1544" s="359"/>
      <c r="F1544" s="359" t="s">
        <v>14371</v>
      </c>
      <c r="G1544" s="359" t="s">
        <v>14372</v>
      </c>
      <c r="H1544" s="359" t="s">
        <v>14370</v>
      </c>
      <c r="I1544" s="359" t="s">
        <v>14372</v>
      </c>
      <c r="J1544" s="359"/>
      <c r="K1544" s="359"/>
      <c r="L1544" s="359"/>
    </row>
    <row r="1545" spans="2:12">
      <c r="B1545" s="359"/>
      <c r="C1545" s="359"/>
      <c r="D1545" s="359"/>
      <c r="E1545" s="359"/>
      <c r="F1545" s="360"/>
      <c r="G1545" s="360"/>
      <c r="H1545" s="360"/>
      <c r="I1545" s="360"/>
      <c r="J1545" s="359"/>
      <c r="K1545" s="359"/>
      <c r="L1545" s="359"/>
    </row>
    <row r="1546" spans="2:12" ht="28.5">
      <c r="B1546" s="361"/>
      <c r="C1546" s="361"/>
      <c r="D1546" s="361"/>
      <c r="E1546" s="361"/>
      <c r="F1546" s="361" t="s">
        <v>14374</v>
      </c>
      <c r="G1546" s="361" t="s">
        <v>14373</v>
      </c>
      <c r="H1546" s="361" t="s">
        <v>14332</v>
      </c>
      <c r="I1546" s="361" t="s">
        <v>14373</v>
      </c>
      <c r="J1546" s="361"/>
      <c r="K1546" s="361"/>
      <c r="L1546" s="361"/>
    </row>
    <row r="1547" spans="2:12">
      <c r="B1547" s="358" t="s">
        <v>15119</v>
      </c>
      <c r="C1547" s="358" t="s">
        <v>15120</v>
      </c>
      <c r="D1547" s="358" t="s">
        <v>15121</v>
      </c>
      <c r="E1547" s="358" t="s">
        <v>15122</v>
      </c>
      <c r="F1547" s="358" t="s">
        <v>14386</v>
      </c>
      <c r="G1547" s="358" t="s">
        <v>14387</v>
      </c>
      <c r="H1547" s="358" t="s">
        <v>14367</v>
      </c>
      <c r="I1547" s="358" t="s">
        <v>14387</v>
      </c>
      <c r="J1547" s="358"/>
      <c r="K1547" s="358"/>
      <c r="L1547" s="358"/>
    </row>
    <row r="1548" spans="2:12">
      <c r="B1548" s="359"/>
      <c r="C1548" s="359"/>
      <c r="D1548" s="359"/>
      <c r="E1548" s="359"/>
      <c r="F1548" s="359"/>
      <c r="G1548" s="359"/>
      <c r="H1548" s="360"/>
      <c r="I1548" s="359"/>
      <c r="J1548" s="359"/>
      <c r="K1548" s="359"/>
      <c r="L1548" s="359"/>
    </row>
    <row r="1549" spans="2:12">
      <c r="B1549" s="361"/>
      <c r="C1549" s="361"/>
      <c r="D1549" s="361"/>
      <c r="E1549" s="361"/>
      <c r="F1549" s="361"/>
      <c r="G1549" s="361"/>
      <c r="H1549" s="361" t="s">
        <v>14422</v>
      </c>
      <c r="I1549" s="361"/>
      <c r="J1549" s="361"/>
      <c r="K1549" s="361"/>
      <c r="L1549" s="361"/>
    </row>
    <row r="1550" spans="2:12">
      <c r="B1550" s="358" t="s">
        <v>15123</v>
      </c>
      <c r="C1550" s="358" t="s">
        <v>15124</v>
      </c>
      <c r="D1550" s="358" t="s">
        <v>15125</v>
      </c>
      <c r="E1550" s="358" t="s">
        <v>15126</v>
      </c>
      <c r="F1550" s="358" t="s">
        <v>14420</v>
      </c>
      <c r="G1550" s="358" t="s">
        <v>14429</v>
      </c>
      <c r="H1550" s="358" t="s">
        <v>14367</v>
      </c>
      <c r="I1550" s="358" t="s">
        <v>14429</v>
      </c>
      <c r="J1550" s="358"/>
      <c r="K1550" s="358"/>
      <c r="L1550" s="358"/>
    </row>
    <row r="1551" spans="2:12">
      <c r="B1551" s="359"/>
      <c r="C1551" s="359"/>
      <c r="D1551" s="359"/>
      <c r="E1551" s="359"/>
      <c r="F1551" s="360"/>
      <c r="G1551" s="360"/>
      <c r="H1551" s="360"/>
      <c r="I1551" s="360"/>
      <c r="J1551" s="359"/>
      <c r="K1551" s="359"/>
      <c r="L1551" s="359"/>
    </row>
    <row r="1552" spans="2:12" ht="28.5">
      <c r="B1552" s="361"/>
      <c r="C1552" s="361"/>
      <c r="D1552" s="361"/>
      <c r="E1552" s="361"/>
      <c r="F1552" s="361" t="s">
        <v>14472</v>
      </c>
      <c r="G1552" s="361" t="s">
        <v>14473</v>
      </c>
      <c r="H1552" s="361" t="s">
        <v>14422</v>
      </c>
      <c r="I1552" s="361" t="s">
        <v>14473</v>
      </c>
      <c r="J1552" s="361"/>
      <c r="K1552" s="361"/>
      <c r="L1552" s="361"/>
    </row>
    <row r="1553" spans="2:12">
      <c r="B1553" s="358" t="s">
        <v>15127</v>
      </c>
      <c r="C1553" s="358" t="s">
        <v>15128</v>
      </c>
      <c r="D1553" s="358" t="s">
        <v>8356</v>
      </c>
      <c r="E1553" s="358" t="s">
        <v>15129</v>
      </c>
      <c r="F1553" s="358" t="s">
        <v>14371</v>
      </c>
      <c r="G1553" s="358" t="s">
        <v>14372</v>
      </c>
      <c r="H1553" s="358" t="s">
        <v>14370</v>
      </c>
      <c r="I1553" s="358" t="s">
        <v>14373</v>
      </c>
      <c r="J1553" s="358"/>
      <c r="K1553" s="358" t="s">
        <v>14517</v>
      </c>
      <c r="L1553" s="358"/>
    </row>
    <row r="1554" spans="2:12">
      <c r="B1554" s="359"/>
      <c r="C1554" s="359"/>
      <c r="D1554" s="359"/>
      <c r="E1554" s="359"/>
      <c r="F1554" s="360"/>
      <c r="G1554" s="360"/>
      <c r="H1554" s="360"/>
      <c r="I1554" s="359"/>
      <c r="J1554" s="359"/>
      <c r="K1554" s="359"/>
      <c r="L1554" s="359"/>
    </row>
    <row r="1555" spans="2:12" ht="28.5">
      <c r="B1555" s="361"/>
      <c r="C1555" s="361"/>
      <c r="D1555" s="361"/>
      <c r="E1555" s="361"/>
      <c r="F1555" s="361" t="s">
        <v>14374</v>
      </c>
      <c r="G1555" s="361" t="s">
        <v>14373</v>
      </c>
      <c r="H1555" s="361" t="s">
        <v>14422</v>
      </c>
      <c r="I1555" s="361"/>
      <c r="J1555" s="361"/>
      <c r="K1555" s="361"/>
      <c r="L1555" s="361"/>
    </row>
    <row r="1556" spans="2:12">
      <c r="B1556" s="358" t="s">
        <v>15130</v>
      </c>
      <c r="C1556" s="358" t="s">
        <v>15131</v>
      </c>
      <c r="D1556" s="358" t="s">
        <v>15132</v>
      </c>
      <c r="E1556" s="358" t="s">
        <v>15133</v>
      </c>
      <c r="F1556" s="358" t="s">
        <v>14337</v>
      </c>
      <c r="G1556" s="358" t="s">
        <v>14338</v>
      </c>
      <c r="H1556" s="358" t="s">
        <v>14328</v>
      </c>
      <c r="I1556" s="358" t="s">
        <v>14338</v>
      </c>
      <c r="J1556" s="358"/>
      <c r="K1556" s="358"/>
      <c r="L1556" s="358" t="s">
        <v>14513</v>
      </c>
    </row>
    <row r="1557" spans="2:12">
      <c r="B1557" s="359"/>
      <c r="C1557" s="359"/>
      <c r="D1557" s="359"/>
      <c r="E1557" s="359"/>
      <c r="F1557" s="360"/>
      <c r="G1557" s="360"/>
      <c r="H1557" s="360"/>
      <c r="I1557" s="360"/>
      <c r="J1557" s="359"/>
      <c r="K1557" s="359"/>
      <c r="L1557" s="359"/>
    </row>
    <row r="1558" spans="2:12">
      <c r="B1558" s="361"/>
      <c r="C1558" s="361"/>
      <c r="D1558" s="361"/>
      <c r="E1558" s="361"/>
      <c r="F1558" s="361" t="s">
        <v>14361</v>
      </c>
      <c r="G1558" s="361" t="s">
        <v>14362</v>
      </c>
      <c r="H1558" s="361" t="s">
        <v>14332</v>
      </c>
      <c r="I1558" s="361" t="s">
        <v>14362</v>
      </c>
      <c r="J1558" s="361"/>
      <c r="K1558" s="361"/>
      <c r="L1558" s="361"/>
    </row>
    <row r="1559" spans="2:12">
      <c r="B1559" s="358" t="s">
        <v>15134</v>
      </c>
      <c r="C1559" s="358" t="s">
        <v>15135</v>
      </c>
      <c r="D1559" s="358" t="s">
        <v>15132</v>
      </c>
      <c r="E1559" s="358" t="s">
        <v>8356</v>
      </c>
      <c r="F1559" s="358" t="s">
        <v>15096</v>
      </c>
      <c r="G1559" s="358" t="s">
        <v>15097</v>
      </c>
      <c r="H1559" s="358" t="s">
        <v>14328</v>
      </c>
      <c r="I1559" s="358" t="s">
        <v>15097</v>
      </c>
      <c r="J1559" s="358"/>
      <c r="K1559" s="358"/>
      <c r="L1559" s="358" t="s">
        <v>14513</v>
      </c>
    </row>
    <row r="1560" spans="2:12">
      <c r="B1560" s="359"/>
      <c r="C1560" s="359"/>
      <c r="D1560" s="359"/>
      <c r="E1560" s="359"/>
      <c r="F1560" s="360"/>
      <c r="G1560" s="360"/>
      <c r="H1560" s="360"/>
      <c r="I1560" s="360"/>
      <c r="J1560" s="359"/>
      <c r="K1560" s="359"/>
      <c r="L1560" s="359"/>
    </row>
    <row r="1561" spans="2:12">
      <c r="B1561" s="359"/>
      <c r="C1561" s="359"/>
      <c r="D1561" s="359"/>
      <c r="E1561" s="359"/>
      <c r="F1561" s="359" t="s">
        <v>15136</v>
      </c>
      <c r="G1561" s="359" t="s">
        <v>15137</v>
      </c>
      <c r="H1561" s="359" t="s">
        <v>14332</v>
      </c>
      <c r="I1561" s="359" t="s">
        <v>15137</v>
      </c>
      <c r="J1561" s="359"/>
      <c r="K1561" s="359"/>
      <c r="L1561" s="359"/>
    </row>
    <row r="1562" spans="2:12">
      <c r="B1562" s="359"/>
      <c r="C1562" s="359"/>
      <c r="D1562" s="359"/>
      <c r="E1562" s="359"/>
      <c r="F1562" s="360"/>
      <c r="G1562" s="360"/>
      <c r="H1562" s="360"/>
      <c r="I1562" s="360"/>
      <c r="J1562" s="359"/>
      <c r="K1562" s="359"/>
      <c r="L1562" s="359"/>
    </row>
    <row r="1563" spans="2:12">
      <c r="B1563" s="361"/>
      <c r="C1563" s="361"/>
      <c r="D1563" s="361"/>
      <c r="E1563" s="361"/>
      <c r="F1563" s="361" t="s">
        <v>15138</v>
      </c>
      <c r="G1563" s="361" t="s">
        <v>15139</v>
      </c>
      <c r="H1563" s="362"/>
      <c r="I1563" s="361" t="s">
        <v>15139</v>
      </c>
      <c r="J1563" s="361"/>
      <c r="K1563" s="361"/>
      <c r="L1563" s="361"/>
    </row>
    <row r="1564" spans="2:12">
      <c r="B1564" s="358" t="s">
        <v>15140</v>
      </c>
      <c r="C1564" s="358" t="s">
        <v>15141</v>
      </c>
      <c r="D1564" s="358" t="s">
        <v>8356</v>
      </c>
      <c r="E1564" s="358" t="s">
        <v>8356</v>
      </c>
      <c r="F1564" s="358" t="s">
        <v>14366</v>
      </c>
      <c r="G1564" s="358" t="s">
        <v>14362</v>
      </c>
      <c r="H1564" s="358" t="s">
        <v>14328</v>
      </c>
      <c r="I1564" s="358" t="s">
        <v>14362</v>
      </c>
      <c r="J1564" s="358" t="s">
        <v>14355</v>
      </c>
      <c r="K1564" s="358"/>
      <c r="L1564" s="358" t="s">
        <v>9491</v>
      </c>
    </row>
    <row r="1565" spans="2:12">
      <c r="B1565" s="359"/>
      <c r="C1565" s="359"/>
      <c r="D1565" s="359"/>
      <c r="E1565" s="359"/>
      <c r="F1565" s="360"/>
      <c r="G1565" s="360"/>
      <c r="H1565" s="360"/>
      <c r="I1565" s="360"/>
      <c r="J1565" s="359"/>
      <c r="K1565" s="359"/>
      <c r="L1565" s="359"/>
    </row>
    <row r="1566" spans="2:12">
      <c r="B1566" s="359"/>
      <c r="C1566" s="359"/>
      <c r="D1566" s="359"/>
      <c r="E1566" s="359"/>
      <c r="F1566" s="359" t="s">
        <v>14337</v>
      </c>
      <c r="G1566" s="359" t="s">
        <v>14338</v>
      </c>
      <c r="H1566" s="359" t="s">
        <v>14341</v>
      </c>
      <c r="I1566" s="359" t="s">
        <v>14338</v>
      </c>
      <c r="J1566" s="359"/>
      <c r="K1566" s="359"/>
      <c r="L1566" s="359"/>
    </row>
    <row r="1567" spans="2:12">
      <c r="B1567" s="359"/>
      <c r="C1567" s="359"/>
      <c r="D1567" s="359"/>
      <c r="E1567" s="359"/>
      <c r="F1567" s="360"/>
      <c r="G1567" s="360"/>
      <c r="H1567" s="360"/>
      <c r="I1567" s="360"/>
      <c r="J1567" s="359"/>
      <c r="K1567" s="359"/>
      <c r="L1567" s="359"/>
    </row>
    <row r="1568" spans="2:12">
      <c r="B1568" s="361"/>
      <c r="C1568" s="361"/>
      <c r="D1568" s="361"/>
      <c r="E1568" s="361"/>
      <c r="F1568" s="361" t="s">
        <v>14356</v>
      </c>
      <c r="G1568" s="361" t="s">
        <v>14340</v>
      </c>
      <c r="H1568" s="361" t="s">
        <v>14332</v>
      </c>
      <c r="I1568" s="361" t="s">
        <v>14340</v>
      </c>
      <c r="J1568" s="361"/>
      <c r="K1568" s="361"/>
      <c r="L1568" s="361"/>
    </row>
    <row r="1569" spans="2:12" ht="28.5">
      <c r="B1569" s="358" t="s">
        <v>15142</v>
      </c>
      <c r="C1569" s="358" t="s">
        <v>15143</v>
      </c>
      <c r="D1569" s="358" t="s">
        <v>15144</v>
      </c>
      <c r="E1569" s="358" t="s">
        <v>8356</v>
      </c>
      <c r="F1569" s="358" t="s">
        <v>14371</v>
      </c>
      <c r="G1569" s="358" t="s">
        <v>14372</v>
      </c>
      <c r="H1569" s="358" t="s">
        <v>14370</v>
      </c>
      <c r="I1569" s="358" t="s">
        <v>14373</v>
      </c>
      <c r="J1569" s="358"/>
      <c r="K1569" s="358"/>
      <c r="L1569" s="358"/>
    </row>
    <row r="1570" spans="2:12">
      <c r="B1570" s="359"/>
      <c r="C1570" s="359"/>
      <c r="D1570" s="359"/>
      <c r="E1570" s="359"/>
      <c r="F1570" s="360"/>
      <c r="G1570" s="360"/>
      <c r="H1570" s="360"/>
      <c r="I1570" s="359"/>
      <c r="J1570" s="359"/>
      <c r="K1570" s="359"/>
      <c r="L1570" s="359"/>
    </row>
    <row r="1571" spans="2:12" ht="28.5">
      <c r="B1571" s="361"/>
      <c r="C1571" s="361"/>
      <c r="D1571" s="361"/>
      <c r="E1571" s="361"/>
      <c r="F1571" s="361" t="s">
        <v>14374</v>
      </c>
      <c r="G1571" s="361" t="s">
        <v>14373</v>
      </c>
      <c r="H1571" s="361" t="s">
        <v>14422</v>
      </c>
      <c r="I1571" s="361"/>
      <c r="J1571" s="361"/>
      <c r="K1571" s="361"/>
      <c r="L1571" s="361"/>
    </row>
    <row r="1572" spans="2:12">
      <c r="B1572" s="358" t="s">
        <v>15145</v>
      </c>
      <c r="C1572" s="358" t="s">
        <v>15146</v>
      </c>
      <c r="D1572" s="358" t="s">
        <v>15147</v>
      </c>
      <c r="E1572" s="358" t="s">
        <v>15148</v>
      </c>
      <c r="F1572" s="358" t="s">
        <v>15136</v>
      </c>
      <c r="G1572" s="358" t="s">
        <v>15137</v>
      </c>
      <c r="H1572" s="358" t="s">
        <v>14328</v>
      </c>
      <c r="I1572" s="358" t="s">
        <v>15137</v>
      </c>
      <c r="J1572" s="358"/>
      <c r="K1572" s="358"/>
      <c r="L1572" s="358" t="s">
        <v>14513</v>
      </c>
    </row>
    <row r="1573" spans="2:12">
      <c r="B1573" s="359"/>
      <c r="C1573" s="359"/>
      <c r="D1573" s="359"/>
      <c r="E1573" s="359"/>
      <c r="F1573" s="360"/>
      <c r="G1573" s="360"/>
      <c r="H1573" s="360"/>
      <c r="I1573" s="360"/>
      <c r="J1573" s="359"/>
      <c r="K1573" s="359"/>
      <c r="L1573" s="359"/>
    </row>
    <row r="1574" spans="2:12">
      <c r="B1574" s="361"/>
      <c r="C1574" s="361"/>
      <c r="D1574" s="361"/>
      <c r="E1574" s="361"/>
      <c r="F1574" s="361" t="s">
        <v>14361</v>
      </c>
      <c r="G1574" s="361" t="s">
        <v>14362</v>
      </c>
      <c r="H1574" s="361" t="s">
        <v>14332</v>
      </c>
      <c r="I1574" s="361" t="s">
        <v>14362</v>
      </c>
      <c r="J1574" s="361"/>
      <c r="K1574" s="361"/>
      <c r="L1574" s="361"/>
    </row>
    <row r="1575" spans="2:12">
      <c r="B1575" s="358" t="s">
        <v>15149</v>
      </c>
      <c r="C1575" s="358" t="s">
        <v>15150</v>
      </c>
      <c r="D1575" s="358" t="s">
        <v>15147</v>
      </c>
      <c r="E1575" s="358" t="s">
        <v>15148</v>
      </c>
      <c r="F1575" s="358" t="s">
        <v>15136</v>
      </c>
      <c r="G1575" s="358" t="s">
        <v>15137</v>
      </c>
      <c r="H1575" s="358" t="s">
        <v>14328</v>
      </c>
      <c r="I1575" s="358" t="s">
        <v>15137</v>
      </c>
      <c r="J1575" s="358"/>
      <c r="K1575" s="358"/>
      <c r="L1575" s="358" t="s">
        <v>14513</v>
      </c>
    </row>
    <row r="1576" spans="2:12">
      <c r="B1576" s="359"/>
      <c r="C1576" s="359"/>
      <c r="D1576" s="359"/>
      <c r="E1576" s="359"/>
      <c r="F1576" s="360"/>
      <c r="G1576" s="360"/>
      <c r="H1576" s="360"/>
      <c r="I1576" s="360"/>
      <c r="J1576" s="359"/>
      <c r="K1576" s="359"/>
      <c r="L1576" s="359"/>
    </row>
    <row r="1577" spans="2:12">
      <c r="B1577" s="361"/>
      <c r="C1577" s="361"/>
      <c r="D1577" s="361"/>
      <c r="E1577" s="361"/>
      <c r="F1577" s="361" t="s">
        <v>15096</v>
      </c>
      <c r="G1577" s="361" t="s">
        <v>15097</v>
      </c>
      <c r="H1577" s="361" t="s">
        <v>14332</v>
      </c>
      <c r="I1577" s="361" t="s">
        <v>15097</v>
      </c>
      <c r="J1577" s="361"/>
      <c r="K1577" s="361"/>
      <c r="L1577" s="361"/>
    </row>
    <row r="1578" spans="2:12">
      <c r="B1578" s="358" t="s">
        <v>15151</v>
      </c>
      <c r="C1578" s="358" t="s">
        <v>15152</v>
      </c>
      <c r="D1578" s="358" t="s">
        <v>15153</v>
      </c>
      <c r="E1578" s="358" t="s">
        <v>15154</v>
      </c>
      <c r="F1578" s="358" t="s">
        <v>14356</v>
      </c>
      <c r="G1578" s="358" t="s">
        <v>14340</v>
      </c>
      <c r="H1578" s="358" t="s">
        <v>14341</v>
      </c>
      <c r="I1578" s="358" t="s">
        <v>14340</v>
      </c>
      <c r="J1578" s="358"/>
      <c r="K1578" s="358"/>
      <c r="L1578" s="358"/>
    </row>
    <row r="1579" spans="2:12">
      <c r="B1579" s="359"/>
      <c r="C1579" s="359"/>
      <c r="D1579" s="359"/>
      <c r="E1579" s="359"/>
      <c r="F1579" s="359"/>
      <c r="G1579" s="359"/>
      <c r="H1579" s="360"/>
      <c r="I1579" s="359"/>
      <c r="J1579" s="359"/>
      <c r="K1579" s="359"/>
      <c r="L1579" s="359"/>
    </row>
    <row r="1580" spans="2:12">
      <c r="B1580" s="361"/>
      <c r="C1580" s="361"/>
      <c r="D1580" s="361"/>
      <c r="E1580" s="361"/>
      <c r="F1580" s="361"/>
      <c r="G1580" s="361"/>
      <c r="H1580" s="361" t="s">
        <v>14332</v>
      </c>
      <c r="I1580" s="361"/>
      <c r="J1580" s="361"/>
      <c r="K1580" s="361"/>
      <c r="L1580" s="361"/>
    </row>
    <row r="1581" spans="2:12">
      <c r="B1581" s="358" t="s">
        <v>15155</v>
      </c>
      <c r="C1581" s="358" t="s">
        <v>15156</v>
      </c>
      <c r="D1581" s="358" t="s">
        <v>8356</v>
      </c>
      <c r="E1581" s="358" t="s">
        <v>8356</v>
      </c>
      <c r="F1581" s="358" t="s">
        <v>14366</v>
      </c>
      <c r="G1581" s="358" t="s">
        <v>14362</v>
      </c>
      <c r="H1581" s="358" t="s">
        <v>14328</v>
      </c>
      <c r="I1581" s="358" t="s">
        <v>14362</v>
      </c>
      <c r="J1581" s="358" t="s">
        <v>14355</v>
      </c>
      <c r="K1581" s="358"/>
      <c r="L1581" s="358" t="s">
        <v>9491</v>
      </c>
    </row>
    <row r="1582" spans="2:12">
      <c r="B1582" s="359"/>
      <c r="C1582" s="359"/>
      <c r="D1582" s="359"/>
      <c r="E1582" s="359"/>
      <c r="F1582" s="360"/>
      <c r="G1582" s="360"/>
      <c r="H1582" s="360"/>
      <c r="I1582" s="360"/>
      <c r="J1582" s="359"/>
      <c r="K1582" s="359"/>
      <c r="L1582" s="359"/>
    </row>
    <row r="1583" spans="2:12">
      <c r="B1583" s="359"/>
      <c r="C1583" s="359"/>
      <c r="D1583" s="359"/>
      <c r="E1583" s="359"/>
      <c r="F1583" s="359" t="s">
        <v>14337</v>
      </c>
      <c r="G1583" s="359" t="s">
        <v>14338</v>
      </c>
      <c r="H1583" s="359" t="s">
        <v>14341</v>
      </c>
      <c r="I1583" s="359" t="s">
        <v>14338</v>
      </c>
      <c r="J1583" s="359"/>
      <c r="K1583" s="359"/>
      <c r="L1583" s="359"/>
    </row>
    <row r="1584" spans="2:12">
      <c r="B1584" s="359"/>
      <c r="C1584" s="359"/>
      <c r="D1584" s="359"/>
      <c r="E1584" s="359"/>
      <c r="F1584" s="360"/>
      <c r="G1584" s="360"/>
      <c r="H1584" s="360"/>
      <c r="I1584" s="360"/>
      <c r="J1584" s="359"/>
      <c r="K1584" s="359"/>
      <c r="L1584" s="359"/>
    </row>
    <row r="1585" spans="2:12">
      <c r="B1585" s="361"/>
      <c r="C1585" s="361"/>
      <c r="D1585" s="361"/>
      <c r="E1585" s="361"/>
      <c r="F1585" s="361" t="s">
        <v>14356</v>
      </c>
      <c r="G1585" s="361" t="s">
        <v>14340</v>
      </c>
      <c r="H1585" s="361" t="s">
        <v>14332</v>
      </c>
      <c r="I1585" s="361" t="s">
        <v>14340</v>
      </c>
      <c r="J1585" s="361"/>
      <c r="K1585" s="361"/>
      <c r="L1585" s="361"/>
    </row>
    <row r="1586" spans="2:12">
      <c r="B1586" s="358" t="s">
        <v>15157</v>
      </c>
      <c r="C1586" s="358" t="s">
        <v>28613</v>
      </c>
      <c r="D1586" s="358" t="s">
        <v>15158</v>
      </c>
      <c r="E1586" s="358" t="s">
        <v>15159</v>
      </c>
      <c r="F1586" s="358" t="s">
        <v>14337</v>
      </c>
      <c r="G1586" s="358" t="s">
        <v>14338</v>
      </c>
      <c r="H1586" s="358" t="s">
        <v>14328</v>
      </c>
      <c r="I1586" s="358" t="s">
        <v>14338</v>
      </c>
      <c r="J1586" s="358" t="s">
        <v>14355</v>
      </c>
      <c r="K1586" s="358"/>
      <c r="L1586" s="358"/>
    </row>
    <row r="1587" spans="2:12">
      <c r="B1587" s="359"/>
      <c r="C1587" s="359"/>
      <c r="D1587" s="359"/>
      <c r="E1587" s="359"/>
      <c r="F1587" s="360"/>
      <c r="G1587" s="360"/>
      <c r="H1587" s="360"/>
      <c r="I1587" s="360"/>
      <c r="J1587" s="359"/>
      <c r="K1587" s="359"/>
      <c r="L1587" s="359"/>
    </row>
    <row r="1588" spans="2:12">
      <c r="B1588" s="359"/>
      <c r="C1588" s="359"/>
      <c r="D1588" s="359"/>
      <c r="E1588" s="359"/>
      <c r="F1588" s="359" t="s">
        <v>14366</v>
      </c>
      <c r="G1588" s="359" t="s">
        <v>14362</v>
      </c>
      <c r="H1588" s="359" t="s">
        <v>14341</v>
      </c>
      <c r="I1588" s="359" t="s">
        <v>14362</v>
      </c>
      <c r="J1588" s="359"/>
      <c r="K1588" s="359"/>
      <c r="L1588" s="359"/>
    </row>
    <row r="1589" spans="2:12">
      <c r="B1589" s="359"/>
      <c r="C1589" s="359"/>
      <c r="D1589" s="359"/>
      <c r="E1589" s="359"/>
      <c r="F1589" s="360"/>
      <c r="G1589" s="360"/>
      <c r="H1589" s="360"/>
      <c r="I1589" s="360"/>
      <c r="J1589" s="359"/>
      <c r="K1589" s="359"/>
      <c r="L1589" s="359"/>
    </row>
    <row r="1590" spans="2:12">
      <c r="B1590" s="361"/>
      <c r="C1590" s="361"/>
      <c r="D1590" s="361"/>
      <c r="E1590" s="361"/>
      <c r="F1590" s="361" t="s">
        <v>14339</v>
      </c>
      <c r="G1590" s="361" t="s">
        <v>14340</v>
      </c>
      <c r="H1590" s="361" t="s">
        <v>14332</v>
      </c>
      <c r="I1590" s="361" t="s">
        <v>14340</v>
      </c>
      <c r="J1590" s="361"/>
      <c r="K1590" s="361"/>
      <c r="L1590" s="361"/>
    </row>
    <row r="1591" spans="2:12" ht="42.75">
      <c r="B1591" s="358" t="s">
        <v>15160</v>
      </c>
      <c r="C1591" s="358" t="s">
        <v>27407</v>
      </c>
      <c r="D1591" s="358" t="s">
        <v>15161</v>
      </c>
      <c r="E1591" s="358" t="s">
        <v>8356</v>
      </c>
      <c r="F1591" s="358" t="s">
        <v>14418</v>
      </c>
      <c r="G1591" s="358" t="s">
        <v>14419</v>
      </c>
      <c r="H1591" s="358" t="s">
        <v>14328</v>
      </c>
      <c r="I1591" s="358" t="s">
        <v>14419</v>
      </c>
      <c r="J1591" s="358"/>
      <c r="K1591" s="358"/>
      <c r="L1591" s="358"/>
    </row>
    <row r="1592" spans="2:12">
      <c r="B1592" s="359"/>
      <c r="C1592" s="359"/>
      <c r="D1592" s="359"/>
      <c r="E1592" s="359"/>
      <c r="F1592" s="360"/>
      <c r="G1592" s="360"/>
      <c r="H1592" s="360"/>
      <c r="I1592" s="360"/>
      <c r="J1592" s="359"/>
      <c r="K1592" s="359"/>
      <c r="L1592" s="359"/>
    </row>
    <row r="1593" spans="2:12">
      <c r="B1593" s="359"/>
      <c r="C1593" s="359"/>
      <c r="D1593" s="359"/>
      <c r="E1593" s="359"/>
      <c r="F1593" s="359" t="s">
        <v>14430</v>
      </c>
      <c r="G1593" s="359" t="s">
        <v>14431</v>
      </c>
      <c r="H1593" s="359" t="s">
        <v>14341</v>
      </c>
      <c r="I1593" s="359" t="s">
        <v>14431</v>
      </c>
      <c r="J1593" s="359"/>
      <c r="K1593" s="359"/>
      <c r="L1593" s="359"/>
    </row>
    <row r="1594" spans="2:12">
      <c r="B1594" s="359"/>
      <c r="C1594" s="359"/>
      <c r="D1594" s="359"/>
      <c r="E1594" s="359"/>
      <c r="F1594" s="360"/>
      <c r="G1594" s="360"/>
      <c r="H1594" s="360"/>
      <c r="I1594" s="360"/>
      <c r="J1594" s="359"/>
      <c r="K1594" s="359"/>
      <c r="L1594" s="359"/>
    </row>
    <row r="1595" spans="2:12">
      <c r="B1595" s="361"/>
      <c r="C1595" s="361"/>
      <c r="D1595" s="361"/>
      <c r="E1595" s="361"/>
      <c r="F1595" s="362"/>
      <c r="G1595" s="362"/>
      <c r="H1595" s="361" t="s">
        <v>14332</v>
      </c>
      <c r="I1595" s="362"/>
      <c r="J1595" s="361"/>
      <c r="K1595" s="361"/>
      <c r="L1595" s="361"/>
    </row>
    <row r="1596" spans="2:12" ht="28.5">
      <c r="B1596" s="358" t="s">
        <v>15162</v>
      </c>
      <c r="C1596" s="358" t="s">
        <v>27408</v>
      </c>
      <c r="D1596" s="358" t="s">
        <v>15163</v>
      </c>
      <c r="E1596" s="358" t="s">
        <v>8356</v>
      </c>
      <c r="F1596" s="358" t="s">
        <v>14430</v>
      </c>
      <c r="G1596" s="358" t="s">
        <v>14431</v>
      </c>
      <c r="H1596" s="358" t="s">
        <v>14341</v>
      </c>
      <c r="I1596" s="358" t="s">
        <v>14431</v>
      </c>
      <c r="J1596" s="358"/>
      <c r="K1596" s="358"/>
      <c r="L1596" s="358"/>
    </row>
    <row r="1597" spans="2:12">
      <c r="B1597" s="359"/>
      <c r="C1597" s="359"/>
      <c r="D1597" s="359"/>
      <c r="E1597" s="359"/>
      <c r="F1597" s="359"/>
      <c r="G1597" s="359"/>
      <c r="H1597" s="360"/>
      <c r="I1597" s="359"/>
      <c r="J1597" s="359"/>
      <c r="K1597" s="359"/>
      <c r="L1597" s="359"/>
    </row>
    <row r="1598" spans="2:12">
      <c r="B1598" s="361"/>
      <c r="C1598" s="361"/>
      <c r="D1598" s="361"/>
      <c r="E1598" s="361"/>
      <c r="F1598" s="361"/>
      <c r="G1598" s="361"/>
      <c r="H1598" s="361" t="s">
        <v>14332</v>
      </c>
      <c r="I1598" s="361"/>
      <c r="J1598" s="361"/>
      <c r="K1598" s="361"/>
      <c r="L1598" s="361"/>
    </row>
    <row r="1599" spans="2:12">
      <c r="B1599" s="358" t="s">
        <v>15164</v>
      </c>
      <c r="C1599" s="358" t="s">
        <v>27409</v>
      </c>
      <c r="D1599" s="358" t="s">
        <v>15165</v>
      </c>
      <c r="E1599" s="358" t="s">
        <v>15166</v>
      </c>
      <c r="F1599" s="358" t="s">
        <v>14366</v>
      </c>
      <c r="G1599" s="358" t="s">
        <v>14362</v>
      </c>
      <c r="H1599" s="358" t="s">
        <v>14328</v>
      </c>
      <c r="I1599" s="358" t="s">
        <v>14362</v>
      </c>
      <c r="J1599" s="358" t="s">
        <v>14355</v>
      </c>
      <c r="K1599" s="358"/>
      <c r="L1599" s="358"/>
    </row>
    <row r="1600" spans="2:12">
      <c r="B1600" s="359"/>
      <c r="C1600" s="359"/>
      <c r="D1600" s="359"/>
      <c r="E1600" s="359"/>
      <c r="F1600" s="360"/>
      <c r="G1600" s="360"/>
      <c r="H1600" s="360"/>
      <c r="I1600" s="360"/>
      <c r="J1600" s="359"/>
      <c r="K1600" s="359"/>
      <c r="L1600" s="359"/>
    </row>
    <row r="1601" spans="2:12">
      <c r="B1601" s="359"/>
      <c r="C1601" s="359"/>
      <c r="D1601" s="359"/>
      <c r="E1601" s="359"/>
      <c r="F1601" s="359" t="s">
        <v>14356</v>
      </c>
      <c r="G1601" s="359" t="s">
        <v>14340</v>
      </c>
      <c r="H1601" s="359" t="s">
        <v>14341</v>
      </c>
      <c r="I1601" s="359" t="s">
        <v>14340</v>
      </c>
      <c r="J1601" s="359"/>
      <c r="K1601" s="359"/>
      <c r="L1601" s="359"/>
    </row>
    <row r="1602" spans="2:12">
      <c r="B1602" s="359"/>
      <c r="C1602" s="359"/>
      <c r="D1602" s="359"/>
      <c r="E1602" s="359"/>
      <c r="F1602" s="360"/>
      <c r="G1602" s="360"/>
      <c r="H1602" s="360"/>
      <c r="I1602" s="360"/>
      <c r="J1602" s="359"/>
      <c r="K1602" s="359"/>
      <c r="L1602" s="359"/>
    </row>
    <row r="1603" spans="2:12">
      <c r="B1603" s="359"/>
      <c r="C1603" s="359"/>
      <c r="D1603" s="359"/>
      <c r="E1603" s="359"/>
      <c r="F1603" s="359" t="s">
        <v>14371</v>
      </c>
      <c r="G1603" s="359" t="s">
        <v>14372</v>
      </c>
      <c r="H1603" s="359" t="s">
        <v>14370</v>
      </c>
      <c r="I1603" s="359" t="s">
        <v>14373</v>
      </c>
      <c r="J1603" s="359"/>
      <c r="K1603" s="359"/>
      <c r="L1603" s="359"/>
    </row>
    <row r="1604" spans="2:12">
      <c r="B1604" s="359"/>
      <c r="C1604" s="359"/>
      <c r="D1604" s="359"/>
      <c r="E1604" s="359"/>
      <c r="F1604" s="360"/>
      <c r="G1604" s="360"/>
      <c r="H1604" s="360"/>
      <c r="I1604" s="360"/>
      <c r="J1604" s="359"/>
      <c r="K1604" s="359"/>
      <c r="L1604" s="359"/>
    </row>
    <row r="1605" spans="2:12" ht="28.5">
      <c r="B1605" s="361"/>
      <c r="C1605" s="361"/>
      <c r="D1605" s="361"/>
      <c r="E1605" s="361"/>
      <c r="F1605" s="361" t="s">
        <v>14374</v>
      </c>
      <c r="G1605" s="361" t="s">
        <v>14373</v>
      </c>
      <c r="H1605" s="361" t="s">
        <v>14332</v>
      </c>
      <c r="I1605" s="362"/>
      <c r="J1605" s="361"/>
      <c r="K1605" s="361"/>
      <c r="L1605" s="361"/>
    </row>
    <row r="1606" spans="2:12" ht="28.5">
      <c r="B1606" s="358" t="s">
        <v>15167</v>
      </c>
      <c r="C1606" s="358" t="s">
        <v>30018</v>
      </c>
      <c r="D1606" s="358" t="s">
        <v>15168</v>
      </c>
      <c r="E1606" s="358" t="s">
        <v>8356</v>
      </c>
      <c r="F1606" s="358" t="s">
        <v>15096</v>
      </c>
      <c r="G1606" s="358" t="s">
        <v>15097</v>
      </c>
      <c r="H1606" s="358" t="s">
        <v>14328</v>
      </c>
      <c r="I1606" s="358" t="s">
        <v>15097</v>
      </c>
      <c r="J1606" s="358" t="s">
        <v>14355</v>
      </c>
      <c r="K1606" s="358"/>
      <c r="L1606" s="358" t="s">
        <v>14513</v>
      </c>
    </row>
    <row r="1607" spans="2:12">
      <c r="B1607" s="359"/>
      <c r="C1607" s="359"/>
      <c r="D1607" s="359"/>
      <c r="E1607" s="359"/>
      <c r="F1607" s="360"/>
      <c r="G1607" s="360"/>
      <c r="H1607" s="360"/>
      <c r="I1607" s="360"/>
      <c r="J1607" s="359"/>
      <c r="K1607" s="359"/>
      <c r="L1607" s="359"/>
    </row>
    <row r="1608" spans="2:12">
      <c r="B1608" s="359"/>
      <c r="C1608" s="359"/>
      <c r="D1608" s="359"/>
      <c r="E1608" s="359"/>
      <c r="F1608" s="359" t="s">
        <v>14337</v>
      </c>
      <c r="G1608" s="359" t="s">
        <v>14338</v>
      </c>
      <c r="H1608" s="359" t="s">
        <v>14341</v>
      </c>
      <c r="I1608" s="359" t="s">
        <v>14338</v>
      </c>
      <c r="J1608" s="359"/>
      <c r="K1608" s="359"/>
      <c r="L1608" s="359"/>
    </row>
    <row r="1609" spans="2:12">
      <c r="B1609" s="359"/>
      <c r="C1609" s="359"/>
      <c r="D1609" s="359"/>
      <c r="E1609" s="359"/>
      <c r="F1609" s="360"/>
      <c r="G1609" s="360"/>
      <c r="H1609" s="360"/>
      <c r="I1609" s="360"/>
      <c r="J1609" s="359"/>
      <c r="K1609" s="359"/>
      <c r="L1609" s="359"/>
    </row>
    <row r="1610" spans="2:12">
      <c r="B1610" s="359"/>
      <c r="C1610" s="359"/>
      <c r="D1610" s="359"/>
      <c r="E1610" s="359"/>
      <c r="F1610" s="359" t="s">
        <v>14361</v>
      </c>
      <c r="G1610" s="359" t="s">
        <v>14362</v>
      </c>
      <c r="H1610" s="359" t="s">
        <v>14367</v>
      </c>
      <c r="I1610" s="359" t="s">
        <v>14362</v>
      </c>
      <c r="J1610" s="359"/>
      <c r="K1610" s="359"/>
      <c r="L1610" s="359"/>
    </row>
    <row r="1611" spans="2:12">
      <c r="B1611" s="359"/>
      <c r="C1611" s="359"/>
      <c r="D1611" s="359"/>
      <c r="E1611" s="359"/>
      <c r="F1611" s="360"/>
      <c r="G1611" s="360"/>
      <c r="H1611" s="360"/>
      <c r="I1611" s="360"/>
      <c r="J1611" s="359"/>
      <c r="K1611" s="359"/>
      <c r="L1611" s="359"/>
    </row>
    <row r="1612" spans="2:12">
      <c r="B1612" s="359"/>
      <c r="C1612" s="359"/>
      <c r="D1612" s="359"/>
      <c r="E1612" s="359"/>
      <c r="F1612" s="359" t="s">
        <v>14420</v>
      </c>
      <c r="G1612" s="359" t="s">
        <v>14459</v>
      </c>
      <c r="H1612" s="359" t="s">
        <v>14332</v>
      </c>
      <c r="I1612" s="359" t="s">
        <v>14459</v>
      </c>
      <c r="J1612" s="359"/>
      <c r="K1612" s="359"/>
      <c r="L1612" s="359"/>
    </row>
    <row r="1613" spans="2:12">
      <c r="B1613" s="359"/>
      <c r="C1613" s="359"/>
      <c r="D1613" s="359"/>
      <c r="E1613" s="359"/>
      <c r="F1613" s="360"/>
      <c r="G1613" s="360"/>
      <c r="H1613" s="360"/>
      <c r="I1613" s="360"/>
      <c r="J1613" s="359"/>
      <c r="K1613" s="359"/>
      <c r="L1613" s="359"/>
    </row>
    <row r="1614" spans="2:12">
      <c r="B1614" s="361"/>
      <c r="C1614" s="361"/>
      <c r="D1614" s="361"/>
      <c r="E1614" s="361"/>
      <c r="F1614" s="361" t="s">
        <v>14339</v>
      </c>
      <c r="G1614" s="361" t="s">
        <v>14340</v>
      </c>
      <c r="H1614" s="362"/>
      <c r="I1614" s="361" t="s">
        <v>14340</v>
      </c>
      <c r="J1614" s="361"/>
      <c r="K1614" s="361"/>
      <c r="L1614" s="361"/>
    </row>
    <row r="1615" spans="2:12" ht="42.75">
      <c r="B1615" s="358" t="s">
        <v>15169</v>
      </c>
      <c r="C1615" s="358" t="s">
        <v>30019</v>
      </c>
      <c r="D1615" s="358" t="s">
        <v>15170</v>
      </c>
      <c r="E1615" s="358" t="s">
        <v>15171</v>
      </c>
      <c r="F1615" s="358" t="s">
        <v>14394</v>
      </c>
      <c r="G1615" s="358" t="s">
        <v>14395</v>
      </c>
      <c r="H1615" s="358" t="s">
        <v>14370</v>
      </c>
      <c r="I1615" s="358" t="s">
        <v>14395</v>
      </c>
      <c r="J1615" s="358"/>
      <c r="K1615" s="358"/>
      <c r="L1615" s="358"/>
    </row>
    <row r="1616" spans="2:12">
      <c r="B1616" s="361"/>
      <c r="C1616" s="361"/>
      <c r="D1616" s="361"/>
      <c r="E1616" s="361"/>
      <c r="F1616" s="361"/>
      <c r="G1616" s="361"/>
      <c r="H1616" s="361"/>
      <c r="I1616" s="361"/>
      <c r="J1616" s="361"/>
      <c r="K1616" s="361"/>
      <c r="L1616" s="361"/>
    </row>
    <row r="1617" spans="2:12">
      <c r="B1617" s="358" t="s">
        <v>15172</v>
      </c>
      <c r="C1617" s="358" t="s">
        <v>15173</v>
      </c>
      <c r="D1617" s="358" t="s">
        <v>15174</v>
      </c>
      <c r="E1617" s="358" t="s">
        <v>15175</v>
      </c>
      <c r="F1617" s="358" t="s">
        <v>14524</v>
      </c>
      <c r="G1617" s="358" t="s">
        <v>14525</v>
      </c>
      <c r="H1617" s="358" t="s">
        <v>14328</v>
      </c>
      <c r="I1617" s="358" t="s">
        <v>14525</v>
      </c>
      <c r="J1617" s="358" t="s">
        <v>14355</v>
      </c>
      <c r="K1617" s="358" t="s">
        <v>14929</v>
      </c>
      <c r="L1617" s="358" t="s">
        <v>14513</v>
      </c>
    </row>
    <row r="1618" spans="2:12">
      <c r="B1618" s="359"/>
      <c r="C1618" s="359"/>
      <c r="D1618" s="359"/>
      <c r="E1618" s="359"/>
      <c r="F1618" s="360"/>
      <c r="G1618" s="360"/>
      <c r="H1618" s="360"/>
      <c r="I1618" s="360"/>
      <c r="J1618" s="360"/>
      <c r="K1618" s="360"/>
      <c r="L1618" s="359"/>
    </row>
    <row r="1619" spans="2:12" ht="42.75">
      <c r="B1619" s="359"/>
      <c r="C1619" s="359"/>
      <c r="D1619" s="359"/>
      <c r="E1619" s="359"/>
      <c r="F1619" s="359" t="s">
        <v>14366</v>
      </c>
      <c r="G1619" s="359" t="s">
        <v>14362</v>
      </c>
      <c r="H1619" s="359" t="s">
        <v>14341</v>
      </c>
      <c r="I1619" s="359" t="s">
        <v>14362</v>
      </c>
      <c r="J1619" s="359" t="s">
        <v>15176</v>
      </c>
      <c r="K1619" s="359" t="s">
        <v>28614</v>
      </c>
      <c r="L1619" s="359"/>
    </row>
    <row r="1620" spans="2:12">
      <c r="B1620" s="359"/>
      <c r="C1620" s="359"/>
      <c r="D1620" s="359"/>
      <c r="E1620" s="359"/>
      <c r="F1620" s="360"/>
      <c r="G1620" s="360"/>
      <c r="H1620" s="360"/>
      <c r="I1620" s="360"/>
      <c r="J1620" s="360"/>
      <c r="K1620" s="360"/>
      <c r="L1620" s="359"/>
    </row>
    <row r="1621" spans="2:12">
      <c r="B1621" s="359"/>
      <c r="C1621" s="359"/>
      <c r="D1621" s="359"/>
      <c r="E1621" s="359"/>
      <c r="F1621" s="359" t="s">
        <v>14420</v>
      </c>
      <c r="G1621" s="359" t="s">
        <v>14459</v>
      </c>
      <c r="H1621" s="359" t="s">
        <v>14367</v>
      </c>
      <c r="I1621" s="359" t="s">
        <v>14459</v>
      </c>
      <c r="J1621" s="360"/>
      <c r="K1621" s="360"/>
      <c r="L1621" s="359"/>
    </row>
    <row r="1622" spans="2:12">
      <c r="B1622" s="359"/>
      <c r="C1622" s="359"/>
      <c r="D1622" s="359"/>
      <c r="E1622" s="359"/>
      <c r="F1622" s="360"/>
      <c r="G1622" s="360"/>
      <c r="H1622" s="360"/>
      <c r="I1622" s="360"/>
      <c r="J1622" s="360"/>
      <c r="K1622" s="360"/>
      <c r="L1622" s="359"/>
    </row>
    <row r="1623" spans="2:12">
      <c r="B1623" s="359"/>
      <c r="C1623" s="359"/>
      <c r="D1623" s="359"/>
      <c r="E1623" s="359"/>
      <c r="F1623" s="359" t="s">
        <v>14420</v>
      </c>
      <c r="G1623" s="359" t="s">
        <v>14429</v>
      </c>
      <c r="H1623" s="359" t="s">
        <v>14332</v>
      </c>
      <c r="I1623" s="359" t="s">
        <v>14429</v>
      </c>
      <c r="J1623" s="360"/>
      <c r="K1623" s="360"/>
      <c r="L1623" s="359"/>
    </row>
    <row r="1624" spans="2:12">
      <c r="B1624" s="359"/>
      <c r="C1624" s="359"/>
      <c r="D1624" s="359"/>
      <c r="E1624" s="359"/>
      <c r="F1624" s="360"/>
      <c r="G1624" s="360"/>
      <c r="H1624" s="360"/>
      <c r="I1624" s="360"/>
      <c r="J1624" s="360"/>
      <c r="K1624" s="360"/>
      <c r="L1624" s="359"/>
    </row>
    <row r="1625" spans="2:12">
      <c r="B1625" s="361"/>
      <c r="C1625" s="361"/>
      <c r="D1625" s="361"/>
      <c r="E1625" s="361"/>
      <c r="F1625" s="361" t="s">
        <v>14339</v>
      </c>
      <c r="G1625" s="361" t="s">
        <v>14340</v>
      </c>
      <c r="H1625" s="362"/>
      <c r="I1625" s="361" t="s">
        <v>14340</v>
      </c>
      <c r="J1625" s="362"/>
      <c r="K1625" s="362"/>
      <c r="L1625" s="361"/>
    </row>
    <row r="1626" spans="2:12">
      <c r="B1626" s="358" t="s">
        <v>15177</v>
      </c>
      <c r="C1626" s="358" t="s">
        <v>15178</v>
      </c>
      <c r="D1626" s="358" t="s">
        <v>15179</v>
      </c>
      <c r="E1626" s="358" t="s">
        <v>15180</v>
      </c>
      <c r="F1626" s="358" t="s">
        <v>14386</v>
      </c>
      <c r="G1626" s="358" t="s">
        <v>14387</v>
      </c>
      <c r="H1626" s="358" t="s">
        <v>14367</v>
      </c>
      <c r="I1626" s="358" t="s">
        <v>14387</v>
      </c>
      <c r="J1626" s="358" t="s">
        <v>14355</v>
      </c>
      <c r="K1626" s="358"/>
      <c r="L1626" s="358"/>
    </row>
    <row r="1627" spans="2:12">
      <c r="B1627" s="359"/>
      <c r="C1627" s="359"/>
      <c r="D1627" s="359"/>
      <c r="E1627" s="359"/>
      <c r="F1627" s="360"/>
      <c r="G1627" s="360"/>
      <c r="H1627" s="360"/>
      <c r="I1627" s="360"/>
      <c r="J1627" s="359"/>
      <c r="K1627" s="359"/>
      <c r="L1627" s="359"/>
    </row>
    <row r="1628" spans="2:12">
      <c r="B1628" s="359"/>
      <c r="C1628" s="359"/>
      <c r="D1628" s="359"/>
      <c r="E1628" s="359"/>
      <c r="F1628" s="359" t="s">
        <v>14368</v>
      </c>
      <c r="G1628" s="359" t="s">
        <v>14388</v>
      </c>
      <c r="H1628" s="359" t="s">
        <v>14422</v>
      </c>
      <c r="I1628" s="359" t="s">
        <v>14388</v>
      </c>
      <c r="J1628" s="359"/>
      <c r="K1628" s="359"/>
      <c r="L1628" s="359"/>
    </row>
    <row r="1629" spans="2:12">
      <c r="B1629" s="359"/>
      <c r="C1629" s="359"/>
      <c r="D1629" s="359"/>
      <c r="E1629" s="359"/>
      <c r="F1629" s="360"/>
      <c r="G1629" s="360"/>
      <c r="H1629" s="360"/>
      <c r="I1629" s="360"/>
      <c r="J1629" s="359"/>
      <c r="K1629" s="359"/>
      <c r="L1629" s="359"/>
    </row>
    <row r="1630" spans="2:12">
      <c r="B1630" s="361"/>
      <c r="C1630" s="361"/>
      <c r="D1630" s="361"/>
      <c r="E1630" s="361"/>
      <c r="F1630" s="361" t="s">
        <v>14389</v>
      </c>
      <c r="G1630" s="361" t="s">
        <v>14390</v>
      </c>
      <c r="H1630" s="362"/>
      <c r="I1630" s="361" t="s">
        <v>14390</v>
      </c>
      <c r="J1630" s="361"/>
      <c r="K1630" s="361"/>
      <c r="L1630" s="361"/>
    </row>
    <row r="1631" spans="2:12">
      <c r="B1631" s="358" t="s">
        <v>15181</v>
      </c>
      <c r="C1631" s="358" t="s">
        <v>15182</v>
      </c>
      <c r="D1631" s="358" t="s">
        <v>15183</v>
      </c>
      <c r="E1631" s="358" t="s">
        <v>15184</v>
      </c>
      <c r="F1631" s="358" t="s">
        <v>14505</v>
      </c>
      <c r="G1631" s="358" t="s">
        <v>14506</v>
      </c>
      <c r="H1631" s="358" t="s">
        <v>14328</v>
      </c>
      <c r="I1631" s="358" t="s">
        <v>14506</v>
      </c>
      <c r="J1631" s="358"/>
      <c r="K1631" s="358"/>
      <c r="L1631" s="358"/>
    </row>
    <row r="1632" spans="2:12">
      <c r="B1632" s="359"/>
      <c r="C1632" s="359"/>
      <c r="D1632" s="359"/>
      <c r="E1632" s="359"/>
      <c r="F1632" s="360"/>
      <c r="G1632" s="360"/>
      <c r="H1632" s="360"/>
      <c r="I1632" s="360"/>
      <c r="J1632" s="359"/>
      <c r="K1632" s="359"/>
      <c r="L1632" s="359"/>
    </row>
    <row r="1633" spans="2:12">
      <c r="B1633" s="359"/>
      <c r="C1633" s="359"/>
      <c r="D1633" s="359"/>
      <c r="E1633" s="359"/>
      <c r="F1633" s="359" t="s">
        <v>14386</v>
      </c>
      <c r="G1633" s="359" t="s">
        <v>14387</v>
      </c>
      <c r="H1633" s="359" t="s">
        <v>14367</v>
      </c>
      <c r="I1633" s="359" t="s">
        <v>14387</v>
      </c>
      <c r="J1633" s="359"/>
      <c r="K1633" s="359"/>
      <c r="L1633" s="359"/>
    </row>
    <row r="1634" spans="2:12">
      <c r="B1634" s="359"/>
      <c r="C1634" s="359"/>
      <c r="D1634" s="359"/>
      <c r="E1634" s="359"/>
      <c r="F1634" s="360"/>
      <c r="G1634" s="360"/>
      <c r="H1634" s="360"/>
      <c r="I1634" s="360"/>
      <c r="J1634" s="359"/>
      <c r="K1634" s="359"/>
      <c r="L1634" s="359"/>
    </row>
    <row r="1635" spans="2:12">
      <c r="B1635" s="359"/>
      <c r="C1635" s="359"/>
      <c r="D1635" s="359"/>
      <c r="E1635" s="359"/>
      <c r="F1635" s="359" t="s">
        <v>14368</v>
      </c>
      <c r="G1635" s="359" t="s">
        <v>14388</v>
      </c>
      <c r="H1635" s="359" t="s">
        <v>14332</v>
      </c>
      <c r="I1635" s="359" t="s">
        <v>14388</v>
      </c>
      <c r="J1635" s="359"/>
      <c r="K1635" s="359"/>
      <c r="L1635" s="359"/>
    </row>
    <row r="1636" spans="2:12">
      <c r="B1636" s="359"/>
      <c r="C1636" s="359"/>
      <c r="D1636" s="359"/>
      <c r="E1636" s="359"/>
      <c r="F1636" s="360"/>
      <c r="G1636" s="360"/>
      <c r="H1636" s="360"/>
      <c r="I1636" s="360"/>
      <c r="J1636" s="359"/>
      <c r="K1636" s="359"/>
      <c r="L1636" s="359"/>
    </row>
    <row r="1637" spans="2:12">
      <c r="B1637" s="361"/>
      <c r="C1637" s="361"/>
      <c r="D1637" s="361"/>
      <c r="E1637" s="361"/>
      <c r="F1637" s="361" t="s">
        <v>14389</v>
      </c>
      <c r="G1637" s="361" t="s">
        <v>14390</v>
      </c>
      <c r="H1637" s="362"/>
      <c r="I1637" s="361" t="s">
        <v>14390</v>
      </c>
      <c r="J1637" s="361"/>
      <c r="K1637" s="361"/>
      <c r="L1637" s="361"/>
    </row>
    <row r="1638" spans="2:12" ht="99.75">
      <c r="B1638" s="358" t="s">
        <v>15185</v>
      </c>
      <c r="C1638" s="358" t="s">
        <v>28615</v>
      </c>
      <c r="D1638" s="358" t="s">
        <v>15186</v>
      </c>
      <c r="E1638" s="358" t="s">
        <v>15187</v>
      </c>
      <c r="F1638" s="358" t="s">
        <v>14505</v>
      </c>
      <c r="G1638" s="358" t="s">
        <v>14506</v>
      </c>
      <c r="H1638" s="358" t="s">
        <v>14328</v>
      </c>
      <c r="I1638" s="358" t="s">
        <v>14506</v>
      </c>
      <c r="J1638" s="358" t="s">
        <v>14355</v>
      </c>
      <c r="K1638" s="358" t="s">
        <v>28616</v>
      </c>
      <c r="L1638" s="358"/>
    </row>
    <row r="1639" spans="2:12">
      <c r="B1639" s="359"/>
      <c r="C1639" s="359"/>
      <c r="D1639" s="359"/>
      <c r="E1639" s="359"/>
      <c r="F1639" s="360"/>
      <c r="G1639" s="360"/>
      <c r="H1639" s="360"/>
      <c r="I1639" s="360"/>
      <c r="J1639" s="359"/>
      <c r="K1639" s="359"/>
      <c r="L1639" s="359"/>
    </row>
    <row r="1640" spans="2:12">
      <c r="B1640" s="359"/>
      <c r="C1640" s="359"/>
      <c r="D1640" s="359"/>
      <c r="E1640" s="359"/>
      <c r="F1640" s="359" t="s">
        <v>14386</v>
      </c>
      <c r="G1640" s="359" t="s">
        <v>14387</v>
      </c>
      <c r="H1640" s="359" t="s">
        <v>14367</v>
      </c>
      <c r="I1640" s="359" t="s">
        <v>14387</v>
      </c>
      <c r="J1640" s="359"/>
      <c r="K1640" s="359"/>
      <c r="L1640" s="359"/>
    </row>
    <row r="1641" spans="2:12">
      <c r="B1641" s="359"/>
      <c r="C1641" s="359"/>
      <c r="D1641" s="359"/>
      <c r="E1641" s="359"/>
      <c r="F1641" s="360"/>
      <c r="G1641" s="360"/>
      <c r="H1641" s="360"/>
      <c r="I1641" s="360"/>
      <c r="J1641" s="359"/>
      <c r="K1641" s="359"/>
      <c r="L1641" s="359"/>
    </row>
    <row r="1642" spans="2:12">
      <c r="B1642" s="359"/>
      <c r="C1642" s="359"/>
      <c r="D1642" s="359"/>
      <c r="E1642" s="359"/>
      <c r="F1642" s="359" t="s">
        <v>14368</v>
      </c>
      <c r="G1642" s="359" t="s">
        <v>14388</v>
      </c>
      <c r="H1642" s="359" t="s">
        <v>14332</v>
      </c>
      <c r="I1642" s="359" t="s">
        <v>14388</v>
      </c>
      <c r="J1642" s="359"/>
      <c r="K1642" s="359"/>
      <c r="L1642" s="359"/>
    </row>
    <row r="1643" spans="2:12">
      <c r="B1643" s="359"/>
      <c r="C1643" s="359"/>
      <c r="D1643" s="359"/>
      <c r="E1643" s="359"/>
      <c r="F1643" s="360"/>
      <c r="G1643" s="360"/>
      <c r="H1643" s="360"/>
      <c r="I1643" s="360"/>
      <c r="J1643" s="359"/>
      <c r="K1643" s="359"/>
      <c r="L1643" s="359"/>
    </row>
    <row r="1644" spans="2:12">
      <c r="B1644" s="361"/>
      <c r="C1644" s="361"/>
      <c r="D1644" s="361"/>
      <c r="E1644" s="361"/>
      <c r="F1644" s="361" t="s">
        <v>14389</v>
      </c>
      <c r="G1644" s="361" t="s">
        <v>14390</v>
      </c>
      <c r="H1644" s="362"/>
      <c r="I1644" s="361" t="s">
        <v>14390</v>
      </c>
      <c r="J1644" s="361"/>
      <c r="K1644" s="361"/>
      <c r="L1644" s="361"/>
    </row>
    <row r="1645" spans="2:12">
      <c r="B1645" s="358" t="s">
        <v>15188</v>
      </c>
      <c r="C1645" s="358" t="s">
        <v>15189</v>
      </c>
      <c r="D1645" s="358" t="s">
        <v>15190</v>
      </c>
      <c r="E1645" s="358" t="s">
        <v>15191</v>
      </c>
      <c r="F1645" s="358" t="s">
        <v>14418</v>
      </c>
      <c r="G1645" s="358" t="s">
        <v>14419</v>
      </c>
      <c r="H1645" s="358" t="s">
        <v>14328</v>
      </c>
      <c r="I1645" s="358" t="s">
        <v>14419</v>
      </c>
      <c r="J1645" s="358"/>
      <c r="K1645" s="358"/>
      <c r="L1645" s="358"/>
    </row>
    <row r="1646" spans="2:12">
      <c r="B1646" s="359"/>
      <c r="C1646" s="360"/>
      <c r="D1646" s="359"/>
      <c r="E1646" s="359"/>
      <c r="F1646" s="360"/>
      <c r="G1646" s="360"/>
      <c r="H1646" s="360"/>
      <c r="I1646" s="360"/>
      <c r="J1646" s="359"/>
      <c r="K1646" s="359"/>
      <c r="L1646" s="359"/>
    </row>
    <row r="1647" spans="2:12">
      <c r="B1647" s="359"/>
      <c r="C1647" s="359" t="s">
        <v>15192</v>
      </c>
      <c r="D1647" s="359"/>
      <c r="E1647" s="359"/>
      <c r="F1647" s="359" t="s">
        <v>14420</v>
      </c>
      <c r="G1647" s="359" t="s">
        <v>14459</v>
      </c>
      <c r="H1647" s="359" t="s">
        <v>14367</v>
      </c>
      <c r="I1647" s="359" t="s">
        <v>14459</v>
      </c>
      <c r="J1647" s="359"/>
      <c r="K1647" s="359"/>
      <c r="L1647" s="359"/>
    </row>
    <row r="1648" spans="2:12">
      <c r="B1648" s="359"/>
      <c r="C1648" s="360"/>
      <c r="D1648" s="359"/>
      <c r="E1648" s="359"/>
      <c r="F1648" s="360"/>
      <c r="G1648" s="360"/>
      <c r="H1648" s="360"/>
      <c r="I1648" s="360"/>
      <c r="J1648" s="359"/>
      <c r="K1648" s="359"/>
      <c r="L1648" s="359"/>
    </row>
    <row r="1649" spans="2:12">
      <c r="B1649" s="359"/>
      <c r="C1649" s="360"/>
      <c r="D1649" s="359"/>
      <c r="E1649" s="359"/>
      <c r="F1649" s="359" t="s">
        <v>14386</v>
      </c>
      <c r="G1649" s="359" t="s">
        <v>14387</v>
      </c>
      <c r="H1649" s="359" t="s">
        <v>14422</v>
      </c>
      <c r="I1649" s="359" t="s">
        <v>14387</v>
      </c>
      <c r="J1649" s="359"/>
      <c r="K1649" s="359"/>
      <c r="L1649" s="359"/>
    </row>
    <row r="1650" spans="2:12">
      <c r="B1650" s="359"/>
      <c r="C1650" s="360"/>
      <c r="D1650" s="359"/>
      <c r="E1650" s="359"/>
      <c r="F1650" s="360"/>
      <c r="G1650" s="360"/>
      <c r="H1650" s="360"/>
      <c r="I1650" s="360"/>
      <c r="J1650" s="359"/>
      <c r="K1650" s="359"/>
      <c r="L1650" s="359"/>
    </row>
    <row r="1651" spans="2:12">
      <c r="B1651" s="361"/>
      <c r="C1651" s="362"/>
      <c r="D1651" s="361"/>
      <c r="E1651" s="361"/>
      <c r="F1651" s="361" t="s">
        <v>14368</v>
      </c>
      <c r="G1651" s="361" t="s">
        <v>14388</v>
      </c>
      <c r="H1651" s="362"/>
      <c r="I1651" s="361" t="s">
        <v>14388</v>
      </c>
      <c r="J1651" s="361"/>
      <c r="K1651" s="361"/>
      <c r="L1651" s="361"/>
    </row>
    <row r="1652" spans="2:12" ht="28.5">
      <c r="B1652" s="358" t="s">
        <v>15193</v>
      </c>
      <c r="C1652" s="358" t="s">
        <v>15194</v>
      </c>
      <c r="D1652" s="358" t="s">
        <v>15195</v>
      </c>
      <c r="E1652" s="358" t="s">
        <v>8356</v>
      </c>
      <c r="F1652" s="358" t="s">
        <v>14386</v>
      </c>
      <c r="G1652" s="358" t="s">
        <v>14387</v>
      </c>
      <c r="H1652" s="358" t="s">
        <v>14367</v>
      </c>
      <c r="I1652" s="358" t="s">
        <v>14387</v>
      </c>
      <c r="J1652" s="358"/>
      <c r="K1652" s="358"/>
      <c r="L1652" s="358"/>
    </row>
    <row r="1653" spans="2:12">
      <c r="B1653" s="359"/>
      <c r="C1653" s="359"/>
      <c r="D1653" s="359"/>
      <c r="E1653" s="359"/>
      <c r="F1653" s="360"/>
      <c r="G1653" s="360"/>
      <c r="H1653" s="360"/>
      <c r="I1653" s="360"/>
      <c r="J1653" s="359"/>
      <c r="K1653" s="359"/>
      <c r="L1653" s="359"/>
    </row>
    <row r="1654" spans="2:12" ht="28.5">
      <c r="B1654" s="359"/>
      <c r="C1654" s="359"/>
      <c r="D1654" s="359"/>
      <c r="E1654" s="359"/>
      <c r="F1654" s="359" t="s">
        <v>14394</v>
      </c>
      <c r="G1654" s="359" t="s">
        <v>14395</v>
      </c>
      <c r="H1654" s="359" t="s">
        <v>14370</v>
      </c>
      <c r="I1654" s="359" t="s">
        <v>14395</v>
      </c>
      <c r="J1654" s="359"/>
      <c r="K1654" s="359"/>
      <c r="L1654" s="359"/>
    </row>
    <row r="1655" spans="2:12">
      <c r="B1655" s="359"/>
      <c r="C1655" s="359"/>
      <c r="D1655" s="359"/>
      <c r="E1655" s="359"/>
      <c r="F1655" s="360"/>
      <c r="G1655" s="360"/>
      <c r="H1655" s="360"/>
      <c r="I1655" s="360"/>
      <c r="J1655" s="359"/>
      <c r="K1655" s="359"/>
      <c r="L1655" s="359"/>
    </row>
    <row r="1656" spans="2:12">
      <c r="B1656" s="361"/>
      <c r="C1656" s="361"/>
      <c r="D1656" s="361"/>
      <c r="E1656" s="361"/>
      <c r="F1656" s="362"/>
      <c r="G1656" s="362"/>
      <c r="H1656" s="361" t="s">
        <v>14422</v>
      </c>
      <c r="I1656" s="362"/>
      <c r="J1656" s="361"/>
      <c r="K1656" s="361"/>
      <c r="L1656" s="361"/>
    </row>
    <row r="1657" spans="2:12">
      <c r="B1657" s="358" t="s">
        <v>15196</v>
      </c>
      <c r="C1657" s="358" t="s">
        <v>15197</v>
      </c>
      <c r="D1657" s="358" t="s">
        <v>15198</v>
      </c>
      <c r="E1657" s="358" t="s">
        <v>15199</v>
      </c>
      <c r="F1657" s="358" t="s">
        <v>14389</v>
      </c>
      <c r="G1657" s="358" t="s">
        <v>14390</v>
      </c>
      <c r="H1657" s="358" t="s">
        <v>14367</v>
      </c>
      <c r="I1657" s="358" t="s">
        <v>14390</v>
      </c>
      <c r="J1657" s="358"/>
      <c r="K1657" s="358"/>
      <c r="L1657" s="358"/>
    </row>
    <row r="1658" spans="2:12">
      <c r="B1658" s="359"/>
      <c r="C1658" s="359"/>
      <c r="D1658" s="359"/>
      <c r="E1658" s="359"/>
      <c r="F1658" s="359"/>
      <c r="G1658" s="359"/>
      <c r="H1658" s="360"/>
      <c r="I1658" s="359"/>
      <c r="J1658" s="359"/>
      <c r="K1658" s="359"/>
      <c r="L1658" s="359"/>
    </row>
    <row r="1659" spans="2:12">
      <c r="B1659" s="361"/>
      <c r="C1659" s="361"/>
      <c r="D1659" s="361"/>
      <c r="E1659" s="361"/>
      <c r="F1659" s="361"/>
      <c r="G1659" s="361"/>
      <c r="H1659" s="361" t="s">
        <v>14422</v>
      </c>
      <c r="I1659" s="361"/>
      <c r="J1659" s="361"/>
      <c r="K1659" s="361"/>
      <c r="L1659" s="361"/>
    </row>
    <row r="1660" spans="2:12" ht="28.5">
      <c r="B1660" s="358" t="s">
        <v>15200</v>
      </c>
      <c r="C1660" s="358" t="s">
        <v>15201</v>
      </c>
      <c r="D1660" s="358" t="s">
        <v>15202</v>
      </c>
      <c r="E1660" s="358" t="s">
        <v>15203</v>
      </c>
      <c r="F1660" s="358" t="s">
        <v>14394</v>
      </c>
      <c r="G1660" s="358" t="s">
        <v>14395</v>
      </c>
      <c r="H1660" s="358" t="s">
        <v>14370</v>
      </c>
      <c r="I1660" s="358" t="s">
        <v>14395</v>
      </c>
      <c r="J1660" s="358"/>
      <c r="K1660" s="358"/>
      <c r="L1660" s="358"/>
    </row>
    <row r="1661" spans="2:12">
      <c r="B1661" s="361"/>
      <c r="C1661" s="361"/>
      <c r="D1661" s="361"/>
      <c r="E1661" s="361"/>
      <c r="F1661" s="361"/>
      <c r="G1661" s="361"/>
      <c r="H1661" s="361"/>
      <c r="I1661" s="361"/>
      <c r="J1661" s="361"/>
      <c r="K1661" s="361"/>
      <c r="L1661" s="361"/>
    </row>
    <row r="1662" spans="2:12">
      <c r="B1662" s="358" t="s">
        <v>15204</v>
      </c>
      <c r="C1662" s="358" t="s">
        <v>15205</v>
      </c>
      <c r="D1662" s="358" t="s">
        <v>15206</v>
      </c>
      <c r="E1662" s="358" t="s">
        <v>15207</v>
      </c>
      <c r="F1662" s="358" t="s">
        <v>14418</v>
      </c>
      <c r="G1662" s="358" t="s">
        <v>14419</v>
      </c>
      <c r="H1662" s="358" t="s">
        <v>14328</v>
      </c>
      <c r="I1662" s="358" t="s">
        <v>14419</v>
      </c>
      <c r="J1662" s="358"/>
      <c r="K1662" s="358"/>
      <c r="L1662" s="358"/>
    </row>
    <row r="1663" spans="2:12">
      <c r="B1663" s="359"/>
      <c r="C1663" s="359"/>
      <c r="D1663" s="359"/>
      <c r="E1663" s="359"/>
      <c r="F1663" s="360"/>
      <c r="G1663" s="360"/>
      <c r="H1663" s="360"/>
      <c r="I1663" s="360"/>
      <c r="J1663" s="359"/>
      <c r="K1663" s="359"/>
      <c r="L1663" s="359"/>
    </row>
    <row r="1664" spans="2:12">
      <c r="B1664" s="359"/>
      <c r="C1664" s="359"/>
      <c r="D1664" s="359"/>
      <c r="E1664" s="359"/>
      <c r="F1664" s="359" t="s">
        <v>14420</v>
      </c>
      <c r="G1664" s="359" t="s">
        <v>14459</v>
      </c>
      <c r="H1664" s="359" t="s">
        <v>14367</v>
      </c>
      <c r="I1664" s="359" t="s">
        <v>14459</v>
      </c>
      <c r="J1664" s="359"/>
      <c r="K1664" s="359"/>
      <c r="L1664" s="359"/>
    </row>
    <row r="1665" spans="2:12">
      <c r="B1665" s="359"/>
      <c r="C1665" s="359"/>
      <c r="D1665" s="359"/>
      <c r="E1665" s="359"/>
      <c r="F1665" s="360"/>
      <c r="G1665" s="360"/>
      <c r="H1665" s="360"/>
      <c r="I1665" s="360"/>
      <c r="J1665" s="359"/>
      <c r="K1665" s="359"/>
      <c r="L1665" s="359"/>
    </row>
    <row r="1666" spans="2:12">
      <c r="B1666" s="361"/>
      <c r="C1666" s="361"/>
      <c r="D1666" s="361"/>
      <c r="E1666" s="361"/>
      <c r="F1666" s="361" t="s">
        <v>14389</v>
      </c>
      <c r="G1666" s="361" t="s">
        <v>14390</v>
      </c>
      <c r="H1666" s="361" t="s">
        <v>14422</v>
      </c>
      <c r="I1666" s="361" t="s">
        <v>14390</v>
      </c>
      <c r="J1666" s="361"/>
      <c r="K1666" s="361"/>
      <c r="L1666" s="361"/>
    </row>
    <row r="1667" spans="2:12">
      <c r="B1667" s="358" t="s">
        <v>15208</v>
      </c>
      <c r="C1667" s="358" t="s">
        <v>15209</v>
      </c>
      <c r="D1667" s="358" t="s">
        <v>15210</v>
      </c>
      <c r="E1667" s="358" t="s">
        <v>15211</v>
      </c>
      <c r="F1667" s="358" t="s">
        <v>14356</v>
      </c>
      <c r="G1667" s="358" t="s">
        <v>14340</v>
      </c>
      <c r="H1667" s="358" t="s">
        <v>14341</v>
      </c>
      <c r="I1667" s="358" t="s">
        <v>14340</v>
      </c>
      <c r="J1667" s="358"/>
      <c r="K1667" s="358"/>
      <c r="L1667" s="358"/>
    </row>
    <row r="1668" spans="2:12">
      <c r="B1668" s="359"/>
      <c r="C1668" s="359"/>
      <c r="D1668" s="359"/>
      <c r="E1668" s="359"/>
      <c r="F1668" s="360"/>
      <c r="G1668" s="360"/>
      <c r="H1668" s="360"/>
      <c r="I1668" s="360"/>
      <c r="J1668" s="359"/>
      <c r="K1668" s="359"/>
      <c r="L1668" s="359"/>
    </row>
    <row r="1669" spans="2:12">
      <c r="B1669" s="359"/>
      <c r="C1669" s="359"/>
      <c r="D1669" s="359"/>
      <c r="E1669" s="359"/>
      <c r="F1669" s="359" t="s">
        <v>14368</v>
      </c>
      <c r="G1669" s="359" t="s">
        <v>14388</v>
      </c>
      <c r="H1669" s="359" t="s">
        <v>14367</v>
      </c>
      <c r="I1669" s="359" t="s">
        <v>14388</v>
      </c>
      <c r="J1669" s="359"/>
      <c r="K1669" s="359"/>
      <c r="L1669" s="359"/>
    </row>
    <row r="1670" spans="2:12">
      <c r="B1670" s="359"/>
      <c r="C1670" s="359"/>
      <c r="D1670" s="359"/>
      <c r="E1670" s="359"/>
      <c r="F1670" s="360"/>
      <c r="G1670" s="360"/>
      <c r="H1670" s="360"/>
      <c r="I1670" s="360"/>
      <c r="J1670" s="359"/>
      <c r="K1670" s="359"/>
      <c r="L1670" s="359"/>
    </row>
    <row r="1671" spans="2:12">
      <c r="B1671" s="361"/>
      <c r="C1671" s="361"/>
      <c r="D1671" s="361"/>
      <c r="E1671" s="361"/>
      <c r="F1671" s="362"/>
      <c r="G1671" s="362"/>
      <c r="H1671" s="361" t="s">
        <v>14332</v>
      </c>
      <c r="I1671" s="362"/>
      <c r="J1671" s="361"/>
      <c r="K1671" s="361"/>
      <c r="L1671" s="361"/>
    </row>
    <row r="1672" spans="2:12">
      <c r="B1672" s="358" t="s">
        <v>15212</v>
      </c>
      <c r="C1672" s="358" t="s">
        <v>15213</v>
      </c>
      <c r="D1672" s="358" t="s">
        <v>15214</v>
      </c>
      <c r="E1672" s="358" t="s">
        <v>15215</v>
      </c>
      <c r="F1672" s="358" t="s">
        <v>14389</v>
      </c>
      <c r="G1672" s="358" t="s">
        <v>14390</v>
      </c>
      <c r="H1672" s="358" t="s">
        <v>14367</v>
      </c>
      <c r="I1672" s="358" t="s">
        <v>14390</v>
      </c>
      <c r="J1672" s="358"/>
      <c r="K1672" s="358"/>
      <c r="L1672" s="358"/>
    </row>
    <row r="1673" spans="2:12">
      <c r="B1673" s="359"/>
      <c r="C1673" s="359"/>
      <c r="D1673" s="359"/>
      <c r="E1673" s="359"/>
      <c r="F1673" s="360"/>
      <c r="G1673" s="360"/>
      <c r="H1673" s="360"/>
      <c r="I1673" s="360"/>
      <c r="J1673" s="359"/>
      <c r="K1673" s="359"/>
      <c r="L1673" s="359"/>
    </row>
    <row r="1674" spans="2:12" ht="28.5">
      <c r="B1674" s="359"/>
      <c r="C1674" s="359"/>
      <c r="D1674" s="359"/>
      <c r="E1674" s="359"/>
      <c r="F1674" s="359" t="s">
        <v>14394</v>
      </c>
      <c r="G1674" s="359" t="s">
        <v>14395</v>
      </c>
      <c r="H1674" s="359" t="s">
        <v>14370</v>
      </c>
      <c r="I1674" s="359" t="s">
        <v>14395</v>
      </c>
      <c r="J1674" s="359"/>
      <c r="K1674" s="359"/>
      <c r="L1674" s="359"/>
    </row>
    <row r="1675" spans="2:12">
      <c r="B1675" s="359"/>
      <c r="C1675" s="359"/>
      <c r="D1675" s="359"/>
      <c r="E1675" s="359"/>
      <c r="F1675" s="360"/>
      <c r="G1675" s="360"/>
      <c r="H1675" s="360"/>
      <c r="I1675" s="360"/>
      <c r="J1675" s="359"/>
      <c r="K1675" s="359"/>
      <c r="L1675" s="359"/>
    </row>
    <row r="1676" spans="2:12">
      <c r="B1676" s="361"/>
      <c r="C1676" s="361"/>
      <c r="D1676" s="361"/>
      <c r="E1676" s="361"/>
      <c r="F1676" s="362"/>
      <c r="G1676" s="362"/>
      <c r="H1676" s="361" t="s">
        <v>14422</v>
      </c>
      <c r="I1676" s="362"/>
      <c r="J1676" s="361"/>
      <c r="K1676" s="361"/>
      <c r="L1676" s="361"/>
    </row>
    <row r="1677" spans="2:12">
      <c r="B1677" s="358" t="s">
        <v>15216</v>
      </c>
      <c r="C1677" s="358" t="s">
        <v>15217</v>
      </c>
      <c r="D1677" s="358" t="s">
        <v>15218</v>
      </c>
      <c r="E1677" s="358" t="s">
        <v>8356</v>
      </c>
      <c r="F1677" s="358" t="s">
        <v>14430</v>
      </c>
      <c r="G1677" s="358" t="s">
        <v>14431</v>
      </c>
      <c r="H1677" s="358" t="s">
        <v>14341</v>
      </c>
      <c r="I1677" s="358" t="s">
        <v>14431</v>
      </c>
      <c r="J1677" s="358"/>
      <c r="K1677" s="358"/>
      <c r="L1677" s="358"/>
    </row>
    <row r="1678" spans="2:12">
      <c r="B1678" s="359"/>
      <c r="C1678" s="359"/>
      <c r="D1678" s="359"/>
      <c r="E1678" s="359"/>
      <c r="F1678" s="360"/>
      <c r="G1678" s="360"/>
      <c r="H1678" s="360"/>
      <c r="I1678" s="360"/>
      <c r="J1678" s="359"/>
      <c r="K1678" s="359"/>
      <c r="L1678" s="359"/>
    </row>
    <row r="1679" spans="2:12" ht="28.5">
      <c r="B1679" s="359"/>
      <c r="C1679" s="359"/>
      <c r="D1679" s="359"/>
      <c r="E1679" s="359"/>
      <c r="F1679" s="359" t="s">
        <v>14394</v>
      </c>
      <c r="G1679" s="359" t="s">
        <v>14395</v>
      </c>
      <c r="H1679" s="359" t="s">
        <v>14370</v>
      </c>
      <c r="I1679" s="359" t="s">
        <v>14395</v>
      </c>
      <c r="J1679" s="359"/>
      <c r="K1679" s="359"/>
      <c r="L1679" s="359"/>
    </row>
    <row r="1680" spans="2:12">
      <c r="B1680" s="359"/>
      <c r="C1680" s="359"/>
      <c r="D1680" s="359"/>
      <c r="E1680" s="359"/>
      <c r="F1680" s="360"/>
      <c r="G1680" s="360"/>
      <c r="H1680" s="360"/>
      <c r="I1680" s="360"/>
      <c r="J1680" s="359"/>
      <c r="K1680" s="359"/>
      <c r="L1680" s="359"/>
    </row>
    <row r="1681" spans="2:12">
      <c r="B1681" s="361"/>
      <c r="C1681" s="361"/>
      <c r="D1681" s="361"/>
      <c r="E1681" s="361"/>
      <c r="F1681" s="362"/>
      <c r="G1681" s="362"/>
      <c r="H1681" s="361" t="s">
        <v>14332</v>
      </c>
      <c r="I1681" s="362"/>
      <c r="J1681" s="361"/>
      <c r="K1681" s="361"/>
      <c r="L1681" s="361"/>
    </row>
    <row r="1682" spans="2:12" ht="28.5">
      <c r="B1682" s="358" t="s">
        <v>15219</v>
      </c>
      <c r="C1682" s="358" t="s">
        <v>15220</v>
      </c>
      <c r="D1682" s="358" t="s">
        <v>15221</v>
      </c>
      <c r="E1682" s="358" t="s">
        <v>8356</v>
      </c>
      <c r="F1682" s="358" t="s">
        <v>14420</v>
      </c>
      <c r="G1682" s="358" t="s">
        <v>14421</v>
      </c>
      <c r="H1682" s="358" t="s">
        <v>14341</v>
      </c>
      <c r="I1682" s="358" t="s">
        <v>14421</v>
      </c>
      <c r="J1682" s="358"/>
      <c r="K1682" s="358"/>
      <c r="L1682" s="358"/>
    </row>
    <row r="1683" spans="2:12">
      <c r="B1683" s="359"/>
      <c r="C1683" s="359"/>
      <c r="D1683" s="359"/>
      <c r="E1683" s="359"/>
      <c r="F1683" s="360"/>
      <c r="G1683" s="360"/>
      <c r="H1683" s="360"/>
      <c r="I1683" s="360"/>
      <c r="J1683" s="359"/>
      <c r="K1683" s="359"/>
      <c r="L1683" s="359"/>
    </row>
    <row r="1684" spans="2:12">
      <c r="B1684" s="359"/>
      <c r="C1684" s="359"/>
      <c r="D1684" s="359"/>
      <c r="E1684" s="359"/>
      <c r="F1684" s="359" t="s">
        <v>14420</v>
      </c>
      <c r="G1684" s="359" t="s">
        <v>14429</v>
      </c>
      <c r="H1684" s="359" t="s">
        <v>14367</v>
      </c>
      <c r="I1684" s="359" t="s">
        <v>14429</v>
      </c>
      <c r="J1684" s="359"/>
      <c r="K1684" s="359"/>
      <c r="L1684" s="359"/>
    </row>
    <row r="1685" spans="2:12">
      <c r="B1685" s="359"/>
      <c r="C1685" s="359"/>
      <c r="D1685" s="359"/>
      <c r="E1685" s="359"/>
      <c r="F1685" s="360"/>
      <c r="G1685" s="360"/>
      <c r="H1685" s="360"/>
      <c r="I1685" s="360"/>
      <c r="J1685" s="359"/>
      <c r="K1685" s="359"/>
      <c r="L1685" s="359"/>
    </row>
    <row r="1686" spans="2:12">
      <c r="B1686" s="359"/>
      <c r="C1686" s="359"/>
      <c r="D1686" s="359"/>
      <c r="E1686" s="359"/>
      <c r="F1686" s="359" t="s">
        <v>14356</v>
      </c>
      <c r="G1686" s="359" t="s">
        <v>14340</v>
      </c>
      <c r="H1686" s="359" t="s">
        <v>14370</v>
      </c>
      <c r="I1686" s="359" t="s">
        <v>14340</v>
      </c>
      <c r="J1686" s="359"/>
      <c r="K1686" s="359"/>
      <c r="L1686" s="359"/>
    </row>
    <row r="1687" spans="2:12">
      <c r="B1687" s="359"/>
      <c r="C1687" s="359"/>
      <c r="D1687" s="359"/>
      <c r="E1687" s="359"/>
      <c r="F1687" s="360"/>
      <c r="G1687" s="360"/>
      <c r="H1687" s="360"/>
      <c r="I1687" s="360"/>
      <c r="J1687" s="359"/>
      <c r="K1687" s="359"/>
      <c r="L1687" s="359"/>
    </row>
    <row r="1688" spans="2:12" ht="28.5">
      <c r="B1688" s="361"/>
      <c r="C1688" s="361"/>
      <c r="D1688" s="361"/>
      <c r="E1688" s="361"/>
      <c r="F1688" s="361" t="s">
        <v>14394</v>
      </c>
      <c r="G1688" s="361" t="s">
        <v>14395</v>
      </c>
      <c r="H1688" s="361" t="s">
        <v>14332</v>
      </c>
      <c r="I1688" s="361" t="s">
        <v>14395</v>
      </c>
      <c r="J1688" s="361"/>
      <c r="K1688" s="361"/>
      <c r="L1688" s="361"/>
    </row>
    <row r="1689" spans="2:12" ht="28.5">
      <c r="B1689" s="358" t="s">
        <v>13007</v>
      </c>
      <c r="C1689" s="358" t="s">
        <v>15222</v>
      </c>
      <c r="D1689" s="358" t="s">
        <v>13008</v>
      </c>
      <c r="E1689" s="358" t="s">
        <v>13009</v>
      </c>
      <c r="F1689" s="358" t="s">
        <v>14424</v>
      </c>
      <c r="G1689" s="358" t="s">
        <v>28617</v>
      </c>
      <c r="H1689" s="358" t="s">
        <v>14381</v>
      </c>
      <c r="I1689" s="358" t="s">
        <v>28617</v>
      </c>
      <c r="J1689" s="358"/>
      <c r="K1689" s="358"/>
      <c r="L1689" s="358"/>
    </row>
    <row r="1690" spans="2:12">
      <c r="B1690" s="359"/>
      <c r="C1690" s="360"/>
      <c r="D1690" s="359"/>
      <c r="E1690" s="359"/>
      <c r="F1690" s="360"/>
      <c r="G1690" s="360"/>
      <c r="H1690" s="360"/>
      <c r="I1690" s="360"/>
      <c r="J1690" s="359"/>
      <c r="K1690" s="359"/>
      <c r="L1690" s="359"/>
    </row>
    <row r="1691" spans="2:12" ht="28.5">
      <c r="B1691" s="359"/>
      <c r="C1691" s="359" t="s">
        <v>15223</v>
      </c>
      <c r="D1691" s="359"/>
      <c r="E1691" s="359"/>
      <c r="F1691" s="359" t="s">
        <v>14420</v>
      </c>
      <c r="G1691" s="359" t="s">
        <v>14519</v>
      </c>
      <c r="H1691" s="359" t="s">
        <v>14367</v>
      </c>
      <c r="I1691" s="359" t="s">
        <v>14519</v>
      </c>
      <c r="J1691" s="359"/>
      <c r="K1691" s="359"/>
      <c r="L1691" s="359"/>
    </row>
    <row r="1692" spans="2:12">
      <c r="B1692" s="359"/>
      <c r="C1692" s="360"/>
      <c r="D1692" s="359"/>
      <c r="E1692" s="359"/>
      <c r="F1692" s="360"/>
      <c r="G1692" s="360"/>
      <c r="H1692" s="360"/>
      <c r="I1692" s="360"/>
      <c r="J1692" s="359"/>
      <c r="K1692" s="359"/>
      <c r="L1692" s="359"/>
    </row>
    <row r="1693" spans="2:12">
      <c r="B1693" s="361"/>
      <c r="C1693" s="362"/>
      <c r="D1693" s="361"/>
      <c r="E1693" s="361"/>
      <c r="F1693" s="361" t="s">
        <v>14460</v>
      </c>
      <c r="G1693" s="362"/>
      <c r="H1693" s="361" t="s">
        <v>14332</v>
      </c>
      <c r="I1693" s="362"/>
      <c r="J1693" s="361"/>
      <c r="K1693" s="361"/>
      <c r="L1693" s="361"/>
    </row>
    <row r="1694" spans="2:12" ht="42.75">
      <c r="B1694" s="358" t="s">
        <v>15224</v>
      </c>
      <c r="C1694" s="358" t="s">
        <v>28618</v>
      </c>
      <c r="D1694" s="358" t="s">
        <v>15225</v>
      </c>
      <c r="E1694" s="358" t="s">
        <v>15226</v>
      </c>
      <c r="F1694" s="358" t="s">
        <v>14462</v>
      </c>
      <c r="G1694" s="358" t="s">
        <v>14463</v>
      </c>
      <c r="H1694" s="358" t="s">
        <v>8356</v>
      </c>
      <c r="I1694" s="358" t="s">
        <v>14463</v>
      </c>
      <c r="J1694" s="358"/>
      <c r="K1694" s="358"/>
      <c r="L1694" s="358"/>
    </row>
    <row r="1695" spans="2:12">
      <c r="B1695" s="361"/>
      <c r="C1695" s="361"/>
      <c r="D1695" s="361"/>
      <c r="E1695" s="361"/>
      <c r="F1695" s="361"/>
      <c r="G1695" s="361"/>
      <c r="H1695" s="361"/>
      <c r="I1695" s="361"/>
      <c r="J1695" s="361"/>
      <c r="K1695" s="361"/>
      <c r="L1695" s="361"/>
    </row>
    <row r="1696" spans="2:12" ht="28.5">
      <c r="B1696" s="358" t="s">
        <v>15227</v>
      </c>
      <c r="C1696" s="358" t="s">
        <v>15228</v>
      </c>
      <c r="D1696" s="358" t="s">
        <v>15229</v>
      </c>
      <c r="E1696" s="358" t="s">
        <v>8356</v>
      </c>
      <c r="F1696" s="358" t="s">
        <v>14394</v>
      </c>
      <c r="G1696" s="358" t="s">
        <v>14395</v>
      </c>
      <c r="H1696" s="358" t="s">
        <v>14370</v>
      </c>
      <c r="I1696" s="358" t="s">
        <v>14395</v>
      </c>
      <c r="J1696" s="358"/>
      <c r="K1696" s="358"/>
      <c r="L1696" s="358"/>
    </row>
    <row r="1697" spans="2:12">
      <c r="B1697" s="359"/>
      <c r="C1697" s="360"/>
      <c r="D1697" s="359"/>
      <c r="E1697" s="359"/>
      <c r="F1697" s="359"/>
      <c r="G1697" s="359"/>
      <c r="H1697" s="359"/>
      <c r="I1697" s="359"/>
      <c r="J1697" s="359"/>
      <c r="K1697" s="359"/>
      <c r="L1697" s="359"/>
    </row>
    <row r="1698" spans="2:12">
      <c r="B1698" s="361"/>
      <c r="C1698" s="361" t="s">
        <v>15230</v>
      </c>
      <c r="D1698" s="361"/>
      <c r="E1698" s="361"/>
      <c r="F1698" s="361"/>
      <c r="G1698" s="361"/>
      <c r="H1698" s="361"/>
      <c r="I1698" s="361"/>
      <c r="J1698" s="361"/>
      <c r="K1698" s="361"/>
      <c r="L1698" s="361"/>
    </row>
    <row r="1699" spans="2:12">
      <c r="B1699" s="358" t="s">
        <v>13011</v>
      </c>
      <c r="C1699" s="358" t="s">
        <v>15231</v>
      </c>
      <c r="D1699" s="358" t="s">
        <v>8356</v>
      </c>
      <c r="E1699" s="358" t="s">
        <v>13012</v>
      </c>
      <c r="F1699" s="358" t="s">
        <v>14443</v>
      </c>
      <c r="G1699" s="358" t="s">
        <v>14444</v>
      </c>
      <c r="H1699" s="358" t="s">
        <v>14381</v>
      </c>
      <c r="I1699" s="358" t="s">
        <v>14444</v>
      </c>
      <c r="J1699" s="358"/>
      <c r="K1699" s="358"/>
      <c r="L1699" s="358"/>
    </row>
    <row r="1700" spans="2:12">
      <c r="B1700" s="359"/>
      <c r="C1700" s="360"/>
      <c r="D1700" s="359"/>
      <c r="E1700" s="359"/>
      <c r="F1700" s="360"/>
      <c r="G1700" s="360"/>
      <c r="H1700" s="360"/>
      <c r="I1700" s="360"/>
      <c r="J1700" s="359"/>
      <c r="K1700" s="359"/>
      <c r="L1700" s="359"/>
    </row>
    <row r="1701" spans="2:12" ht="28.5">
      <c r="B1701" s="359"/>
      <c r="C1701" s="359" t="s">
        <v>27410</v>
      </c>
      <c r="D1701" s="359"/>
      <c r="E1701" s="359"/>
      <c r="F1701" s="359" t="s">
        <v>14424</v>
      </c>
      <c r="G1701" s="359" t="s">
        <v>28617</v>
      </c>
      <c r="H1701" s="359" t="s">
        <v>14367</v>
      </c>
      <c r="I1701" s="359" t="s">
        <v>28617</v>
      </c>
      <c r="J1701" s="359"/>
      <c r="K1701" s="359"/>
      <c r="L1701" s="359"/>
    </row>
    <row r="1702" spans="2:12">
      <c r="B1702" s="359"/>
      <c r="C1702" s="360"/>
      <c r="D1702" s="359"/>
      <c r="E1702" s="359"/>
      <c r="F1702" s="360"/>
      <c r="G1702" s="360"/>
      <c r="H1702" s="360"/>
      <c r="I1702" s="360"/>
      <c r="J1702" s="359"/>
      <c r="K1702" s="359"/>
      <c r="L1702" s="359"/>
    </row>
    <row r="1703" spans="2:12">
      <c r="B1703" s="359"/>
      <c r="C1703" s="360"/>
      <c r="D1703" s="359"/>
      <c r="E1703" s="359"/>
      <c r="F1703" s="359" t="s">
        <v>14420</v>
      </c>
      <c r="G1703" s="359" t="s">
        <v>14395</v>
      </c>
      <c r="H1703" s="359" t="s">
        <v>14370</v>
      </c>
      <c r="I1703" s="359" t="s">
        <v>14395</v>
      </c>
      <c r="J1703" s="359"/>
      <c r="K1703" s="359"/>
      <c r="L1703" s="359"/>
    </row>
    <row r="1704" spans="2:12">
      <c r="B1704" s="359"/>
      <c r="C1704" s="360"/>
      <c r="D1704" s="359"/>
      <c r="E1704" s="359"/>
      <c r="F1704" s="360"/>
      <c r="G1704" s="360"/>
      <c r="H1704" s="360"/>
      <c r="I1704" s="360"/>
      <c r="J1704" s="359"/>
      <c r="K1704" s="359"/>
      <c r="L1704" s="359"/>
    </row>
    <row r="1705" spans="2:12" ht="28.5">
      <c r="B1705" s="361"/>
      <c r="C1705" s="362"/>
      <c r="D1705" s="361"/>
      <c r="E1705" s="361"/>
      <c r="F1705" s="361" t="s">
        <v>14394</v>
      </c>
      <c r="G1705" s="362"/>
      <c r="H1705" s="361" t="s">
        <v>14332</v>
      </c>
      <c r="I1705" s="362"/>
      <c r="J1705" s="361"/>
      <c r="K1705" s="361"/>
      <c r="L1705" s="361"/>
    </row>
    <row r="1706" spans="2:12" ht="28.5">
      <c r="B1706" s="358" t="s">
        <v>15232</v>
      </c>
      <c r="C1706" s="358" t="s">
        <v>15233</v>
      </c>
      <c r="D1706" s="358" t="s">
        <v>14113</v>
      </c>
      <c r="E1706" s="358" t="s">
        <v>14047</v>
      </c>
      <c r="F1706" s="358" t="s">
        <v>14507</v>
      </c>
      <c r="G1706" s="358" t="s">
        <v>28619</v>
      </c>
      <c r="H1706" s="358" t="s">
        <v>14381</v>
      </c>
      <c r="I1706" s="358" t="s">
        <v>28619</v>
      </c>
      <c r="J1706" s="358"/>
      <c r="K1706" s="358"/>
      <c r="L1706" s="358"/>
    </row>
    <row r="1707" spans="2:12">
      <c r="B1707" s="359"/>
      <c r="C1707" s="359"/>
      <c r="D1707" s="359"/>
      <c r="E1707" s="359"/>
      <c r="F1707" s="360"/>
      <c r="G1707" s="359"/>
      <c r="H1707" s="360"/>
      <c r="I1707" s="359"/>
      <c r="J1707" s="359"/>
      <c r="K1707" s="359"/>
      <c r="L1707" s="359"/>
    </row>
    <row r="1708" spans="2:12" ht="28.5">
      <c r="B1708" s="361"/>
      <c r="C1708" s="361"/>
      <c r="D1708" s="361"/>
      <c r="E1708" s="361"/>
      <c r="F1708" s="361" t="s">
        <v>14462</v>
      </c>
      <c r="G1708" s="361"/>
      <c r="H1708" s="361" t="s">
        <v>14422</v>
      </c>
      <c r="I1708" s="361"/>
      <c r="J1708" s="361"/>
      <c r="K1708" s="361"/>
      <c r="L1708" s="361"/>
    </row>
    <row r="1709" spans="2:12" ht="28.5">
      <c r="B1709" s="358" t="s">
        <v>13014</v>
      </c>
      <c r="C1709" s="358" t="s">
        <v>27411</v>
      </c>
      <c r="D1709" s="358" t="s">
        <v>10</v>
      </c>
      <c r="E1709" s="358" t="s">
        <v>8356</v>
      </c>
      <c r="F1709" s="358" t="s">
        <v>14443</v>
      </c>
      <c r="G1709" s="358" t="s">
        <v>14444</v>
      </c>
      <c r="H1709" s="358" t="s">
        <v>14381</v>
      </c>
      <c r="I1709" s="358" t="s">
        <v>14444</v>
      </c>
      <c r="J1709" s="358"/>
      <c r="K1709" s="358"/>
      <c r="L1709" s="358"/>
    </row>
    <row r="1710" spans="2:12">
      <c r="B1710" s="359"/>
      <c r="C1710" s="360"/>
      <c r="D1710" s="359"/>
      <c r="E1710" s="359"/>
      <c r="F1710" s="360"/>
      <c r="G1710" s="360"/>
      <c r="H1710" s="360"/>
      <c r="I1710" s="360"/>
      <c r="J1710" s="359"/>
      <c r="K1710" s="359"/>
      <c r="L1710" s="359"/>
    </row>
    <row r="1711" spans="2:12" ht="28.5">
      <c r="B1711" s="359"/>
      <c r="C1711" s="359" t="s">
        <v>27412</v>
      </c>
      <c r="D1711" s="359"/>
      <c r="E1711" s="359"/>
      <c r="F1711" s="359" t="s">
        <v>14424</v>
      </c>
      <c r="G1711" s="359" t="s">
        <v>28617</v>
      </c>
      <c r="H1711" s="359" t="s">
        <v>14367</v>
      </c>
      <c r="I1711" s="359" t="s">
        <v>28617</v>
      </c>
      <c r="J1711" s="359"/>
      <c r="K1711" s="359"/>
      <c r="L1711" s="359"/>
    </row>
    <row r="1712" spans="2:12">
      <c r="B1712" s="359"/>
      <c r="C1712" s="360"/>
      <c r="D1712" s="359"/>
      <c r="E1712" s="359"/>
      <c r="F1712" s="360"/>
      <c r="G1712" s="360"/>
      <c r="H1712" s="360"/>
      <c r="I1712" s="360"/>
      <c r="J1712" s="359"/>
      <c r="K1712" s="359"/>
      <c r="L1712" s="359"/>
    </row>
    <row r="1713" spans="2:12">
      <c r="B1713" s="359"/>
      <c r="C1713" s="360"/>
      <c r="D1713" s="359"/>
      <c r="E1713" s="359"/>
      <c r="F1713" s="359" t="s">
        <v>14420</v>
      </c>
      <c r="G1713" s="359" t="s">
        <v>14395</v>
      </c>
      <c r="H1713" s="359" t="s">
        <v>14370</v>
      </c>
      <c r="I1713" s="359" t="s">
        <v>14395</v>
      </c>
      <c r="J1713" s="359"/>
      <c r="K1713" s="359"/>
      <c r="L1713" s="359"/>
    </row>
    <row r="1714" spans="2:12">
      <c r="B1714" s="359"/>
      <c r="C1714" s="360"/>
      <c r="D1714" s="359"/>
      <c r="E1714" s="359"/>
      <c r="F1714" s="360"/>
      <c r="G1714" s="360"/>
      <c r="H1714" s="360"/>
      <c r="I1714" s="360"/>
      <c r="J1714" s="359"/>
      <c r="K1714" s="359"/>
      <c r="L1714" s="359"/>
    </row>
    <row r="1715" spans="2:12" ht="28.5">
      <c r="B1715" s="361"/>
      <c r="C1715" s="362"/>
      <c r="D1715" s="361"/>
      <c r="E1715" s="361"/>
      <c r="F1715" s="361" t="s">
        <v>14394</v>
      </c>
      <c r="G1715" s="362"/>
      <c r="H1715" s="361" t="s">
        <v>14332</v>
      </c>
      <c r="I1715" s="362"/>
      <c r="J1715" s="361"/>
      <c r="K1715" s="361"/>
      <c r="L1715" s="361"/>
    </row>
    <row r="1716" spans="2:12">
      <c r="B1716" s="358" t="s">
        <v>15235</v>
      </c>
      <c r="C1716" s="358" t="s">
        <v>15236</v>
      </c>
      <c r="D1716" s="358" t="s">
        <v>15237</v>
      </c>
      <c r="E1716" s="358" t="s">
        <v>15238</v>
      </c>
      <c r="F1716" s="358" t="s">
        <v>14420</v>
      </c>
      <c r="G1716" s="358" t="s">
        <v>14459</v>
      </c>
      <c r="H1716" s="358" t="s">
        <v>14367</v>
      </c>
      <c r="I1716" s="358" t="s">
        <v>14459</v>
      </c>
      <c r="J1716" s="358"/>
      <c r="K1716" s="358"/>
      <c r="L1716" s="358"/>
    </row>
    <row r="1717" spans="2:12">
      <c r="B1717" s="359"/>
      <c r="C1717" s="359"/>
      <c r="D1717" s="359"/>
      <c r="E1717" s="359"/>
      <c r="F1717" s="359"/>
      <c r="G1717" s="359"/>
      <c r="H1717" s="360"/>
      <c r="I1717" s="359"/>
      <c r="J1717" s="359"/>
      <c r="K1717" s="359"/>
      <c r="L1717" s="359"/>
    </row>
    <row r="1718" spans="2:12">
      <c r="B1718" s="361"/>
      <c r="C1718" s="361"/>
      <c r="D1718" s="361"/>
      <c r="E1718" s="361"/>
      <c r="F1718" s="361"/>
      <c r="G1718" s="361"/>
      <c r="H1718" s="361" t="s">
        <v>14422</v>
      </c>
      <c r="I1718" s="361"/>
      <c r="J1718" s="361"/>
      <c r="K1718" s="361"/>
      <c r="L1718" s="361"/>
    </row>
    <row r="1719" spans="2:12">
      <c r="B1719" s="358" t="s">
        <v>15239</v>
      </c>
      <c r="C1719" s="358" t="s">
        <v>15240</v>
      </c>
      <c r="D1719" s="358" t="s">
        <v>15241</v>
      </c>
      <c r="E1719" s="358" t="s">
        <v>15242</v>
      </c>
      <c r="F1719" s="358" t="s">
        <v>14371</v>
      </c>
      <c r="G1719" s="358" t="s">
        <v>14372</v>
      </c>
      <c r="H1719" s="358" t="s">
        <v>14370</v>
      </c>
      <c r="I1719" s="358" t="s">
        <v>14372</v>
      </c>
      <c r="J1719" s="358"/>
      <c r="K1719" s="358"/>
      <c r="L1719" s="358"/>
    </row>
    <row r="1720" spans="2:12">
      <c r="B1720" s="359"/>
      <c r="C1720" s="359"/>
      <c r="D1720" s="359"/>
      <c r="E1720" s="359"/>
      <c r="F1720" s="360"/>
      <c r="G1720" s="360"/>
      <c r="H1720" s="360"/>
      <c r="I1720" s="360"/>
      <c r="J1720" s="359"/>
      <c r="K1720" s="359"/>
      <c r="L1720" s="359"/>
    </row>
    <row r="1721" spans="2:12" ht="28.5">
      <c r="B1721" s="361"/>
      <c r="C1721" s="361"/>
      <c r="D1721" s="361"/>
      <c r="E1721" s="361"/>
      <c r="F1721" s="361" t="s">
        <v>14374</v>
      </c>
      <c r="G1721" s="361" t="s">
        <v>14373</v>
      </c>
      <c r="H1721" s="361" t="s">
        <v>14422</v>
      </c>
      <c r="I1721" s="361" t="s">
        <v>14373</v>
      </c>
      <c r="J1721" s="361"/>
      <c r="K1721" s="361"/>
      <c r="L1721" s="361"/>
    </row>
    <row r="1722" spans="2:12" ht="42.75">
      <c r="B1722" s="358" t="s">
        <v>15243</v>
      </c>
      <c r="C1722" s="358" t="s">
        <v>15244</v>
      </c>
      <c r="D1722" s="358" t="s">
        <v>15245</v>
      </c>
      <c r="E1722" s="358" t="s">
        <v>8356</v>
      </c>
      <c r="F1722" s="358" t="s">
        <v>15096</v>
      </c>
      <c r="G1722" s="358" t="s">
        <v>15097</v>
      </c>
      <c r="H1722" s="358" t="s">
        <v>14328</v>
      </c>
      <c r="I1722" s="358" t="s">
        <v>15097</v>
      </c>
      <c r="J1722" s="358"/>
      <c r="K1722" s="358"/>
      <c r="L1722" s="358" t="s">
        <v>14513</v>
      </c>
    </row>
    <row r="1723" spans="2:12">
      <c r="B1723" s="359"/>
      <c r="C1723" s="359"/>
      <c r="D1723" s="359"/>
      <c r="E1723" s="359"/>
      <c r="F1723" s="360"/>
      <c r="G1723" s="360"/>
      <c r="H1723" s="360"/>
      <c r="I1723" s="360"/>
      <c r="J1723" s="359"/>
      <c r="K1723" s="359"/>
      <c r="L1723" s="359"/>
    </row>
    <row r="1724" spans="2:12">
      <c r="B1724" s="359"/>
      <c r="C1724" s="359"/>
      <c r="D1724" s="359"/>
      <c r="E1724" s="359"/>
      <c r="F1724" s="359" t="s">
        <v>15246</v>
      </c>
      <c r="G1724" s="359" t="s">
        <v>15247</v>
      </c>
      <c r="H1724" s="359" t="s">
        <v>14381</v>
      </c>
      <c r="I1724" s="359" t="s">
        <v>15247</v>
      </c>
      <c r="J1724" s="359"/>
      <c r="K1724" s="359"/>
      <c r="L1724" s="359"/>
    </row>
    <row r="1725" spans="2:12">
      <c r="B1725" s="359"/>
      <c r="C1725" s="359"/>
      <c r="D1725" s="359"/>
      <c r="E1725" s="359"/>
      <c r="F1725" s="360"/>
      <c r="G1725" s="360"/>
      <c r="H1725" s="360"/>
      <c r="I1725" s="360"/>
      <c r="J1725" s="359"/>
      <c r="K1725" s="359"/>
      <c r="L1725" s="359"/>
    </row>
    <row r="1726" spans="2:12">
      <c r="B1726" s="359"/>
      <c r="C1726" s="359"/>
      <c r="D1726" s="359"/>
      <c r="E1726" s="359"/>
      <c r="F1726" s="359" t="s">
        <v>14420</v>
      </c>
      <c r="G1726" s="359" t="s">
        <v>14459</v>
      </c>
      <c r="H1726" s="359" t="s">
        <v>14367</v>
      </c>
      <c r="I1726" s="359" t="s">
        <v>14459</v>
      </c>
      <c r="J1726" s="359"/>
      <c r="K1726" s="359"/>
      <c r="L1726" s="359"/>
    </row>
    <row r="1727" spans="2:12">
      <c r="B1727" s="359"/>
      <c r="C1727" s="359"/>
      <c r="D1727" s="359"/>
      <c r="E1727" s="359"/>
      <c r="F1727" s="360"/>
      <c r="G1727" s="360"/>
      <c r="H1727" s="360"/>
      <c r="I1727" s="360"/>
      <c r="J1727" s="359"/>
      <c r="K1727" s="359"/>
      <c r="L1727" s="359"/>
    </row>
    <row r="1728" spans="2:12">
      <c r="B1728" s="359"/>
      <c r="C1728" s="359"/>
      <c r="D1728" s="359"/>
      <c r="E1728" s="359"/>
      <c r="F1728" s="359" t="s">
        <v>14420</v>
      </c>
      <c r="G1728" s="359" t="s">
        <v>14421</v>
      </c>
      <c r="H1728" s="359" t="s">
        <v>14332</v>
      </c>
      <c r="I1728" s="359" t="s">
        <v>14421</v>
      </c>
      <c r="J1728" s="359"/>
      <c r="K1728" s="359"/>
      <c r="L1728" s="359"/>
    </row>
    <row r="1729" spans="2:12">
      <c r="B1729" s="359"/>
      <c r="C1729" s="359"/>
      <c r="D1729" s="359"/>
      <c r="E1729" s="359"/>
      <c r="F1729" s="360"/>
      <c r="G1729" s="360"/>
      <c r="H1729" s="360"/>
      <c r="I1729" s="360"/>
      <c r="J1729" s="359"/>
      <c r="K1729" s="359"/>
      <c r="L1729" s="359"/>
    </row>
    <row r="1730" spans="2:12">
      <c r="B1730" s="361"/>
      <c r="C1730" s="361"/>
      <c r="D1730" s="361"/>
      <c r="E1730" s="361"/>
      <c r="F1730" s="361" t="s">
        <v>14420</v>
      </c>
      <c r="G1730" s="361" t="s">
        <v>14429</v>
      </c>
      <c r="H1730" s="362"/>
      <c r="I1730" s="361" t="s">
        <v>14429</v>
      </c>
      <c r="J1730" s="361"/>
      <c r="K1730" s="361"/>
      <c r="L1730" s="361"/>
    </row>
    <row r="1731" spans="2:12" ht="42.75">
      <c r="B1731" s="358" t="s">
        <v>15248</v>
      </c>
      <c r="C1731" s="358" t="s">
        <v>15249</v>
      </c>
      <c r="D1731" s="358" t="s">
        <v>15250</v>
      </c>
      <c r="E1731" s="358" t="s">
        <v>15251</v>
      </c>
      <c r="F1731" s="358" t="s">
        <v>14394</v>
      </c>
      <c r="G1731" s="358" t="s">
        <v>14395</v>
      </c>
      <c r="H1731" s="358" t="s">
        <v>14370</v>
      </c>
      <c r="I1731" s="358" t="s">
        <v>14395</v>
      </c>
      <c r="J1731" s="358"/>
      <c r="K1731" s="358"/>
      <c r="L1731" s="358"/>
    </row>
    <row r="1732" spans="2:12">
      <c r="B1732" s="361"/>
      <c r="C1732" s="361"/>
      <c r="D1732" s="361"/>
      <c r="E1732" s="361"/>
      <c r="F1732" s="361"/>
      <c r="G1732" s="361"/>
      <c r="H1732" s="361"/>
      <c r="I1732" s="361"/>
      <c r="J1732" s="361"/>
      <c r="K1732" s="361"/>
      <c r="L1732" s="361"/>
    </row>
    <row r="1733" spans="2:12" ht="28.5">
      <c r="B1733" s="358" t="s">
        <v>15252</v>
      </c>
      <c r="C1733" s="358" t="s">
        <v>15253</v>
      </c>
      <c r="D1733" s="358" t="s">
        <v>15254</v>
      </c>
      <c r="E1733" s="358" t="s">
        <v>15255</v>
      </c>
      <c r="F1733" s="358" t="s">
        <v>14394</v>
      </c>
      <c r="G1733" s="358" t="s">
        <v>14395</v>
      </c>
      <c r="H1733" s="358" t="s">
        <v>14370</v>
      </c>
      <c r="I1733" s="358" t="s">
        <v>14395</v>
      </c>
      <c r="J1733" s="358"/>
      <c r="K1733" s="358"/>
      <c r="L1733" s="358"/>
    </row>
    <row r="1734" spans="2:12">
      <c r="B1734" s="361"/>
      <c r="C1734" s="361"/>
      <c r="D1734" s="361"/>
      <c r="E1734" s="361"/>
      <c r="F1734" s="361"/>
      <c r="G1734" s="361"/>
      <c r="H1734" s="361"/>
      <c r="I1734" s="361"/>
      <c r="J1734" s="361"/>
      <c r="K1734" s="361"/>
      <c r="L1734" s="361"/>
    </row>
    <row r="1735" spans="2:12" ht="28.5">
      <c r="B1735" s="358" t="s">
        <v>15256</v>
      </c>
      <c r="C1735" s="358" t="s">
        <v>15257</v>
      </c>
      <c r="D1735" s="358" t="s">
        <v>15258</v>
      </c>
      <c r="E1735" s="358" t="s">
        <v>15259</v>
      </c>
      <c r="F1735" s="358" t="s">
        <v>14420</v>
      </c>
      <c r="G1735" s="358" t="s">
        <v>14429</v>
      </c>
      <c r="H1735" s="358" t="s">
        <v>14381</v>
      </c>
      <c r="I1735" s="358" t="s">
        <v>14429</v>
      </c>
      <c r="J1735" s="358"/>
      <c r="K1735" s="358"/>
      <c r="L1735" s="358"/>
    </row>
    <row r="1736" spans="2:12">
      <c r="B1736" s="359"/>
      <c r="C1736" s="359"/>
      <c r="D1736" s="359"/>
      <c r="E1736" s="359"/>
      <c r="F1736" s="360"/>
      <c r="G1736" s="360"/>
      <c r="H1736" s="360"/>
      <c r="I1736" s="360"/>
      <c r="J1736" s="359"/>
      <c r="K1736" s="359"/>
      <c r="L1736" s="359"/>
    </row>
    <row r="1737" spans="2:12">
      <c r="B1737" s="359"/>
      <c r="C1737" s="359"/>
      <c r="D1737" s="359"/>
      <c r="E1737" s="359"/>
      <c r="F1737" s="359" t="s">
        <v>14460</v>
      </c>
      <c r="G1737" s="359" t="s">
        <v>14519</v>
      </c>
      <c r="H1737" s="359" t="s">
        <v>14341</v>
      </c>
      <c r="I1737" s="359" t="s">
        <v>14519</v>
      </c>
      <c r="J1737" s="359"/>
      <c r="K1737" s="359"/>
      <c r="L1737" s="359"/>
    </row>
    <row r="1738" spans="2:12">
      <c r="B1738" s="359"/>
      <c r="C1738" s="359"/>
      <c r="D1738" s="359"/>
      <c r="E1738" s="359"/>
      <c r="F1738" s="360"/>
      <c r="G1738" s="360"/>
      <c r="H1738" s="360"/>
      <c r="I1738" s="360"/>
      <c r="J1738" s="359"/>
      <c r="K1738" s="359"/>
      <c r="L1738" s="359"/>
    </row>
    <row r="1739" spans="2:12">
      <c r="B1739" s="359"/>
      <c r="C1739" s="359"/>
      <c r="D1739" s="359"/>
      <c r="E1739" s="359"/>
      <c r="F1739" s="359" t="s">
        <v>14389</v>
      </c>
      <c r="G1739" s="359" t="s">
        <v>14390</v>
      </c>
      <c r="H1739" s="359" t="s">
        <v>14367</v>
      </c>
      <c r="I1739" s="359" t="s">
        <v>14390</v>
      </c>
      <c r="J1739" s="359"/>
      <c r="K1739" s="359"/>
      <c r="L1739" s="359"/>
    </row>
    <row r="1740" spans="2:12">
      <c r="B1740" s="359"/>
      <c r="C1740" s="359"/>
      <c r="D1740" s="359"/>
      <c r="E1740" s="359"/>
      <c r="F1740" s="360"/>
      <c r="G1740" s="360"/>
      <c r="H1740" s="360"/>
      <c r="I1740" s="360"/>
      <c r="J1740" s="359"/>
      <c r="K1740" s="359"/>
      <c r="L1740" s="359"/>
    </row>
    <row r="1741" spans="2:12">
      <c r="B1741" s="359"/>
      <c r="C1741" s="359"/>
      <c r="D1741" s="359"/>
      <c r="E1741" s="359"/>
      <c r="F1741" s="359" t="s">
        <v>14430</v>
      </c>
      <c r="G1741" s="359" t="s">
        <v>14431</v>
      </c>
      <c r="H1741" s="359" t="s">
        <v>14332</v>
      </c>
      <c r="I1741" s="359" t="s">
        <v>14431</v>
      </c>
      <c r="J1741" s="359"/>
      <c r="K1741" s="359"/>
      <c r="L1741" s="359"/>
    </row>
    <row r="1742" spans="2:12">
      <c r="B1742" s="359"/>
      <c r="C1742" s="359"/>
      <c r="D1742" s="359"/>
      <c r="E1742" s="359"/>
      <c r="F1742" s="360"/>
      <c r="G1742" s="360"/>
      <c r="H1742" s="360"/>
      <c r="I1742" s="360"/>
      <c r="J1742" s="359"/>
      <c r="K1742" s="359"/>
      <c r="L1742" s="359"/>
    </row>
    <row r="1743" spans="2:12" ht="28.5">
      <c r="B1743" s="361"/>
      <c r="C1743" s="361"/>
      <c r="D1743" s="361"/>
      <c r="E1743" s="361"/>
      <c r="F1743" s="361" t="s">
        <v>14472</v>
      </c>
      <c r="G1743" s="361" t="s">
        <v>14473</v>
      </c>
      <c r="H1743" s="362"/>
      <c r="I1743" s="361" t="s">
        <v>14473</v>
      </c>
      <c r="J1743" s="361"/>
      <c r="K1743" s="361"/>
      <c r="L1743" s="361"/>
    </row>
    <row r="1744" spans="2:12" ht="28.5">
      <c r="B1744" s="358" t="s">
        <v>15260</v>
      </c>
      <c r="C1744" s="358" t="s">
        <v>15261</v>
      </c>
      <c r="D1744" s="358" t="s">
        <v>15262</v>
      </c>
      <c r="E1744" s="358" t="s">
        <v>15263</v>
      </c>
      <c r="F1744" s="358" t="s">
        <v>14339</v>
      </c>
      <c r="G1744" s="358" t="s">
        <v>14340</v>
      </c>
      <c r="H1744" s="358" t="s">
        <v>14341</v>
      </c>
      <c r="I1744" s="358" t="s">
        <v>14340</v>
      </c>
      <c r="J1744" s="358"/>
      <c r="K1744" s="358"/>
      <c r="L1744" s="358"/>
    </row>
    <row r="1745" spans="2:12">
      <c r="B1745" s="359"/>
      <c r="C1745" s="359"/>
      <c r="D1745" s="359"/>
      <c r="E1745" s="359"/>
      <c r="F1745" s="359"/>
      <c r="G1745" s="359"/>
      <c r="H1745" s="360"/>
      <c r="I1745" s="359"/>
      <c r="J1745" s="359"/>
      <c r="K1745" s="359"/>
      <c r="L1745" s="359"/>
    </row>
    <row r="1746" spans="2:12">
      <c r="B1746" s="361"/>
      <c r="C1746" s="361"/>
      <c r="D1746" s="361"/>
      <c r="E1746" s="361"/>
      <c r="F1746" s="361"/>
      <c r="G1746" s="361"/>
      <c r="H1746" s="361" t="s">
        <v>14332</v>
      </c>
      <c r="I1746" s="361"/>
      <c r="J1746" s="361"/>
      <c r="K1746" s="361"/>
      <c r="L1746" s="361"/>
    </row>
    <row r="1747" spans="2:12" ht="28.5">
      <c r="B1747" s="358" t="s">
        <v>15264</v>
      </c>
      <c r="C1747" s="358" t="s">
        <v>15265</v>
      </c>
      <c r="D1747" s="358" t="s">
        <v>15266</v>
      </c>
      <c r="E1747" s="358" t="s">
        <v>15267</v>
      </c>
      <c r="F1747" s="358" t="s">
        <v>14339</v>
      </c>
      <c r="G1747" s="358" t="s">
        <v>14340</v>
      </c>
      <c r="H1747" s="358" t="s">
        <v>14341</v>
      </c>
      <c r="I1747" s="358" t="s">
        <v>14340</v>
      </c>
      <c r="J1747" s="358"/>
      <c r="K1747" s="358"/>
      <c r="L1747" s="358"/>
    </row>
    <row r="1748" spans="2:12">
      <c r="B1748" s="359"/>
      <c r="C1748" s="359"/>
      <c r="D1748" s="359"/>
      <c r="E1748" s="359"/>
      <c r="F1748" s="359"/>
      <c r="G1748" s="359"/>
      <c r="H1748" s="360"/>
      <c r="I1748" s="359"/>
      <c r="J1748" s="359"/>
      <c r="K1748" s="359"/>
      <c r="L1748" s="359"/>
    </row>
    <row r="1749" spans="2:12">
      <c r="B1749" s="361"/>
      <c r="C1749" s="361"/>
      <c r="D1749" s="361"/>
      <c r="E1749" s="361"/>
      <c r="F1749" s="361"/>
      <c r="G1749" s="361"/>
      <c r="H1749" s="361" t="s">
        <v>14332</v>
      </c>
      <c r="I1749" s="361"/>
      <c r="J1749" s="361"/>
      <c r="K1749" s="361"/>
      <c r="L1749" s="361"/>
    </row>
    <row r="1750" spans="2:12" ht="42.75">
      <c r="B1750" s="358" t="s">
        <v>15268</v>
      </c>
      <c r="C1750" s="358" t="s">
        <v>28620</v>
      </c>
      <c r="D1750" s="358" t="s">
        <v>15269</v>
      </c>
      <c r="E1750" s="358" t="s">
        <v>15270</v>
      </c>
      <c r="F1750" s="358" t="s">
        <v>14391</v>
      </c>
      <c r="G1750" s="358" t="s">
        <v>14392</v>
      </c>
      <c r="H1750" s="358" t="s">
        <v>14367</v>
      </c>
      <c r="I1750" s="358" t="s">
        <v>14392</v>
      </c>
      <c r="J1750" s="358"/>
      <c r="K1750" s="358"/>
      <c r="L1750" s="358"/>
    </row>
    <row r="1751" spans="2:12">
      <c r="B1751" s="359"/>
      <c r="C1751" s="359"/>
      <c r="D1751" s="359"/>
      <c r="E1751" s="359"/>
      <c r="F1751" s="359"/>
      <c r="G1751" s="359"/>
      <c r="H1751" s="360"/>
      <c r="I1751" s="359"/>
      <c r="J1751" s="359"/>
      <c r="K1751" s="359"/>
      <c r="L1751" s="359"/>
    </row>
    <row r="1752" spans="2:12">
      <c r="B1752" s="361"/>
      <c r="C1752" s="361"/>
      <c r="D1752" s="361"/>
      <c r="E1752" s="361"/>
      <c r="F1752" s="361"/>
      <c r="G1752" s="361"/>
      <c r="H1752" s="361" t="s">
        <v>14422</v>
      </c>
      <c r="I1752" s="361"/>
      <c r="J1752" s="361"/>
      <c r="K1752" s="361"/>
      <c r="L1752" s="361"/>
    </row>
    <row r="1753" spans="2:12" ht="28.5">
      <c r="B1753" s="358" t="s">
        <v>15271</v>
      </c>
      <c r="C1753" s="358" t="s">
        <v>30020</v>
      </c>
      <c r="D1753" s="358" t="s">
        <v>15272</v>
      </c>
      <c r="E1753" s="358" t="s">
        <v>15273</v>
      </c>
      <c r="F1753" s="358" t="s">
        <v>14507</v>
      </c>
      <c r="G1753" s="358" t="s">
        <v>28621</v>
      </c>
      <c r="H1753" s="358" t="s">
        <v>14381</v>
      </c>
      <c r="I1753" s="358" t="s">
        <v>28621</v>
      </c>
      <c r="J1753" s="358"/>
      <c r="K1753" s="358"/>
      <c r="L1753" s="358"/>
    </row>
    <row r="1754" spans="2:12">
      <c r="B1754" s="359"/>
      <c r="C1754" s="359"/>
      <c r="D1754" s="359"/>
      <c r="E1754" s="359"/>
      <c r="F1754" s="360"/>
      <c r="G1754" s="360"/>
      <c r="H1754" s="360"/>
      <c r="I1754" s="360"/>
      <c r="J1754" s="359"/>
      <c r="K1754" s="359"/>
      <c r="L1754" s="359"/>
    </row>
    <row r="1755" spans="2:12">
      <c r="B1755" s="359"/>
      <c r="C1755" s="359"/>
      <c r="D1755" s="359"/>
      <c r="E1755" s="359"/>
      <c r="F1755" s="359" t="s">
        <v>14420</v>
      </c>
      <c r="G1755" s="359" t="s">
        <v>14519</v>
      </c>
      <c r="H1755" s="359" t="s">
        <v>14367</v>
      </c>
      <c r="I1755" s="359" t="s">
        <v>14519</v>
      </c>
      <c r="J1755" s="359"/>
      <c r="K1755" s="359"/>
      <c r="L1755" s="359"/>
    </row>
    <row r="1756" spans="2:12">
      <c r="B1756" s="359"/>
      <c r="C1756" s="359"/>
      <c r="D1756" s="359"/>
      <c r="E1756" s="359"/>
      <c r="F1756" s="360"/>
      <c r="G1756" s="360"/>
      <c r="H1756" s="360"/>
      <c r="I1756" s="360"/>
      <c r="J1756" s="359"/>
      <c r="K1756" s="359"/>
      <c r="L1756" s="359"/>
    </row>
    <row r="1757" spans="2:12">
      <c r="B1757" s="361"/>
      <c r="C1757" s="361"/>
      <c r="D1757" s="361"/>
      <c r="E1757" s="361"/>
      <c r="F1757" s="361" t="s">
        <v>14460</v>
      </c>
      <c r="G1757" s="362"/>
      <c r="H1757" s="361" t="s">
        <v>14422</v>
      </c>
      <c r="I1757" s="362"/>
      <c r="J1757" s="361"/>
      <c r="K1757" s="361"/>
      <c r="L1757" s="361"/>
    </row>
    <row r="1758" spans="2:12" ht="28.5">
      <c r="B1758" s="358" t="s">
        <v>15274</v>
      </c>
      <c r="C1758" s="358" t="s">
        <v>27413</v>
      </c>
      <c r="D1758" s="358" t="s">
        <v>15275</v>
      </c>
      <c r="E1758" s="358" t="s">
        <v>15276</v>
      </c>
      <c r="F1758" s="358" t="s">
        <v>14379</v>
      </c>
      <c r="G1758" s="358" t="s">
        <v>14405</v>
      </c>
      <c r="H1758" s="358" t="s">
        <v>14378</v>
      </c>
      <c r="I1758" s="358" t="s">
        <v>14405</v>
      </c>
      <c r="J1758" s="358"/>
      <c r="K1758" s="358"/>
      <c r="L1758" s="358"/>
    </row>
    <row r="1759" spans="2:12">
      <c r="B1759" s="359"/>
      <c r="C1759" s="359"/>
      <c r="D1759" s="359"/>
      <c r="E1759" s="359"/>
      <c r="F1759" s="359"/>
      <c r="G1759" s="359"/>
      <c r="H1759" s="360"/>
      <c r="I1759" s="359"/>
      <c r="J1759" s="359"/>
      <c r="K1759" s="359"/>
      <c r="L1759" s="359"/>
    </row>
    <row r="1760" spans="2:12">
      <c r="B1760" s="361"/>
      <c r="C1760" s="361"/>
      <c r="D1760" s="361"/>
      <c r="E1760" s="361"/>
      <c r="F1760" s="361"/>
      <c r="G1760" s="361"/>
      <c r="H1760" s="361" t="s">
        <v>14332</v>
      </c>
      <c r="I1760" s="361"/>
      <c r="J1760" s="361"/>
      <c r="K1760" s="361"/>
      <c r="L1760" s="361"/>
    </row>
    <row r="1761" spans="2:12">
      <c r="B1761" s="358" t="s">
        <v>15277</v>
      </c>
      <c r="C1761" s="358" t="s">
        <v>15278</v>
      </c>
      <c r="D1761" s="358" t="s">
        <v>15279</v>
      </c>
      <c r="E1761" s="358" t="s">
        <v>15280</v>
      </c>
      <c r="F1761" s="358" t="s">
        <v>14418</v>
      </c>
      <c r="G1761" s="358" t="s">
        <v>14419</v>
      </c>
      <c r="H1761" s="358" t="s">
        <v>14328</v>
      </c>
      <c r="I1761" s="358" t="s">
        <v>14419</v>
      </c>
      <c r="J1761" s="358"/>
      <c r="K1761" s="358"/>
      <c r="L1761" s="358"/>
    </row>
    <row r="1762" spans="2:12">
      <c r="B1762" s="359"/>
      <c r="C1762" s="359"/>
      <c r="D1762" s="359"/>
      <c r="E1762" s="359"/>
      <c r="F1762" s="360"/>
      <c r="G1762" s="360"/>
      <c r="H1762" s="360"/>
      <c r="I1762" s="360"/>
      <c r="J1762" s="359"/>
      <c r="K1762" s="359"/>
      <c r="L1762" s="359"/>
    </row>
    <row r="1763" spans="2:12">
      <c r="B1763" s="359"/>
      <c r="C1763" s="359"/>
      <c r="D1763" s="359"/>
      <c r="E1763" s="359"/>
      <c r="F1763" s="359" t="s">
        <v>14389</v>
      </c>
      <c r="G1763" s="359" t="s">
        <v>14390</v>
      </c>
      <c r="H1763" s="359" t="s">
        <v>14367</v>
      </c>
      <c r="I1763" s="359" t="s">
        <v>14390</v>
      </c>
      <c r="J1763" s="359"/>
      <c r="K1763" s="359"/>
      <c r="L1763" s="359"/>
    </row>
    <row r="1764" spans="2:12">
      <c r="B1764" s="359"/>
      <c r="C1764" s="359"/>
      <c r="D1764" s="359"/>
      <c r="E1764" s="359"/>
      <c r="F1764" s="360"/>
      <c r="G1764" s="360"/>
      <c r="H1764" s="360"/>
      <c r="I1764" s="360"/>
      <c r="J1764" s="359"/>
      <c r="K1764" s="359"/>
      <c r="L1764" s="359"/>
    </row>
    <row r="1765" spans="2:12">
      <c r="B1765" s="359"/>
      <c r="C1765" s="359"/>
      <c r="D1765" s="359"/>
      <c r="E1765" s="359"/>
      <c r="F1765" s="359" t="s">
        <v>14391</v>
      </c>
      <c r="G1765" s="359" t="s">
        <v>14392</v>
      </c>
      <c r="H1765" s="359" t="s">
        <v>14422</v>
      </c>
      <c r="I1765" s="359" t="s">
        <v>14392</v>
      </c>
      <c r="J1765" s="359"/>
      <c r="K1765" s="359"/>
      <c r="L1765" s="359"/>
    </row>
    <row r="1766" spans="2:12">
      <c r="B1766" s="359"/>
      <c r="C1766" s="359"/>
      <c r="D1766" s="359"/>
      <c r="E1766" s="359"/>
      <c r="F1766" s="360"/>
      <c r="G1766" s="360"/>
      <c r="H1766" s="360"/>
      <c r="I1766" s="360"/>
      <c r="J1766" s="359"/>
      <c r="K1766" s="359"/>
      <c r="L1766" s="359"/>
    </row>
    <row r="1767" spans="2:12" ht="28.5">
      <c r="B1767" s="361"/>
      <c r="C1767" s="361"/>
      <c r="D1767" s="361"/>
      <c r="E1767" s="361"/>
      <c r="F1767" s="361" t="s">
        <v>14472</v>
      </c>
      <c r="G1767" s="361" t="s">
        <v>14473</v>
      </c>
      <c r="H1767" s="362"/>
      <c r="I1767" s="361" t="s">
        <v>14473</v>
      </c>
      <c r="J1767" s="361"/>
      <c r="K1767" s="361"/>
      <c r="L1767" s="361"/>
    </row>
    <row r="1768" spans="2:12">
      <c r="B1768" s="358" t="s">
        <v>15281</v>
      </c>
      <c r="C1768" s="358" t="s">
        <v>15282</v>
      </c>
      <c r="D1768" s="358" t="s">
        <v>15283</v>
      </c>
      <c r="E1768" s="358" t="s">
        <v>15284</v>
      </c>
      <c r="F1768" s="358" t="s">
        <v>14389</v>
      </c>
      <c r="G1768" s="358" t="s">
        <v>14390</v>
      </c>
      <c r="H1768" s="358" t="s">
        <v>14341</v>
      </c>
      <c r="I1768" s="358" t="s">
        <v>14390</v>
      </c>
      <c r="J1768" s="358"/>
      <c r="K1768" s="358"/>
      <c r="L1768" s="358"/>
    </row>
    <row r="1769" spans="2:12">
      <c r="B1769" s="359"/>
      <c r="C1769" s="359"/>
      <c r="D1769" s="359"/>
      <c r="E1769" s="359"/>
      <c r="F1769" s="360"/>
      <c r="G1769" s="360"/>
      <c r="H1769" s="360"/>
      <c r="I1769" s="360"/>
      <c r="J1769" s="359"/>
      <c r="K1769" s="359"/>
      <c r="L1769" s="359"/>
    </row>
    <row r="1770" spans="2:12">
      <c r="B1770" s="359"/>
      <c r="C1770" s="359"/>
      <c r="D1770" s="359"/>
      <c r="E1770" s="359"/>
      <c r="F1770" s="359" t="s">
        <v>14430</v>
      </c>
      <c r="G1770" s="359" t="s">
        <v>14431</v>
      </c>
      <c r="H1770" s="359" t="s">
        <v>14370</v>
      </c>
      <c r="I1770" s="359" t="s">
        <v>14431</v>
      </c>
      <c r="J1770" s="359"/>
      <c r="K1770" s="359"/>
      <c r="L1770" s="359"/>
    </row>
    <row r="1771" spans="2:12">
      <c r="B1771" s="359"/>
      <c r="C1771" s="359"/>
      <c r="D1771" s="359"/>
      <c r="E1771" s="359"/>
      <c r="F1771" s="360"/>
      <c r="G1771" s="360"/>
      <c r="H1771" s="360"/>
      <c r="I1771" s="360"/>
      <c r="J1771" s="359"/>
      <c r="K1771" s="359"/>
      <c r="L1771" s="359"/>
    </row>
    <row r="1772" spans="2:12">
      <c r="B1772" s="359"/>
      <c r="C1772" s="359"/>
      <c r="D1772" s="359"/>
      <c r="E1772" s="359"/>
      <c r="F1772" s="359" t="s">
        <v>14371</v>
      </c>
      <c r="G1772" s="359" t="s">
        <v>14372</v>
      </c>
      <c r="H1772" s="359" t="s">
        <v>14332</v>
      </c>
      <c r="I1772" s="359" t="s">
        <v>14373</v>
      </c>
      <c r="J1772" s="359"/>
      <c r="K1772" s="359"/>
      <c r="L1772" s="359"/>
    </row>
    <row r="1773" spans="2:12">
      <c r="B1773" s="359"/>
      <c r="C1773" s="359"/>
      <c r="D1773" s="359"/>
      <c r="E1773" s="359"/>
      <c r="F1773" s="360"/>
      <c r="G1773" s="360"/>
      <c r="H1773" s="360"/>
      <c r="I1773" s="360"/>
      <c r="J1773" s="359"/>
      <c r="K1773" s="359"/>
      <c r="L1773" s="359"/>
    </row>
    <row r="1774" spans="2:12" ht="28.5">
      <c r="B1774" s="361"/>
      <c r="C1774" s="361"/>
      <c r="D1774" s="361"/>
      <c r="E1774" s="361"/>
      <c r="F1774" s="361" t="s">
        <v>14374</v>
      </c>
      <c r="G1774" s="361" t="s">
        <v>14373</v>
      </c>
      <c r="H1774" s="362"/>
      <c r="I1774" s="362"/>
      <c r="J1774" s="361"/>
      <c r="K1774" s="361"/>
      <c r="L1774" s="361"/>
    </row>
    <row r="1775" spans="2:12" ht="28.5">
      <c r="B1775" s="358" t="s">
        <v>15285</v>
      </c>
      <c r="C1775" s="358" t="s">
        <v>15286</v>
      </c>
      <c r="D1775" s="358" t="s">
        <v>15287</v>
      </c>
      <c r="E1775" s="358" t="s">
        <v>15288</v>
      </c>
      <c r="F1775" s="358" t="s">
        <v>14505</v>
      </c>
      <c r="G1775" s="358" t="s">
        <v>14506</v>
      </c>
      <c r="H1775" s="358" t="s">
        <v>14328</v>
      </c>
      <c r="I1775" s="358" t="s">
        <v>14506</v>
      </c>
      <c r="J1775" s="358"/>
      <c r="K1775" s="358"/>
      <c r="L1775" s="358"/>
    </row>
    <row r="1776" spans="2:12">
      <c r="B1776" s="359"/>
      <c r="C1776" s="359"/>
      <c r="D1776" s="359"/>
      <c r="E1776" s="359"/>
      <c r="F1776" s="360"/>
      <c r="G1776" s="360"/>
      <c r="H1776" s="360"/>
      <c r="I1776" s="360"/>
      <c r="J1776" s="359"/>
      <c r="K1776" s="359"/>
      <c r="L1776" s="359"/>
    </row>
    <row r="1777" spans="2:12">
      <c r="B1777" s="359"/>
      <c r="C1777" s="359"/>
      <c r="D1777" s="359"/>
      <c r="E1777" s="359"/>
      <c r="F1777" s="359" t="s">
        <v>14386</v>
      </c>
      <c r="G1777" s="359" t="s">
        <v>14387</v>
      </c>
      <c r="H1777" s="359" t="s">
        <v>14367</v>
      </c>
      <c r="I1777" s="359" t="s">
        <v>14387</v>
      </c>
      <c r="J1777" s="359"/>
      <c r="K1777" s="359"/>
      <c r="L1777" s="359"/>
    </row>
    <row r="1778" spans="2:12">
      <c r="B1778" s="359"/>
      <c r="C1778" s="359"/>
      <c r="D1778" s="359"/>
      <c r="E1778" s="359"/>
      <c r="F1778" s="360"/>
      <c r="G1778" s="360"/>
      <c r="H1778" s="360"/>
      <c r="I1778" s="360"/>
      <c r="J1778" s="359"/>
      <c r="K1778" s="359"/>
      <c r="L1778" s="359"/>
    </row>
    <row r="1779" spans="2:12">
      <c r="B1779" s="361"/>
      <c r="C1779" s="361"/>
      <c r="D1779" s="361"/>
      <c r="E1779" s="361"/>
      <c r="F1779" s="361" t="s">
        <v>14368</v>
      </c>
      <c r="G1779" s="361" t="s">
        <v>14369</v>
      </c>
      <c r="H1779" s="361" t="s">
        <v>14332</v>
      </c>
      <c r="I1779" s="361" t="s">
        <v>14369</v>
      </c>
      <c r="J1779" s="361"/>
      <c r="K1779" s="361"/>
      <c r="L1779" s="361"/>
    </row>
    <row r="1780" spans="2:12">
      <c r="B1780" s="358" t="s">
        <v>15289</v>
      </c>
      <c r="C1780" s="358" t="s">
        <v>15290</v>
      </c>
      <c r="D1780" s="358" t="s">
        <v>15291</v>
      </c>
      <c r="E1780" s="358" t="s">
        <v>15292</v>
      </c>
      <c r="F1780" s="358" t="s">
        <v>14420</v>
      </c>
      <c r="G1780" s="358" t="s">
        <v>14459</v>
      </c>
      <c r="H1780" s="358" t="s">
        <v>14367</v>
      </c>
      <c r="I1780" s="358" t="s">
        <v>14459</v>
      </c>
      <c r="J1780" s="358"/>
      <c r="K1780" s="358"/>
      <c r="L1780" s="358"/>
    </row>
    <row r="1781" spans="2:12">
      <c r="B1781" s="359"/>
      <c r="C1781" s="359"/>
      <c r="D1781" s="359"/>
      <c r="E1781" s="359"/>
      <c r="F1781" s="360"/>
      <c r="G1781" s="360"/>
      <c r="H1781" s="360"/>
      <c r="I1781" s="360"/>
      <c r="J1781" s="359"/>
      <c r="K1781" s="359"/>
      <c r="L1781" s="359"/>
    </row>
    <row r="1782" spans="2:12" ht="28.5">
      <c r="B1782" s="361"/>
      <c r="C1782" s="361"/>
      <c r="D1782" s="361"/>
      <c r="E1782" s="361"/>
      <c r="F1782" s="361" t="s">
        <v>14462</v>
      </c>
      <c r="G1782" s="361" t="s">
        <v>14463</v>
      </c>
      <c r="H1782" s="361" t="s">
        <v>14422</v>
      </c>
      <c r="I1782" s="361" t="s">
        <v>14463</v>
      </c>
      <c r="J1782" s="361"/>
      <c r="K1782" s="361"/>
      <c r="L1782" s="361"/>
    </row>
    <row r="1783" spans="2:12">
      <c r="B1783" s="358" t="s">
        <v>15293</v>
      </c>
      <c r="C1783" s="358" t="s">
        <v>15294</v>
      </c>
      <c r="D1783" s="358" t="s">
        <v>15295</v>
      </c>
      <c r="E1783" s="358" t="s">
        <v>15296</v>
      </c>
      <c r="F1783" s="358" t="s">
        <v>14391</v>
      </c>
      <c r="G1783" s="358" t="s">
        <v>14392</v>
      </c>
      <c r="H1783" s="358" t="s">
        <v>14367</v>
      </c>
      <c r="I1783" s="358" t="s">
        <v>14392</v>
      </c>
      <c r="J1783" s="358"/>
      <c r="K1783" s="358"/>
      <c r="L1783" s="358"/>
    </row>
    <row r="1784" spans="2:12">
      <c r="B1784" s="359"/>
      <c r="C1784" s="359"/>
      <c r="D1784" s="359"/>
      <c r="E1784" s="359"/>
      <c r="F1784" s="360"/>
      <c r="G1784" s="360"/>
      <c r="H1784" s="360"/>
      <c r="I1784" s="360"/>
      <c r="J1784" s="359"/>
      <c r="K1784" s="359"/>
      <c r="L1784" s="359"/>
    </row>
    <row r="1785" spans="2:12" ht="28.5">
      <c r="B1785" s="361"/>
      <c r="C1785" s="361"/>
      <c r="D1785" s="361"/>
      <c r="E1785" s="361"/>
      <c r="F1785" s="361" t="s">
        <v>14472</v>
      </c>
      <c r="G1785" s="361" t="s">
        <v>14473</v>
      </c>
      <c r="H1785" s="361" t="s">
        <v>14422</v>
      </c>
      <c r="I1785" s="361" t="s">
        <v>14473</v>
      </c>
      <c r="J1785" s="361"/>
      <c r="K1785" s="361"/>
      <c r="L1785" s="361"/>
    </row>
    <row r="1786" spans="2:12" ht="28.5">
      <c r="B1786" s="358" t="s">
        <v>13016</v>
      </c>
      <c r="C1786" s="358" t="s">
        <v>13015</v>
      </c>
      <c r="D1786" s="358" t="s">
        <v>13017</v>
      </c>
      <c r="E1786" s="358" t="s">
        <v>13018</v>
      </c>
      <c r="F1786" s="358" t="s">
        <v>14424</v>
      </c>
      <c r="G1786" s="358" t="s">
        <v>28622</v>
      </c>
      <c r="H1786" s="358" t="s">
        <v>14381</v>
      </c>
      <c r="I1786" s="358" t="s">
        <v>28623</v>
      </c>
      <c r="J1786" s="358"/>
      <c r="K1786" s="358" t="s">
        <v>15298</v>
      </c>
      <c r="L1786" s="358"/>
    </row>
    <row r="1787" spans="2:12">
      <c r="B1787" s="359"/>
      <c r="C1787" s="359"/>
      <c r="D1787" s="359"/>
      <c r="E1787" s="359"/>
      <c r="F1787" s="360"/>
      <c r="G1787" s="360"/>
      <c r="H1787" s="360"/>
      <c r="I1787" s="359"/>
      <c r="J1787" s="359"/>
      <c r="K1787" s="359"/>
      <c r="L1787" s="359"/>
    </row>
    <row r="1788" spans="2:12">
      <c r="B1788" s="359"/>
      <c r="C1788" s="359"/>
      <c r="D1788" s="359"/>
      <c r="E1788" s="359"/>
      <c r="F1788" s="359" t="s">
        <v>14371</v>
      </c>
      <c r="G1788" s="359" t="s">
        <v>14373</v>
      </c>
      <c r="H1788" s="359" t="s">
        <v>14370</v>
      </c>
      <c r="I1788" s="359"/>
      <c r="J1788" s="359"/>
      <c r="K1788" s="359"/>
      <c r="L1788" s="359"/>
    </row>
    <row r="1789" spans="2:12">
      <c r="B1789" s="359"/>
      <c r="C1789" s="359"/>
      <c r="D1789" s="359"/>
      <c r="E1789" s="359"/>
      <c r="F1789" s="360"/>
      <c r="G1789" s="360"/>
      <c r="H1789" s="360"/>
      <c r="I1789" s="359"/>
      <c r="J1789" s="359"/>
      <c r="K1789" s="359"/>
      <c r="L1789" s="359"/>
    </row>
    <row r="1790" spans="2:12" ht="28.5">
      <c r="B1790" s="361"/>
      <c r="C1790" s="361"/>
      <c r="D1790" s="361"/>
      <c r="E1790" s="361"/>
      <c r="F1790" s="361" t="s">
        <v>14374</v>
      </c>
      <c r="G1790" s="362"/>
      <c r="H1790" s="361" t="s">
        <v>14332</v>
      </c>
      <c r="I1790" s="361"/>
      <c r="J1790" s="361"/>
      <c r="K1790" s="361"/>
      <c r="L1790" s="361"/>
    </row>
    <row r="1791" spans="2:12">
      <c r="B1791" s="358" t="s">
        <v>15299</v>
      </c>
      <c r="C1791" s="358" t="s">
        <v>30021</v>
      </c>
      <c r="D1791" s="358" t="s">
        <v>15300</v>
      </c>
      <c r="E1791" s="358" t="s">
        <v>15301</v>
      </c>
      <c r="F1791" s="358" t="s">
        <v>14460</v>
      </c>
      <c r="G1791" s="358" t="s">
        <v>14461</v>
      </c>
      <c r="H1791" s="358" t="s">
        <v>14381</v>
      </c>
      <c r="I1791" s="358" t="s">
        <v>14461</v>
      </c>
      <c r="J1791" s="358"/>
      <c r="K1791" s="358"/>
      <c r="L1791" s="358"/>
    </row>
    <row r="1792" spans="2:12">
      <c r="B1792" s="359"/>
      <c r="C1792" s="359"/>
      <c r="D1792" s="359"/>
      <c r="E1792" s="359"/>
      <c r="F1792" s="360"/>
      <c r="G1792" s="360"/>
      <c r="H1792" s="360"/>
      <c r="I1792" s="360"/>
      <c r="J1792" s="359"/>
      <c r="K1792" s="359"/>
      <c r="L1792" s="359"/>
    </row>
    <row r="1793" spans="2:12">
      <c r="B1793" s="359"/>
      <c r="C1793" s="359"/>
      <c r="D1793" s="359"/>
      <c r="E1793" s="359"/>
      <c r="F1793" s="359" t="s">
        <v>14391</v>
      </c>
      <c r="G1793" s="359" t="s">
        <v>14392</v>
      </c>
      <c r="H1793" s="359" t="s">
        <v>14367</v>
      </c>
      <c r="I1793" s="359" t="s">
        <v>14392</v>
      </c>
      <c r="J1793" s="359"/>
      <c r="K1793" s="359"/>
      <c r="L1793" s="359"/>
    </row>
    <row r="1794" spans="2:12">
      <c r="B1794" s="359"/>
      <c r="C1794" s="359"/>
      <c r="D1794" s="359"/>
      <c r="E1794" s="359"/>
      <c r="F1794" s="360"/>
      <c r="G1794" s="360"/>
      <c r="H1794" s="360"/>
      <c r="I1794" s="360"/>
      <c r="J1794" s="359"/>
      <c r="K1794" s="359"/>
      <c r="L1794" s="359"/>
    </row>
    <row r="1795" spans="2:12" ht="28.5">
      <c r="B1795" s="361"/>
      <c r="C1795" s="361"/>
      <c r="D1795" s="361"/>
      <c r="E1795" s="361"/>
      <c r="F1795" s="361" t="s">
        <v>14472</v>
      </c>
      <c r="G1795" s="361" t="s">
        <v>14473</v>
      </c>
      <c r="H1795" s="361" t="s">
        <v>14422</v>
      </c>
      <c r="I1795" s="361" t="s">
        <v>14473</v>
      </c>
      <c r="J1795" s="361"/>
      <c r="K1795" s="361"/>
      <c r="L1795" s="361"/>
    </row>
    <row r="1796" spans="2:12">
      <c r="B1796" s="358" t="s">
        <v>15302</v>
      </c>
      <c r="C1796" s="358" t="s">
        <v>30022</v>
      </c>
      <c r="D1796" s="358" t="s">
        <v>15303</v>
      </c>
      <c r="E1796" s="358" t="s">
        <v>15304</v>
      </c>
      <c r="F1796" s="358" t="s">
        <v>14391</v>
      </c>
      <c r="G1796" s="358" t="s">
        <v>14392</v>
      </c>
      <c r="H1796" s="358" t="s">
        <v>14367</v>
      </c>
      <c r="I1796" s="358" t="s">
        <v>14392</v>
      </c>
      <c r="J1796" s="358"/>
      <c r="K1796" s="358"/>
      <c r="L1796" s="358"/>
    </row>
    <row r="1797" spans="2:12">
      <c r="B1797" s="359"/>
      <c r="C1797" s="359"/>
      <c r="D1797" s="359"/>
      <c r="E1797" s="359"/>
      <c r="F1797" s="359"/>
      <c r="G1797" s="359"/>
      <c r="H1797" s="360"/>
      <c r="I1797" s="359"/>
      <c r="J1797" s="359"/>
      <c r="K1797" s="359"/>
      <c r="L1797" s="359"/>
    </row>
    <row r="1798" spans="2:12">
      <c r="B1798" s="361"/>
      <c r="C1798" s="361"/>
      <c r="D1798" s="361"/>
      <c r="E1798" s="361"/>
      <c r="F1798" s="361"/>
      <c r="G1798" s="361"/>
      <c r="H1798" s="361" t="s">
        <v>14422</v>
      </c>
      <c r="I1798" s="361"/>
      <c r="J1798" s="361"/>
      <c r="K1798" s="361"/>
      <c r="L1798" s="361"/>
    </row>
    <row r="1799" spans="2:12">
      <c r="B1799" s="358" t="s">
        <v>15305</v>
      </c>
      <c r="C1799" s="358" t="s">
        <v>15306</v>
      </c>
      <c r="D1799" s="358" t="s">
        <v>15307</v>
      </c>
      <c r="E1799" s="358" t="s">
        <v>15308</v>
      </c>
      <c r="F1799" s="358" t="s">
        <v>14389</v>
      </c>
      <c r="G1799" s="358" t="s">
        <v>14390</v>
      </c>
      <c r="H1799" s="358" t="s">
        <v>14341</v>
      </c>
      <c r="I1799" s="358" t="s">
        <v>14390</v>
      </c>
      <c r="J1799" s="358"/>
      <c r="K1799" s="358"/>
      <c r="L1799" s="358"/>
    </row>
    <row r="1800" spans="2:12">
      <c r="B1800" s="359"/>
      <c r="C1800" s="359"/>
      <c r="D1800" s="359"/>
      <c r="E1800" s="359"/>
      <c r="F1800" s="360"/>
      <c r="G1800" s="360"/>
      <c r="H1800" s="360"/>
      <c r="I1800" s="360"/>
      <c r="J1800" s="359"/>
      <c r="K1800" s="359"/>
      <c r="L1800" s="359"/>
    </row>
    <row r="1801" spans="2:12">
      <c r="B1801" s="359"/>
      <c r="C1801" s="359"/>
      <c r="D1801" s="359"/>
      <c r="E1801" s="359"/>
      <c r="F1801" s="359" t="s">
        <v>14430</v>
      </c>
      <c r="G1801" s="359" t="s">
        <v>14431</v>
      </c>
      <c r="H1801" s="359" t="s">
        <v>14332</v>
      </c>
      <c r="I1801" s="359" t="s">
        <v>14431</v>
      </c>
      <c r="J1801" s="359"/>
      <c r="K1801" s="359"/>
      <c r="L1801" s="359"/>
    </row>
    <row r="1802" spans="2:12">
      <c r="B1802" s="359"/>
      <c r="C1802" s="359"/>
      <c r="D1802" s="359"/>
      <c r="E1802" s="359"/>
      <c r="F1802" s="360"/>
      <c r="G1802" s="360"/>
      <c r="H1802" s="360"/>
      <c r="I1802" s="360"/>
      <c r="J1802" s="359"/>
      <c r="K1802" s="359"/>
      <c r="L1802" s="359"/>
    </row>
    <row r="1803" spans="2:12" ht="28.5">
      <c r="B1803" s="361"/>
      <c r="C1803" s="361"/>
      <c r="D1803" s="361"/>
      <c r="E1803" s="361"/>
      <c r="F1803" s="361" t="s">
        <v>14472</v>
      </c>
      <c r="G1803" s="361" t="s">
        <v>14473</v>
      </c>
      <c r="H1803" s="362"/>
      <c r="I1803" s="361" t="s">
        <v>14473</v>
      </c>
      <c r="J1803" s="361"/>
      <c r="K1803" s="361"/>
      <c r="L1803" s="361"/>
    </row>
    <row r="1804" spans="2:12">
      <c r="B1804" s="358" t="s">
        <v>15309</v>
      </c>
      <c r="C1804" s="358" t="s">
        <v>30023</v>
      </c>
      <c r="D1804" s="358" t="s">
        <v>15310</v>
      </c>
      <c r="E1804" s="358" t="s">
        <v>15311</v>
      </c>
      <c r="F1804" s="358" t="s">
        <v>14420</v>
      </c>
      <c r="G1804" s="358" t="s">
        <v>14429</v>
      </c>
      <c r="H1804" s="358" t="s">
        <v>14367</v>
      </c>
      <c r="I1804" s="358" t="s">
        <v>14429</v>
      </c>
      <c r="J1804" s="358"/>
      <c r="K1804" s="358"/>
      <c r="L1804" s="358"/>
    </row>
    <row r="1805" spans="2:12">
      <c r="B1805" s="359"/>
      <c r="C1805" s="359"/>
      <c r="D1805" s="359"/>
      <c r="E1805" s="359"/>
      <c r="F1805" s="360"/>
      <c r="G1805" s="360"/>
      <c r="H1805" s="360"/>
      <c r="I1805" s="360"/>
      <c r="J1805" s="359"/>
      <c r="K1805" s="359"/>
      <c r="L1805" s="359"/>
    </row>
    <row r="1806" spans="2:12">
      <c r="B1806" s="361"/>
      <c r="C1806" s="361"/>
      <c r="D1806" s="361"/>
      <c r="E1806" s="361"/>
      <c r="F1806" s="361" t="s">
        <v>14391</v>
      </c>
      <c r="G1806" s="361" t="s">
        <v>14392</v>
      </c>
      <c r="H1806" s="361" t="s">
        <v>14422</v>
      </c>
      <c r="I1806" s="361" t="s">
        <v>14392</v>
      </c>
      <c r="J1806" s="361"/>
      <c r="K1806" s="361"/>
      <c r="L1806" s="361"/>
    </row>
    <row r="1807" spans="2:12" ht="28.5">
      <c r="B1807" s="358" t="s">
        <v>15312</v>
      </c>
      <c r="C1807" s="358" t="s">
        <v>27414</v>
      </c>
      <c r="D1807" s="358" t="s">
        <v>15313</v>
      </c>
      <c r="E1807" s="358" t="s">
        <v>8356</v>
      </c>
      <c r="F1807" s="358" t="s">
        <v>14430</v>
      </c>
      <c r="G1807" s="358" t="s">
        <v>14431</v>
      </c>
      <c r="H1807" s="358" t="s">
        <v>14341</v>
      </c>
      <c r="I1807" s="358" t="s">
        <v>14431</v>
      </c>
      <c r="J1807" s="358"/>
      <c r="K1807" s="358"/>
      <c r="L1807" s="358"/>
    </row>
    <row r="1808" spans="2:12">
      <c r="B1808" s="359"/>
      <c r="C1808" s="359"/>
      <c r="D1808" s="359"/>
      <c r="E1808" s="359"/>
      <c r="F1808" s="359"/>
      <c r="G1808" s="359"/>
      <c r="H1808" s="360"/>
      <c r="I1808" s="359"/>
      <c r="J1808" s="359"/>
      <c r="K1808" s="359"/>
      <c r="L1808" s="359"/>
    </row>
    <row r="1809" spans="2:12">
      <c r="B1809" s="361"/>
      <c r="C1809" s="361"/>
      <c r="D1809" s="361"/>
      <c r="E1809" s="361"/>
      <c r="F1809" s="361"/>
      <c r="G1809" s="361"/>
      <c r="H1809" s="361" t="s">
        <v>14332</v>
      </c>
      <c r="I1809" s="361"/>
      <c r="J1809" s="361"/>
      <c r="K1809" s="361"/>
      <c r="L1809" s="361"/>
    </row>
    <row r="1810" spans="2:12" ht="57">
      <c r="B1810" s="358" t="s">
        <v>15314</v>
      </c>
      <c r="C1810" s="358" t="s">
        <v>28624</v>
      </c>
      <c r="D1810" s="358" t="s">
        <v>15315</v>
      </c>
      <c r="E1810" s="358" t="s">
        <v>8356</v>
      </c>
      <c r="F1810" s="358" t="s">
        <v>14368</v>
      </c>
      <c r="G1810" s="358" t="s">
        <v>14388</v>
      </c>
      <c r="H1810" s="358" t="s">
        <v>14341</v>
      </c>
      <c r="I1810" s="358" t="s">
        <v>14388</v>
      </c>
      <c r="J1810" s="358"/>
      <c r="K1810" s="358"/>
      <c r="L1810" s="358"/>
    </row>
    <row r="1811" spans="2:12">
      <c r="B1811" s="359"/>
      <c r="C1811" s="359"/>
      <c r="D1811" s="359"/>
      <c r="E1811" s="359"/>
      <c r="F1811" s="360"/>
      <c r="G1811" s="360"/>
      <c r="H1811" s="360"/>
      <c r="I1811" s="360"/>
      <c r="J1811" s="359"/>
      <c r="K1811" s="359"/>
      <c r="L1811" s="359"/>
    </row>
    <row r="1812" spans="2:12">
      <c r="B1812" s="359"/>
      <c r="C1812" s="359"/>
      <c r="D1812" s="359"/>
      <c r="E1812" s="359"/>
      <c r="F1812" s="359" t="s">
        <v>14389</v>
      </c>
      <c r="G1812" s="359" t="s">
        <v>14390</v>
      </c>
      <c r="H1812" s="359" t="s">
        <v>14367</v>
      </c>
      <c r="I1812" s="359" t="s">
        <v>14390</v>
      </c>
      <c r="J1812" s="359"/>
      <c r="K1812" s="359"/>
      <c r="L1812" s="359"/>
    </row>
    <row r="1813" spans="2:12">
      <c r="B1813" s="359"/>
      <c r="C1813" s="359"/>
      <c r="D1813" s="359"/>
      <c r="E1813" s="359"/>
      <c r="F1813" s="360"/>
      <c r="G1813" s="360"/>
      <c r="H1813" s="360"/>
      <c r="I1813" s="360"/>
      <c r="J1813" s="359"/>
      <c r="K1813" s="359"/>
      <c r="L1813" s="359"/>
    </row>
    <row r="1814" spans="2:12">
      <c r="B1814" s="359"/>
      <c r="C1814" s="359"/>
      <c r="D1814" s="359"/>
      <c r="E1814" s="359"/>
      <c r="F1814" s="359" t="s">
        <v>14430</v>
      </c>
      <c r="G1814" s="359" t="s">
        <v>14431</v>
      </c>
      <c r="H1814" s="359" t="s">
        <v>14332</v>
      </c>
      <c r="I1814" s="359" t="s">
        <v>14431</v>
      </c>
      <c r="J1814" s="359"/>
      <c r="K1814" s="359"/>
      <c r="L1814" s="359"/>
    </row>
    <row r="1815" spans="2:12">
      <c r="B1815" s="359"/>
      <c r="C1815" s="359"/>
      <c r="D1815" s="359"/>
      <c r="E1815" s="359"/>
      <c r="F1815" s="360"/>
      <c r="G1815" s="360"/>
      <c r="H1815" s="360"/>
      <c r="I1815" s="360"/>
      <c r="J1815" s="359"/>
      <c r="K1815" s="359"/>
      <c r="L1815" s="359"/>
    </row>
    <row r="1816" spans="2:12" ht="28.5">
      <c r="B1816" s="361"/>
      <c r="C1816" s="361"/>
      <c r="D1816" s="361"/>
      <c r="E1816" s="361"/>
      <c r="F1816" s="361" t="s">
        <v>14472</v>
      </c>
      <c r="G1816" s="361" t="s">
        <v>14473</v>
      </c>
      <c r="H1816" s="362"/>
      <c r="I1816" s="361" t="s">
        <v>14473</v>
      </c>
      <c r="J1816" s="361"/>
      <c r="K1816" s="361"/>
      <c r="L1816" s="361"/>
    </row>
    <row r="1817" spans="2:12" ht="28.5">
      <c r="B1817" s="358" t="s">
        <v>15316</v>
      </c>
      <c r="C1817" s="358" t="s">
        <v>15317</v>
      </c>
      <c r="D1817" s="358" t="s">
        <v>15318</v>
      </c>
      <c r="E1817" s="358" t="s">
        <v>8356</v>
      </c>
      <c r="F1817" s="358" t="s">
        <v>14394</v>
      </c>
      <c r="G1817" s="358" t="s">
        <v>14395</v>
      </c>
      <c r="H1817" s="358" t="s">
        <v>14370</v>
      </c>
      <c r="I1817" s="358" t="s">
        <v>14395</v>
      </c>
      <c r="J1817" s="358"/>
      <c r="K1817" s="358"/>
      <c r="L1817" s="358"/>
    </row>
    <row r="1818" spans="2:12">
      <c r="B1818" s="361"/>
      <c r="C1818" s="361"/>
      <c r="D1818" s="361"/>
      <c r="E1818" s="361"/>
      <c r="F1818" s="361"/>
      <c r="G1818" s="361"/>
      <c r="H1818" s="361"/>
      <c r="I1818" s="361"/>
      <c r="J1818" s="361"/>
      <c r="K1818" s="361"/>
      <c r="L1818" s="361"/>
    </row>
    <row r="1819" spans="2:12">
      <c r="B1819" s="358" t="s">
        <v>15319</v>
      </c>
      <c r="C1819" s="358" t="s">
        <v>15320</v>
      </c>
      <c r="D1819" s="358" t="s">
        <v>15321</v>
      </c>
      <c r="E1819" s="358" t="s">
        <v>8356</v>
      </c>
      <c r="F1819" s="358" t="s">
        <v>14460</v>
      </c>
      <c r="G1819" s="358" t="s">
        <v>14461</v>
      </c>
      <c r="H1819" s="358" t="s">
        <v>14381</v>
      </c>
      <c r="I1819" s="358" t="s">
        <v>14461</v>
      </c>
      <c r="J1819" s="358"/>
      <c r="K1819" s="358"/>
      <c r="L1819" s="358"/>
    </row>
    <row r="1820" spans="2:12">
      <c r="B1820" s="359"/>
      <c r="C1820" s="359"/>
      <c r="D1820" s="359"/>
      <c r="E1820" s="359"/>
      <c r="F1820" s="359"/>
      <c r="G1820" s="359"/>
      <c r="H1820" s="360"/>
      <c r="I1820" s="359"/>
      <c r="J1820" s="359"/>
      <c r="K1820" s="359"/>
      <c r="L1820" s="359"/>
    </row>
    <row r="1821" spans="2:12">
      <c r="B1821" s="361"/>
      <c r="C1821" s="361"/>
      <c r="D1821" s="361"/>
      <c r="E1821" s="361"/>
      <c r="F1821" s="361"/>
      <c r="G1821" s="361"/>
      <c r="H1821" s="361" t="s">
        <v>14422</v>
      </c>
      <c r="I1821" s="361"/>
      <c r="J1821" s="361"/>
      <c r="K1821" s="361"/>
      <c r="L1821" s="361"/>
    </row>
    <row r="1822" spans="2:12">
      <c r="B1822" s="354" t="s">
        <v>14492</v>
      </c>
      <c r="C1822" s="355"/>
      <c r="D1822" s="355"/>
      <c r="E1822" s="355"/>
      <c r="F1822" s="355"/>
      <c r="G1822" s="355"/>
      <c r="H1822" s="355"/>
      <c r="I1822" s="355"/>
      <c r="J1822" s="355"/>
      <c r="K1822" s="355"/>
      <c r="L1822" s="363"/>
    </row>
    <row r="1823" spans="2:12" ht="142.5">
      <c r="B1823" s="358" t="s">
        <v>13732</v>
      </c>
      <c r="C1823" s="358" t="s">
        <v>30024</v>
      </c>
      <c r="D1823" s="358" t="s">
        <v>8356</v>
      </c>
      <c r="E1823" s="358" t="s">
        <v>8356</v>
      </c>
      <c r="F1823" s="358" t="s">
        <v>14376</v>
      </c>
      <c r="G1823" s="358" t="s">
        <v>14377</v>
      </c>
      <c r="H1823" s="358" t="s">
        <v>14381</v>
      </c>
      <c r="I1823" s="358" t="s">
        <v>14377</v>
      </c>
      <c r="J1823" s="358"/>
      <c r="K1823" s="358"/>
      <c r="L1823" s="358" t="s">
        <v>9491</v>
      </c>
    </row>
    <row r="1824" spans="2:12">
      <c r="B1824" s="359"/>
      <c r="C1824" s="359"/>
      <c r="D1824" s="359"/>
      <c r="E1824" s="359"/>
      <c r="F1824" s="359"/>
      <c r="G1824" s="359"/>
      <c r="H1824" s="360"/>
      <c r="I1824" s="359"/>
      <c r="J1824" s="359"/>
      <c r="K1824" s="359"/>
      <c r="L1824" s="359"/>
    </row>
    <row r="1825" spans="2:12">
      <c r="B1825" s="361"/>
      <c r="C1825" s="361"/>
      <c r="D1825" s="361"/>
      <c r="E1825" s="361"/>
      <c r="F1825" s="361"/>
      <c r="G1825" s="361"/>
      <c r="H1825" s="361" t="s">
        <v>14332</v>
      </c>
      <c r="I1825" s="361"/>
      <c r="J1825" s="361"/>
      <c r="K1825" s="361"/>
      <c r="L1825" s="361"/>
    </row>
    <row r="1826" spans="2:12" ht="156.75">
      <c r="B1826" s="358" t="s">
        <v>15322</v>
      </c>
      <c r="C1826" s="358" t="s">
        <v>30025</v>
      </c>
      <c r="D1826" s="358" t="s">
        <v>8356</v>
      </c>
      <c r="E1826" s="358" t="s">
        <v>8356</v>
      </c>
      <c r="F1826" s="358" t="s">
        <v>14443</v>
      </c>
      <c r="G1826" s="358" t="s">
        <v>15323</v>
      </c>
      <c r="H1826" s="358" t="s">
        <v>14381</v>
      </c>
      <c r="I1826" s="358" t="s">
        <v>15323</v>
      </c>
      <c r="J1826" s="358"/>
      <c r="K1826" s="358"/>
      <c r="L1826" s="358" t="s">
        <v>9491</v>
      </c>
    </row>
    <row r="1827" spans="2:12">
      <c r="B1827" s="359"/>
      <c r="C1827" s="359"/>
      <c r="D1827" s="359"/>
      <c r="E1827" s="359"/>
      <c r="F1827" s="359"/>
      <c r="G1827" s="359"/>
      <c r="H1827" s="360"/>
      <c r="I1827" s="359"/>
      <c r="J1827" s="359"/>
      <c r="K1827" s="359"/>
      <c r="L1827" s="359"/>
    </row>
    <row r="1828" spans="2:12">
      <c r="B1828" s="361"/>
      <c r="C1828" s="361"/>
      <c r="D1828" s="361"/>
      <c r="E1828" s="361"/>
      <c r="F1828" s="361"/>
      <c r="G1828" s="361"/>
      <c r="H1828" s="361" t="s">
        <v>14422</v>
      </c>
      <c r="I1828" s="361"/>
      <c r="J1828" s="361"/>
      <c r="K1828" s="361"/>
      <c r="L1828" s="361"/>
    </row>
    <row r="1829" spans="2:12">
      <c r="B1829" s="354" t="s">
        <v>28528</v>
      </c>
      <c r="C1829" s="355"/>
      <c r="D1829" s="355"/>
      <c r="E1829" s="355"/>
      <c r="F1829" s="355"/>
      <c r="G1829" s="355"/>
      <c r="H1829" s="355"/>
      <c r="I1829" s="355"/>
      <c r="J1829" s="355"/>
      <c r="K1829" s="355"/>
      <c r="L1829" s="363"/>
    </row>
    <row r="1830" spans="2:12">
      <c r="B1830" s="358" t="s">
        <v>15324</v>
      </c>
      <c r="C1830" s="358" t="s">
        <v>15325</v>
      </c>
      <c r="D1830" s="358" t="s">
        <v>15326</v>
      </c>
      <c r="E1830" s="358" t="s">
        <v>15327</v>
      </c>
      <c r="F1830" s="358" t="s">
        <v>14361</v>
      </c>
      <c r="G1830" s="358" t="s">
        <v>14362</v>
      </c>
      <c r="H1830" s="358" t="s">
        <v>14328</v>
      </c>
      <c r="I1830" s="358" t="s">
        <v>14362</v>
      </c>
      <c r="J1830" s="358"/>
      <c r="K1830" s="358"/>
      <c r="L1830" s="358"/>
    </row>
    <row r="1831" spans="2:12">
      <c r="B1831" s="359"/>
      <c r="C1831" s="359"/>
      <c r="D1831" s="359"/>
      <c r="E1831" s="359"/>
      <c r="F1831" s="360"/>
      <c r="G1831" s="360"/>
      <c r="H1831" s="360"/>
      <c r="I1831" s="360"/>
      <c r="J1831" s="359"/>
      <c r="K1831" s="359"/>
      <c r="L1831" s="359"/>
    </row>
    <row r="1832" spans="2:12">
      <c r="B1832" s="359"/>
      <c r="C1832" s="359"/>
      <c r="D1832" s="359"/>
      <c r="E1832" s="359"/>
      <c r="F1832" s="359" t="s">
        <v>14379</v>
      </c>
      <c r="G1832" s="359" t="s">
        <v>14380</v>
      </c>
      <c r="H1832" s="359" t="s">
        <v>14378</v>
      </c>
      <c r="I1832" s="359" t="s">
        <v>14380</v>
      </c>
      <c r="J1832" s="359"/>
      <c r="K1832" s="359"/>
      <c r="L1832" s="359"/>
    </row>
    <row r="1833" spans="2:12">
      <c r="B1833" s="359"/>
      <c r="C1833" s="359"/>
      <c r="D1833" s="359"/>
      <c r="E1833" s="359"/>
      <c r="F1833" s="360"/>
      <c r="G1833" s="360"/>
      <c r="H1833" s="360"/>
      <c r="I1833" s="360"/>
      <c r="J1833" s="359"/>
      <c r="K1833" s="359"/>
      <c r="L1833" s="359"/>
    </row>
    <row r="1834" spans="2:12">
      <c r="B1834" s="359"/>
      <c r="C1834" s="359"/>
      <c r="D1834" s="359"/>
      <c r="E1834" s="359"/>
      <c r="F1834" s="359" t="s">
        <v>14379</v>
      </c>
      <c r="G1834" s="359" t="s">
        <v>14405</v>
      </c>
      <c r="H1834" s="359" t="s">
        <v>14341</v>
      </c>
      <c r="I1834" s="359" t="s">
        <v>14405</v>
      </c>
      <c r="J1834" s="359"/>
      <c r="K1834" s="359"/>
      <c r="L1834" s="359"/>
    </row>
    <row r="1835" spans="2:12">
      <c r="B1835" s="359"/>
      <c r="C1835" s="359"/>
      <c r="D1835" s="359"/>
      <c r="E1835" s="359"/>
      <c r="F1835" s="360"/>
      <c r="G1835" s="360"/>
      <c r="H1835" s="360"/>
      <c r="I1835" s="360"/>
      <c r="J1835" s="359"/>
      <c r="K1835" s="359"/>
      <c r="L1835" s="359"/>
    </row>
    <row r="1836" spans="2:12">
      <c r="B1836" s="359"/>
      <c r="C1836" s="359"/>
      <c r="D1836" s="359"/>
      <c r="E1836" s="359"/>
      <c r="F1836" s="359" t="s">
        <v>14339</v>
      </c>
      <c r="G1836" s="359" t="s">
        <v>14340</v>
      </c>
      <c r="H1836" s="359" t="s">
        <v>14370</v>
      </c>
      <c r="I1836" s="359" t="s">
        <v>14340</v>
      </c>
      <c r="J1836" s="359"/>
      <c r="K1836" s="359"/>
      <c r="L1836" s="359"/>
    </row>
    <row r="1837" spans="2:12">
      <c r="B1837" s="359"/>
      <c r="C1837" s="359"/>
      <c r="D1837" s="359"/>
      <c r="E1837" s="359"/>
      <c r="F1837" s="360"/>
      <c r="G1837" s="360"/>
      <c r="H1837" s="360"/>
      <c r="I1837" s="360"/>
      <c r="J1837" s="359"/>
      <c r="K1837" s="359"/>
      <c r="L1837" s="359"/>
    </row>
    <row r="1838" spans="2:12">
      <c r="B1838" s="361"/>
      <c r="C1838" s="361"/>
      <c r="D1838" s="361"/>
      <c r="E1838" s="361"/>
      <c r="F1838" s="361" t="s">
        <v>14371</v>
      </c>
      <c r="G1838" s="361" t="s">
        <v>14372</v>
      </c>
      <c r="H1838" s="361" t="s">
        <v>14332</v>
      </c>
      <c r="I1838" s="361" t="s">
        <v>14372</v>
      </c>
      <c r="J1838" s="361"/>
      <c r="K1838" s="361"/>
      <c r="L1838" s="361"/>
    </row>
    <row r="1839" spans="2:12">
      <c r="B1839" s="358" t="s">
        <v>15328</v>
      </c>
      <c r="C1839" s="358" t="s">
        <v>15329</v>
      </c>
      <c r="D1839" s="358" t="s">
        <v>15326</v>
      </c>
      <c r="E1839" s="358" t="s">
        <v>15330</v>
      </c>
      <c r="F1839" s="358" t="s">
        <v>15096</v>
      </c>
      <c r="G1839" s="358" t="s">
        <v>15097</v>
      </c>
      <c r="H1839" s="358" t="s">
        <v>14328</v>
      </c>
      <c r="I1839" s="358" t="s">
        <v>15097</v>
      </c>
      <c r="J1839" s="358"/>
      <c r="K1839" s="358"/>
      <c r="L1839" s="358"/>
    </row>
    <row r="1840" spans="2:12">
      <c r="B1840" s="359"/>
      <c r="C1840" s="359"/>
      <c r="D1840" s="359"/>
      <c r="E1840" s="359"/>
      <c r="F1840" s="360"/>
      <c r="G1840" s="360"/>
      <c r="H1840" s="360"/>
      <c r="I1840" s="360"/>
      <c r="J1840" s="359"/>
      <c r="K1840" s="359"/>
      <c r="L1840" s="359"/>
    </row>
    <row r="1841" spans="2:12" ht="28.5">
      <c r="B1841" s="361"/>
      <c r="C1841" s="361"/>
      <c r="D1841" s="361"/>
      <c r="E1841" s="361"/>
      <c r="F1841" s="361" t="s">
        <v>14472</v>
      </c>
      <c r="G1841" s="361" t="s">
        <v>14473</v>
      </c>
      <c r="H1841" s="361" t="s">
        <v>14332</v>
      </c>
      <c r="I1841" s="361" t="s">
        <v>14473</v>
      </c>
      <c r="J1841" s="361"/>
      <c r="K1841" s="361"/>
      <c r="L1841" s="361"/>
    </row>
    <row r="1842" spans="2:12">
      <c r="B1842" s="354" t="s">
        <v>8397</v>
      </c>
      <c r="C1842" s="355"/>
      <c r="D1842" s="355"/>
      <c r="E1842" s="355"/>
      <c r="F1842" s="355"/>
      <c r="G1842" s="355"/>
      <c r="H1842" s="355"/>
      <c r="I1842" s="355"/>
      <c r="J1842" s="355"/>
      <c r="K1842" s="355"/>
      <c r="L1842" s="363"/>
    </row>
    <row r="1843" spans="2:12">
      <c r="B1843" s="358" t="s">
        <v>15331</v>
      </c>
      <c r="C1843" s="358" t="s">
        <v>15332</v>
      </c>
      <c r="D1843" s="358" t="s">
        <v>15333</v>
      </c>
      <c r="E1843" s="358" t="s">
        <v>15334</v>
      </c>
      <c r="F1843" s="358" t="s">
        <v>14337</v>
      </c>
      <c r="G1843" s="358" t="s">
        <v>14338</v>
      </c>
      <c r="H1843" s="358" t="s">
        <v>14328</v>
      </c>
      <c r="I1843" s="358" t="s">
        <v>14338</v>
      </c>
      <c r="J1843" s="358" t="s">
        <v>15176</v>
      </c>
      <c r="K1843" s="358" t="s">
        <v>14557</v>
      </c>
      <c r="L1843" s="358"/>
    </row>
    <row r="1844" spans="2:12">
      <c r="B1844" s="359"/>
      <c r="C1844" s="359"/>
      <c r="D1844" s="359"/>
      <c r="E1844" s="359"/>
      <c r="F1844" s="360"/>
      <c r="G1844" s="360"/>
      <c r="H1844" s="360"/>
      <c r="I1844" s="360"/>
      <c r="J1844" s="360"/>
      <c r="K1844" s="359"/>
      <c r="L1844" s="359"/>
    </row>
    <row r="1845" spans="2:12">
      <c r="B1845" s="359"/>
      <c r="C1845" s="359"/>
      <c r="D1845" s="359"/>
      <c r="E1845" s="359"/>
      <c r="F1845" s="359" t="s">
        <v>14700</v>
      </c>
      <c r="G1845" s="359" t="s">
        <v>14405</v>
      </c>
      <c r="H1845" s="359" t="s">
        <v>14378</v>
      </c>
      <c r="I1845" s="359" t="s">
        <v>14405</v>
      </c>
      <c r="J1845" s="359" t="s">
        <v>14534</v>
      </c>
      <c r="K1845" s="359"/>
      <c r="L1845" s="359"/>
    </row>
    <row r="1846" spans="2:12">
      <c r="B1846" s="359"/>
      <c r="C1846" s="359"/>
      <c r="D1846" s="359"/>
      <c r="E1846" s="359"/>
      <c r="F1846" s="360"/>
      <c r="G1846" s="360"/>
      <c r="H1846" s="360"/>
      <c r="I1846" s="360"/>
      <c r="J1846" s="360"/>
      <c r="K1846" s="359"/>
      <c r="L1846" s="359"/>
    </row>
    <row r="1847" spans="2:12">
      <c r="B1847" s="359"/>
      <c r="C1847" s="359"/>
      <c r="D1847" s="359"/>
      <c r="E1847" s="359"/>
      <c r="F1847" s="359" t="s">
        <v>14656</v>
      </c>
      <c r="G1847" s="359" t="s">
        <v>14579</v>
      </c>
      <c r="H1847" s="359" t="s">
        <v>14341</v>
      </c>
      <c r="I1847" s="359" t="s">
        <v>14579</v>
      </c>
      <c r="J1847" s="360"/>
      <c r="K1847" s="359"/>
      <c r="L1847" s="359"/>
    </row>
    <row r="1848" spans="2:12">
      <c r="B1848" s="359"/>
      <c r="C1848" s="359"/>
      <c r="D1848" s="359"/>
      <c r="E1848" s="359"/>
      <c r="F1848" s="360"/>
      <c r="G1848" s="360"/>
      <c r="H1848" s="360"/>
      <c r="I1848" s="360"/>
      <c r="J1848" s="360"/>
      <c r="K1848" s="359"/>
      <c r="L1848" s="359"/>
    </row>
    <row r="1849" spans="2:12">
      <c r="B1849" s="359"/>
      <c r="C1849" s="359"/>
      <c r="D1849" s="359"/>
      <c r="E1849" s="359"/>
      <c r="F1849" s="359" t="s">
        <v>14530</v>
      </c>
      <c r="G1849" s="359" t="s">
        <v>14380</v>
      </c>
      <c r="H1849" s="359" t="s">
        <v>14370</v>
      </c>
      <c r="I1849" s="359" t="s">
        <v>14380</v>
      </c>
      <c r="J1849" s="360"/>
      <c r="K1849" s="359"/>
      <c r="L1849" s="359"/>
    </row>
    <row r="1850" spans="2:12">
      <c r="B1850" s="359"/>
      <c r="C1850" s="359"/>
      <c r="D1850" s="359"/>
      <c r="E1850" s="359"/>
      <c r="F1850" s="360"/>
      <c r="G1850" s="360"/>
      <c r="H1850" s="360"/>
      <c r="I1850" s="360"/>
      <c r="J1850" s="360"/>
      <c r="K1850" s="359"/>
      <c r="L1850" s="359"/>
    </row>
    <row r="1851" spans="2:12">
      <c r="B1851" s="359"/>
      <c r="C1851" s="359"/>
      <c r="D1851" s="359"/>
      <c r="E1851" s="359"/>
      <c r="F1851" s="359" t="s">
        <v>14430</v>
      </c>
      <c r="G1851" s="359" t="s">
        <v>14431</v>
      </c>
      <c r="H1851" s="359" t="s">
        <v>14332</v>
      </c>
      <c r="I1851" s="359" t="s">
        <v>14431</v>
      </c>
      <c r="J1851" s="360"/>
      <c r="K1851" s="359"/>
      <c r="L1851" s="359"/>
    </row>
    <row r="1852" spans="2:12">
      <c r="B1852" s="359"/>
      <c r="C1852" s="359"/>
      <c r="D1852" s="359"/>
      <c r="E1852" s="359"/>
      <c r="F1852" s="360"/>
      <c r="G1852" s="360"/>
      <c r="H1852" s="360"/>
      <c r="I1852" s="360"/>
      <c r="J1852" s="360"/>
      <c r="K1852" s="359"/>
      <c r="L1852" s="359"/>
    </row>
    <row r="1853" spans="2:12">
      <c r="B1853" s="361"/>
      <c r="C1853" s="361"/>
      <c r="D1853" s="361"/>
      <c r="E1853" s="361"/>
      <c r="F1853" s="361" t="s">
        <v>14371</v>
      </c>
      <c r="G1853" s="361" t="s">
        <v>14372</v>
      </c>
      <c r="H1853" s="362"/>
      <c r="I1853" s="361" t="s">
        <v>14372</v>
      </c>
      <c r="J1853" s="362"/>
      <c r="K1853" s="361"/>
      <c r="L1853" s="361"/>
    </row>
    <row r="1854" spans="2:12">
      <c r="B1854" s="354" t="s">
        <v>28528</v>
      </c>
      <c r="C1854" s="355"/>
      <c r="D1854" s="355"/>
      <c r="E1854" s="355"/>
      <c r="F1854" s="355"/>
      <c r="G1854" s="355"/>
      <c r="H1854" s="355"/>
      <c r="I1854" s="355"/>
      <c r="J1854" s="355"/>
      <c r="K1854" s="355"/>
      <c r="L1854" s="363"/>
    </row>
    <row r="1855" spans="2:12">
      <c r="B1855" s="358" t="s">
        <v>15335</v>
      </c>
      <c r="C1855" s="358" t="s">
        <v>15336</v>
      </c>
      <c r="D1855" s="358" t="s">
        <v>15337</v>
      </c>
      <c r="E1855" s="358" t="s">
        <v>1629</v>
      </c>
      <c r="F1855" s="358" t="s">
        <v>14337</v>
      </c>
      <c r="G1855" s="358" t="s">
        <v>14338</v>
      </c>
      <c r="H1855" s="358" t="s">
        <v>14328</v>
      </c>
      <c r="I1855" s="358" t="s">
        <v>14338</v>
      </c>
      <c r="J1855" s="358" t="s">
        <v>15176</v>
      </c>
      <c r="K1855" s="358" t="s">
        <v>14557</v>
      </c>
      <c r="L1855" s="358"/>
    </row>
    <row r="1856" spans="2:12">
      <c r="B1856" s="359"/>
      <c r="C1856" s="359"/>
      <c r="D1856" s="359"/>
      <c r="E1856" s="359"/>
      <c r="F1856" s="360"/>
      <c r="G1856" s="360"/>
      <c r="H1856" s="360"/>
      <c r="I1856" s="360"/>
      <c r="J1856" s="360"/>
      <c r="K1856" s="359"/>
      <c r="L1856" s="359"/>
    </row>
    <row r="1857" spans="2:12">
      <c r="B1857" s="359"/>
      <c r="C1857" s="359"/>
      <c r="D1857" s="359"/>
      <c r="E1857" s="359"/>
      <c r="F1857" s="359" t="s">
        <v>14700</v>
      </c>
      <c r="G1857" s="359" t="s">
        <v>14405</v>
      </c>
      <c r="H1857" s="359" t="s">
        <v>14378</v>
      </c>
      <c r="I1857" s="359" t="s">
        <v>14405</v>
      </c>
      <c r="J1857" s="359" t="s">
        <v>14534</v>
      </c>
      <c r="K1857" s="359"/>
      <c r="L1857" s="359"/>
    </row>
    <row r="1858" spans="2:12">
      <c r="B1858" s="359"/>
      <c r="C1858" s="359"/>
      <c r="D1858" s="359"/>
      <c r="E1858" s="359"/>
      <c r="F1858" s="360"/>
      <c r="G1858" s="360"/>
      <c r="H1858" s="360"/>
      <c r="I1858" s="360"/>
      <c r="J1858" s="360"/>
      <c r="K1858" s="359"/>
      <c r="L1858" s="359"/>
    </row>
    <row r="1859" spans="2:12">
      <c r="B1859" s="359"/>
      <c r="C1859" s="359"/>
      <c r="D1859" s="359"/>
      <c r="E1859" s="359"/>
      <c r="F1859" s="359" t="s">
        <v>14656</v>
      </c>
      <c r="G1859" s="359" t="s">
        <v>14579</v>
      </c>
      <c r="H1859" s="359" t="s">
        <v>14370</v>
      </c>
      <c r="I1859" s="359" t="s">
        <v>14579</v>
      </c>
      <c r="J1859" s="360"/>
      <c r="K1859" s="359"/>
      <c r="L1859" s="359"/>
    </row>
    <row r="1860" spans="2:12">
      <c r="B1860" s="359"/>
      <c r="C1860" s="359"/>
      <c r="D1860" s="359"/>
      <c r="E1860" s="359"/>
      <c r="F1860" s="360"/>
      <c r="G1860" s="360"/>
      <c r="H1860" s="360"/>
      <c r="I1860" s="360"/>
      <c r="J1860" s="360"/>
      <c r="K1860" s="359"/>
      <c r="L1860" s="359"/>
    </row>
    <row r="1861" spans="2:12">
      <c r="B1861" s="359"/>
      <c r="C1861" s="359"/>
      <c r="D1861" s="359"/>
      <c r="E1861" s="359"/>
      <c r="F1861" s="359" t="s">
        <v>14530</v>
      </c>
      <c r="G1861" s="359" t="s">
        <v>14380</v>
      </c>
      <c r="H1861" s="359" t="s">
        <v>14332</v>
      </c>
      <c r="I1861" s="359" t="s">
        <v>14380</v>
      </c>
      <c r="J1861" s="360"/>
      <c r="K1861" s="359"/>
      <c r="L1861" s="359"/>
    </row>
    <row r="1862" spans="2:12">
      <c r="B1862" s="359"/>
      <c r="C1862" s="359"/>
      <c r="D1862" s="359"/>
      <c r="E1862" s="359"/>
      <c r="F1862" s="360"/>
      <c r="G1862" s="360"/>
      <c r="H1862" s="360"/>
      <c r="I1862" s="360"/>
      <c r="J1862" s="360"/>
      <c r="K1862" s="359"/>
      <c r="L1862" s="359"/>
    </row>
    <row r="1863" spans="2:12">
      <c r="B1863" s="361"/>
      <c r="C1863" s="361"/>
      <c r="D1863" s="361"/>
      <c r="E1863" s="361"/>
      <c r="F1863" s="361" t="s">
        <v>14371</v>
      </c>
      <c r="G1863" s="361" t="s">
        <v>14372</v>
      </c>
      <c r="H1863" s="362"/>
      <c r="I1863" s="361" t="s">
        <v>14372</v>
      </c>
      <c r="J1863" s="362"/>
      <c r="K1863" s="361"/>
      <c r="L1863" s="361"/>
    </row>
    <row r="1864" spans="2:12">
      <c r="B1864" s="358" t="s">
        <v>15338</v>
      </c>
      <c r="C1864" s="358" t="s">
        <v>15339</v>
      </c>
      <c r="D1864" s="358" t="s">
        <v>15340</v>
      </c>
      <c r="E1864" s="358" t="s">
        <v>1832</v>
      </c>
      <c r="F1864" s="358" t="s">
        <v>14337</v>
      </c>
      <c r="G1864" s="358" t="s">
        <v>14338</v>
      </c>
      <c r="H1864" s="358" t="s">
        <v>14328</v>
      </c>
      <c r="I1864" s="358" t="s">
        <v>14338</v>
      </c>
      <c r="J1864" s="358" t="s">
        <v>15176</v>
      </c>
      <c r="K1864" s="358" t="s">
        <v>14557</v>
      </c>
      <c r="L1864" s="358"/>
    </row>
    <row r="1865" spans="2:12">
      <c r="B1865" s="359"/>
      <c r="C1865" s="360"/>
      <c r="D1865" s="359"/>
      <c r="E1865" s="359"/>
      <c r="F1865" s="360"/>
      <c r="G1865" s="360"/>
      <c r="H1865" s="360"/>
      <c r="I1865" s="360"/>
      <c r="J1865" s="360"/>
      <c r="K1865" s="359"/>
      <c r="L1865" s="359"/>
    </row>
    <row r="1866" spans="2:12">
      <c r="B1866" s="359"/>
      <c r="C1866" s="359" t="s">
        <v>15341</v>
      </c>
      <c r="D1866" s="359"/>
      <c r="E1866" s="359"/>
      <c r="F1866" s="359" t="s">
        <v>14700</v>
      </c>
      <c r="G1866" s="359" t="s">
        <v>14405</v>
      </c>
      <c r="H1866" s="359" t="s">
        <v>14378</v>
      </c>
      <c r="I1866" s="359" t="s">
        <v>14405</v>
      </c>
      <c r="J1866" s="359" t="s">
        <v>14534</v>
      </c>
      <c r="K1866" s="359"/>
      <c r="L1866" s="359"/>
    </row>
    <row r="1867" spans="2:12">
      <c r="B1867" s="359"/>
      <c r="C1867" s="360"/>
      <c r="D1867" s="359"/>
      <c r="E1867" s="359"/>
      <c r="F1867" s="360"/>
      <c r="G1867" s="360"/>
      <c r="H1867" s="360"/>
      <c r="I1867" s="360"/>
      <c r="J1867" s="360"/>
      <c r="K1867" s="359"/>
      <c r="L1867" s="359"/>
    </row>
    <row r="1868" spans="2:12">
      <c r="B1868" s="359"/>
      <c r="C1868" s="360"/>
      <c r="D1868" s="359"/>
      <c r="E1868" s="359"/>
      <c r="F1868" s="359" t="s">
        <v>14656</v>
      </c>
      <c r="G1868" s="359" t="s">
        <v>14579</v>
      </c>
      <c r="H1868" s="359" t="s">
        <v>14370</v>
      </c>
      <c r="I1868" s="359" t="s">
        <v>14579</v>
      </c>
      <c r="J1868" s="360"/>
      <c r="K1868" s="359"/>
      <c r="L1868" s="359"/>
    </row>
    <row r="1869" spans="2:12">
      <c r="B1869" s="359"/>
      <c r="C1869" s="360"/>
      <c r="D1869" s="359"/>
      <c r="E1869" s="359"/>
      <c r="F1869" s="360"/>
      <c r="G1869" s="360"/>
      <c r="H1869" s="360"/>
      <c r="I1869" s="360"/>
      <c r="J1869" s="360"/>
      <c r="K1869" s="359"/>
      <c r="L1869" s="359"/>
    </row>
    <row r="1870" spans="2:12">
      <c r="B1870" s="359"/>
      <c r="C1870" s="360"/>
      <c r="D1870" s="359"/>
      <c r="E1870" s="359"/>
      <c r="F1870" s="359" t="s">
        <v>14530</v>
      </c>
      <c r="G1870" s="359" t="s">
        <v>14380</v>
      </c>
      <c r="H1870" s="359" t="s">
        <v>14332</v>
      </c>
      <c r="I1870" s="359" t="s">
        <v>14380</v>
      </c>
      <c r="J1870" s="360"/>
      <c r="K1870" s="359"/>
      <c r="L1870" s="359"/>
    </row>
    <row r="1871" spans="2:12">
      <c r="B1871" s="359"/>
      <c r="C1871" s="360"/>
      <c r="D1871" s="359"/>
      <c r="E1871" s="359"/>
      <c r="F1871" s="360"/>
      <c r="G1871" s="360"/>
      <c r="H1871" s="360"/>
      <c r="I1871" s="360"/>
      <c r="J1871" s="360"/>
      <c r="K1871" s="359"/>
      <c r="L1871" s="359"/>
    </row>
    <row r="1872" spans="2:12">
      <c r="B1872" s="361"/>
      <c r="C1872" s="362"/>
      <c r="D1872" s="361"/>
      <c r="E1872" s="361"/>
      <c r="F1872" s="361" t="s">
        <v>14371</v>
      </c>
      <c r="G1872" s="361" t="s">
        <v>14372</v>
      </c>
      <c r="H1872" s="362"/>
      <c r="I1872" s="361" t="s">
        <v>14372</v>
      </c>
      <c r="J1872" s="362"/>
      <c r="K1872" s="361"/>
      <c r="L1872" s="361"/>
    </row>
    <row r="1873" spans="2:12">
      <c r="B1873" s="358" t="s">
        <v>15342</v>
      </c>
      <c r="C1873" s="358" t="s">
        <v>15343</v>
      </c>
      <c r="D1873" s="358" t="s">
        <v>15344</v>
      </c>
      <c r="E1873" s="358" t="s">
        <v>15345</v>
      </c>
      <c r="F1873" s="358" t="s">
        <v>14337</v>
      </c>
      <c r="G1873" s="358" t="s">
        <v>14338</v>
      </c>
      <c r="H1873" s="358" t="s">
        <v>14328</v>
      </c>
      <c r="I1873" s="358" t="s">
        <v>14338</v>
      </c>
      <c r="J1873" s="358" t="s">
        <v>15176</v>
      </c>
      <c r="K1873" s="358" t="s">
        <v>14552</v>
      </c>
      <c r="L1873" s="358" t="s">
        <v>14513</v>
      </c>
    </row>
    <row r="1874" spans="2:12">
      <c r="B1874" s="359"/>
      <c r="C1874" s="360"/>
      <c r="D1874" s="359"/>
      <c r="E1874" s="359"/>
      <c r="F1874" s="360"/>
      <c r="G1874" s="360"/>
      <c r="H1874" s="360"/>
      <c r="I1874" s="360"/>
      <c r="J1874" s="360"/>
      <c r="K1874" s="359"/>
      <c r="L1874" s="359"/>
    </row>
    <row r="1875" spans="2:12">
      <c r="B1875" s="359"/>
      <c r="C1875" s="359" t="s">
        <v>15346</v>
      </c>
      <c r="D1875" s="359"/>
      <c r="E1875" s="359"/>
      <c r="F1875" s="359" t="s">
        <v>14379</v>
      </c>
      <c r="G1875" s="359" t="s">
        <v>14405</v>
      </c>
      <c r="H1875" s="359" t="s">
        <v>14378</v>
      </c>
      <c r="I1875" s="359" t="s">
        <v>14405</v>
      </c>
      <c r="J1875" s="359" t="s">
        <v>14534</v>
      </c>
      <c r="K1875" s="359"/>
      <c r="L1875" s="359"/>
    </row>
    <row r="1876" spans="2:12">
      <c r="B1876" s="359"/>
      <c r="C1876" s="360"/>
      <c r="D1876" s="359"/>
      <c r="E1876" s="359"/>
      <c r="F1876" s="360"/>
      <c r="G1876" s="360"/>
      <c r="H1876" s="360"/>
      <c r="I1876" s="360"/>
      <c r="J1876" s="360"/>
      <c r="K1876" s="359"/>
      <c r="L1876" s="359"/>
    </row>
    <row r="1877" spans="2:12">
      <c r="B1877" s="359"/>
      <c r="C1877" s="360"/>
      <c r="D1877" s="359"/>
      <c r="E1877" s="359"/>
      <c r="F1877" s="359" t="s">
        <v>14371</v>
      </c>
      <c r="G1877" s="359" t="s">
        <v>14372</v>
      </c>
      <c r="H1877" s="359" t="s">
        <v>14370</v>
      </c>
      <c r="I1877" s="359" t="s">
        <v>14373</v>
      </c>
      <c r="J1877" s="360"/>
      <c r="K1877" s="359"/>
      <c r="L1877" s="359"/>
    </row>
    <row r="1878" spans="2:12">
      <c r="B1878" s="359"/>
      <c r="C1878" s="360"/>
      <c r="D1878" s="359"/>
      <c r="E1878" s="359"/>
      <c r="F1878" s="360"/>
      <c r="G1878" s="360"/>
      <c r="H1878" s="360"/>
      <c r="I1878" s="360"/>
      <c r="J1878" s="360"/>
      <c r="K1878" s="359"/>
      <c r="L1878" s="359"/>
    </row>
    <row r="1879" spans="2:12" ht="28.5">
      <c r="B1879" s="361"/>
      <c r="C1879" s="362"/>
      <c r="D1879" s="361"/>
      <c r="E1879" s="361"/>
      <c r="F1879" s="361" t="s">
        <v>14374</v>
      </c>
      <c r="G1879" s="361" t="s">
        <v>14373</v>
      </c>
      <c r="H1879" s="361" t="s">
        <v>14332</v>
      </c>
      <c r="I1879" s="362"/>
      <c r="J1879" s="362"/>
      <c r="K1879" s="361"/>
      <c r="L1879" s="361"/>
    </row>
    <row r="1880" spans="2:12">
      <c r="B1880" s="358" t="s">
        <v>15347</v>
      </c>
      <c r="C1880" s="358" t="s">
        <v>15348</v>
      </c>
      <c r="D1880" s="358" t="s">
        <v>15349</v>
      </c>
      <c r="E1880" s="358" t="s">
        <v>15350</v>
      </c>
      <c r="F1880" s="358" t="s">
        <v>14379</v>
      </c>
      <c r="G1880" s="358" t="s">
        <v>14380</v>
      </c>
      <c r="H1880" s="358" t="s">
        <v>14378</v>
      </c>
      <c r="I1880" s="358" t="s">
        <v>14380</v>
      </c>
      <c r="J1880" s="358" t="s">
        <v>14355</v>
      </c>
      <c r="K1880" s="358"/>
      <c r="L1880" s="358"/>
    </row>
    <row r="1881" spans="2:12">
      <c r="B1881" s="359"/>
      <c r="C1881" s="359"/>
      <c r="D1881" s="359"/>
      <c r="E1881" s="359"/>
      <c r="F1881" s="360"/>
      <c r="G1881" s="360"/>
      <c r="H1881" s="360"/>
      <c r="I1881" s="360"/>
      <c r="J1881" s="360"/>
      <c r="K1881" s="359"/>
      <c r="L1881" s="359"/>
    </row>
    <row r="1882" spans="2:12">
      <c r="B1882" s="359"/>
      <c r="C1882" s="359"/>
      <c r="D1882" s="359"/>
      <c r="E1882" s="359"/>
      <c r="F1882" s="359" t="s">
        <v>14379</v>
      </c>
      <c r="G1882" s="359" t="s">
        <v>14405</v>
      </c>
      <c r="H1882" s="359" t="s">
        <v>14381</v>
      </c>
      <c r="I1882" s="359" t="s">
        <v>14405</v>
      </c>
      <c r="J1882" s="359" t="s">
        <v>15176</v>
      </c>
      <c r="K1882" s="359"/>
      <c r="L1882" s="359"/>
    </row>
    <row r="1883" spans="2:12">
      <c r="B1883" s="359"/>
      <c r="C1883" s="359"/>
      <c r="D1883" s="359"/>
      <c r="E1883" s="359"/>
      <c r="F1883" s="360"/>
      <c r="G1883" s="360"/>
      <c r="H1883" s="360"/>
      <c r="I1883" s="360"/>
      <c r="J1883" s="360"/>
      <c r="K1883" s="359"/>
      <c r="L1883" s="359"/>
    </row>
    <row r="1884" spans="2:12">
      <c r="B1884" s="359"/>
      <c r="C1884" s="359"/>
      <c r="D1884" s="359"/>
      <c r="E1884" s="359"/>
      <c r="F1884" s="359" t="s">
        <v>14460</v>
      </c>
      <c r="G1884" s="359" t="s">
        <v>14519</v>
      </c>
      <c r="H1884" s="359" t="s">
        <v>14341</v>
      </c>
      <c r="I1884" s="359" t="s">
        <v>14519</v>
      </c>
      <c r="J1884" s="360"/>
      <c r="K1884" s="359"/>
      <c r="L1884" s="359"/>
    </row>
    <row r="1885" spans="2:12">
      <c r="B1885" s="359"/>
      <c r="C1885" s="359"/>
      <c r="D1885" s="359"/>
      <c r="E1885" s="359"/>
      <c r="F1885" s="360"/>
      <c r="G1885" s="360"/>
      <c r="H1885" s="360"/>
      <c r="I1885" s="360"/>
      <c r="J1885" s="360"/>
      <c r="K1885" s="359"/>
      <c r="L1885" s="359"/>
    </row>
    <row r="1886" spans="2:12">
      <c r="B1886" s="361"/>
      <c r="C1886" s="361"/>
      <c r="D1886" s="361"/>
      <c r="E1886" s="361"/>
      <c r="F1886" s="361" t="s">
        <v>14339</v>
      </c>
      <c r="G1886" s="361" t="s">
        <v>14340</v>
      </c>
      <c r="H1886" s="361" t="s">
        <v>14332</v>
      </c>
      <c r="I1886" s="361" t="s">
        <v>14340</v>
      </c>
      <c r="J1886" s="362"/>
      <c r="K1886" s="361"/>
      <c r="L1886" s="361"/>
    </row>
    <row r="1887" spans="2:12">
      <c r="B1887" s="358" t="s">
        <v>15351</v>
      </c>
      <c r="C1887" s="358" t="s">
        <v>15352</v>
      </c>
      <c r="D1887" s="358" t="s">
        <v>15353</v>
      </c>
      <c r="E1887" s="358" t="s">
        <v>15354</v>
      </c>
      <c r="F1887" s="358" t="s">
        <v>14379</v>
      </c>
      <c r="G1887" s="358" t="s">
        <v>14380</v>
      </c>
      <c r="H1887" s="358" t="s">
        <v>14378</v>
      </c>
      <c r="I1887" s="358" t="s">
        <v>14380</v>
      </c>
      <c r="J1887" s="358" t="s">
        <v>14355</v>
      </c>
      <c r="K1887" s="358"/>
      <c r="L1887" s="358"/>
    </row>
    <row r="1888" spans="2:12">
      <c r="B1888" s="359"/>
      <c r="C1888" s="359"/>
      <c r="D1888" s="359"/>
      <c r="E1888" s="359"/>
      <c r="F1888" s="360"/>
      <c r="G1888" s="360"/>
      <c r="H1888" s="360"/>
      <c r="I1888" s="360"/>
      <c r="J1888" s="360"/>
      <c r="K1888" s="359"/>
      <c r="L1888" s="359"/>
    </row>
    <row r="1889" spans="2:12">
      <c r="B1889" s="359"/>
      <c r="C1889" s="359"/>
      <c r="D1889" s="359"/>
      <c r="E1889" s="359"/>
      <c r="F1889" s="359" t="s">
        <v>14420</v>
      </c>
      <c r="G1889" s="359" t="s">
        <v>14429</v>
      </c>
      <c r="H1889" s="359" t="s">
        <v>14381</v>
      </c>
      <c r="I1889" s="359" t="s">
        <v>14429</v>
      </c>
      <c r="J1889" s="359" t="s">
        <v>15176</v>
      </c>
      <c r="K1889" s="359"/>
      <c r="L1889" s="359"/>
    </row>
    <row r="1890" spans="2:12">
      <c r="B1890" s="359"/>
      <c r="C1890" s="359"/>
      <c r="D1890" s="359"/>
      <c r="E1890" s="359"/>
      <c r="F1890" s="360"/>
      <c r="G1890" s="360"/>
      <c r="H1890" s="360"/>
      <c r="I1890" s="360"/>
      <c r="J1890" s="360"/>
      <c r="K1890" s="359"/>
      <c r="L1890" s="359"/>
    </row>
    <row r="1891" spans="2:12">
      <c r="B1891" s="359"/>
      <c r="C1891" s="359"/>
      <c r="D1891" s="359"/>
      <c r="E1891" s="359"/>
      <c r="F1891" s="359" t="s">
        <v>14460</v>
      </c>
      <c r="G1891" s="359" t="s">
        <v>14519</v>
      </c>
      <c r="H1891" s="359" t="s">
        <v>14341</v>
      </c>
      <c r="I1891" s="359" t="s">
        <v>14519</v>
      </c>
      <c r="J1891" s="360"/>
      <c r="K1891" s="359"/>
      <c r="L1891" s="359"/>
    </row>
    <row r="1892" spans="2:12">
      <c r="B1892" s="359"/>
      <c r="C1892" s="359"/>
      <c r="D1892" s="359"/>
      <c r="E1892" s="359"/>
      <c r="F1892" s="360"/>
      <c r="G1892" s="360"/>
      <c r="H1892" s="360"/>
      <c r="I1892" s="360"/>
      <c r="J1892" s="360"/>
      <c r="K1892" s="359"/>
      <c r="L1892" s="359"/>
    </row>
    <row r="1893" spans="2:12">
      <c r="B1893" s="361"/>
      <c r="C1893" s="361"/>
      <c r="D1893" s="361"/>
      <c r="E1893" s="361"/>
      <c r="F1893" s="361" t="s">
        <v>14356</v>
      </c>
      <c r="G1893" s="361" t="s">
        <v>14340</v>
      </c>
      <c r="H1893" s="361" t="s">
        <v>14332</v>
      </c>
      <c r="I1893" s="361" t="s">
        <v>14340</v>
      </c>
      <c r="J1893" s="362"/>
      <c r="K1893" s="361"/>
      <c r="L1893" s="361"/>
    </row>
    <row r="1894" spans="2:12">
      <c r="B1894" s="358" t="s">
        <v>15355</v>
      </c>
      <c r="C1894" s="358" t="s">
        <v>15356</v>
      </c>
      <c r="D1894" s="358" t="s">
        <v>15357</v>
      </c>
      <c r="E1894" s="358" t="s">
        <v>15358</v>
      </c>
      <c r="F1894" s="358" t="s">
        <v>14379</v>
      </c>
      <c r="G1894" s="358" t="s">
        <v>14380</v>
      </c>
      <c r="H1894" s="358" t="s">
        <v>14378</v>
      </c>
      <c r="I1894" s="358" t="s">
        <v>14380</v>
      </c>
      <c r="J1894" s="358" t="s">
        <v>14355</v>
      </c>
      <c r="K1894" s="358"/>
      <c r="L1894" s="358"/>
    </row>
    <row r="1895" spans="2:12">
      <c r="B1895" s="359"/>
      <c r="C1895" s="359"/>
      <c r="D1895" s="359"/>
      <c r="E1895" s="359"/>
      <c r="F1895" s="360"/>
      <c r="G1895" s="360"/>
      <c r="H1895" s="360"/>
      <c r="I1895" s="360"/>
      <c r="J1895" s="360"/>
      <c r="K1895" s="359"/>
      <c r="L1895" s="359"/>
    </row>
    <row r="1896" spans="2:12">
      <c r="B1896" s="359"/>
      <c r="C1896" s="359"/>
      <c r="D1896" s="359"/>
      <c r="E1896" s="359"/>
      <c r="F1896" s="359" t="s">
        <v>14384</v>
      </c>
      <c r="G1896" s="359" t="s">
        <v>14385</v>
      </c>
      <c r="H1896" s="359" t="s">
        <v>14381</v>
      </c>
      <c r="I1896" s="359" t="s">
        <v>14385</v>
      </c>
      <c r="J1896" s="359" t="s">
        <v>15176</v>
      </c>
      <c r="K1896" s="359"/>
      <c r="L1896" s="359"/>
    </row>
    <row r="1897" spans="2:12">
      <c r="B1897" s="359"/>
      <c r="C1897" s="359"/>
      <c r="D1897" s="359"/>
      <c r="E1897" s="359"/>
      <c r="F1897" s="360"/>
      <c r="G1897" s="360"/>
      <c r="H1897" s="360"/>
      <c r="I1897" s="360"/>
      <c r="J1897" s="360"/>
      <c r="K1897" s="359"/>
      <c r="L1897" s="359"/>
    </row>
    <row r="1898" spans="2:12">
      <c r="B1898" s="359"/>
      <c r="C1898" s="359"/>
      <c r="D1898" s="359"/>
      <c r="E1898" s="359"/>
      <c r="F1898" s="359" t="s">
        <v>14420</v>
      </c>
      <c r="G1898" s="359" t="s">
        <v>14429</v>
      </c>
      <c r="H1898" s="359" t="s">
        <v>14341</v>
      </c>
      <c r="I1898" s="359" t="s">
        <v>14429</v>
      </c>
      <c r="J1898" s="360"/>
      <c r="K1898" s="359"/>
      <c r="L1898" s="359"/>
    </row>
    <row r="1899" spans="2:12">
      <c r="B1899" s="359"/>
      <c r="C1899" s="359"/>
      <c r="D1899" s="359"/>
      <c r="E1899" s="359"/>
      <c r="F1899" s="360"/>
      <c r="G1899" s="360"/>
      <c r="H1899" s="360"/>
      <c r="I1899" s="360"/>
      <c r="J1899" s="360"/>
      <c r="K1899" s="359"/>
      <c r="L1899" s="359"/>
    </row>
    <row r="1900" spans="2:12">
      <c r="B1900" s="361"/>
      <c r="C1900" s="361"/>
      <c r="D1900" s="361"/>
      <c r="E1900" s="361"/>
      <c r="F1900" s="361" t="s">
        <v>14339</v>
      </c>
      <c r="G1900" s="361" t="s">
        <v>14340</v>
      </c>
      <c r="H1900" s="361" t="s">
        <v>14332</v>
      </c>
      <c r="I1900" s="361" t="s">
        <v>14340</v>
      </c>
      <c r="J1900" s="362"/>
      <c r="K1900" s="361"/>
      <c r="L1900" s="361"/>
    </row>
    <row r="1901" spans="2:12">
      <c r="B1901" s="358" t="s">
        <v>15359</v>
      </c>
      <c r="C1901" s="358" t="s">
        <v>15360</v>
      </c>
      <c r="D1901" s="358" t="s">
        <v>15361</v>
      </c>
      <c r="E1901" s="358" t="s">
        <v>15362</v>
      </c>
      <c r="F1901" s="358" t="s">
        <v>14339</v>
      </c>
      <c r="G1901" s="358" t="s">
        <v>14340</v>
      </c>
      <c r="H1901" s="358" t="s">
        <v>14341</v>
      </c>
      <c r="I1901" s="358" t="s">
        <v>14340</v>
      </c>
      <c r="J1901" s="358"/>
      <c r="K1901" s="358"/>
      <c r="L1901" s="358"/>
    </row>
    <row r="1902" spans="2:12">
      <c r="B1902" s="359"/>
      <c r="C1902" s="359"/>
      <c r="D1902" s="359"/>
      <c r="E1902" s="359"/>
      <c r="F1902" s="359"/>
      <c r="G1902" s="359"/>
      <c r="H1902" s="360"/>
      <c r="I1902" s="359"/>
      <c r="J1902" s="359"/>
      <c r="K1902" s="359"/>
      <c r="L1902" s="359"/>
    </row>
    <row r="1903" spans="2:12">
      <c r="B1903" s="361"/>
      <c r="C1903" s="361"/>
      <c r="D1903" s="361"/>
      <c r="E1903" s="361"/>
      <c r="F1903" s="361"/>
      <c r="G1903" s="361"/>
      <c r="H1903" s="361" t="s">
        <v>14332</v>
      </c>
      <c r="I1903" s="361"/>
      <c r="J1903" s="361"/>
      <c r="K1903" s="361"/>
      <c r="L1903" s="361"/>
    </row>
    <row r="1904" spans="2:12" ht="128.25">
      <c r="B1904" s="358" t="s">
        <v>15363</v>
      </c>
      <c r="C1904" s="358" t="s">
        <v>28625</v>
      </c>
      <c r="D1904" s="358" t="s">
        <v>15364</v>
      </c>
      <c r="E1904" s="358" t="s">
        <v>15365</v>
      </c>
      <c r="F1904" s="358" t="s">
        <v>14356</v>
      </c>
      <c r="G1904" s="358" t="s">
        <v>14340</v>
      </c>
      <c r="H1904" s="358" t="s">
        <v>14341</v>
      </c>
      <c r="I1904" s="358" t="s">
        <v>14340</v>
      </c>
      <c r="J1904" s="358"/>
      <c r="K1904" s="358" t="s">
        <v>28626</v>
      </c>
      <c r="L1904" s="358" t="s">
        <v>10376</v>
      </c>
    </row>
    <row r="1905" spans="2:12">
      <c r="B1905" s="359"/>
      <c r="C1905" s="359"/>
      <c r="D1905" s="359"/>
      <c r="E1905" s="359"/>
      <c r="F1905" s="359"/>
      <c r="G1905" s="359"/>
      <c r="H1905" s="360"/>
      <c r="I1905" s="359"/>
      <c r="J1905" s="359"/>
      <c r="K1905" s="359"/>
      <c r="L1905" s="359"/>
    </row>
    <row r="1906" spans="2:12">
      <c r="B1906" s="361"/>
      <c r="C1906" s="361"/>
      <c r="D1906" s="361"/>
      <c r="E1906" s="361"/>
      <c r="F1906" s="361"/>
      <c r="G1906" s="361"/>
      <c r="H1906" s="361" t="s">
        <v>14332</v>
      </c>
      <c r="I1906" s="361"/>
      <c r="J1906" s="361"/>
      <c r="K1906" s="361"/>
      <c r="L1906" s="361"/>
    </row>
    <row r="1907" spans="2:12">
      <c r="B1907" s="358" t="s">
        <v>15366</v>
      </c>
      <c r="C1907" s="358" t="s">
        <v>15367</v>
      </c>
      <c r="D1907" s="358" t="s">
        <v>15368</v>
      </c>
      <c r="E1907" s="358" t="s">
        <v>15369</v>
      </c>
      <c r="F1907" s="358" t="s">
        <v>15370</v>
      </c>
      <c r="G1907" s="358" t="s">
        <v>15097</v>
      </c>
      <c r="H1907" s="358" t="s">
        <v>14328</v>
      </c>
      <c r="I1907" s="358" t="s">
        <v>15097</v>
      </c>
      <c r="J1907" s="358"/>
      <c r="K1907" s="358"/>
      <c r="L1907" s="358" t="s">
        <v>14513</v>
      </c>
    </row>
    <row r="1908" spans="2:12">
      <c r="B1908" s="359"/>
      <c r="C1908" s="360"/>
      <c r="D1908" s="359"/>
      <c r="E1908" s="359"/>
      <c r="F1908" s="360"/>
      <c r="G1908" s="360"/>
      <c r="H1908" s="360"/>
      <c r="I1908" s="360"/>
      <c r="J1908" s="359"/>
      <c r="K1908" s="359"/>
      <c r="L1908" s="359"/>
    </row>
    <row r="1909" spans="2:12">
      <c r="B1909" s="359"/>
      <c r="C1909" s="359" t="s">
        <v>15371</v>
      </c>
      <c r="D1909" s="359"/>
      <c r="E1909" s="359"/>
      <c r="F1909" s="359" t="s">
        <v>14337</v>
      </c>
      <c r="G1909" s="359" t="s">
        <v>14338</v>
      </c>
      <c r="H1909" s="359" t="s">
        <v>14367</v>
      </c>
      <c r="I1909" s="359" t="s">
        <v>14338</v>
      </c>
      <c r="J1909" s="359"/>
      <c r="K1909" s="359"/>
      <c r="L1909" s="359"/>
    </row>
    <row r="1910" spans="2:12">
      <c r="B1910" s="359"/>
      <c r="C1910" s="360"/>
      <c r="D1910" s="359"/>
      <c r="E1910" s="359"/>
      <c r="F1910" s="360"/>
      <c r="G1910" s="360"/>
      <c r="H1910" s="360"/>
      <c r="I1910" s="360"/>
      <c r="J1910" s="359"/>
      <c r="K1910" s="359"/>
      <c r="L1910" s="359"/>
    </row>
    <row r="1911" spans="2:12">
      <c r="B1911" s="359"/>
      <c r="C1911" s="360"/>
      <c r="D1911" s="359"/>
      <c r="E1911" s="359"/>
      <c r="F1911" s="359" t="s">
        <v>14420</v>
      </c>
      <c r="G1911" s="359" t="s">
        <v>14429</v>
      </c>
      <c r="H1911" s="359" t="s">
        <v>14370</v>
      </c>
      <c r="I1911" s="359" t="s">
        <v>14429</v>
      </c>
      <c r="J1911" s="359"/>
      <c r="K1911" s="359"/>
      <c r="L1911" s="359"/>
    </row>
    <row r="1912" spans="2:12">
      <c r="B1912" s="359"/>
      <c r="C1912" s="360"/>
      <c r="D1912" s="359"/>
      <c r="E1912" s="359"/>
      <c r="F1912" s="360"/>
      <c r="G1912" s="360"/>
      <c r="H1912" s="360"/>
      <c r="I1912" s="360"/>
      <c r="J1912" s="359"/>
      <c r="K1912" s="359"/>
      <c r="L1912" s="359"/>
    </row>
    <row r="1913" spans="2:12">
      <c r="B1913" s="361"/>
      <c r="C1913" s="362"/>
      <c r="D1913" s="361"/>
      <c r="E1913" s="361"/>
      <c r="F1913" s="361" t="s">
        <v>14371</v>
      </c>
      <c r="G1913" s="361" t="s">
        <v>14372</v>
      </c>
      <c r="H1913" s="361" t="s">
        <v>14332</v>
      </c>
      <c r="I1913" s="361" t="s">
        <v>14372</v>
      </c>
      <c r="J1913" s="361"/>
      <c r="K1913" s="361"/>
      <c r="L1913" s="361"/>
    </row>
    <row r="1914" spans="2:12">
      <c r="B1914" s="358" t="s">
        <v>15372</v>
      </c>
      <c r="C1914" s="358" t="s">
        <v>15373</v>
      </c>
      <c r="D1914" s="358" t="s">
        <v>15374</v>
      </c>
      <c r="E1914" s="358" t="s">
        <v>15375</v>
      </c>
      <c r="F1914" s="358" t="s">
        <v>14420</v>
      </c>
      <c r="G1914" s="358" t="s">
        <v>14429</v>
      </c>
      <c r="H1914" s="358" t="s">
        <v>14367</v>
      </c>
      <c r="I1914" s="358" t="s">
        <v>14429</v>
      </c>
      <c r="J1914" s="358"/>
      <c r="K1914" s="358"/>
      <c r="L1914" s="358"/>
    </row>
    <row r="1915" spans="2:12">
      <c r="B1915" s="359"/>
      <c r="C1915" s="359"/>
      <c r="D1915" s="359"/>
      <c r="E1915" s="359"/>
      <c r="F1915" s="359"/>
      <c r="G1915" s="359"/>
      <c r="H1915" s="360"/>
      <c r="I1915" s="359"/>
      <c r="J1915" s="359"/>
      <c r="K1915" s="359"/>
      <c r="L1915" s="359"/>
    </row>
    <row r="1916" spans="2:12">
      <c r="B1916" s="361"/>
      <c r="C1916" s="361"/>
      <c r="D1916" s="361"/>
      <c r="E1916" s="361"/>
      <c r="F1916" s="361"/>
      <c r="G1916" s="361"/>
      <c r="H1916" s="361" t="s">
        <v>14422</v>
      </c>
      <c r="I1916" s="361"/>
      <c r="J1916" s="361"/>
      <c r="K1916" s="361"/>
      <c r="L1916" s="361"/>
    </row>
    <row r="1917" spans="2:12">
      <c r="B1917" s="358" t="s">
        <v>15376</v>
      </c>
      <c r="C1917" s="358" t="s">
        <v>15377</v>
      </c>
      <c r="D1917" s="358" t="s">
        <v>15378</v>
      </c>
      <c r="E1917" s="358" t="s">
        <v>15379</v>
      </c>
      <c r="F1917" s="358" t="s">
        <v>14443</v>
      </c>
      <c r="G1917" s="358" t="s">
        <v>14444</v>
      </c>
      <c r="H1917" s="358" t="s">
        <v>14381</v>
      </c>
      <c r="I1917" s="358" t="s">
        <v>14444</v>
      </c>
      <c r="J1917" s="358"/>
      <c r="K1917" s="358"/>
      <c r="L1917" s="358"/>
    </row>
    <row r="1918" spans="2:12">
      <c r="B1918" s="359"/>
      <c r="C1918" s="359"/>
      <c r="D1918" s="359"/>
      <c r="E1918" s="359"/>
      <c r="F1918" s="360"/>
      <c r="G1918" s="360"/>
      <c r="H1918" s="360"/>
      <c r="I1918" s="360"/>
      <c r="J1918" s="359"/>
      <c r="K1918" s="359"/>
      <c r="L1918" s="359"/>
    </row>
    <row r="1919" spans="2:12">
      <c r="B1919" s="359"/>
      <c r="C1919" s="359"/>
      <c r="D1919" s="359"/>
      <c r="E1919" s="359"/>
      <c r="F1919" s="359" t="s">
        <v>14420</v>
      </c>
      <c r="G1919" s="359" t="s">
        <v>14429</v>
      </c>
      <c r="H1919" s="359" t="s">
        <v>14367</v>
      </c>
      <c r="I1919" s="359" t="s">
        <v>14429</v>
      </c>
      <c r="J1919" s="359"/>
      <c r="K1919" s="359"/>
      <c r="L1919" s="359"/>
    </row>
    <row r="1920" spans="2:12">
      <c r="B1920" s="359"/>
      <c r="C1920" s="359"/>
      <c r="D1920" s="359"/>
      <c r="E1920" s="359"/>
      <c r="F1920" s="360"/>
      <c r="G1920" s="360"/>
      <c r="H1920" s="360"/>
      <c r="I1920" s="360"/>
      <c r="J1920" s="359"/>
      <c r="K1920" s="359"/>
      <c r="L1920" s="359"/>
    </row>
    <row r="1921" spans="2:12">
      <c r="B1921" s="361"/>
      <c r="C1921" s="361"/>
      <c r="D1921" s="361"/>
      <c r="E1921" s="361"/>
      <c r="F1921" s="361" t="s">
        <v>14389</v>
      </c>
      <c r="G1921" s="361" t="s">
        <v>14390</v>
      </c>
      <c r="H1921" s="361" t="s">
        <v>14422</v>
      </c>
      <c r="I1921" s="361" t="s">
        <v>14390</v>
      </c>
      <c r="J1921" s="361"/>
      <c r="K1921" s="361"/>
      <c r="L1921" s="361"/>
    </row>
    <row r="1922" spans="2:12" ht="71.25">
      <c r="B1922" s="358" t="s">
        <v>15380</v>
      </c>
      <c r="C1922" s="358" t="s">
        <v>30026</v>
      </c>
      <c r="D1922" s="358" t="s">
        <v>15381</v>
      </c>
      <c r="E1922" s="358" t="s">
        <v>6177</v>
      </c>
      <c r="F1922" s="358" t="s">
        <v>15246</v>
      </c>
      <c r="G1922" s="358" t="s">
        <v>15247</v>
      </c>
      <c r="H1922" s="358" t="s">
        <v>14381</v>
      </c>
      <c r="I1922" s="358" t="s">
        <v>15247</v>
      </c>
      <c r="J1922" s="358"/>
      <c r="K1922" s="358" t="s">
        <v>28627</v>
      </c>
      <c r="L1922" s="358" t="s">
        <v>14611</v>
      </c>
    </row>
    <row r="1923" spans="2:12">
      <c r="B1923" s="359"/>
      <c r="C1923" s="359"/>
      <c r="D1923" s="359"/>
      <c r="E1923" s="359"/>
      <c r="F1923" s="360"/>
      <c r="G1923" s="360"/>
      <c r="H1923" s="360"/>
      <c r="I1923" s="360"/>
      <c r="J1923" s="359"/>
      <c r="K1923" s="359"/>
      <c r="L1923" s="359"/>
    </row>
    <row r="1924" spans="2:12" ht="28.5">
      <c r="B1924" s="359"/>
      <c r="C1924" s="359"/>
      <c r="D1924" s="359"/>
      <c r="E1924" s="359"/>
      <c r="F1924" s="359" t="s">
        <v>14394</v>
      </c>
      <c r="G1924" s="359" t="s">
        <v>14395</v>
      </c>
      <c r="H1924" s="359" t="s">
        <v>14370</v>
      </c>
      <c r="I1924" s="359" t="s">
        <v>14395</v>
      </c>
      <c r="J1924" s="359"/>
      <c r="K1924" s="359"/>
      <c r="L1924" s="359"/>
    </row>
    <row r="1925" spans="2:12">
      <c r="B1925" s="359"/>
      <c r="C1925" s="359"/>
      <c r="D1925" s="359"/>
      <c r="E1925" s="359"/>
      <c r="F1925" s="360"/>
      <c r="G1925" s="360"/>
      <c r="H1925" s="360"/>
      <c r="I1925" s="360"/>
      <c r="J1925" s="359"/>
      <c r="K1925" s="359"/>
      <c r="L1925" s="359"/>
    </row>
    <row r="1926" spans="2:12">
      <c r="B1926" s="361"/>
      <c r="C1926" s="361"/>
      <c r="D1926" s="361"/>
      <c r="E1926" s="361"/>
      <c r="F1926" s="362"/>
      <c r="G1926" s="362"/>
      <c r="H1926" s="361" t="s">
        <v>14332</v>
      </c>
      <c r="I1926" s="362"/>
      <c r="J1926" s="361"/>
      <c r="K1926" s="361"/>
      <c r="L1926" s="361"/>
    </row>
    <row r="1927" spans="2:12" ht="28.5">
      <c r="B1927" s="358" t="s">
        <v>15382</v>
      </c>
      <c r="C1927" s="358" t="s">
        <v>27415</v>
      </c>
      <c r="D1927" s="358" t="s">
        <v>15383</v>
      </c>
      <c r="E1927" s="358" t="s">
        <v>15384</v>
      </c>
      <c r="F1927" s="358" t="s">
        <v>14420</v>
      </c>
      <c r="G1927" s="358" t="s">
        <v>14421</v>
      </c>
      <c r="H1927" s="358" t="s">
        <v>14367</v>
      </c>
      <c r="I1927" s="358" t="s">
        <v>14421</v>
      </c>
      <c r="J1927" s="358"/>
      <c r="K1927" s="358" t="s">
        <v>14929</v>
      </c>
      <c r="L1927" s="358" t="s">
        <v>14611</v>
      </c>
    </row>
    <row r="1928" spans="2:12">
      <c r="B1928" s="359"/>
      <c r="C1928" s="360"/>
      <c r="D1928" s="359"/>
      <c r="E1928" s="359"/>
      <c r="F1928" s="360"/>
      <c r="G1928" s="360"/>
      <c r="H1928" s="360"/>
      <c r="I1928" s="360"/>
      <c r="J1928" s="359"/>
      <c r="K1928" s="359"/>
      <c r="L1928" s="359"/>
    </row>
    <row r="1929" spans="2:12">
      <c r="B1929" s="359"/>
      <c r="C1929" s="359" t="s">
        <v>27416</v>
      </c>
      <c r="D1929" s="359"/>
      <c r="E1929" s="359"/>
      <c r="F1929" s="359" t="s">
        <v>14420</v>
      </c>
      <c r="G1929" s="359" t="s">
        <v>14429</v>
      </c>
      <c r="H1929" s="359" t="s">
        <v>14370</v>
      </c>
      <c r="I1929" s="359" t="s">
        <v>14429</v>
      </c>
      <c r="J1929" s="359"/>
      <c r="K1929" s="359"/>
      <c r="L1929" s="359"/>
    </row>
    <row r="1930" spans="2:12">
      <c r="B1930" s="359"/>
      <c r="C1930" s="360"/>
      <c r="D1930" s="359"/>
      <c r="E1930" s="359"/>
      <c r="F1930" s="360"/>
      <c r="G1930" s="360"/>
      <c r="H1930" s="360"/>
      <c r="I1930" s="360"/>
      <c r="J1930" s="359"/>
      <c r="K1930" s="359"/>
      <c r="L1930" s="359"/>
    </row>
    <row r="1931" spans="2:12" ht="28.5">
      <c r="B1931" s="361"/>
      <c r="C1931" s="362"/>
      <c r="D1931" s="361"/>
      <c r="E1931" s="361"/>
      <c r="F1931" s="361" t="s">
        <v>14394</v>
      </c>
      <c r="G1931" s="361" t="s">
        <v>14395</v>
      </c>
      <c r="H1931" s="361" t="s">
        <v>14422</v>
      </c>
      <c r="I1931" s="361" t="s">
        <v>14395</v>
      </c>
      <c r="J1931" s="361"/>
      <c r="K1931" s="361"/>
      <c r="L1931" s="361"/>
    </row>
    <row r="1932" spans="2:12">
      <c r="B1932" s="358" t="s">
        <v>15385</v>
      </c>
      <c r="C1932" s="358" t="s">
        <v>15386</v>
      </c>
      <c r="D1932" s="358" t="s">
        <v>15387</v>
      </c>
      <c r="E1932" s="358" t="s">
        <v>15388</v>
      </c>
      <c r="F1932" s="358" t="s">
        <v>14379</v>
      </c>
      <c r="G1932" s="358" t="s">
        <v>14380</v>
      </c>
      <c r="H1932" s="358" t="s">
        <v>14378</v>
      </c>
      <c r="I1932" s="358" t="s">
        <v>14380</v>
      </c>
      <c r="J1932" s="358"/>
      <c r="K1932" s="358" t="s">
        <v>15298</v>
      </c>
      <c r="L1932" s="358"/>
    </row>
    <row r="1933" spans="2:12">
      <c r="B1933" s="359"/>
      <c r="C1933" s="360"/>
      <c r="D1933" s="359"/>
      <c r="E1933" s="359"/>
      <c r="F1933" s="360"/>
      <c r="G1933" s="360"/>
      <c r="H1933" s="360"/>
      <c r="I1933" s="360"/>
      <c r="J1933" s="359"/>
      <c r="K1933" s="359"/>
      <c r="L1933" s="359"/>
    </row>
    <row r="1934" spans="2:12">
      <c r="B1934" s="359"/>
      <c r="C1934" s="359" t="s">
        <v>15389</v>
      </c>
      <c r="D1934" s="359"/>
      <c r="E1934" s="359"/>
      <c r="F1934" s="359" t="s">
        <v>14382</v>
      </c>
      <c r="G1934" s="359" t="s">
        <v>14579</v>
      </c>
      <c r="H1934" s="359" t="s">
        <v>14370</v>
      </c>
      <c r="I1934" s="359" t="s">
        <v>14579</v>
      </c>
      <c r="J1934" s="359"/>
      <c r="K1934" s="359"/>
      <c r="L1934" s="359"/>
    </row>
    <row r="1935" spans="2:12">
      <c r="B1935" s="359"/>
      <c r="C1935" s="360"/>
      <c r="D1935" s="359"/>
      <c r="E1935" s="359"/>
      <c r="F1935" s="360"/>
      <c r="G1935" s="360"/>
      <c r="H1935" s="360"/>
      <c r="I1935" s="360"/>
      <c r="J1935" s="359"/>
      <c r="K1935" s="359"/>
      <c r="L1935" s="359"/>
    </row>
    <row r="1936" spans="2:12">
      <c r="B1936" s="359"/>
      <c r="C1936" s="360"/>
      <c r="D1936" s="359"/>
      <c r="E1936" s="359"/>
      <c r="F1936" s="359" t="s">
        <v>14382</v>
      </c>
      <c r="G1936" s="359" t="s">
        <v>14383</v>
      </c>
      <c r="H1936" s="359" t="s">
        <v>14332</v>
      </c>
      <c r="I1936" s="359" t="s">
        <v>14383</v>
      </c>
      <c r="J1936" s="359"/>
      <c r="K1936" s="359"/>
      <c r="L1936" s="359"/>
    </row>
    <row r="1937" spans="2:12">
      <c r="B1937" s="359"/>
      <c r="C1937" s="360"/>
      <c r="D1937" s="359"/>
      <c r="E1937" s="359"/>
      <c r="F1937" s="360"/>
      <c r="G1937" s="360"/>
      <c r="H1937" s="360"/>
      <c r="I1937" s="360"/>
      <c r="J1937" s="359"/>
      <c r="K1937" s="359"/>
      <c r="L1937" s="359"/>
    </row>
    <row r="1938" spans="2:12">
      <c r="B1938" s="359"/>
      <c r="C1938" s="360"/>
      <c r="D1938" s="359"/>
      <c r="E1938" s="359"/>
      <c r="F1938" s="359" t="s">
        <v>14391</v>
      </c>
      <c r="G1938" s="359" t="s">
        <v>14392</v>
      </c>
      <c r="H1938" s="360"/>
      <c r="I1938" s="359" t="s">
        <v>14392</v>
      </c>
      <c r="J1938" s="359"/>
      <c r="K1938" s="359"/>
      <c r="L1938" s="359"/>
    </row>
    <row r="1939" spans="2:12">
      <c r="B1939" s="359"/>
      <c r="C1939" s="360"/>
      <c r="D1939" s="359"/>
      <c r="E1939" s="359"/>
      <c r="F1939" s="360"/>
      <c r="G1939" s="360"/>
      <c r="H1939" s="360"/>
      <c r="I1939" s="360"/>
      <c r="J1939" s="359"/>
      <c r="K1939" s="359"/>
      <c r="L1939" s="359"/>
    </row>
    <row r="1940" spans="2:12">
      <c r="B1940" s="361"/>
      <c r="C1940" s="362"/>
      <c r="D1940" s="361"/>
      <c r="E1940" s="361"/>
      <c r="F1940" s="361" t="s">
        <v>14371</v>
      </c>
      <c r="G1940" s="361" t="s">
        <v>14372</v>
      </c>
      <c r="H1940" s="362"/>
      <c r="I1940" s="361" t="s">
        <v>14372</v>
      </c>
      <c r="J1940" s="361"/>
      <c r="K1940" s="361"/>
      <c r="L1940" s="361"/>
    </row>
    <row r="1941" spans="2:12">
      <c r="B1941" s="358" t="s">
        <v>15390</v>
      </c>
      <c r="C1941" s="358" t="s">
        <v>15391</v>
      </c>
      <c r="D1941" s="358" t="s">
        <v>15392</v>
      </c>
      <c r="E1941" s="358" t="s">
        <v>15393</v>
      </c>
      <c r="F1941" s="358" t="s">
        <v>14530</v>
      </c>
      <c r="G1941" s="358" t="s">
        <v>14531</v>
      </c>
      <c r="H1941" s="358" t="s">
        <v>14378</v>
      </c>
      <c r="I1941" s="358" t="s">
        <v>14531</v>
      </c>
      <c r="J1941" s="358"/>
      <c r="K1941" s="358" t="s">
        <v>15394</v>
      </c>
      <c r="L1941" s="358"/>
    </row>
    <row r="1942" spans="2:12">
      <c r="B1942" s="359"/>
      <c r="C1942" s="360"/>
      <c r="D1942" s="359"/>
      <c r="E1942" s="359"/>
      <c r="F1942" s="360"/>
      <c r="G1942" s="360"/>
      <c r="H1942" s="360"/>
      <c r="I1942" s="360"/>
      <c r="J1942" s="359"/>
      <c r="K1942" s="359"/>
      <c r="L1942" s="359"/>
    </row>
    <row r="1943" spans="2:12">
      <c r="B1943" s="359"/>
      <c r="C1943" s="359" t="s">
        <v>15395</v>
      </c>
      <c r="D1943" s="359"/>
      <c r="E1943" s="359"/>
      <c r="F1943" s="359" t="s">
        <v>14379</v>
      </c>
      <c r="G1943" s="359" t="s">
        <v>14405</v>
      </c>
      <c r="H1943" s="359" t="s">
        <v>14370</v>
      </c>
      <c r="I1943" s="359" t="s">
        <v>14405</v>
      </c>
      <c r="J1943" s="359"/>
      <c r="K1943" s="359"/>
      <c r="L1943" s="359"/>
    </row>
    <row r="1944" spans="2:12">
      <c r="B1944" s="359"/>
      <c r="C1944" s="360"/>
      <c r="D1944" s="359"/>
      <c r="E1944" s="359"/>
      <c r="F1944" s="360"/>
      <c r="G1944" s="360"/>
      <c r="H1944" s="360"/>
      <c r="I1944" s="360"/>
      <c r="J1944" s="359"/>
      <c r="K1944" s="359"/>
      <c r="L1944" s="359"/>
    </row>
    <row r="1945" spans="2:12">
      <c r="B1945" s="359"/>
      <c r="C1945" s="360"/>
      <c r="D1945" s="359"/>
      <c r="E1945" s="359"/>
      <c r="F1945" s="359" t="s">
        <v>14371</v>
      </c>
      <c r="G1945" s="359" t="s">
        <v>14372</v>
      </c>
      <c r="H1945" s="359" t="s">
        <v>14332</v>
      </c>
      <c r="I1945" s="359" t="s">
        <v>14373</v>
      </c>
      <c r="J1945" s="359"/>
      <c r="K1945" s="359"/>
      <c r="L1945" s="359"/>
    </row>
    <row r="1946" spans="2:12">
      <c r="B1946" s="359"/>
      <c r="C1946" s="360"/>
      <c r="D1946" s="359"/>
      <c r="E1946" s="359"/>
      <c r="F1946" s="360"/>
      <c r="G1946" s="360"/>
      <c r="H1946" s="360"/>
      <c r="I1946" s="360"/>
      <c r="J1946" s="359"/>
      <c r="K1946" s="359"/>
      <c r="L1946" s="359"/>
    </row>
    <row r="1947" spans="2:12" ht="28.5">
      <c r="B1947" s="361"/>
      <c r="C1947" s="362"/>
      <c r="D1947" s="361"/>
      <c r="E1947" s="361"/>
      <c r="F1947" s="361" t="s">
        <v>14374</v>
      </c>
      <c r="G1947" s="361" t="s">
        <v>14373</v>
      </c>
      <c r="H1947" s="362"/>
      <c r="I1947" s="362"/>
      <c r="J1947" s="361"/>
      <c r="K1947" s="361"/>
      <c r="L1947" s="361"/>
    </row>
    <row r="1948" spans="2:12">
      <c r="B1948" s="358" t="s">
        <v>15396</v>
      </c>
      <c r="C1948" s="358" t="s">
        <v>15397</v>
      </c>
      <c r="D1948" s="358" t="s">
        <v>15398</v>
      </c>
      <c r="E1948" s="358" t="s">
        <v>15399</v>
      </c>
      <c r="F1948" s="358" t="s">
        <v>14420</v>
      </c>
      <c r="G1948" s="358" t="s">
        <v>14429</v>
      </c>
      <c r="H1948" s="358" t="s">
        <v>14367</v>
      </c>
      <c r="I1948" s="358" t="s">
        <v>14429</v>
      </c>
      <c r="J1948" s="358"/>
      <c r="K1948" s="358" t="s">
        <v>15400</v>
      </c>
      <c r="L1948" s="358"/>
    </row>
    <row r="1949" spans="2:12">
      <c r="B1949" s="359"/>
      <c r="C1949" s="360"/>
      <c r="D1949" s="359"/>
      <c r="E1949" s="359"/>
      <c r="F1949" s="360"/>
      <c r="G1949" s="360"/>
      <c r="H1949" s="360"/>
      <c r="I1949" s="360"/>
      <c r="J1949" s="359"/>
      <c r="K1949" s="359"/>
      <c r="L1949" s="359"/>
    </row>
    <row r="1950" spans="2:12">
      <c r="B1950" s="359"/>
      <c r="C1950" s="359" t="s">
        <v>15401</v>
      </c>
      <c r="D1950" s="359"/>
      <c r="E1950" s="359"/>
      <c r="F1950" s="359" t="s">
        <v>14391</v>
      </c>
      <c r="G1950" s="359" t="s">
        <v>14392</v>
      </c>
      <c r="H1950" s="359" t="s">
        <v>14370</v>
      </c>
      <c r="I1950" s="359" t="s">
        <v>14392</v>
      </c>
      <c r="J1950" s="359"/>
      <c r="K1950" s="359"/>
      <c r="L1950" s="359"/>
    </row>
    <row r="1951" spans="2:12">
      <c r="B1951" s="359"/>
      <c r="C1951" s="360"/>
      <c r="D1951" s="359"/>
      <c r="E1951" s="359"/>
      <c r="F1951" s="360"/>
      <c r="G1951" s="360"/>
      <c r="H1951" s="360"/>
      <c r="I1951" s="360"/>
      <c r="J1951" s="359"/>
      <c r="K1951" s="359"/>
      <c r="L1951" s="359"/>
    </row>
    <row r="1952" spans="2:12">
      <c r="B1952" s="359"/>
      <c r="C1952" s="360"/>
      <c r="D1952" s="359"/>
      <c r="E1952" s="359"/>
      <c r="F1952" s="359" t="s">
        <v>14371</v>
      </c>
      <c r="G1952" s="359" t="s">
        <v>14372</v>
      </c>
      <c r="H1952" s="359" t="s">
        <v>14422</v>
      </c>
      <c r="I1952" s="359" t="s">
        <v>14372</v>
      </c>
      <c r="J1952" s="359"/>
      <c r="K1952" s="359"/>
      <c r="L1952" s="359"/>
    </row>
    <row r="1953" spans="2:12">
      <c r="B1953" s="359"/>
      <c r="C1953" s="360"/>
      <c r="D1953" s="359"/>
      <c r="E1953" s="359"/>
      <c r="F1953" s="360"/>
      <c r="G1953" s="360"/>
      <c r="H1953" s="360"/>
      <c r="I1953" s="360"/>
      <c r="J1953" s="359"/>
      <c r="K1953" s="359"/>
      <c r="L1953" s="359"/>
    </row>
    <row r="1954" spans="2:12" ht="28.5">
      <c r="B1954" s="361"/>
      <c r="C1954" s="362"/>
      <c r="D1954" s="361"/>
      <c r="E1954" s="361"/>
      <c r="F1954" s="361" t="s">
        <v>14374</v>
      </c>
      <c r="G1954" s="361" t="s">
        <v>14373</v>
      </c>
      <c r="H1954" s="362"/>
      <c r="I1954" s="361" t="s">
        <v>14373</v>
      </c>
      <c r="J1954" s="361"/>
      <c r="K1954" s="361"/>
      <c r="L1954" s="361"/>
    </row>
    <row r="1955" spans="2:12">
      <c r="B1955" s="358" t="s">
        <v>15402</v>
      </c>
      <c r="C1955" s="358" t="s">
        <v>15403</v>
      </c>
      <c r="D1955" s="358" t="s">
        <v>15404</v>
      </c>
      <c r="E1955" s="358" t="s">
        <v>15405</v>
      </c>
      <c r="F1955" s="358" t="s">
        <v>14426</v>
      </c>
      <c r="G1955" s="358" t="s">
        <v>14427</v>
      </c>
      <c r="H1955" s="358" t="s">
        <v>14378</v>
      </c>
      <c r="I1955" s="358" t="s">
        <v>14427</v>
      </c>
      <c r="J1955" s="358"/>
      <c r="K1955" s="358"/>
      <c r="L1955" s="358"/>
    </row>
    <row r="1956" spans="2:12">
      <c r="B1956" s="359"/>
      <c r="C1956" s="360"/>
      <c r="D1956" s="359"/>
      <c r="E1956" s="359"/>
      <c r="F1956" s="360"/>
      <c r="G1956" s="360"/>
      <c r="H1956" s="360"/>
      <c r="I1956" s="360"/>
      <c r="J1956" s="359"/>
      <c r="K1956" s="359"/>
      <c r="L1956" s="359"/>
    </row>
    <row r="1957" spans="2:12" ht="28.5">
      <c r="B1957" s="359"/>
      <c r="C1957" s="359" t="s">
        <v>15406</v>
      </c>
      <c r="D1957" s="359"/>
      <c r="E1957" s="359"/>
      <c r="F1957" s="359" t="s">
        <v>14379</v>
      </c>
      <c r="G1957" s="359" t="s">
        <v>14405</v>
      </c>
      <c r="H1957" s="359" t="s">
        <v>14381</v>
      </c>
      <c r="I1957" s="359" t="s">
        <v>14405</v>
      </c>
      <c r="J1957" s="359"/>
      <c r="K1957" s="359"/>
      <c r="L1957" s="359"/>
    </row>
    <row r="1958" spans="2:12">
      <c r="B1958" s="359"/>
      <c r="C1958" s="360"/>
      <c r="D1958" s="359"/>
      <c r="E1958" s="359"/>
      <c r="F1958" s="360"/>
      <c r="G1958" s="360"/>
      <c r="H1958" s="360"/>
      <c r="I1958" s="360"/>
      <c r="J1958" s="359"/>
      <c r="K1958" s="359"/>
      <c r="L1958" s="359"/>
    </row>
    <row r="1959" spans="2:12">
      <c r="B1959" s="359"/>
      <c r="C1959" s="360"/>
      <c r="D1959" s="359"/>
      <c r="E1959" s="359"/>
      <c r="F1959" s="359" t="s">
        <v>14382</v>
      </c>
      <c r="G1959" s="359" t="s">
        <v>14579</v>
      </c>
      <c r="H1959" s="359" t="s">
        <v>14370</v>
      </c>
      <c r="I1959" s="359" t="s">
        <v>14579</v>
      </c>
      <c r="J1959" s="359"/>
      <c r="K1959" s="359"/>
      <c r="L1959" s="359"/>
    </row>
    <row r="1960" spans="2:12">
      <c r="B1960" s="359"/>
      <c r="C1960" s="360"/>
      <c r="D1960" s="359"/>
      <c r="E1960" s="359"/>
      <c r="F1960" s="360"/>
      <c r="G1960" s="360"/>
      <c r="H1960" s="360"/>
      <c r="I1960" s="360"/>
      <c r="J1960" s="359"/>
      <c r="K1960" s="359"/>
      <c r="L1960" s="359"/>
    </row>
    <row r="1961" spans="2:12">
      <c r="B1961" s="359"/>
      <c r="C1961" s="360"/>
      <c r="D1961" s="359"/>
      <c r="E1961" s="359"/>
      <c r="F1961" s="359" t="s">
        <v>14371</v>
      </c>
      <c r="G1961" s="359" t="s">
        <v>14372</v>
      </c>
      <c r="H1961" s="359" t="s">
        <v>14332</v>
      </c>
      <c r="I1961" s="359" t="s">
        <v>14373</v>
      </c>
      <c r="J1961" s="359"/>
      <c r="K1961" s="359"/>
      <c r="L1961" s="359"/>
    </row>
    <row r="1962" spans="2:12">
      <c r="B1962" s="359"/>
      <c r="C1962" s="360"/>
      <c r="D1962" s="359"/>
      <c r="E1962" s="359"/>
      <c r="F1962" s="360"/>
      <c r="G1962" s="360"/>
      <c r="H1962" s="360"/>
      <c r="I1962" s="360"/>
      <c r="J1962" s="359"/>
      <c r="K1962" s="359"/>
      <c r="L1962" s="359"/>
    </row>
    <row r="1963" spans="2:12" ht="28.5">
      <c r="B1963" s="361"/>
      <c r="C1963" s="362"/>
      <c r="D1963" s="361"/>
      <c r="E1963" s="361"/>
      <c r="F1963" s="361" t="s">
        <v>14374</v>
      </c>
      <c r="G1963" s="361" t="s">
        <v>14373</v>
      </c>
      <c r="H1963" s="362"/>
      <c r="I1963" s="362"/>
      <c r="J1963" s="361"/>
      <c r="K1963" s="361"/>
      <c r="L1963" s="361"/>
    </row>
    <row r="1964" spans="2:12">
      <c r="B1964" s="358" t="s">
        <v>15407</v>
      </c>
      <c r="C1964" s="358" t="s">
        <v>15408</v>
      </c>
      <c r="D1964" s="358" t="s">
        <v>8356</v>
      </c>
      <c r="E1964" s="358" t="s">
        <v>15409</v>
      </c>
      <c r="F1964" s="358" t="s">
        <v>14379</v>
      </c>
      <c r="G1964" s="358" t="s">
        <v>14380</v>
      </c>
      <c r="H1964" s="358" t="s">
        <v>14378</v>
      </c>
      <c r="I1964" s="358" t="s">
        <v>14380</v>
      </c>
      <c r="J1964" s="358"/>
      <c r="K1964" s="358"/>
      <c r="L1964" s="358"/>
    </row>
    <row r="1965" spans="2:12">
      <c r="B1965" s="359"/>
      <c r="C1965" s="360"/>
      <c r="D1965" s="359"/>
      <c r="E1965" s="359"/>
      <c r="F1965" s="360"/>
      <c r="G1965" s="360"/>
      <c r="H1965" s="360"/>
      <c r="I1965" s="360"/>
      <c r="J1965" s="359"/>
      <c r="K1965" s="359"/>
      <c r="L1965" s="359"/>
    </row>
    <row r="1966" spans="2:12">
      <c r="B1966" s="359"/>
      <c r="C1966" s="359" t="s">
        <v>15410</v>
      </c>
      <c r="D1966" s="359"/>
      <c r="E1966" s="359"/>
      <c r="F1966" s="359" t="s">
        <v>14530</v>
      </c>
      <c r="G1966" s="359" t="s">
        <v>14531</v>
      </c>
      <c r="H1966" s="359" t="s">
        <v>14332</v>
      </c>
      <c r="I1966" s="359" t="s">
        <v>14531</v>
      </c>
      <c r="J1966" s="359"/>
      <c r="K1966" s="359"/>
      <c r="L1966" s="359"/>
    </row>
    <row r="1967" spans="2:12">
      <c r="B1967" s="359"/>
      <c r="C1967" s="360"/>
      <c r="D1967" s="359"/>
      <c r="E1967" s="359"/>
      <c r="F1967" s="360"/>
      <c r="G1967" s="360"/>
      <c r="H1967" s="360"/>
      <c r="I1967" s="360"/>
      <c r="J1967" s="359"/>
      <c r="K1967" s="359"/>
      <c r="L1967" s="359"/>
    </row>
    <row r="1968" spans="2:12">
      <c r="B1968" s="361"/>
      <c r="C1968" s="362"/>
      <c r="D1968" s="361"/>
      <c r="E1968" s="361"/>
      <c r="F1968" s="361" t="s">
        <v>14379</v>
      </c>
      <c r="G1968" s="361" t="s">
        <v>14405</v>
      </c>
      <c r="H1968" s="362"/>
      <c r="I1968" s="361" t="s">
        <v>14405</v>
      </c>
      <c r="J1968" s="361"/>
      <c r="K1968" s="361"/>
      <c r="L1968" s="361"/>
    </row>
    <row r="1969" spans="2:12">
      <c r="B1969" s="358" t="s">
        <v>15411</v>
      </c>
      <c r="C1969" s="358" t="s">
        <v>15412</v>
      </c>
      <c r="D1969" s="358" t="s">
        <v>8356</v>
      </c>
      <c r="E1969" s="358" t="s">
        <v>15413</v>
      </c>
      <c r="F1969" s="358" t="s">
        <v>14530</v>
      </c>
      <c r="G1969" s="358" t="s">
        <v>14531</v>
      </c>
      <c r="H1969" s="358" t="s">
        <v>14378</v>
      </c>
      <c r="I1969" s="358" t="s">
        <v>14531</v>
      </c>
      <c r="J1969" s="358"/>
      <c r="K1969" s="358"/>
      <c r="L1969" s="358"/>
    </row>
    <row r="1970" spans="2:12">
      <c r="B1970" s="359"/>
      <c r="C1970" s="360"/>
      <c r="D1970" s="359"/>
      <c r="E1970" s="359"/>
      <c r="F1970" s="360"/>
      <c r="G1970" s="360"/>
      <c r="H1970" s="360"/>
      <c r="I1970" s="360"/>
      <c r="J1970" s="359"/>
      <c r="K1970" s="359"/>
      <c r="L1970" s="359"/>
    </row>
    <row r="1971" spans="2:12" ht="28.5">
      <c r="B1971" s="361"/>
      <c r="C1971" s="361" t="s">
        <v>30027</v>
      </c>
      <c r="D1971" s="361"/>
      <c r="E1971" s="361"/>
      <c r="F1971" s="361" t="s">
        <v>14379</v>
      </c>
      <c r="G1971" s="361" t="s">
        <v>14405</v>
      </c>
      <c r="H1971" s="361" t="s">
        <v>14332</v>
      </c>
      <c r="I1971" s="361" t="s">
        <v>14405</v>
      </c>
      <c r="J1971" s="361"/>
      <c r="K1971" s="361"/>
      <c r="L1971" s="361"/>
    </row>
    <row r="1972" spans="2:12">
      <c r="B1972" s="358" t="s">
        <v>15414</v>
      </c>
      <c r="C1972" s="358" t="s">
        <v>15415</v>
      </c>
      <c r="D1972" s="358" t="s">
        <v>15416</v>
      </c>
      <c r="E1972" s="358" t="s">
        <v>15417</v>
      </c>
      <c r="F1972" s="358" t="s">
        <v>14530</v>
      </c>
      <c r="G1972" s="358" t="s">
        <v>14531</v>
      </c>
      <c r="H1972" s="358" t="s">
        <v>14378</v>
      </c>
      <c r="I1972" s="358" t="s">
        <v>14531</v>
      </c>
      <c r="J1972" s="358"/>
      <c r="K1972" s="358"/>
      <c r="L1972" s="358"/>
    </row>
    <row r="1973" spans="2:12">
      <c r="B1973" s="359"/>
      <c r="C1973" s="360"/>
      <c r="D1973" s="359"/>
      <c r="E1973" s="359"/>
      <c r="F1973" s="360"/>
      <c r="G1973" s="360"/>
      <c r="H1973" s="360"/>
      <c r="I1973" s="360"/>
      <c r="J1973" s="359"/>
      <c r="K1973" s="359"/>
      <c r="L1973" s="359"/>
    </row>
    <row r="1974" spans="2:12">
      <c r="B1974" s="359"/>
      <c r="C1974" s="359" t="s">
        <v>15418</v>
      </c>
      <c r="D1974" s="359"/>
      <c r="E1974" s="359"/>
      <c r="F1974" s="359" t="s">
        <v>14379</v>
      </c>
      <c r="G1974" s="359" t="s">
        <v>14405</v>
      </c>
      <c r="H1974" s="359" t="s">
        <v>14370</v>
      </c>
      <c r="I1974" s="359" t="s">
        <v>14405</v>
      </c>
      <c r="J1974" s="359"/>
      <c r="K1974" s="359"/>
      <c r="L1974" s="359"/>
    </row>
    <row r="1975" spans="2:12">
      <c r="B1975" s="359"/>
      <c r="C1975" s="360"/>
      <c r="D1975" s="359"/>
      <c r="E1975" s="359"/>
      <c r="F1975" s="360"/>
      <c r="G1975" s="360"/>
      <c r="H1975" s="360"/>
      <c r="I1975" s="360"/>
      <c r="J1975" s="359"/>
      <c r="K1975" s="359"/>
      <c r="L1975" s="359"/>
    </row>
    <row r="1976" spans="2:12">
      <c r="B1976" s="361"/>
      <c r="C1976" s="362"/>
      <c r="D1976" s="361"/>
      <c r="E1976" s="361"/>
      <c r="F1976" s="361" t="s">
        <v>14371</v>
      </c>
      <c r="G1976" s="361" t="s">
        <v>14372</v>
      </c>
      <c r="H1976" s="361" t="s">
        <v>14332</v>
      </c>
      <c r="I1976" s="361" t="s">
        <v>14372</v>
      </c>
      <c r="J1976" s="361"/>
      <c r="K1976" s="361"/>
      <c r="L1976" s="361"/>
    </row>
    <row r="1977" spans="2:12">
      <c r="B1977" s="358" t="s">
        <v>15419</v>
      </c>
      <c r="C1977" s="358" t="s">
        <v>28628</v>
      </c>
      <c r="D1977" s="358" t="s">
        <v>15420</v>
      </c>
      <c r="E1977" s="358" t="s">
        <v>15421</v>
      </c>
      <c r="F1977" s="358" t="s">
        <v>14530</v>
      </c>
      <c r="G1977" s="358" t="s">
        <v>14531</v>
      </c>
      <c r="H1977" s="358" t="s">
        <v>14378</v>
      </c>
      <c r="I1977" s="358" t="s">
        <v>14531</v>
      </c>
      <c r="J1977" s="358"/>
      <c r="K1977" s="358"/>
      <c r="L1977" s="358"/>
    </row>
    <row r="1978" spans="2:12">
      <c r="B1978" s="359"/>
      <c r="C1978" s="359"/>
      <c r="D1978" s="359"/>
      <c r="E1978" s="359"/>
      <c r="F1978" s="360"/>
      <c r="G1978" s="360"/>
      <c r="H1978" s="360"/>
      <c r="I1978" s="360"/>
      <c r="J1978" s="359"/>
      <c r="K1978" s="359"/>
      <c r="L1978" s="359"/>
    </row>
    <row r="1979" spans="2:12">
      <c r="B1979" s="361"/>
      <c r="C1979" s="361"/>
      <c r="D1979" s="361"/>
      <c r="E1979" s="361"/>
      <c r="F1979" s="361" t="s">
        <v>14379</v>
      </c>
      <c r="G1979" s="361" t="s">
        <v>14405</v>
      </c>
      <c r="H1979" s="361" t="s">
        <v>14332</v>
      </c>
      <c r="I1979" s="361" t="s">
        <v>14405</v>
      </c>
      <c r="J1979" s="361"/>
      <c r="K1979" s="361"/>
      <c r="L1979" s="361"/>
    </row>
    <row r="1980" spans="2:12">
      <c r="B1980" s="358" t="s">
        <v>15422</v>
      </c>
      <c r="C1980" s="358" t="s">
        <v>15423</v>
      </c>
      <c r="D1980" s="358" t="s">
        <v>15424</v>
      </c>
      <c r="E1980" s="358" t="s">
        <v>15425</v>
      </c>
      <c r="F1980" s="358" t="s">
        <v>14530</v>
      </c>
      <c r="G1980" s="358" t="s">
        <v>14531</v>
      </c>
      <c r="H1980" s="358" t="s">
        <v>14378</v>
      </c>
      <c r="I1980" s="358" t="s">
        <v>14531</v>
      </c>
      <c r="J1980" s="358"/>
      <c r="K1980" s="358" t="s">
        <v>15400</v>
      </c>
      <c r="L1980" s="358"/>
    </row>
    <row r="1981" spans="2:12">
      <c r="B1981" s="359"/>
      <c r="C1981" s="360"/>
      <c r="D1981" s="359"/>
      <c r="E1981" s="359"/>
      <c r="F1981" s="360"/>
      <c r="G1981" s="360"/>
      <c r="H1981" s="360"/>
      <c r="I1981" s="360"/>
      <c r="J1981" s="359"/>
      <c r="K1981" s="359"/>
      <c r="L1981" s="359"/>
    </row>
    <row r="1982" spans="2:12">
      <c r="B1982" s="359"/>
      <c r="C1982" s="359" t="s">
        <v>30028</v>
      </c>
      <c r="D1982" s="359"/>
      <c r="E1982" s="359"/>
      <c r="F1982" s="359" t="s">
        <v>14379</v>
      </c>
      <c r="G1982" s="359" t="s">
        <v>14405</v>
      </c>
      <c r="H1982" s="359" t="s">
        <v>14370</v>
      </c>
      <c r="I1982" s="359" t="s">
        <v>14405</v>
      </c>
      <c r="J1982" s="359"/>
      <c r="K1982" s="359"/>
      <c r="L1982" s="359"/>
    </row>
    <row r="1983" spans="2:12">
      <c r="B1983" s="359"/>
      <c r="C1983" s="360"/>
      <c r="D1983" s="359"/>
      <c r="E1983" s="359"/>
      <c r="F1983" s="360"/>
      <c r="G1983" s="360"/>
      <c r="H1983" s="360"/>
      <c r="I1983" s="360"/>
      <c r="J1983" s="359"/>
      <c r="K1983" s="359"/>
      <c r="L1983" s="359"/>
    </row>
    <row r="1984" spans="2:12">
      <c r="B1984" s="359"/>
      <c r="C1984" s="360"/>
      <c r="D1984" s="359"/>
      <c r="E1984" s="359"/>
      <c r="F1984" s="359" t="s">
        <v>14371</v>
      </c>
      <c r="G1984" s="359" t="s">
        <v>14372</v>
      </c>
      <c r="H1984" s="359" t="s">
        <v>14332</v>
      </c>
      <c r="I1984" s="359" t="s">
        <v>14373</v>
      </c>
      <c r="J1984" s="359"/>
      <c r="K1984" s="359"/>
      <c r="L1984" s="359"/>
    </row>
    <row r="1985" spans="2:12">
      <c r="B1985" s="359"/>
      <c r="C1985" s="360"/>
      <c r="D1985" s="359"/>
      <c r="E1985" s="359"/>
      <c r="F1985" s="360"/>
      <c r="G1985" s="360"/>
      <c r="H1985" s="360"/>
      <c r="I1985" s="360"/>
      <c r="J1985" s="359"/>
      <c r="K1985" s="359"/>
      <c r="L1985" s="359"/>
    </row>
    <row r="1986" spans="2:12" ht="28.5">
      <c r="B1986" s="361"/>
      <c r="C1986" s="362"/>
      <c r="D1986" s="361"/>
      <c r="E1986" s="361"/>
      <c r="F1986" s="361" t="s">
        <v>14374</v>
      </c>
      <c r="G1986" s="361" t="s">
        <v>14373</v>
      </c>
      <c r="H1986" s="362"/>
      <c r="I1986" s="362"/>
      <c r="J1986" s="361"/>
      <c r="K1986" s="361"/>
      <c r="L1986" s="361"/>
    </row>
    <row r="1987" spans="2:12">
      <c r="B1987" s="358" t="s">
        <v>15426</v>
      </c>
      <c r="C1987" s="358" t="s">
        <v>27417</v>
      </c>
      <c r="D1987" s="358" t="s">
        <v>15427</v>
      </c>
      <c r="E1987" s="358" t="s">
        <v>15428</v>
      </c>
      <c r="F1987" s="358" t="s">
        <v>14530</v>
      </c>
      <c r="G1987" s="358" t="s">
        <v>14531</v>
      </c>
      <c r="H1987" s="358" t="s">
        <v>14378</v>
      </c>
      <c r="I1987" s="358" t="s">
        <v>14531</v>
      </c>
      <c r="J1987" s="358"/>
      <c r="K1987" s="358"/>
      <c r="L1987" s="358"/>
    </row>
    <row r="1988" spans="2:12">
      <c r="B1988" s="359"/>
      <c r="C1988" s="360"/>
      <c r="D1988" s="359"/>
      <c r="E1988" s="359"/>
      <c r="F1988" s="360"/>
      <c r="G1988" s="360"/>
      <c r="H1988" s="360"/>
      <c r="I1988" s="360"/>
      <c r="J1988" s="359"/>
      <c r="K1988" s="359"/>
      <c r="L1988" s="359"/>
    </row>
    <row r="1989" spans="2:12">
      <c r="B1989" s="359"/>
      <c r="C1989" s="359" t="s">
        <v>27418</v>
      </c>
      <c r="D1989" s="359"/>
      <c r="E1989" s="359"/>
      <c r="F1989" s="359" t="s">
        <v>14379</v>
      </c>
      <c r="G1989" s="359" t="s">
        <v>14405</v>
      </c>
      <c r="H1989" s="359" t="s">
        <v>14370</v>
      </c>
      <c r="I1989" s="359" t="s">
        <v>14405</v>
      </c>
      <c r="J1989" s="359"/>
      <c r="K1989" s="359"/>
      <c r="L1989" s="359"/>
    </row>
    <row r="1990" spans="2:12">
      <c r="B1990" s="359"/>
      <c r="C1990" s="360"/>
      <c r="D1990" s="359"/>
      <c r="E1990" s="359"/>
      <c r="F1990" s="360"/>
      <c r="G1990" s="360"/>
      <c r="H1990" s="360"/>
      <c r="I1990" s="360"/>
      <c r="J1990" s="359"/>
      <c r="K1990" s="359"/>
      <c r="L1990" s="359"/>
    </row>
    <row r="1991" spans="2:12">
      <c r="B1991" s="361"/>
      <c r="C1991" s="362"/>
      <c r="D1991" s="361"/>
      <c r="E1991" s="361"/>
      <c r="F1991" s="361" t="s">
        <v>14371</v>
      </c>
      <c r="G1991" s="361" t="s">
        <v>14372</v>
      </c>
      <c r="H1991" s="361" t="s">
        <v>14332</v>
      </c>
      <c r="I1991" s="361" t="s">
        <v>14372</v>
      </c>
      <c r="J1991" s="361"/>
      <c r="K1991" s="361"/>
      <c r="L1991" s="361"/>
    </row>
    <row r="1992" spans="2:12">
      <c r="B1992" s="358" t="s">
        <v>15429</v>
      </c>
      <c r="C1992" s="358" t="s">
        <v>27419</v>
      </c>
      <c r="D1992" s="358" t="s">
        <v>15430</v>
      </c>
      <c r="E1992" s="358" t="s">
        <v>15431</v>
      </c>
      <c r="F1992" s="358" t="s">
        <v>14530</v>
      </c>
      <c r="G1992" s="358" t="s">
        <v>14531</v>
      </c>
      <c r="H1992" s="358" t="s">
        <v>14378</v>
      </c>
      <c r="I1992" s="358" t="s">
        <v>14531</v>
      </c>
      <c r="J1992" s="358"/>
      <c r="K1992" s="358"/>
      <c r="L1992" s="358"/>
    </row>
    <row r="1993" spans="2:12">
      <c r="B1993" s="359"/>
      <c r="C1993" s="360"/>
      <c r="D1993" s="359"/>
      <c r="E1993" s="359"/>
      <c r="F1993" s="360"/>
      <c r="G1993" s="360"/>
      <c r="H1993" s="360"/>
      <c r="I1993" s="360"/>
      <c r="J1993" s="359"/>
      <c r="K1993" s="359"/>
      <c r="L1993" s="359"/>
    </row>
    <row r="1994" spans="2:12">
      <c r="B1994" s="361"/>
      <c r="C1994" s="361" t="s">
        <v>27420</v>
      </c>
      <c r="D1994" s="361"/>
      <c r="E1994" s="361"/>
      <c r="F1994" s="361" t="s">
        <v>14379</v>
      </c>
      <c r="G1994" s="361" t="s">
        <v>14405</v>
      </c>
      <c r="H1994" s="361" t="s">
        <v>14332</v>
      </c>
      <c r="I1994" s="361" t="s">
        <v>14405</v>
      </c>
      <c r="J1994" s="361"/>
      <c r="K1994" s="361"/>
      <c r="L1994" s="361"/>
    </row>
    <row r="1995" spans="2:12">
      <c r="B1995" s="358" t="s">
        <v>15432</v>
      </c>
      <c r="C1995" s="358" t="s">
        <v>27421</v>
      </c>
      <c r="D1995" s="358" t="s">
        <v>15433</v>
      </c>
      <c r="E1995" s="358" t="s">
        <v>15434</v>
      </c>
      <c r="F1995" s="358" t="s">
        <v>14382</v>
      </c>
      <c r="G1995" s="358" t="s">
        <v>14383</v>
      </c>
      <c r="H1995" s="358" t="s">
        <v>14378</v>
      </c>
      <c r="I1995" s="358" t="s">
        <v>14383</v>
      </c>
      <c r="J1995" s="358"/>
      <c r="K1995" s="358"/>
      <c r="L1995" s="358"/>
    </row>
    <row r="1996" spans="2:12">
      <c r="B1996" s="359"/>
      <c r="C1996" s="360"/>
      <c r="D1996" s="359"/>
      <c r="E1996" s="359"/>
      <c r="F1996" s="359"/>
      <c r="G1996" s="359"/>
      <c r="H1996" s="360"/>
      <c r="I1996" s="359"/>
      <c r="J1996" s="359"/>
      <c r="K1996" s="359"/>
      <c r="L1996" s="359"/>
    </row>
    <row r="1997" spans="2:12">
      <c r="B1997" s="361"/>
      <c r="C1997" s="361" t="s">
        <v>27422</v>
      </c>
      <c r="D1997" s="361"/>
      <c r="E1997" s="361"/>
      <c r="F1997" s="361"/>
      <c r="G1997" s="361"/>
      <c r="H1997" s="361" t="s">
        <v>14332</v>
      </c>
      <c r="I1997" s="361"/>
      <c r="J1997" s="361"/>
      <c r="K1997" s="361"/>
      <c r="L1997" s="361"/>
    </row>
    <row r="1998" spans="2:12">
      <c r="B1998" s="358" t="s">
        <v>15435</v>
      </c>
      <c r="C1998" s="358" t="s">
        <v>27423</v>
      </c>
      <c r="D1998" s="358" t="s">
        <v>15436</v>
      </c>
      <c r="E1998" s="358" t="s">
        <v>15437</v>
      </c>
      <c r="F1998" s="358" t="s">
        <v>14382</v>
      </c>
      <c r="G1998" s="358" t="s">
        <v>14579</v>
      </c>
      <c r="H1998" s="358" t="s">
        <v>14378</v>
      </c>
      <c r="I1998" s="358" t="s">
        <v>14579</v>
      </c>
      <c r="J1998" s="358"/>
      <c r="K1998" s="358"/>
      <c r="L1998" s="358"/>
    </row>
    <row r="1999" spans="2:12">
      <c r="B1999" s="359"/>
      <c r="C1999" s="360"/>
      <c r="D1999" s="359"/>
      <c r="E1999" s="359"/>
      <c r="F1999" s="360"/>
      <c r="G1999" s="360"/>
      <c r="H1999" s="360"/>
      <c r="I1999" s="360"/>
      <c r="J1999" s="359"/>
      <c r="K1999" s="359"/>
      <c r="L1999" s="359"/>
    </row>
    <row r="2000" spans="2:12">
      <c r="B2000" s="359"/>
      <c r="C2000" s="359" t="s">
        <v>27424</v>
      </c>
      <c r="D2000" s="359"/>
      <c r="E2000" s="359"/>
      <c r="F2000" s="359" t="s">
        <v>14382</v>
      </c>
      <c r="G2000" s="359" t="s">
        <v>14383</v>
      </c>
      <c r="H2000" s="359" t="s">
        <v>14370</v>
      </c>
      <c r="I2000" s="359" t="s">
        <v>14383</v>
      </c>
      <c r="J2000" s="359"/>
      <c r="K2000" s="359"/>
      <c r="L2000" s="359"/>
    </row>
    <row r="2001" spans="2:12">
      <c r="B2001" s="359"/>
      <c r="C2001" s="360"/>
      <c r="D2001" s="359"/>
      <c r="E2001" s="359"/>
      <c r="F2001" s="360"/>
      <c r="G2001" s="360"/>
      <c r="H2001" s="360"/>
      <c r="I2001" s="360"/>
      <c r="J2001" s="359"/>
      <c r="K2001" s="359"/>
      <c r="L2001" s="359"/>
    </row>
    <row r="2002" spans="2:12" ht="28.5">
      <c r="B2002" s="361"/>
      <c r="C2002" s="362"/>
      <c r="D2002" s="361"/>
      <c r="E2002" s="361"/>
      <c r="F2002" s="361" t="s">
        <v>14394</v>
      </c>
      <c r="G2002" s="361" t="s">
        <v>14395</v>
      </c>
      <c r="H2002" s="361" t="s">
        <v>14332</v>
      </c>
      <c r="I2002" s="361" t="s">
        <v>14395</v>
      </c>
      <c r="J2002" s="361"/>
      <c r="K2002" s="361"/>
      <c r="L2002" s="361"/>
    </row>
    <row r="2003" spans="2:12">
      <c r="B2003" s="358" t="s">
        <v>15438</v>
      </c>
      <c r="C2003" s="358" t="s">
        <v>15439</v>
      </c>
      <c r="D2003" s="358" t="s">
        <v>15440</v>
      </c>
      <c r="E2003" s="358" t="s">
        <v>15441</v>
      </c>
      <c r="F2003" s="358" t="s">
        <v>14530</v>
      </c>
      <c r="G2003" s="358" t="s">
        <v>14531</v>
      </c>
      <c r="H2003" s="358" t="s">
        <v>14378</v>
      </c>
      <c r="I2003" s="358" t="s">
        <v>14531</v>
      </c>
      <c r="J2003" s="358"/>
      <c r="K2003" s="358"/>
      <c r="L2003" s="358"/>
    </row>
    <row r="2004" spans="2:12">
      <c r="B2004" s="359"/>
      <c r="C2004" s="360"/>
      <c r="D2004" s="359"/>
      <c r="E2004" s="359"/>
      <c r="F2004" s="360"/>
      <c r="G2004" s="360"/>
      <c r="H2004" s="360"/>
      <c r="I2004" s="360"/>
      <c r="J2004" s="359"/>
      <c r="K2004" s="359"/>
      <c r="L2004" s="359"/>
    </row>
    <row r="2005" spans="2:12" ht="28.5">
      <c r="B2005" s="359"/>
      <c r="C2005" s="359" t="s">
        <v>27425</v>
      </c>
      <c r="D2005" s="359"/>
      <c r="E2005" s="359"/>
      <c r="F2005" s="359" t="s">
        <v>14379</v>
      </c>
      <c r="G2005" s="359" t="s">
        <v>14405</v>
      </c>
      <c r="H2005" s="359" t="s">
        <v>14332</v>
      </c>
      <c r="I2005" s="359" t="s">
        <v>14405</v>
      </c>
      <c r="J2005" s="359"/>
      <c r="K2005" s="359"/>
      <c r="L2005" s="359"/>
    </row>
    <row r="2006" spans="2:12">
      <c r="B2006" s="359"/>
      <c r="C2006" s="360"/>
      <c r="D2006" s="359"/>
      <c r="E2006" s="359"/>
      <c r="F2006" s="360"/>
      <c r="G2006" s="360"/>
      <c r="H2006" s="360"/>
      <c r="I2006" s="360"/>
      <c r="J2006" s="359"/>
      <c r="K2006" s="359"/>
      <c r="L2006" s="359"/>
    </row>
    <row r="2007" spans="2:12" ht="28.5">
      <c r="B2007" s="361"/>
      <c r="C2007" s="362"/>
      <c r="D2007" s="361"/>
      <c r="E2007" s="361"/>
      <c r="F2007" s="361" t="s">
        <v>14472</v>
      </c>
      <c r="G2007" s="361" t="s">
        <v>14473</v>
      </c>
      <c r="H2007" s="362"/>
      <c r="I2007" s="361" t="s">
        <v>14473</v>
      </c>
      <c r="J2007" s="361"/>
      <c r="K2007" s="361"/>
      <c r="L2007" s="361"/>
    </row>
    <row r="2008" spans="2:12">
      <c r="B2008" s="358" t="s">
        <v>15442</v>
      </c>
      <c r="C2008" s="358" t="s">
        <v>15443</v>
      </c>
      <c r="D2008" s="358" t="s">
        <v>15444</v>
      </c>
      <c r="E2008" s="358" t="s">
        <v>15445</v>
      </c>
      <c r="F2008" s="358" t="s">
        <v>14530</v>
      </c>
      <c r="G2008" s="358" t="s">
        <v>14531</v>
      </c>
      <c r="H2008" s="358" t="s">
        <v>14378</v>
      </c>
      <c r="I2008" s="358" t="s">
        <v>14531</v>
      </c>
      <c r="J2008" s="358"/>
      <c r="K2008" s="358" t="s">
        <v>15400</v>
      </c>
      <c r="L2008" s="358"/>
    </row>
    <row r="2009" spans="2:12">
      <c r="B2009" s="359"/>
      <c r="C2009" s="360"/>
      <c r="D2009" s="359"/>
      <c r="E2009" s="359"/>
      <c r="F2009" s="360"/>
      <c r="G2009" s="360"/>
      <c r="H2009" s="360"/>
      <c r="I2009" s="360"/>
      <c r="J2009" s="359"/>
      <c r="K2009" s="359"/>
      <c r="L2009" s="359"/>
    </row>
    <row r="2010" spans="2:12">
      <c r="B2010" s="359"/>
      <c r="C2010" s="359" t="s">
        <v>27426</v>
      </c>
      <c r="D2010" s="359"/>
      <c r="E2010" s="359"/>
      <c r="F2010" s="359" t="s">
        <v>14379</v>
      </c>
      <c r="G2010" s="359" t="s">
        <v>14405</v>
      </c>
      <c r="H2010" s="359" t="s">
        <v>14370</v>
      </c>
      <c r="I2010" s="359" t="s">
        <v>14405</v>
      </c>
      <c r="J2010" s="359"/>
      <c r="K2010" s="359"/>
      <c r="L2010" s="359"/>
    </row>
    <row r="2011" spans="2:12">
      <c r="B2011" s="359"/>
      <c r="C2011" s="360"/>
      <c r="D2011" s="359"/>
      <c r="E2011" s="359"/>
      <c r="F2011" s="360"/>
      <c r="G2011" s="360"/>
      <c r="H2011" s="360"/>
      <c r="I2011" s="360"/>
      <c r="J2011" s="359"/>
      <c r="K2011" s="359"/>
      <c r="L2011" s="359"/>
    </row>
    <row r="2012" spans="2:12">
      <c r="B2012" s="359"/>
      <c r="C2012" s="360"/>
      <c r="D2012" s="359"/>
      <c r="E2012" s="359"/>
      <c r="F2012" s="359" t="s">
        <v>14371</v>
      </c>
      <c r="G2012" s="359" t="s">
        <v>14372</v>
      </c>
      <c r="H2012" s="359" t="s">
        <v>14332</v>
      </c>
      <c r="I2012" s="359" t="s">
        <v>14373</v>
      </c>
      <c r="J2012" s="359"/>
      <c r="K2012" s="359"/>
      <c r="L2012" s="359"/>
    </row>
    <row r="2013" spans="2:12">
      <c r="B2013" s="359"/>
      <c r="C2013" s="360"/>
      <c r="D2013" s="359"/>
      <c r="E2013" s="359"/>
      <c r="F2013" s="360"/>
      <c r="G2013" s="360"/>
      <c r="H2013" s="360"/>
      <c r="I2013" s="360"/>
      <c r="J2013" s="359"/>
      <c r="K2013" s="359"/>
      <c r="L2013" s="359"/>
    </row>
    <row r="2014" spans="2:12" ht="28.5">
      <c r="B2014" s="361"/>
      <c r="C2014" s="362"/>
      <c r="D2014" s="361"/>
      <c r="E2014" s="361"/>
      <c r="F2014" s="361" t="s">
        <v>14374</v>
      </c>
      <c r="G2014" s="361" t="s">
        <v>14373</v>
      </c>
      <c r="H2014" s="362"/>
      <c r="I2014" s="362"/>
      <c r="J2014" s="361"/>
      <c r="K2014" s="361"/>
      <c r="L2014" s="361"/>
    </row>
    <row r="2015" spans="2:12">
      <c r="B2015" s="358" t="s">
        <v>15446</v>
      </c>
      <c r="C2015" s="358" t="s">
        <v>15447</v>
      </c>
      <c r="D2015" s="358" t="s">
        <v>15448</v>
      </c>
      <c r="E2015" s="358" t="s">
        <v>15449</v>
      </c>
      <c r="F2015" s="358" t="s">
        <v>14379</v>
      </c>
      <c r="G2015" s="358" t="s">
        <v>14380</v>
      </c>
      <c r="H2015" s="358" t="s">
        <v>14378</v>
      </c>
      <c r="I2015" s="358" t="s">
        <v>14380</v>
      </c>
      <c r="J2015" s="358"/>
      <c r="K2015" s="358" t="s">
        <v>14557</v>
      </c>
      <c r="L2015" s="358"/>
    </row>
    <row r="2016" spans="2:12">
      <c r="B2016" s="359"/>
      <c r="C2016" s="360"/>
      <c r="D2016" s="359"/>
      <c r="E2016" s="359"/>
      <c r="F2016" s="360"/>
      <c r="G2016" s="360"/>
      <c r="H2016" s="360"/>
      <c r="I2016" s="360"/>
      <c r="J2016" s="359"/>
      <c r="K2016" s="359"/>
      <c r="L2016" s="359"/>
    </row>
    <row r="2017" spans="2:12">
      <c r="B2017" s="359"/>
      <c r="C2017" s="359" t="s">
        <v>27427</v>
      </c>
      <c r="D2017" s="359"/>
      <c r="E2017" s="359"/>
      <c r="F2017" s="359" t="s">
        <v>14379</v>
      </c>
      <c r="G2017" s="359" t="s">
        <v>14405</v>
      </c>
      <c r="H2017" s="359" t="s">
        <v>14381</v>
      </c>
      <c r="I2017" s="359" t="s">
        <v>14405</v>
      </c>
      <c r="J2017" s="359"/>
      <c r="K2017" s="359"/>
      <c r="L2017" s="359"/>
    </row>
    <row r="2018" spans="2:12">
      <c r="B2018" s="359"/>
      <c r="C2018" s="360"/>
      <c r="D2018" s="359"/>
      <c r="E2018" s="359"/>
      <c r="F2018" s="360"/>
      <c r="G2018" s="360"/>
      <c r="H2018" s="360"/>
      <c r="I2018" s="360"/>
      <c r="J2018" s="359"/>
      <c r="K2018" s="359"/>
      <c r="L2018" s="359"/>
    </row>
    <row r="2019" spans="2:12">
      <c r="B2019" s="359"/>
      <c r="C2019" s="360"/>
      <c r="D2019" s="359"/>
      <c r="E2019" s="359"/>
      <c r="F2019" s="359" t="s">
        <v>14382</v>
      </c>
      <c r="G2019" s="359" t="s">
        <v>14579</v>
      </c>
      <c r="H2019" s="359" t="s">
        <v>14370</v>
      </c>
      <c r="I2019" s="359" t="s">
        <v>14579</v>
      </c>
      <c r="J2019" s="359"/>
      <c r="K2019" s="359"/>
      <c r="L2019" s="359"/>
    </row>
    <row r="2020" spans="2:12">
      <c r="B2020" s="359"/>
      <c r="C2020" s="360"/>
      <c r="D2020" s="359"/>
      <c r="E2020" s="359"/>
      <c r="F2020" s="360"/>
      <c r="G2020" s="360"/>
      <c r="H2020" s="360"/>
      <c r="I2020" s="360"/>
      <c r="J2020" s="359"/>
      <c r="K2020" s="359"/>
      <c r="L2020" s="359"/>
    </row>
    <row r="2021" spans="2:12">
      <c r="B2021" s="359"/>
      <c r="C2021" s="360"/>
      <c r="D2021" s="359"/>
      <c r="E2021" s="359"/>
      <c r="F2021" s="359" t="s">
        <v>14384</v>
      </c>
      <c r="G2021" s="359" t="s">
        <v>14385</v>
      </c>
      <c r="H2021" s="359" t="s">
        <v>14332</v>
      </c>
      <c r="I2021" s="359" t="s">
        <v>14385</v>
      </c>
      <c r="J2021" s="359"/>
      <c r="K2021" s="359"/>
      <c r="L2021" s="359"/>
    </row>
    <row r="2022" spans="2:12">
      <c r="B2022" s="359"/>
      <c r="C2022" s="360"/>
      <c r="D2022" s="359"/>
      <c r="E2022" s="359"/>
      <c r="F2022" s="360"/>
      <c r="G2022" s="360"/>
      <c r="H2022" s="360"/>
      <c r="I2022" s="360"/>
      <c r="J2022" s="359"/>
      <c r="K2022" s="359"/>
      <c r="L2022" s="359"/>
    </row>
    <row r="2023" spans="2:12">
      <c r="B2023" s="359"/>
      <c r="C2023" s="360"/>
      <c r="D2023" s="359"/>
      <c r="E2023" s="359"/>
      <c r="F2023" s="359" t="s">
        <v>14371</v>
      </c>
      <c r="G2023" s="359" t="s">
        <v>14372</v>
      </c>
      <c r="H2023" s="360"/>
      <c r="I2023" s="359" t="s">
        <v>14373</v>
      </c>
      <c r="J2023" s="359"/>
      <c r="K2023" s="359"/>
      <c r="L2023" s="359"/>
    </row>
    <row r="2024" spans="2:12">
      <c r="B2024" s="359"/>
      <c r="C2024" s="360"/>
      <c r="D2024" s="359"/>
      <c r="E2024" s="359"/>
      <c r="F2024" s="360"/>
      <c r="G2024" s="360"/>
      <c r="H2024" s="360"/>
      <c r="I2024" s="360"/>
      <c r="J2024" s="359"/>
      <c r="K2024" s="359"/>
      <c r="L2024" s="359"/>
    </row>
    <row r="2025" spans="2:12" ht="28.5">
      <c r="B2025" s="361"/>
      <c r="C2025" s="362"/>
      <c r="D2025" s="361"/>
      <c r="E2025" s="361"/>
      <c r="F2025" s="361" t="s">
        <v>14374</v>
      </c>
      <c r="G2025" s="361" t="s">
        <v>14373</v>
      </c>
      <c r="H2025" s="362"/>
      <c r="I2025" s="362"/>
      <c r="J2025" s="361"/>
      <c r="K2025" s="361"/>
      <c r="L2025" s="361"/>
    </row>
    <row r="2026" spans="2:12">
      <c r="B2026" s="358" t="s">
        <v>15450</v>
      </c>
      <c r="C2026" s="358" t="s">
        <v>28629</v>
      </c>
      <c r="D2026" s="358" t="s">
        <v>15451</v>
      </c>
      <c r="E2026" s="358" t="s">
        <v>15452</v>
      </c>
      <c r="F2026" s="358" t="s">
        <v>14418</v>
      </c>
      <c r="G2026" s="358" t="s">
        <v>14419</v>
      </c>
      <c r="H2026" s="358" t="s">
        <v>14328</v>
      </c>
      <c r="I2026" s="358" t="s">
        <v>14419</v>
      </c>
      <c r="J2026" s="358"/>
      <c r="K2026" s="358" t="s">
        <v>14557</v>
      </c>
      <c r="L2026" s="358"/>
    </row>
    <row r="2027" spans="2:12">
      <c r="B2027" s="359"/>
      <c r="C2027" s="360"/>
      <c r="D2027" s="359"/>
      <c r="E2027" s="359"/>
      <c r="F2027" s="360"/>
      <c r="G2027" s="360"/>
      <c r="H2027" s="360"/>
      <c r="I2027" s="360"/>
      <c r="J2027" s="359"/>
      <c r="K2027" s="359"/>
      <c r="L2027" s="359"/>
    </row>
    <row r="2028" spans="2:12">
      <c r="B2028" s="359"/>
      <c r="C2028" s="359" t="s">
        <v>27428</v>
      </c>
      <c r="D2028" s="359"/>
      <c r="E2028" s="359"/>
      <c r="F2028" s="359" t="s">
        <v>14379</v>
      </c>
      <c r="G2028" s="359" t="s">
        <v>14380</v>
      </c>
      <c r="H2028" s="359" t="s">
        <v>14378</v>
      </c>
      <c r="I2028" s="359" t="s">
        <v>14380</v>
      </c>
      <c r="J2028" s="359"/>
      <c r="K2028" s="359"/>
      <c r="L2028" s="359"/>
    </row>
    <row r="2029" spans="2:12">
      <c r="B2029" s="359"/>
      <c r="C2029" s="360"/>
      <c r="D2029" s="359"/>
      <c r="E2029" s="359"/>
      <c r="F2029" s="360"/>
      <c r="G2029" s="360"/>
      <c r="H2029" s="360"/>
      <c r="I2029" s="360"/>
      <c r="J2029" s="359"/>
      <c r="K2029" s="359"/>
      <c r="L2029" s="359"/>
    </row>
    <row r="2030" spans="2:12">
      <c r="B2030" s="359"/>
      <c r="C2030" s="360"/>
      <c r="D2030" s="359"/>
      <c r="E2030" s="359"/>
      <c r="F2030" s="359" t="s">
        <v>14379</v>
      </c>
      <c r="G2030" s="359" t="s">
        <v>14405</v>
      </c>
      <c r="H2030" s="359" t="s">
        <v>14381</v>
      </c>
      <c r="I2030" s="359" t="s">
        <v>14405</v>
      </c>
      <c r="J2030" s="359"/>
      <c r="K2030" s="359"/>
      <c r="L2030" s="359"/>
    </row>
    <row r="2031" spans="2:12">
      <c r="B2031" s="359"/>
      <c r="C2031" s="360"/>
      <c r="D2031" s="359"/>
      <c r="E2031" s="359"/>
      <c r="F2031" s="360"/>
      <c r="G2031" s="360"/>
      <c r="H2031" s="360"/>
      <c r="I2031" s="360"/>
      <c r="J2031" s="359"/>
      <c r="K2031" s="359"/>
      <c r="L2031" s="359"/>
    </row>
    <row r="2032" spans="2:12">
      <c r="B2032" s="359"/>
      <c r="C2032" s="360"/>
      <c r="D2032" s="359"/>
      <c r="E2032" s="359"/>
      <c r="F2032" s="359" t="s">
        <v>14382</v>
      </c>
      <c r="G2032" s="359" t="s">
        <v>14579</v>
      </c>
      <c r="H2032" s="359" t="s">
        <v>14370</v>
      </c>
      <c r="I2032" s="359" t="s">
        <v>14579</v>
      </c>
      <c r="J2032" s="359"/>
      <c r="K2032" s="359"/>
      <c r="L2032" s="359"/>
    </row>
    <row r="2033" spans="2:12">
      <c r="B2033" s="359"/>
      <c r="C2033" s="360"/>
      <c r="D2033" s="359"/>
      <c r="E2033" s="359"/>
      <c r="F2033" s="360"/>
      <c r="G2033" s="360"/>
      <c r="H2033" s="360"/>
      <c r="I2033" s="360"/>
      <c r="J2033" s="359"/>
      <c r="K2033" s="359"/>
      <c r="L2033" s="359"/>
    </row>
    <row r="2034" spans="2:12">
      <c r="B2034" s="359"/>
      <c r="C2034" s="360"/>
      <c r="D2034" s="359"/>
      <c r="E2034" s="359"/>
      <c r="F2034" s="359" t="s">
        <v>14460</v>
      </c>
      <c r="G2034" s="359" t="s">
        <v>14519</v>
      </c>
      <c r="H2034" s="359" t="s">
        <v>14332</v>
      </c>
      <c r="I2034" s="359" t="s">
        <v>14519</v>
      </c>
      <c r="J2034" s="359"/>
      <c r="K2034" s="359"/>
      <c r="L2034" s="359"/>
    </row>
    <row r="2035" spans="2:12">
      <c r="B2035" s="359"/>
      <c r="C2035" s="360"/>
      <c r="D2035" s="359"/>
      <c r="E2035" s="359"/>
      <c r="F2035" s="360"/>
      <c r="G2035" s="360"/>
      <c r="H2035" s="360"/>
      <c r="I2035" s="360"/>
      <c r="J2035" s="359"/>
      <c r="K2035" s="359"/>
      <c r="L2035" s="359"/>
    </row>
    <row r="2036" spans="2:12">
      <c r="B2036" s="359"/>
      <c r="C2036" s="360"/>
      <c r="D2036" s="359"/>
      <c r="E2036" s="359"/>
      <c r="F2036" s="359" t="s">
        <v>14371</v>
      </c>
      <c r="G2036" s="359" t="s">
        <v>14372</v>
      </c>
      <c r="H2036" s="360"/>
      <c r="I2036" s="359" t="s">
        <v>14373</v>
      </c>
      <c r="J2036" s="359"/>
      <c r="K2036" s="359"/>
      <c r="L2036" s="359"/>
    </row>
    <row r="2037" spans="2:12">
      <c r="B2037" s="359"/>
      <c r="C2037" s="360"/>
      <c r="D2037" s="359"/>
      <c r="E2037" s="359"/>
      <c r="F2037" s="360"/>
      <c r="G2037" s="360"/>
      <c r="H2037" s="360"/>
      <c r="I2037" s="360"/>
      <c r="J2037" s="359"/>
      <c r="K2037" s="359"/>
      <c r="L2037" s="359"/>
    </row>
    <row r="2038" spans="2:12" ht="28.5">
      <c r="B2038" s="361"/>
      <c r="C2038" s="362"/>
      <c r="D2038" s="361"/>
      <c r="E2038" s="361"/>
      <c r="F2038" s="361" t="s">
        <v>14374</v>
      </c>
      <c r="G2038" s="361" t="s">
        <v>14373</v>
      </c>
      <c r="H2038" s="362"/>
      <c r="I2038" s="362"/>
      <c r="J2038" s="361"/>
      <c r="K2038" s="361"/>
      <c r="L2038" s="361"/>
    </row>
    <row r="2039" spans="2:12">
      <c r="B2039" s="358" t="s">
        <v>15453</v>
      </c>
      <c r="C2039" s="358" t="s">
        <v>27429</v>
      </c>
      <c r="D2039" s="358" t="s">
        <v>15454</v>
      </c>
      <c r="E2039" s="358" t="s">
        <v>15455</v>
      </c>
      <c r="F2039" s="358" t="s">
        <v>14530</v>
      </c>
      <c r="G2039" s="358" t="s">
        <v>14531</v>
      </c>
      <c r="H2039" s="358" t="s">
        <v>14378</v>
      </c>
      <c r="I2039" s="358" t="s">
        <v>14531</v>
      </c>
      <c r="J2039" s="358"/>
      <c r="K2039" s="358"/>
      <c r="L2039" s="358"/>
    </row>
    <row r="2040" spans="2:12">
      <c r="B2040" s="359"/>
      <c r="C2040" s="360"/>
      <c r="D2040" s="359"/>
      <c r="E2040" s="359"/>
      <c r="F2040" s="360"/>
      <c r="G2040" s="360"/>
      <c r="H2040" s="360"/>
      <c r="I2040" s="360"/>
      <c r="J2040" s="359"/>
      <c r="K2040" s="359"/>
      <c r="L2040" s="359"/>
    </row>
    <row r="2041" spans="2:12">
      <c r="B2041" s="359"/>
      <c r="C2041" s="359" t="s">
        <v>15456</v>
      </c>
      <c r="D2041" s="359"/>
      <c r="E2041" s="359"/>
      <c r="F2041" s="359" t="s">
        <v>14379</v>
      </c>
      <c r="G2041" s="359" t="s">
        <v>14405</v>
      </c>
      <c r="H2041" s="359" t="s">
        <v>14370</v>
      </c>
      <c r="I2041" s="359" t="s">
        <v>14405</v>
      </c>
      <c r="J2041" s="359"/>
      <c r="K2041" s="359"/>
      <c r="L2041" s="359"/>
    </row>
    <row r="2042" spans="2:12">
      <c r="B2042" s="359"/>
      <c r="C2042" s="360"/>
      <c r="D2042" s="359"/>
      <c r="E2042" s="359"/>
      <c r="F2042" s="360"/>
      <c r="G2042" s="360"/>
      <c r="H2042" s="360"/>
      <c r="I2042" s="360"/>
      <c r="J2042" s="359"/>
      <c r="K2042" s="359"/>
      <c r="L2042" s="359"/>
    </row>
    <row r="2043" spans="2:12">
      <c r="B2043" s="359"/>
      <c r="C2043" s="360"/>
      <c r="D2043" s="359"/>
      <c r="E2043" s="359"/>
      <c r="F2043" s="359" t="s">
        <v>14371</v>
      </c>
      <c r="G2043" s="359" t="s">
        <v>14372</v>
      </c>
      <c r="H2043" s="359" t="s">
        <v>14332</v>
      </c>
      <c r="I2043" s="359" t="s">
        <v>14373</v>
      </c>
      <c r="J2043" s="359"/>
      <c r="K2043" s="359"/>
      <c r="L2043" s="359"/>
    </row>
    <row r="2044" spans="2:12">
      <c r="B2044" s="359"/>
      <c r="C2044" s="360"/>
      <c r="D2044" s="359"/>
      <c r="E2044" s="359"/>
      <c r="F2044" s="360"/>
      <c r="G2044" s="360"/>
      <c r="H2044" s="360"/>
      <c r="I2044" s="360"/>
      <c r="J2044" s="359"/>
      <c r="K2044" s="359"/>
      <c r="L2044" s="359"/>
    </row>
    <row r="2045" spans="2:12" ht="28.5">
      <c r="B2045" s="361"/>
      <c r="C2045" s="362"/>
      <c r="D2045" s="361"/>
      <c r="E2045" s="361"/>
      <c r="F2045" s="361" t="s">
        <v>14374</v>
      </c>
      <c r="G2045" s="361" t="s">
        <v>14373</v>
      </c>
      <c r="H2045" s="362"/>
      <c r="I2045" s="362"/>
      <c r="J2045" s="361"/>
      <c r="K2045" s="361"/>
      <c r="L2045" s="361"/>
    </row>
    <row r="2046" spans="2:12">
      <c r="B2046" s="358" t="s">
        <v>15457</v>
      </c>
      <c r="C2046" s="358" t="s">
        <v>15458</v>
      </c>
      <c r="D2046" s="358" t="s">
        <v>15459</v>
      </c>
      <c r="E2046" s="358" t="s">
        <v>15460</v>
      </c>
      <c r="F2046" s="358" t="s">
        <v>14382</v>
      </c>
      <c r="G2046" s="358" t="s">
        <v>14483</v>
      </c>
      <c r="H2046" s="358" t="s">
        <v>14378</v>
      </c>
      <c r="I2046" s="358" t="s">
        <v>14483</v>
      </c>
      <c r="J2046" s="358"/>
      <c r="K2046" s="358"/>
      <c r="L2046" s="358"/>
    </row>
    <row r="2047" spans="2:12">
      <c r="B2047" s="359"/>
      <c r="C2047" s="360"/>
      <c r="D2047" s="359"/>
      <c r="E2047" s="359"/>
      <c r="F2047" s="360"/>
      <c r="G2047" s="360"/>
      <c r="H2047" s="360"/>
      <c r="I2047" s="360"/>
      <c r="J2047" s="359"/>
      <c r="K2047" s="359"/>
      <c r="L2047" s="359"/>
    </row>
    <row r="2048" spans="2:12" ht="28.5">
      <c r="B2048" s="359"/>
      <c r="C2048" s="359" t="s">
        <v>30029</v>
      </c>
      <c r="D2048" s="359"/>
      <c r="E2048" s="359"/>
      <c r="F2048" s="359" t="s">
        <v>14382</v>
      </c>
      <c r="G2048" s="359" t="s">
        <v>14579</v>
      </c>
      <c r="H2048" s="359" t="s">
        <v>14370</v>
      </c>
      <c r="I2048" s="359" t="s">
        <v>14579</v>
      </c>
      <c r="J2048" s="359"/>
      <c r="K2048" s="359"/>
      <c r="L2048" s="359"/>
    </row>
    <row r="2049" spans="2:12">
      <c r="B2049" s="359"/>
      <c r="C2049" s="360"/>
      <c r="D2049" s="359"/>
      <c r="E2049" s="359"/>
      <c r="F2049" s="360"/>
      <c r="G2049" s="360"/>
      <c r="H2049" s="360"/>
      <c r="I2049" s="360"/>
      <c r="J2049" s="359"/>
      <c r="K2049" s="359"/>
      <c r="L2049" s="359"/>
    </row>
    <row r="2050" spans="2:12">
      <c r="B2050" s="359"/>
      <c r="C2050" s="360"/>
      <c r="D2050" s="359"/>
      <c r="E2050" s="359"/>
      <c r="F2050" s="359" t="s">
        <v>14382</v>
      </c>
      <c r="G2050" s="359" t="s">
        <v>14383</v>
      </c>
      <c r="H2050" s="359" t="s">
        <v>14332</v>
      </c>
      <c r="I2050" s="359" t="s">
        <v>14383</v>
      </c>
      <c r="J2050" s="359"/>
      <c r="K2050" s="359"/>
      <c r="L2050" s="359"/>
    </row>
    <row r="2051" spans="2:12">
      <c r="B2051" s="359"/>
      <c r="C2051" s="360"/>
      <c r="D2051" s="359"/>
      <c r="E2051" s="359"/>
      <c r="F2051" s="360"/>
      <c r="G2051" s="360"/>
      <c r="H2051" s="360"/>
      <c r="I2051" s="360"/>
      <c r="J2051" s="359"/>
      <c r="K2051" s="359"/>
      <c r="L2051" s="359"/>
    </row>
    <row r="2052" spans="2:12">
      <c r="B2052" s="359"/>
      <c r="C2052" s="360"/>
      <c r="D2052" s="359"/>
      <c r="E2052" s="359"/>
      <c r="F2052" s="359" t="s">
        <v>14371</v>
      </c>
      <c r="G2052" s="359" t="s">
        <v>14372</v>
      </c>
      <c r="H2052" s="360"/>
      <c r="I2052" s="359" t="s">
        <v>14373</v>
      </c>
      <c r="J2052" s="359"/>
      <c r="K2052" s="359"/>
      <c r="L2052" s="359"/>
    </row>
    <row r="2053" spans="2:12">
      <c r="B2053" s="359"/>
      <c r="C2053" s="360"/>
      <c r="D2053" s="359"/>
      <c r="E2053" s="359"/>
      <c r="F2053" s="360"/>
      <c r="G2053" s="360"/>
      <c r="H2053" s="360"/>
      <c r="I2053" s="360"/>
      <c r="J2053" s="359"/>
      <c r="K2053" s="359"/>
      <c r="L2053" s="359"/>
    </row>
    <row r="2054" spans="2:12" ht="28.5">
      <c r="B2054" s="361"/>
      <c r="C2054" s="362"/>
      <c r="D2054" s="361"/>
      <c r="E2054" s="361"/>
      <c r="F2054" s="361" t="s">
        <v>14374</v>
      </c>
      <c r="G2054" s="361" t="s">
        <v>14373</v>
      </c>
      <c r="H2054" s="362"/>
      <c r="I2054" s="362"/>
      <c r="J2054" s="361"/>
      <c r="K2054" s="361"/>
      <c r="L2054" s="361"/>
    </row>
    <row r="2055" spans="2:12">
      <c r="B2055" s="358" t="s">
        <v>15461</v>
      </c>
      <c r="C2055" s="358" t="s">
        <v>15462</v>
      </c>
      <c r="D2055" s="358" t="s">
        <v>15463</v>
      </c>
      <c r="E2055" s="358" t="s">
        <v>15464</v>
      </c>
      <c r="F2055" s="358" t="s">
        <v>14379</v>
      </c>
      <c r="G2055" s="358" t="s">
        <v>14405</v>
      </c>
      <c r="H2055" s="358" t="s">
        <v>14378</v>
      </c>
      <c r="I2055" s="358" t="s">
        <v>14405</v>
      </c>
      <c r="J2055" s="358"/>
      <c r="K2055" s="358"/>
      <c r="L2055" s="358"/>
    </row>
    <row r="2056" spans="2:12">
      <c r="B2056" s="359"/>
      <c r="C2056" s="360"/>
      <c r="D2056" s="359"/>
      <c r="E2056" s="359"/>
      <c r="F2056" s="360"/>
      <c r="G2056" s="360"/>
      <c r="H2056" s="360"/>
      <c r="I2056" s="360"/>
      <c r="J2056" s="359"/>
      <c r="K2056" s="359"/>
      <c r="L2056" s="359"/>
    </row>
    <row r="2057" spans="2:12" ht="28.5">
      <c r="B2057" s="359"/>
      <c r="C2057" s="359" t="s">
        <v>27430</v>
      </c>
      <c r="D2057" s="359"/>
      <c r="E2057" s="359"/>
      <c r="F2057" s="359" t="s">
        <v>14420</v>
      </c>
      <c r="G2057" s="359" t="s">
        <v>14421</v>
      </c>
      <c r="H2057" s="359" t="s">
        <v>14370</v>
      </c>
      <c r="I2057" s="359" t="s">
        <v>14421</v>
      </c>
      <c r="J2057" s="359"/>
      <c r="K2057" s="359"/>
      <c r="L2057" s="359"/>
    </row>
    <row r="2058" spans="2:12">
      <c r="B2058" s="359"/>
      <c r="C2058" s="360"/>
      <c r="D2058" s="359"/>
      <c r="E2058" s="359"/>
      <c r="F2058" s="360"/>
      <c r="G2058" s="360"/>
      <c r="H2058" s="360"/>
      <c r="I2058" s="360"/>
      <c r="J2058" s="359"/>
      <c r="K2058" s="359"/>
      <c r="L2058" s="359"/>
    </row>
    <row r="2059" spans="2:12">
      <c r="B2059" s="359"/>
      <c r="C2059" s="360"/>
      <c r="D2059" s="359"/>
      <c r="E2059" s="359"/>
      <c r="F2059" s="359" t="s">
        <v>14371</v>
      </c>
      <c r="G2059" s="359" t="s">
        <v>14372</v>
      </c>
      <c r="H2059" s="359" t="s">
        <v>14332</v>
      </c>
      <c r="I2059" s="359" t="s">
        <v>14373</v>
      </c>
      <c r="J2059" s="359"/>
      <c r="K2059" s="359"/>
      <c r="L2059" s="359"/>
    </row>
    <row r="2060" spans="2:12">
      <c r="B2060" s="359"/>
      <c r="C2060" s="360"/>
      <c r="D2060" s="359"/>
      <c r="E2060" s="359"/>
      <c r="F2060" s="360"/>
      <c r="G2060" s="360"/>
      <c r="H2060" s="360"/>
      <c r="I2060" s="360"/>
      <c r="J2060" s="359"/>
      <c r="K2060" s="359"/>
      <c r="L2060" s="359"/>
    </row>
    <row r="2061" spans="2:12" ht="28.5">
      <c r="B2061" s="361"/>
      <c r="C2061" s="362"/>
      <c r="D2061" s="361"/>
      <c r="E2061" s="361"/>
      <c r="F2061" s="361" t="s">
        <v>14374</v>
      </c>
      <c r="G2061" s="361" t="s">
        <v>14373</v>
      </c>
      <c r="H2061" s="362"/>
      <c r="I2061" s="362"/>
      <c r="J2061" s="361"/>
      <c r="K2061" s="361"/>
      <c r="L2061" s="361"/>
    </row>
    <row r="2062" spans="2:12">
      <c r="B2062" s="358" t="s">
        <v>15465</v>
      </c>
      <c r="C2062" s="358" t="s">
        <v>15466</v>
      </c>
      <c r="D2062" s="358" t="s">
        <v>15467</v>
      </c>
      <c r="E2062" s="358" t="s">
        <v>15468</v>
      </c>
      <c r="F2062" s="358" t="s">
        <v>14379</v>
      </c>
      <c r="G2062" s="358" t="s">
        <v>14380</v>
      </c>
      <c r="H2062" s="358" t="s">
        <v>14378</v>
      </c>
      <c r="I2062" s="358" t="s">
        <v>14380</v>
      </c>
      <c r="J2062" s="358"/>
      <c r="K2062" s="358"/>
      <c r="L2062" s="358"/>
    </row>
    <row r="2063" spans="2:12">
      <c r="B2063" s="359"/>
      <c r="C2063" s="360"/>
      <c r="D2063" s="359"/>
      <c r="E2063" s="359"/>
      <c r="F2063" s="360"/>
      <c r="G2063" s="360"/>
      <c r="H2063" s="360"/>
      <c r="I2063" s="360"/>
      <c r="J2063" s="359"/>
      <c r="K2063" s="359"/>
      <c r="L2063" s="359"/>
    </row>
    <row r="2064" spans="2:12" ht="28.5">
      <c r="B2064" s="359"/>
      <c r="C2064" s="359" t="s">
        <v>27431</v>
      </c>
      <c r="D2064" s="359"/>
      <c r="E2064" s="359"/>
      <c r="F2064" s="359" t="s">
        <v>14379</v>
      </c>
      <c r="G2064" s="359" t="s">
        <v>14405</v>
      </c>
      <c r="H2064" s="359" t="s">
        <v>14370</v>
      </c>
      <c r="I2064" s="359" t="s">
        <v>14405</v>
      </c>
      <c r="J2064" s="359"/>
      <c r="K2064" s="359"/>
      <c r="L2064" s="359"/>
    </row>
    <row r="2065" spans="2:12">
      <c r="B2065" s="359"/>
      <c r="C2065" s="360"/>
      <c r="D2065" s="359"/>
      <c r="E2065" s="359"/>
      <c r="F2065" s="360"/>
      <c r="G2065" s="360"/>
      <c r="H2065" s="360"/>
      <c r="I2065" s="360"/>
      <c r="J2065" s="359"/>
      <c r="K2065" s="359"/>
      <c r="L2065" s="359"/>
    </row>
    <row r="2066" spans="2:12">
      <c r="B2066" s="359"/>
      <c r="C2066" s="360"/>
      <c r="D2066" s="359"/>
      <c r="E2066" s="359"/>
      <c r="F2066" s="359" t="s">
        <v>14382</v>
      </c>
      <c r="G2066" s="359" t="s">
        <v>14579</v>
      </c>
      <c r="H2066" s="359" t="s">
        <v>14332</v>
      </c>
      <c r="I2066" s="359" t="s">
        <v>14579</v>
      </c>
      <c r="J2066" s="359"/>
      <c r="K2066" s="359"/>
      <c r="L2066" s="359"/>
    </row>
    <row r="2067" spans="2:12">
      <c r="B2067" s="359"/>
      <c r="C2067" s="360"/>
      <c r="D2067" s="359"/>
      <c r="E2067" s="359"/>
      <c r="F2067" s="360"/>
      <c r="G2067" s="360"/>
      <c r="H2067" s="360"/>
      <c r="I2067" s="360"/>
      <c r="J2067" s="359"/>
      <c r="K2067" s="359"/>
      <c r="L2067" s="359"/>
    </row>
    <row r="2068" spans="2:12">
      <c r="B2068" s="359"/>
      <c r="C2068" s="360"/>
      <c r="D2068" s="359"/>
      <c r="E2068" s="359"/>
      <c r="F2068" s="359" t="s">
        <v>14391</v>
      </c>
      <c r="G2068" s="359" t="s">
        <v>14392</v>
      </c>
      <c r="H2068" s="360"/>
      <c r="I2068" s="359" t="s">
        <v>14392</v>
      </c>
      <c r="J2068" s="359"/>
      <c r="K2068" s="359"/>
      <c r="L2068" s="359"/>
    </row>
    <row r="2069" spans="2:12">
      <c r="B2069" s="359"/>
      <c r="C2069" s="360"/>
      <c r="D2069" s="359"/>
      <c r="E2069" s="359"/>
      <c r="F2069" s="360"/>
      <c r="G2069" s="360"/>
      <c r="H2069" s="360"/>
      <c r="I2069" s="360"/>
      <c r="J2069" s="359"/>
      <c r="K2069" s="359"/>
      <c r="L2069" s="359"/>
    </row>
    <row r="2070" spans="2:12">
      <c r="B2070" s="359"/>
      <c r="C2070" s="360"/>
      <c r="D2070" s="359"/>
      <c r="E2070" s="359"/>
      <c r="F2070" s="359" t="s">
        <v>14371</v>
      </c>
      <c r="G2070" s="359" t="s">
        <v>14372</v>
      </c>
      <c r="H2070" s="360"/>
      <c r="I2070" s="359" t="s">
        <v>14373</v>
      </c>
      <c r="J2070" s="359"/>
      <c r="K2070" s="359"/>
      <c r="L2070" s="359"/>
    </row>
    <row r="2071" spans="2:12">
      <c r="B2071" s="359"/>
      <c r="C2071" s="360"/>
      <c r="D2071" s="359"/>
      <c r="E2071" s="359"/>
      <c r="F2071" s="360"/>
      <c r="G2071" s="360"/>
      <c r="H2071" s="360"/>
      <c r="I2071" s="360"/>
      <c r="J2071" s="359"/>
      <c r="K2071" s="359"/>
      <c r="L2071" s="359"/>
    </row>
    <row r="2072" spans="2:12" ht="28.5">
      <c r="B2072" s="361"/>
      <c r="C2072" s="362"/>
      <c r="D2072" s="361"/>
      <c r="E2072" s="361"/>
      <c r="F2072" s="361" t="s">
        <v>14374</v>
      </c>
      <c r="G2072" s="361" t="s">
        <v>14373</v>
      </c>
      <c r="H2072" s="362"/>
      <c r="I2072" s="362"/>
      <c r="J2072" s="361"/>
      <c r="K2072" s="361"/>
      <c r="L2072" s="361"/>
    </row>
    <row r="2073" spans="2:12">
      <c r="B2073" s="358" t="s">
        <v>15469</v>
      </c>
      <c r="C2073" s="358" t="s">
        <v>15470</v>
      </c>
      <c r="D2073" s="358" t="s">
        <v>15471</v>
      </c>
      <c r="E2073" s="358" t="s">
        <v>15472</v>
      </c>
      <c r="F2073" s="358" t="s">
        <v>14420</v>
      </c>
      <c r="G2073" s="358" t="s">
        <v>14429</v>
      </c>
      <c r="H2073" s="358" t="s">
        <v>14367</v>
      </c>
      <c r="I2073" s="358" t="s">
        <v>14429</v>
      </c>
      <c r="J2073" s="358"/>
      <c r="K2073" s="358"/>
      <c r="L2073" s="358"/>
    </row>
    <row r="2074" spans="2:12">
      <c r="B2074" s="359"/>
      <c r="C2074" s="360"/>
      <c r="D2074" s="359"/>
      <c r="E2074" s="359"/>
      <c r="F2074" s="360"/>
      <c r="G2074" s="360"/>
      <c r="H2074" s="360"/>
      <c r="I2074" s="360"/>
      <c r="J2074" s="359"/>
      <c r="K2074" s="359"/>
      <c r="L2074" s="359"/>
    </row>
    <row r="2075" spans="2:12" ht="28.5">
      <c r="B2075" s="359"/>
      <c r="C2075" s="359" t="s">
        <v>27432</v>
      </c>
      <c r="D2075" s="359"/>
      <c r="E2075" s="359"/>
      <c r="F2075" s="359" t="s">
        <v>14371</v>
      </c>
      <c r="G2075" s="359" t="s">
        <v>14372</v>
      </c>
      <c r="H2075" s="359" t="s">
        <v>14370</v>
      </c>
      <c r="I2075" s="359" t="s">
        <v>14372</v>
      </c>
      <c r="J2075" s="359"/>
      <c r="K2075" s="359"/>
      <c r="L2075" s="359"/>
    </row>
    <row r="2076" spans="2:12">
      <c r="B2076" s="359"/>
      <c r="C2076" s="360"/>
      <c r="D2076" s="359"/>
      <c r="E2076" s="359"/>
      <c r="F2076" s="360"/>
      <c r="G2076" s="360"/>
      <c r="H2076" s="360"/>
      <c r="I2076" s="360"/>
      <c r="J2076" s="359"/>
      <c r="K2076" s="359"/>
      <c r="L2076" s="359"/>
    </row>
    <row r="2077" spans="2:12" ht="28.5">
      <c r="B2077" s="361"/>
      <c r="C2077" s="362"/>
      <c r="D2077" s="361"/>
      <c r="E2077" s="361"/>
      <c r="F2077" s="361" t="s">
        <v>14374</v>
      </c>
      <c r="G2077" s="361" t="s">
        <v>14373</v>
      </c>
      <c r="H2077" s="361" t="s">
        <v>14422</v>
      </c>
      <c r="I2077" s="361" t="s">
        <v>14373</v>
      </c>
      <c r="J2077" s="361"/>
      <c r="K2077" s="361"/>
      <c r="L2077" s="361"/>
    </row>
    <row r="2078" spans="2:12">
      <c r="B2078" s="358" t="s">
        <v>15473</v>
      </c>
      <c r="C2078" s="358" t="s">
        <v>15474</v>
      </c>
      <c r="D2078" s="358" t="s">
        <v>15475</v>
      </c>
      <c r="E2078" s="358" t="s">
        <v>15476</v>
      </c>
      <c r="F2078" s="358" t="s">
        <v>14420</v>
      </c>
      <c r="G2078" s="358" t="s">
        <v>14429</v>
      </c>
      <c r="H2078" s="358" t="s">
        <v>14367</v>
      </c>
      <c r="I2078" s="358" t="s">
        <v>14429</v>
      </c>
      <c r="J2078" s="358"/>
      <c r="K2078" s="358" t="s">
        <v>15298</v>
      </c>
      <c r="L2078" s="358"/>
    </row>
    <row r="2079" spans="2:12">
      <c r="B2079" s="359"/>
      <c r="C2079" s="360"/>
      <c r="D2079" s="359"/>
      <c r="E2079" s="359"/>
      <c r="F2079" s="360"/>
      <c r="G2079" s="360"/>
      <c r="H2079" s="360"/>
      <c r="I2079" s="360"/>
      <c r="J2079" s="359"/>
      <c r="K2079" s="359"/>
      <c r="L2079" s="359"/>
    </row>
    <row r="2080" spans="2:12" ht="28.5">
      <c r="B2080" s="359"/>
      <c r="C2080" s="359" t="s">
        <v>30030</v>
      </c>
      <c r="D2080" s="359"/>
      <c r="E2080" s="359"/>
      <c r="F2080" s="359" t="s">
        <v>14391</v>
      </c>
      <c r="G2080" s="359" t="s">
        <v>14392</v>
      </c>
      <c r="H2080" s="359" t="s">
        <v>14370</v>
      </c>
      <c r="I2080" s="359" t="s">
        <v>14392</v>
      </c>
      <c r="J2080" s="359"/>
      <c r="K2080" s="359"/>
      <c r="L2080" s="359"/>
    </row>
    <row r="2081" spans="2:12">
      <c r="B2081" s="359"/>
      <c r="C2081" s="360"/>
      <c r="D2081" s="359"/>
      <c r="E2081" s="359"/>
      <c r="F2081" s="360"/>
      <c r="G2081" s="360"/>
      <c r="H2081" s="360"/>
      <c r="I2081" s="360"/>
      <c r="J2081" s="359"/>
      <c r="K2081" s="359"/>
      <c r="L2081" s="359"/>
    </row>
    <row r="2082" spans="2:12">
      <c r="B2082" s="359"/>
      <c r="C2082" s="359" t="s">
        <v>28630</v>
      </c>
      <c r="D2082" s="359"/>
      <c r="E2082" s="359"/>
      <c r="F2082" s="359" t="s">
        <v>14371</v>
      </c>
      <c r="G2082" s="359" t="s">
        <v>14372</v>
      </c>
      <c r="H2082" s="359" t="s">
        <v>14422</v>
      </c>
      <c r="I2082" s="359" t="s">
        <v>14373</v>
      </c>
      <c r="J2082" s="359"/>
      <c r="K2082" s="359"/>
      <c r="L2082" s="359"/>
    </row>
    <row r="2083" spans="2:12">
      <c r="B2083" s="359"/>
      <c r="C2083" s="360"/>
      <c r="D2083" s="359"/>
      <c r="E2083" s="359"/>
      <c r="F2083" s="360"/>
      <c r="G2083" s="360"/>
      <c r="H2083" s="360"/>
      <c r="I2083" s="360"/>
      <c r="J2083" s="359"/>
      <c r="K2083" s="359"/>
      <c r="L2083" s="359"/>
    </row>
    <row r="2084" spans="2:12" ht="28.5">
      <c r="B2084" s="361"/>
      <c r="C2084" s="362"/>
      <c r="D2084" s="361"/>
      <c r="E2084" s="361"/>
      <c r="F2084" s="361" t="s">
        <v>14374</v>
      </c>
      <c r="G2084" s="361" t="s">
        <v>14373</v>
      </c>
      <c r="H2084" s="362"/>
      <c r="I2084" s="362"/>
      <c r="J2084" s="361"/>
      <c r="K2084" s="361"/>
      <c r="L2084" s="361"/>
    </row>
    <row r="2085" spans="2:12" ht="28.5">
      <c r="B2085" s="358" t="s">
        <v>15477</v>
      </c>
      <c r="C2085" s="358" t="s">
        <v>30031</v>
      </c>
      <c r="D2085" s="358" t="s">
        <v>15478</v>
      </c>
      <c r="E2085" s="358" t="s">
        <v>15479</v>
      </c>
      <c r="F2085" s="358" t="s">
        <v>14420</v>
      </c>
      <c r="G2085" s="358" t="s">
        <v>14459</v>
      </c>
      <c r="H2085" s="358" t="s">
        <v>14367</v>
      </c>
      <c r="I2085" s="358" t="s">
        <v>14459</v>
      </c>
      <c r="J2085" s="358"/>
      <c r="K2085" s="358" t="s">
        <v>14557</v>
      </c>
      <c r="L2085" s="358"/>
    </row>
    <row r="2086" spans="2:12">
      <c r="B2086" s="359"/>
      <c r="C2086" s="359"/>
      <c r="D2086" s="359"/>
      <c r="E2086" s="359"/>
      <c r="F2086" s="360"/>
      <c r="G2086" s="360"/>
      <c r="H2086" s="360"/>
      <c r="I2086" s="360"/>
      <c r="J2086" s="359"/>
      <c r="K2086" s="359"/>
      <c r="L2086" s="359"/>
    </row>
    <row r="2087" spans="2:12">
      <c r="B2087" s="359"/>
      <c r="C2087" s="359"/>
      <c r="D2087" s="359"/>
      <c r="E2087" s="359"/>
      <c r="F2087" s="359" t="s">
        <v>14420</v>
      </c>
      <c r="G2087" s="359" t="s">
        <v>14421</v>
      </c>
      <c r="H2087" s="359" t="s">
        <v>14370</v>
      </c>
      <c r="I2087" s="359" t="s">
        <v>14421</v>
      </c>
      <c r="J2087" s="359"/>
      <c r="K2087" s="359"/>
      <c r="L2087" s="359"/>
    </row>
    <row r="2088" spans="2:12">
      <c r="B2088" s="359"/>
      <c r="C2088" s="359"/>
      <c r="D2088" s="359"/>
      <c r="E2088" s="359"/>
      <c r="F2088" s="360"/>
      <c r="G2088" s="360"/>
      <c r="H2088" s="360"/>
      <c r="I2088" s="360"/>
      <c r="J2088" s="359"/>
      <c r="K2088" s="359"/>
      <c r="L2088" s="359"/>
    </row>
    <row r="2089" spans="2:12">
      <c r="B2089" s="359"/>
      <c r="C2089" s="359"/>
      <c r="D2089" s="359"/>
      <c r="E2089" s="359"/>
      <c r="F2089" s="359" t="s">
        <v>14420</v>
      </c>
      <c r="G2089" s="359" t="s">
        <v>14429</v>
      </c>
      <c r="H2089" s="359" t="s">
        <v>14422</v>
      </c>
      <c r="I2089" s="359" t="s">
        <v>14429</v>
      </c>
      <c r="J2089" s="359"/>
      <c r="K2089" s="359"/>
      <c r="L2089" s="359"/>
    </row>
    <row r="2090" spans="2:12">
      <c r="B2090" s="359"/>
      <c r="C2090" s="359"/>
      <c r="D2090" s="359"/>
      <c r="E2090" s="359"/>
      <c r="F2090" s="360"/>
      <c r="G2090" s="360"/>
      <c r="H2090" s="360"/>
      <c r="I2090" s="360"/>
      <c r="J2090" s="359"/>
      <c r="K2090" s="359"/>
      <c r="L2090" s="359"/>
    </row>
    <row r="2091" spans="2:12">
      <c r="B2091" s="359"/>
      <c r="C2091" s="359"/>
      <c r="D2091" s="359"/>
      <c r="E2091" s="359"/>
      <c r="F2091" s="359" t="s">
        <v>14371</v>
      </c>
      <c r="G2091" s="359" t="s">
        <v>14372</v>
      </c>
      <c r="H2091" s="360"/>
      <c r="I2091" s="359" t="s">
        <v>14373</v>
      </c>
      <c r="J2091" s="359"/>
      <c r="K2091" s="359"/>
      <c r="L2091" s="359"/>
    </row>
    <row r="2092" spans="2:12">
      <c r="B2092" s="359"/>
      <c r="C2092" s="359"/>
      <c r="D2092" s="359"/>
      <c r="E2092" s="359"/>
      <c r="F2092" s="360"/>
      <c r="G2092" s="360"/>
      <c r="H2092" s="360"/>
      <c r="I2092" s="360"/>
      <c r="J2092" s="359"/>
      <c r="K2092" s="359"/>
      <c r="L2092" s="359"/>
    </row>
    <row r="2093" spans="2:12" ht="28.5">
      <c r="B2093" s="361"/>
      <c r="C2093" s="361"/>
      <c r="D2093" s="361"/>
      <c r="E2093" s="361"/>
      <c r="F2093" s="361" t="s">
        <v>14374</v>
      </c>
      <c r="G2093" s="361" t="s">
        <v>14373</v>
      </c>
      <c r="H2093" s="362"/>
      <c r="I2093" s="362"/>
      <c r="J2093" s="361"/>
      <c r="K2093" s="361"/>
      <c r="L2093" s="361"/>
    </row>
    <row r="2094" spans="2:12">
      <c r="B2094" s="358" t="s">
        <v>15480</v>
      </c>
      <c r="C2094" s="358" t="s">
        <v>15481</v>
      </c>
      <c r="D2094" s="358" t="s">
        <v>8356</v>
      </c>
      <c r="E2094" s="358" t="s">
        <v>15482</v>
      </c>
      <c r="F2094" s="358" t="s">
        <v>14420</v>
      </c>
      <c r="G2094" s="358" t="s">
        <v>14459</v>
      </c>
      <c r="H2094" s="358" t="s">
        <v>14367</v>
      </c>
      <c r="I2094" s="358" t="s">
        <v>14459</v>
      </c>
      <c r="J2094" s="358"/>
      <c r="K2094" s="358"/>
      <c r="L2094" s="358"/>
    </row>
    <row r="2095" spans="2:12">
      <c r="B2095" s="359"/>
      <c r="C2095" s="360"/>
      <c r="D2095" s="359"/>
      <c r="E2095" s="359"/>
      <c r="F2095" s="360"/>
      <c r="G2095" s="360"/>
      <c r="H2095" s="360"/>
      <c r="I2095" s="360"/>
      <c r="J2095" s="359"/>
      <c r="K2095" s="359"/>
      <c r="L2095" s="359"/>
    </row>
    <row r="2096" spans="2:12" ht="28.5">
      <c r="B2096" s="359"/>
      <c r="C2096" s="359" t="s">
        <v>30032</v>
      </c>
      <c r="D2096" s="359"/>
      <c r="E2096" s="359"/>
      <c r="F2096" s="359" t="s">
        <v>14420</v>
      </c>
      <c r="G2096" s="359" t="s">
        <v>14421</v>
      </c>
      <c r="H2096" s="359" t="s">
        <v>14422</v>
      </c>
      <c r="I2096" s="359" t="s">
        <v>14421</v>
      </c>
      <c r="J2096" s="359"/>
      <c r="K2096" s="359"/>
      <c r="L2096" s="359"/>
    </row>
    <row r="2097" spans="2:12">
      <c r="B2097" s="359"/>
      <c r="C2097" s="360"/>
      <c r="D2097" s="359"/>
      <c r="E2097" s="359"/>
      <c r="F2097" s="360"/>
      <c r="G2097" s="360"/>
      <c r="H2097" s="360"/>
      <c r="I2097" s="360"/>
      <c r="J2097" s="359"/>
      <c r="K2097" s="359"/>
      <c r="L2097" s="359"/>
    </row>
    <row r="2098" spans="2:12">
      <c r="B2098" s="361"/>
      <c r="C2098" s="362"/>
      <c r="D2098" s="361"/>
      <c r="E2098" s="361"/>
      <c r="F2098" s="361" t="s">
        <v>14420</v>
      </c>
      <c r="G2098" s="361" t="s">
        <v>14429</v>
      </c>
      <c r="H2098" s="362"/>
      <c r="I2098" s="361" t="s">
        <v>14429</v>
      </c>
      <c r="J2098" s="361"/>
      <c r="K2098" s="361"/>
      <c r="L2098" s="361"/>
    </row>
    <row r="2099" spans="2:12">
      <c r="B2099" s="358" t="s">
        <v>15483</v>
      </c>
      <c r="C2099" s="358" t="s">
        <v>15484</v>
      </c>
      <c r="D2099" s="358" t="s">
        <v>15485</v>
      </c>
      <c r="E2099" s="358" t="s">
        <v>15486</v>
      </c>
      <c r="F2099" s="358" t="s">
        <v>14382</v>
      </c>
      <c r="G2099" s="358" t="s">
        <v>14579</v>
      </c>
      <c r="H2099" s="358" t="s">
        <v>14378</v>
      </c>
      <c r="I2099" s="358" t="s">
        <v>14579</v>
      </c>
      <c r="J2099" s="358"/>
      <c r="K2099" s="358"/>
      <c r="L2099" s="358"/>
    </row>
    <row r="2100" spans="2:12">
      <c r="B2100" s="359"/>
      <c r="C2100" s="360"/>
      <c r="D2100" s="359"/>
      <c r="E2100" s="359"/>
      <c r="F2100" s="360"/>
      <c r="G2100" s="360"/>
      <c r="H2100" s="360"/>
      <c r="I2100" s="360"/>
      <c r="J2100" s="359"/>
      <c r="K2100" s="359"/>
      <c r="L2100" s="359"/>
    </row>
    <row r="2101" spans="2:12" ht="28.5">
      <c r="B2101" s="359"/>
      <c r="C2101" s="359" t="s">
        <v>30033</v>
      </c>
      <c r="D2101" s="359"/>
      <c r="E2101" s="359"/>
      <c r="F2101" s="359" t="s">
        <v>14382</v>
      </c>
      <c r="G2101" s="359" t="s">
        <v>14383</v>
      </c>
      <c r="H2101" s="359" t="s">
        <v>14370</v>
      </c>
      <c r="I2101" s="359" t="s">
        <v>14383</v>
      </c>
      <c r="J2101" s="359"/>
      <c r="K2101" s="359"/>
      <c r="L2101" s="359"/>
    </row>
    <row r="2102" spans="2:12">
      <c r="B2102" s="359"/>
      <c r="C2102" s="360"/>
      <c r="D2102" s="359"/>
      <c r="E2102" s="359"/>
      <c r="F2102" s="360"/>
      <c r="G2102" s="360"/>
      <c r="H2102" s="360"/>
      <c r="I2102" s="360"/>
      <c r="J2102" s="359"/>
      <c r="K2102" s="359"/>
      <c r="L2102" s="359"/>
    </row>
    <row r="2103" spans="2:12">
      <c r="B2103" s="359"/>
      <c r="C2103" s="360"/>
      <c r="D2103" s="359"/>
      <c r="E2103" s="359"/>
      <c r="F2103" s="359" t="s">
        <v>14371</v>
      </c>
      <c r="G2103" s="359" t="s">
        <v>14372</v>
      </c>
      <c r="H2103" s="359" t="s">
        <v>14332</v>
      </c>
      <c r="I2103" s="359" t="s">
        <v>14373</v>
      </c>
      <c r="J2103" s="359"/>
      <c r="K2103" s="359"/>
      <c r="L2103" s="359"/>
    </row>
    <row r="2104" spans="2:12">
      <c r="B2104" s="359"/>
      <c r="C2104" s="360"/>
      <c r="D2104" s="359"/>
      <c r="E2104" s="359"/>
      <c r="F2104" s="360"/>
      <c r="G2104" s="360"/>
      <c r="H2104" s="360"/>
      <c r="I2104" s="360"/>
      <c r="J2104" s="359"/>
      <c r="K2104" s="359"/>
      <c r="L2104" s="359"/>
    </row>
    <row r="2105" spans="2:12" ht="28.5">
      <c r="B2105" s="361"/>
      <c r="C2105" s="362"/>
      <c r="D2105" s="361"/>
      <c r="E2105" s="361"/>
      <c r="F2105" s="361" t="s">
        <v>14374</v>
      </c>
      <c r="G2105" s="361" t="s">
        <v>14373</v>
      </c>
      <c r="H2105" s="362"/>
      <c r="I2105" s="362"/>
      <c r="J2105" s="361"/>
      <c r="K2105" s="361"/>
      <c r="L2105" s="361"/>
    </row>
    <row r="2106" spans="2:12">
      <c r="B2106" s="358" t="s">
        <v>15487</v>
      </c>
      <c r="C2106" s="358" t="s">
        <v>15488</v>
      </c>
      <c r="D2106" s="358" t="s">
        <v>15489</v>
      </c>
      <c r="E2106" s="358" t="s">
        <v>15490</v>
      </c>
      <c r="F2106" s="358" t="s">
        <v>14382</v>
      </c>
      <c r="G2106" s="358" t="s">
        <v>14579</v>
      </c>
      <c r="H2106" s="358" t="s">
        <v>14378</v>
      </c>
      <c r="I2106" s="358" t="s">
        <v>14579</v>
      </c>
      <c r="J2106" s="358"/>
      <c r="K2106" s="358"/>
      <c r="L2106" s="358"/>
    </row>
    <row r="2107" spans="2:12">
      <c r="B2107" s="359"/>
      <c r="C2107" s="360"/>
      <c r="D2107" s="359"/>
      <c r="E2107" s="359"/>
      <c r="F2107" s="360"/>
      <c r="G2107" s="360"/>
      <c r="H2107" s="360"/>
      <c r="I2107" s="360"/>
      <c r="J2107" s="359"/>
      <c r="K2107" s="359"/>
      <c r="L2107" s="359"/>
    </row>
    <row r="2108" spans="2:12" ht="28.5">
      <c r="B2108" s="359"/>
      <c r="C2108" s="359" t="s">
        <v>30034</v>
      </c>
      <c r="D2108" s="359"/>
      <c r="E2108" s="359"/>
      <c r="F2108" s="359" t="s">
        <v>14382</v>
      </c>
      <c r="G2108" s="359" t="s">
        <v>14383</v>
      </c>
      <c r="H2108" s="359" t="s">
        <v>14370</v>
      </c>
      <c r="I2108" s="359" t="s">
        <v>14383</v>
      </c>
      <c r="J2108" s="359"/>
      <c r="K2108" s="359"/>
      <c r="L2108" s="359"/>
    </row>
    <row r="2109" spans="2:12">
      <c r="B2109" s="359"/>
      <c r="C2109" s="360"/>
      <c r="D2109" s="359"/>
      <c r="E2109" s="359"/>
      <c r="F2109" s="360"/>
      <c r="G2109" s="360"/>
      <c r="H2109" s="360"/>
      <c r="I2109" s="360"/>
      <c r="J2109" s="359"/>
      <c r="K2109" s="359"/>
      <c r="L2109" s="359"/>
    </row>
    <row r="2110" spans="2:12">
      <c r="B2110" s="359"/>
      <c r="C2110" s="360"/>
      <c r="D2110" s="359"/>
      <c r="E2110" s="359"/>
      <c r="F2110" s="359" t="s">
        <v>14371</v>
      </c>
      <c r="G2110" s="359" t="s">
        <v>14372</v>
      </c>
      <c r="H2110" s="359" t="s">
        <v>14332</v>
      </c>
      <c r="I2110" s="359" t="s">
        <v>14372</v>
      </c>
      <c r="J2110" s="359"/>
      <c r="K2110" s="359"/>
      <c r="L2110" s="359"/>
    </row>
    <row r="2111" spans="2:12">
      <c r="B2111" s="359"/>
      <c r="C2111" s="360"/>
      <c r="D2111" s="359"/>
      <c r="E2111" s="359"/>
      <c r="F2111" s="360"/>
      <c r="G2111" s="360"/>
      <c r="H2111" s="360"/>
      <c r="I2111" s="360"/>
      <c r="J2111" s="359"/>
      <c r="K2111" s="359"/>
      <c r="L2111" s="359"/>
    </row>
    <row r="2112" spans="2:12" ht="28.5">
      <c r="B2112" s="361"/>
      <c r="C2112" s="362"/>
      <c r="D2112" s="361"/>
      <c r="E2112" s="361"/>
      <c r="F2112" s="361" t="s">
        <v>14374</v>
      </c>
      <c r="G2112" s="361" t="s">
        <v>14373</v>
      </c>
      <c r="H2112" s="362"/>
      <c r="I2112" s="361" t="s">
        <v>14373</v>
      </c>
      <c r="J2112" s="361"/>
      <c r="K2112" s="361"/>
      <c r="L2112" s="361"/>
    </row>
    <row r="2113" spans="2:12">
      <c r="B2113" s="358" t="s">
        <v>15491</v>
      </c>
      <c r="C2113" s="358" t="s">
        <v>15492</v>
      </c>
      <c r="D2113" s="358" t="s">
        <v>15493</v>
      </c>
      <c r="E2113" s="358" t="s">
        <v>15494</v>
      </c>
      <c r="F2113" s="358" t="s">
        <v>14382</v>
      </c>
      <c r="G2113" s="358" t="s">
        <v>14579</v>
      </c>
      <c r="H2113" s="358" t="s">
        <v>14378</v>
      </c>
      <c r="I2113" s="358" t="s">
        <v>14579</v>
      </c>
      <c r="J2113" s="358"/>
      <c r="K2113" s="358"/>
      <c r="L2113" s="358"/>
    </row>
    <row r="2114" spans="2:12">
      <c r="B2114" s="359"/>
      <c r="C2114" s="360"/>
      <c r="D2114" s="359"/>
      <c r="E2114" s="359"/>
      <c r="F2114" s="360"/>
      <c r="G2114" s="360"/>
      <c r="H2114" s="360"/>
      <c r="I2114" s="360"/>
      <c r="J2114" s="359"/>
      <c r="K2114" s="359"/>
      <c r="L2114" s="359"/>
    </row>
    <row r="2115" spans="2:12" ht="28.5">
      <c r="B2115" s="359"/>
      <c r="C2115" s="359" t="s">
        <v>27433</v>
      </c>
      <c r="D2115" s="359"/>
      <c r="E2115" s="359"/>
      <c r="F2115" s="359" t="s">
        <v>14382</v>
      </c>
      <c r="G2115" s="359" t="s">
        <v>14383</v>
      </c>
      <c r="H2115" s="359" t="s">
        <v>14370</v>
      </c>
      <c r="I2115" s="359" t="s">
        <v>14383</v>
      </c>
      <c r="J2115" s="359"/>
      <c r="K2115" s="359"/>
      <c r="L2115" s="359"/>
    </row>
    <row r="2116" spans="2:12">
      <c r="B2116" s="359"/>
      <c r="C2116" s="360"/>
      <c r="D2116" s="359"/>
      <c r="E2116" s="359"/>
      <c r="F2116" s="360"/>
      <c r="G2116" s="360"/>
      <c r="H2116" s="360"/>
      <c r="I2116" s="360"/>
      <c r="J2116" s="359"/>
      <c r="K2116" s="359"/>
      <c r="L2116" s="359"/>
    </row>
    <row r="2117" spans="2:12">
      <c r="B2117" s="361"/>
      <c r="C2117" s="362"/>
      <c r="D2117" s="361"/>
      <c r="E2117" s="361"/>
      <c r="F2117" s="361" t="s">
        <v>14371</v>
      </c>
      <c r="G2117" s="361" t="s">
        <v>14372</v>
      </c>
      <c r="H2117" s="361" t="s">
        <v>14332</v>
      </c>
      <c r="I2117" s="361" t="s">
        <v>14372</v>
      </c>
      <c r="J2117" s="361"/>
      <c r="K2117" s="361"/>
      <c r="L2117" s="361"/>
    </row>
    <row r="2118" spans="2:12">
      <c r="B2118" s="358" t="s">
        <v>15495</v>
      </c>
      <c r="C2118" s="358" t="s">
        <v>15496</v>
      </c>
      <c r="D2118" s="358" t="s">
        <v>15497</v>
      </c>
      <c r="E2118" s="358" t="s">
        <v>15498</v>
      </c>
      <c r="F2118" s="358" t="s">
        <v>14382</v>
      </c>
      <c r="G2118" s="358" t="s">
        <v>14383</v>
      </c>
      <c r="H2118" s="358" t="s">
        <v>14378</v>
      </c>
      <c r="I2118" s="358" t="s">
        <v>14383</v>
      </c>
      <c r="J2118" s="358"/>
      <c r="K2118" s="358" t="s">
        <v>15394</v>
      </c>
      <c r="L2118" s="358"/>
    </row>
    <row r="2119" spans="2:12">
      <c r="B2119" s="359"/>
      <c r="C2119" s="360"/>
      <c r="D2119" s="359"/>
      <c r="E2119" s="359"/>
      <c r="F2119" s="360"/>
      <c r="G2119" s="360"/>
      <c r="H2119" s="360"/>
      <c r="I2119" s="360"/>
      <c r="J2119" s="359"/>
      <c r="K2119" s="359"/>
      <c r="L2119" s="359"/>
    </row>
    <row r="2120" spans="2:12" ht="28.5">
      <c r="B2120" s="359"/>
      <c r="C2120" s="359" t="s">
        <v>30035</v>
      </c>
      <c r="D2120" s="359"/>
      <c r="E2120" s="359"/>
      <c r="F2120" s="359" t="s">
        <v>14420</v>
      </c>
      <c r="G2120" s="359" t="s">
        <v>14421</v>
      </c>
      <c r="H2120" s="359" t="s">
        <v>14370</v>
      </c>
      <c r="I2120" s="359" t="s">
        <v>14421</v>
      </c>
      <c r="J2120" s="359"/>
      <c r="K2120" s="359"/>
      <c r="L2120" s="359"/>
    </row>
    <row r="2121" spans="2:12">
      <c r="B2121" s="359"/>
      <c r="C2121" s="360"/>
      <c r="D2121" s="359"/>
      <c r="E2121" s="359"/>
      <c r="F2121" s="360"/>
      <c r="G2121" s="360"/>
      <c r="H2121" s="360"/>
      <c r="I2121" s="360"/>
      <c r="J2121" s="359"/>
      <c r="K2121" s="359"/>
      <c r="L2121" s="359"/>
    </row>
    <row r="2122" spans="2:12">
      <c r="B2122" s="359"/>
      <c r="C2122" s="359" t="s">
        <v>15499</v>
      </c>
      <c r="D2122" s="359"/>
      <c r="E2122" s="359"/>
      <c r="F2122" s="359" t="s">
        <v>14371</v>
      </c>
      <c r="G2122" s="359" t="s">
        <v>14372</v>
      </c>
      <c r="H2122" s="359" t="s">
        <v>14332</v>
      </c>
      <c r="I2122" s="359" t="s">
        <v>14373</v>
      </c>
      <c r="J2122" s="359"/>
      <c r="K2122" s="359"/>
      <c r="L2122" s="359"/>
    </row>
    <row r="2123" spans="2:12">
      <c r="B2123" s="359"/>
      <c r="C2123" s="360"/>
      <c r="D2123" s="359"/>
      <c r="E2123" s="359"/>
      <c r="F2123" s="360"/>
      <c r="G2123" s="360"/>
      <c r="H2123" s="360"/>
      <c r="I2123" s="360"/>
      <c r="J2123" s="359"/>
      <c r="K2123" s="359"/>
      <c r="L2123" s="359"/>
    </row>
    <row r="2124" spans="2:12" ht="28.5">
      <c r="B2124" s="361"/>
      <c r="C2124" s="362"/>
      <c r="D2124" s="361"/>
      <c r="E2124" s="361"/>
      <c r="F2124" s="361" t="s">
        <v>14374</v>
      </c>
      <c r="G2124" s="361" t="s">
        <v>14373</v>
      </c>
      <c r="H2124" s="362"/>
      <c r="I2124" s="362"/>
      <c r="J2124" s="361"/>
      <c r="K2124" s="361"/>
      <c r="L2124" s="361"/>
    </row>
    <row r="2125" spans="2:12">
      <c r="B2125" s="358" t="s">
        <v>15500</v>
      </c>
      <c r="C2125" s="358" t="s">
        <v>15501</v>
      </c>
      <c r="D2125" s="358" t="s">
        <v>15502</v>
      </c>
      <c r="E2125" s="358" t="s">
        <v>15503</v>
      </c>
      <c r="F2125" s="358" t="s">
        <v>14426</v>
      </c>
      <c r="G2125" s="358" t="s">
        <v>14427</v>
      </c>
      <c r="H2125" s="358" t="s">
        <v>14378</v>
      </c>
      <c r="I2125" s="358" t="s">
        <v>14427</v>
      </c>
      <c r="J2125" s="358"/>
      <c r="K2125" s="358" t="s">
        <v>14552</v>
      </c>
      <c r="L2125" s="358"/>
    </row>
    <row r="2126" spans="2:12">
      <c r="B2126" s="359"/>
      <c r="C2126" s="360"/>
      <c r="D2126" s="359"/>
      <c r="E2126" s="359"/>
      <c r="F2126" s="360"/>
      <c r="G2126" s="360"/>
      <c r="H2126" s="360"/>
      <c r="I2126" s="360"/>
      <c r="J2126" s="359"/>
      <c r="K2126" s="359"/>
      <c r="L2126" s="359"/>
    </row>
    <row r="2127" spans="2:12" ht="28.5">
      <c r="B2127" s="359"/>
      <c r="C2127" s="359" t="s">
        <v>30036</v>
      </c>
      <c r="D2127" s="359"/>
      <c r="E2127" s="359"/>
      <c r="F2127" s="359" t="s">
        <v>14382</v>
      </c>
      <c r="G2127" s="359" t="s">
        <v>14483</v>
      </c>
      <c r="H2127" s="359" t="s">
        <v>14381</v>
      </c>
      <c r="I2127" s="359" t="s">
        <v>14483</v>
      </c>
      <c r="J2127" s="359"/>
      <c r="K2127" s="359"/>
      <c r="L2127" s="359"/>
    </row>
    <row r="2128" spans="2:12">
      <c r="B2128" s="359"/>
      <c r="C2128" s="360"/>
      <c r="D2128" s="359"/>
      <c r="E2128" s="359"/>
      <c r="F2128" s="360"/>
      <c r="G2128" s="360"/>
      <c r="H2128" s="360"/>
      <c r="I2128" s="360"/>
      <c r="J2128" s="359"/>
      <c r="K2128" s="359"/>
      <c r="L2128" s="359"/>
    </row>
    <row r="2129" spans="2:12">
      <c r="B2129" s="359"/>
      <c r="C2129" s="360"/>
      <c r="D2129" s="359"/>
      <c r="E2129" s="359"/>
      <c r="F2129" s="359" t="s">
        <v>14420</v>
      </c>
      <c r="G2129" s="359" t="s">
        <v>14421</v>
      </c>
      <c r="H2129" s="359" t="s">
        <v>14370</v>
      </c>
      <c r="I2129" s="359" t="s">
        <v>14421</v>
      </c>
      <c r="J2129" s="359"/>
      <c r="K2129" s="359"/>
      <c r="L2129" s="359"/>
    </row>
    <row r="2130" spans="2:12">
      <c r="B2130" s="359"/>
      <c r="C2130" s="360"/>
      <c r="D2130" s="359"/>
      <c r="E2130" s="359"/>
      <c r="F2130" s="360"/>
      <c r="G2130" s="360"/>
      <c r="H2130" s="360"/>
      <c r="I2130" s="360"/>
      <c r="J2130" s="359"/>
      <c r="K2130" s="359"/>
      <c r="L2130" s="359"/>
    </row>
    <row r="2131" spans="2:12">
      <c r="B2131" s="359"/>
      <c r="C2131" s="360"/>
      <c r="D2131" s="359"/>
      <c r="E2131" s="359"/>
      <c r="F2131" s="359" t="s">
        <v>14420</v>
      </c>
      <c r="G2131" s="359" t="s">
        <v>14429</v>
      </c>
      <c r="H2131" s="359" t="s">
        <v>14332</v>
      </c>
      <c r="I2131" s="359" t="s">
        <v>14429</v>
      </c>
      <c r="J2131" s="359"/>
      <c r="K2131" s="359"/>
      <c r="L2131" s="359"/>
    </row>
    <row r="2132" spans="2:12">
      <c r="B2132" s="359"/>
      <c r="C2132" s="360"/>
      <c r="D2132" s="359"/>
      <c r="E2132" s="359"/>
      <c r="F2132" s="360"/>
      <c r="G2132" s="360"/>
      <c r="H2132" s="360"/>
      <c r="I2132" s="360"/>
      <c r="J2132" s="359"/>
      <c r="K2132" s="359"/>
      <c r="L2132" s="359"/>
    </row>
    <row r="2133" spans="2:12" ht="28.5">
      <c r="B2133" s="359"/>
      <c r="C2133" s="360"/>
      <c r="D2133" s="359"/>
      <c r="E2133" s="359"/>
      <c r="F2133" s="359" t="s">
        <v>14384</v>
      </c>
      <c r="G2133" s="359" t="s">
        <v>14428</v>
      </c>
      <c r="H2133" s="360"/>
      <c r="I2133" s="359" t="s">
        <v>28631</v>
      </c>
      <c r="J2133" s="359"/>
      <c r="K2133" s="359"/>
      <c r="L2133" s="359"/>
    </row>
    <row r="2134" spans="2:12">
      <c r="B2134" s="359"/>
      <c r="C2134" s="360"/>
      <c r="D2134" s="359"/>
      <c r="E2134" s="359"/>
      <c r="F2134" s="360"/>
      <c r="G2134" s="360"/>
      <c r="H2134" s="360"/>
      <c r="I2134" s="360"/>
      <c r="J2134" s="359"/>
      <c r="K2134" s="359"/>
      <c r="L2134" s="359"/>
    </row>
    <row r="2135" spans="2:12">
      <c r="B2135" s="359"/>
      <c r="C2135" s="360"/>
      <c r="D2135" s="359"/>
      <c r="E2135" s="359"/>
      <c r="F2135" s="359" t="s">
        <v>14371</v>
      </c>
      <c r="G2135" s="359" t="s">
        <v>14372</v>
      </c>
      <c r="H2135" s="360"/>
      <c r="I2135" s="360"/>
      <c r="J2135" s="359"/>
      <c r="K2135" s="359"/>
      <c r="L2135" s="359"/>
    </row>
    <row r="2136" spans="2:12">
      <c r="B2136" s="359"/>
      <c r="C2136" s="360"/>
      <c r="D2136" s="359"/>
      <c r="E2136" s="359"/>
      <c r="F2136" s="360"/>
      <c r="G2136" s="360"/>
      <c r="H2136" s="360"/>
      <c r="I2136" s="360"/>
      <c r="J2136" s="359"/>
      <c r="K2136" s="359"/>
      <c r="L2136" s="359"/>
    </row>
    <row r="2137" spans="2:12" ht="28.5">
      <c r="B2137" s="361"/>
      <c r="C2137" s="362"/>
      <c r="D2137" s="361"/>
      <c r="E2137" s="361"/>
      <c r="F2137" s="361" t="s">
        <v>14374</v>
      </c>
      <c r="G2137" s="361" t="s">
        <v>14373</v>
      </c>
      <c r="H2137" s="362"/>
      <c r="I2137" s="362"/>
      <c r="J2137" s="361"/>
      <c r="K2137" s="361"/>
      <c r="L2137" s="361"/>
    </row>
    <row r="2138" spans="2:12">
      <c r="B2138" s="358" t="s">
        <v>15504</v>
      </c>
      <c r="C2138" s="358" t="s">
        <v>15505</v>
      </c>
      <c r="D2138" s="358" t="s">
        <v>15506</v>
      </c>
      <c r="E2138" s="358" t="s">
        <v>15507</v>
      </c>
      <c r="F2138" s="358" t="s">
        <v>14382</v>
      </c>
      <c r="G2138" s="358" t="s">
        <v>14579</v>
      </c>
      <c r="H2138" s="358" t="s">
        <v>14378</v>
      </c>
      <c r="I2138" s="358" t="s">
        <v>14579</v>
      </c>
      <c r="J2138" s="358"/>
      <c r="K2138" s="358"/>
      <c r="L2138" s="358"/>
    </row>
    <row r="2139" spans="2:12">
      <c r="B2139" s="359"/>
      <c r="C2139" s="360"/>
      <c r="D2139" s="359"/>
      <c r="E2139" s="359"/>
      <c r="F2139" s="360"/>
      <c r="G2139" s="360"/>
      <c r="H2139" s="360"/>
      <c r="I2139" s="360"/>
      <c r="J2139" s="359"/>
      <c r="K2139" s="359"/>
      <c r="L2139" s="359"/>
    </row>
    <row r="2140" spans="2:12" ht="28.5">
      <c r="B2140" s="361"/>
      <c r="C2140" s="361" t="s">
        <v>27434</v>
      </c>
      <c r="D2140" s="361"/>
      <c r="E2140" s="361"/>
      <c r="F2140" s="361" t="s">
        <v>14382</v>
      </c>
      <c r="G2140" s="361" t="s">
        <v>14383</v>
      </c>
      <c r="H2140" s="361" t="s">
        <v>14332</v>
      </c>
      <c r="I2140" s="361" t="s">
        <v>14383</v>
      </c>
      <c r="J2140" s="361"/>
      <c r="K2140" s="361"/>
      <c r="L2140" s="361"/>
    </row>
    <row r="2141" spans="2:12">
      <c r="B2141" s="358" t="s">
        <v>15508</v>
      </c>
      <c r="C2141" s="358" t="s">
        <v>15509</v>
      </c>
      <c r="D2141" s="358" t="s">
        <v>15510</v>
      </c>
      <c r="E2141" s="358" t="s">
        <v>15511</v>
      </c>
      <c r="F2141" s="358" t="s">
        <v>14382</v>
      </c>
      <c r="G2141" s="358" t="s">
        <v>14383</v>
      </c>
      <c r="H2141" s="358" t="s">
        <v>14378</v>
      </c>
      <c r="I2141" s="358" t="s">
        <v>14383</v>
      </c>
      <c r="J2141" s="358"/>
      <c r="K2141" s="358"/>
      <c r="L2141" s="358"/>
    </row>
    <row r="2142" spans="2:12">
      <c r="B2142" s="359"/>
      <c r="C2142" s="360"/>
      <c r="D2142" s="359"/>
      <c r="E2142" s="359"/>
      <c r="F2142" s="360"/>
      <c r="G2142" s="360"/>
      <c r="H2142" s="360"/>
      <c r="I2142" s="360"/>
      <c r="J2142" s="359"/>
      <c r="K2142" s="359"/>
      <c r="L2142" s="359"/>
    </row>
    <row r="2143" spans="2:12">
      <c r="B2143" s="361"/>
      <c r="C2143" s="361" t="s">
        <v>27435</v>
      </c>
      <c r="D2143" s="361"/>
      <c r="E2143" s="361"/>
      <c r="F2143" s="361" t="s">
        <v>14420</v>
      </c>
      <c r="G2143" s="361" t="s">
        <v>14421</v>
      </c>
      <c r="H2143" s="361" t="s">
        <v>14332</v>
      </c>
      <c r="I2143" s="361" t="s">
        <v>14421</v>
      </c>
      <c r="J2143" s="361"/>
      <c r="K2143" s="361"/>
      <c r="L2143" s="361"/>
    </row>
    <row r="2144" spans="2:12">
      <c r="B2144" s="358" t="s">
        <v>15512</v>
      </c>
      <c r="C2144" s="358" t="s">
        <v>15513</v>
      </c>
      <c r="D2144" s="358" t="s">
        <v>15514</v>
      </c>
      <c r="E2144" s="358" t="s">
        <v>15515</v>
      </c>
      <c r="F2144" s="358" t="s">
        <v>14420</v>
      </c>
      <c r="G2144" s="358" t="s">
        <v>14421</v>
      </c>
      <c r="H2144" s="358" t="s">
        <v>14367</v>
      </c>
      <c r="I2144" s="358" t="s">
        <v>14421</v>
      </c>
      <c r="J2144" s="358"/>
      <c r="K2144" s="358"/>
      <c r="L2144" s="358"/>
    </row>
    <row r="2145" spans="2:12">
      <c r="B2145" s="359"/>
      <c r="C2145" s="360"/>
      <c r="D2145" s="359"/>
      <c r="E2145" s="359"/>
      <c r="F2145" s="360"/>
      <c r="G2145" s="360"/>
      <c r="H2145" s="360"/>
      <c r="I2145" s="360"/>
      <c r="J2145" s="359"/>
      <c r="K2145" s="359"/>
      <c r="L2145" s="359"/>
    </row>
    <row r="2146" spans="2:12" ht="28.5">
      <c r="B2146" s="361"/>
      <c r="C2146" s="361" t="s">
        <v>30037</v>
      </c>
      <c r="D2146" s="361"/>
      <c r="E2146" s="361"/>
      <c r="F2146" s="361" t="s">
        <v>14420</v>
      </c>
      <c r="G2146" s="361" t="s">
        <v>14429</v>
      </c>
      <c r="H2146" s="361" t="s">
        <v>14422</v>
      </c>
      <c r="I2146" s="361" t="s">
        <v>14429</v>
      </c>
      <c r="J2146" s="361"/>
      <c r="K2146" s="361"/>
      <c r="L2146" s="361"/>
    </row>
    <row r="2147" spans="2:12">
      <c r="B2147" s="358" t="s">
        <v>15516</v>
      </c>
      <c r="C2147" s="358" t="s">
        <v>15517</v>
      </c>
      <c r="D2147" s="358" t="s">
        <v>15518</v>
      </c>
      <c r="E2147" s="358" t="s">
        <v>15519</v>
      </c>
      <c r="F2147" s="358" t="s">
        <v>14420</v>
      </c>
      <c r="G2147" s="358" t="s">
        <v>14421</v>
      </c>
      <c r="H2147" s="358" t="s">
        <v>14367</v>
      </c>
      <c r="I2147" s="358" t="s">
        <v>14421</v>
      </c>
      <c r="J2147" s="358"/>
      <c r="K2147" s="358"/>
      <c r="L2147" s="358"/>
    </row>
    <row r="2148" spans="2:12">
      <c r="B2148" s="359"/>
      <c r="C2148" s="360"/>
      <c r="D2148" s="359"/>
      <c r="E2148" s="359"/>
      <c r="F2148" s="360"/>
      <c r="G2148" s="360"/>
      <c r="H2148" s="360"/>
      <c r="I2148" s="360"/>
      <c r="J2148" s="359"/>
      <c r="K2148" s="359"/>
      <c r="L2148" s="359"/>
    </row>
    <row r="2149" spans="2:12" ht="28.5">
      <c r="B2149" s="359"/>
      <c r="C2149" s="359" t="s">
        <v>30038</v>
      </c>
      <c r="D2149" s="359"/>
      <c r="E2149" s="359"/>
      <c r="F2149" s="359" t="s">
        <v>14420</v>
      </c>
      <c r="G2149" s="359" t="s">
        <v>14429</v>
      </c>
      <c r="H2149" s="359" t="s">
        <v>14370</v>
      </c>
      <c r="I2149" s="359" t="s">
        <v>14429</v>
      </c>
      <c r="J2149" s="359"/>
      <c r="K2149" s="359"/>
      <c r="L2149" s="359"/>
    </row>
    <row r="2150" spans="2:12">
      <c r="B2150" s="359"/>
      <c r="C2150" s="360"/>
      <c r="D2150" s="359"/>
      <c r="E2150" s="359"/>
      <c r="F2150" s="360"/>
      <c r="G2150" s="360"/>
      <c r="H2150" s="360"/>
      <c r="I2150" s="360"/>
      <c r="J2150" s="359"/>
      <c r="K2150" s="359"/>
      <c r="L2150" s="359"/>
    </row>
    <row r="2151" spans="2:12">
      <c r="B2151" s="359"/>
      <c r="C2151" s="360"/>
      <c r="D2151" s="359"/>
      <c r="E2151" s="359"/>
      <c r="F2151" s="359" t="s">
        <v>14371</v>
      </c>
      <c r="G2151" s="359" t="s">
        <v>14372</v>
      </c>
      <c r="H2151" s="359" t="s">
        <v>14422</v>
      </c>
      <c r="I2151" s="359" t="s">
        <v>14373</v>
      </c>
      <c r="J2151" s="359"/>
      <c r="K2151" s="359"/>
      <c r="L2151" s="359"/>
    </row>
    <row r="2152" spans="2:12">
      <c r="B2152" s="359"/>
      <c r="C2152" s="360"/>
      <c r="D2152" s="359"/>
      <c r="E2152" s="359"/>
      <c r="F2152" s="360"/>
      <c r="G2152" s="360"/>
      <c r="H2152" s="360"/>
      <c r="I2152" s="360"/>
      <c r="J2152" s="359"/>
      <c r="K2152" s="359"/>
      <c r="L2152" s="359"/>
    </row>
    <row r="2153" spans="2:12" ht="28.5">
      <c r="B2153" s="361"/>
      <c r="C2153" s="362"/>
      <c r="D2153" s="361"/>
      <c r="E2153" s="361"/>
      <c r="F2153" s="361" t="s">
        <v>14374</v>
      </c>
      <c r="G2153" s="361" t="s">
        <v>14373</v>
      </c>
      <c r="H2153" s="362"/>
      <c r="I2153" s="362"/>
      <c r="J2153" s="361"/>
      <c r="K2153" s="361"/>
      <c r="L2153" s="361"/>
    </row>
    <row r="2154" spans="2:12">
      <c r="B2154" s="358" t="s">
        <v>15520</v>
      </c>
      <c r="C2154" s="358" t="s">
        <v>15521</v>
      </c>
      <c r="D2154" s="358" t="s">
        <v>15522</v>
      </c>
      <c r="E2154" s="358" t="s">
        <v>15523</v>
      </c>
      <c r="F2154" s="358" t="s">
        <v>14420</v>
      </c>
      <c r="G2154" s="358" t="s">
        <v>14429</v>
      </c>
      <c r="H2154" s="358" t="s">
        <v>14367</v>
      </c>
      <c r="I2154" s="358" t="s">
        <v>14429</v>
      </c>
      <c r="J2154" s="358"/>
      <c r="K2154" s="358"/>
      <c r="L2154" s="358"/>
    </row>
    <row r="2155" spans="2:12">
      <c r="B2155" s="359"/>
      <c r="C2155" s="360"/>
      <c r="D2155" s="359"/>
      <c r="E2155" s="359"/>
      <c r="F2155" s="360"/>
      <c r="G2155" s="360"/>
      <c r="H2155" s="360"/>
      <c r="I2155" s="360"/>
      <c r="J2155" s="359"/>
      <c r="K2155" s="359"/>
      <c r="L2155" s="359"/>
    </row>
    <row r="2156" spans="2:12" ht="28.5">
      <c r="B2156" s="361"/>
      <c r="C2156" s="361" t="s">
        <v>30039</v>
      </c>
      <c r="D2156" s="361"/>
      <c r="E2156" s="361"/>
      <c r="F2156" s="361" t="s">
        <v>14472</v>
      </c>
      <c r="G2156" s="361" t="s">
        <v>14473</v>
      </c>
      <c r="H2156" s="361" t="s">
        <v>14422</v>
      </c>
      <c r="I2156" s="361" t="s">
        <v>14473</v>
      </c>
      <c r="J2156" s="361"/>
      <c r="K2156" s="361"/>
      <c r="L2156" s="361"/>
    </row>
    <row r="2157" spans="2:12">
      <c r="B2157" s="358" t="s">
        <v>15524</v>
      </c>
      <c r="C2157" s="358" t="s">
        <v>15525</v>
      </c>
      <c r="D2157" s="358" t="s">
        <v>15526</v>
      </c>
      <c r="E2157" s="358" t="s">
        <v>1790</v>
      </c>
      <c r="F2157" s="358" t="s">
        <v>14420</v>
      </c>
      <c r="G2157" s="358" t="s">
        <v>14429</v>
      </c>
      <c r="H2157" s="358" t="s">
        <v>14367</v>
      </c>
      <c r="I2157" s="358" t="s">
        <v>14429</v>
      </c>
      <c r="J2157" s="358"/>
      <c r="K2157" s="358"/>
      <c r="L2157" s="358"/>
    </row>
    <row r="2158" spans="2:12">
      <c r="B2158" s="359"/>
      <c r="C2158" s="360"/>
      <c r="D2158" s="359"/>
      <c r="E2158" s="359"/>
      <c r="F2158" s="360"/>
      <c r="G2158" s="360"/>
      <c r="H2158" s="360"/>
      <c r="I2158" s="360"/>
      <c r="J2158" s="359"/>
      <c r="K2158" s="359"/>
      <c r="L2158" s="359"/>
    </row>
    <row r="2159" spans="2:12">
      <c r="B2159" s="359"/>
      <c r="C2159" s="359" t="s">
        <v>30040</v>
      </c>
      <c r="D2159" s="359"/>
      <c r="E2159" s="359"/>
      <c r="F2159" s="359" t="s">
        <v>14371</v>
      </c>
      <c r="G2159" s="359" t="s">
        <v>14372</v>
      </c>
      <c r="H2159" s="359" t="s">
        <v>14370</v>
      </c>
      <c r="I2159" s="359" t="s">
        <v>14373</v>
      </c>
      <c r="J2159" s="359"/>
      <c r="K2159" s="359"/>
      <c r="L2159" s="359"/>
    </row>
    <row r="2160" spans="2:12">
      <c r="B2160" s="359"/>
      <c r="C2160" s="360"/>
      <c r="D2160" s="359"/>
      <c r="E2160" s="359"/>
      <c r="F2160" s="360"/>
      <c r="G2160" s="360"/>
      <c r="H2160" s="360"/>
      <c r="I2160" s="360"/>
      <c r="J2160" s="359"/>
      <c r="K2160" s="359"/>
      <c r="L2160" s="359"/>
    </row>
    <row r="2161" spans="2:12" ht="28.5">
      <c r="B2161" s="361"/>
      <c r="C2161" s="362"/>
      <c r="D2161" s="361"/>
      <c r="E2161" s="361"/>
      <c r="F2161" s="361" t="s">
        <v>14374</v>
      </c>
      <c r="G2161" s="361" t="s">
        <v>14373</v>
      </c>
      <c r="H2161" s="361" t="s">
        <v>14422</v>
      </c>
      <c r="I2161" s="362"/>
      <c r="J2161" s="361"/>
      <c r="K2161" s="361"/>
      <c r="L2161" s="361"/>
    </row>
    <row r="2162" spans="2:12">
      <c r="B2162" s="358" t="s">
        <v>15527</v>
      </c>
      <c r="C2162" s="358" t="s">
        <v>15528</v>
      </c>
      <c r="D2162" s="358" t="s">
        <v>15529</v>
      </c>
      <c r="E2162" s="358" t="s">
        <v>15530</v>
      </c>
      <c r="F2162" s="358" t="s">
        <v>14420</v>
      </c>
      <c r="G2162" s="358" t="s">
        <v>14421</v>
      </c>
      <c r="H2162" s="358" t="s">
        <v>14367</v>
      </c>
      <c r="I2162" s="358" t="s">
        <v>14421</v>
      </c>
      <c r="J2162" s="358"/>
      <c r="K2162" s="358" t="s">
        <v>15400</v>
      </c>
      <c r="L2162" s="358"/>
    </row>
    <row r="2163" spans="2:12">
      <c r="B2163" s="359"/>
      <c r="C2163" s="360"/>
      <c r="D2163" s="359"/>
      <c r="E2163" s="359"/>
      <c r="F2163" s="360"/>
      <c r="G2163" s="360"/>
      <c r="H2163" s="360"/>
      <c r="I2163" s="360"/>
      <c r="J2163" s="359"/>
      <c r="K2163" s="359"/>
      <c r="L2163" s="359"/>
    </row>
    <row r="2164" spans="2:12">
      <c r="B2164" s="359"/>
      <c r="C2164" s="359" t="s">
        <v>15531</v>
      </c>
      <c r="D2164" s="359"/>
      <c r="E2164" s="359"/>
      <c r="F2164" s="359" t="s">
        <v>14420</v>
      </c>
      <c r="G2164" s="359" t="s">
        <v>14429</v>
      </c>
      <c r="H2164" s="359" t="s">
        <v>14370</v>
      </c>
      <c r="I2164" s="359" t="s">
        <v>14429</v>
      </c>
      <c r="J2164" s="359"/>
      <c r="K2164" s="359"/>
      <c r="L2164" s="359"/>
    </row>
    <row r="2165" spans="2:12">
      <c r="B2165" s="359"/>
      <c r="C2165" s="360"/>
      <c r="D2165" s="359"/>
      <c r="E2165" s="359"/>
      <c r="F2165" s="360"/>
      <c r="G2165" s="360"/>
      <c r="H2165" s="360"/>
      <c r="I2165" s="360"/>
      <c r="J2165" s="359"/>
      <c r="K2165" s="359"/>
      <c r="L2165" s="359"/>
    </row>
    <row r="2166" spans="2:12">
      <c r="B2166" s="359"/>
      <c r="C2166" s="360"/>
      <c r="D2166" s="359"/>
      <c r="E2166" s="359"/>
      <c r="F2166" s="359" t="s">
        <v>14386</v>
      </c>
      <c r="G2166" s="359" t="s">
        <v>14387</v>
      </c>
      <c r="H2166" s="359" t="s">
        <v>14422</v>
      </c>
      <c r="I2166" s="359" t="s">
        <v>14387</v>
      </c>
      <c r="J2166" s="359"/>
      <c r="K2166" s="359"/>
      <c r="L2166" s="359"/>
    </row>
    <row r="2167" spans="2:12">
      <c r="B2167" s="359"/>
      <c r="C2167" s="360"/>
      <c r="D2167" s="359"/>
      <c r="E2167" s="359"/>
      <c r="F2167" s="360"/>
      <c r="G2167" s="360"/>
      <c r="H2167" s="360"/>
      <c r="I2167" s="360"/>
      <c r="J2167" s="359"/>
      <c r="K2167" s="359"/>
      <c r="L2167" s="359"/>
    </row>
    <row r="2168" spans="2:12">
      <c r="B2168" s="359"/>
      <c r="C2168" s="360"/>
      <c r="D2168" s="359"/>
      <c r="E2168" s="359"/>
      <c r="F2168" s="359" t="s">
        <v>14389</v>
      </c>
      <c r="G2168" s="359" t="s">
        <v>14390</v>
      </c>
      <c r="H2168" s="360"/>
      <c r="I2168" s="359" t="s">
        <v>14390</v>
      </c>
      <c r="J2168" s="359"/>
      <c r="K2168" s="359"/>
      <c r="L2168" s="359"/>
    </row>
    <row r="2169" spans="2:12">
      <c r="B2169" s="359"/>
      <c r="C2169" s="360"/>
      <c r="D2169" s="359"/>
      <c r="E2169" s="359"/>
      <c r="F2169" s="360"/>
      <c r="G2169" s="360"/>
      <c r="H2169" s="360"/>
      <c r="I2169" s="360"/>
      <c r="J2169" s="359"/>
      <c r="K2169" s="359"/>
      <c r="L2169" s="359"/>
    </row>
    <row r="2170" spans="2:12">
      <c r="B2170" s="361"/>
      <c r="C2170" s="362"/>
      <c r="D2170" s="361"/>
      <c r="E2170" s="361"/>
      <c r="F2170" s="361" t="s">
        <v>14371</v>
      </c>
      <c r="G2170" s="361" t="s">
        <v>14372</v>
      </c>
      <c r="H2170" s="362"/>
      <c r="I2170" s="361" t="s">
        <v>14372</v>
      </c>
      <c r="J2170" s="361"/>
      <c r="K2170" s="361"/>
      <c r="L2170" s="361"/>
    </row>
    <row r="2171" spans="2:12">
      <c r="B2171" s="358" t="s">
        <v>15532</v>
      </c>
      <c r="C2171" s="358" t="s">
        <v>15533</v>
      </c>
      <c r="D2171" s="358" t="s">
        <v>15534</v>
      </c>
      <c r="E2171" s="358" t="s">
        <v>15535</v>
      </c>
      <c r="F2171" s="358" t="s">
        <v>14379</v>
      </c>
      <c r="G2171" s="358" t="s">
        <v>14405</v>
      </c>
      <c r="H2171" s="358" t="s">
        <v>14378</v>
      </c>
      <c r="I2171" s="358" t="s">
        <v>14405</v>
      </c>
      <c r="J2171" s="358"/>
      <c r="K2171" s="358" t="s">
        <v>14552</v>
      </c>
      <c r="L2171" s="358"/>
    </row>
    <row r="2172" spans="2:12">
      <c r="B2172" s="359"/>
      <c r="C2172" s="360"/>
      <c r="D2172" s="359"/>
      <c r="E2172" s="359"/>
      <c r="F2172" s="360"/>
      <c r="G2172" s="360"/>
      <c r="H2172" s="360"/>
      <c r="I2172" s="360"/>
      <c r="J2172" s="359"/>
      <c r="K2172" s="359"/>
      <c r="L2172" s="359"/>
    </row>
    <row r="2173" spans="2:12" ht="28.5">
      <c r="B2173" s="359"/>
      <c r="C2173" s="359" t="s">
        <v>27436</v>
      </c>
      <c r="D2173" s="359"/>
      <c r="E2173" s="359"/>
      <c r="F2173" s="359" t="s">
        <v>14382</v>
      </c>
      <c r="G2173" s="359" t="s">
        <v>14579</v>
      </c>
      <c r="H2173" s="359" t="s">
        <v>14370</v>
      </c>
      <c r="I2173" s="359" t="s">
        <v>14579</v>
      </c>
      <c r="J2173" s="359"/>
      <c r="K2173" s="359"/>
      <c r="L2173" s="359"/>
    </row>
    <row r="2174" spans="2:12">
      <c r="B2174" s="359"/>
      <c r="C2174" s="360"/>
      <c r="D2174" s="359"/>
      <c r="E2174" s="359"/>
      <c r="F2174" s="360"/>
      <c r="G2174" s="360"/>
      <c r="H2174" s="360"/>
      <c r="I2174" s="360"/>
      <c r="J2174" s="359"/>
      <c r="K2174" s="359"/>
      <c r="L2174" s="359"/>
    </row>
    <row r="2175" spans="2:12">
      <c r="B2175" s="359"/>
      <c r="C2175" s="360"/>
      <c r="D2175" s="359"/>
      <c r="E2175" s="359"/>
      <c r="F2175" s="359" t="s">
        <v>14371</v>
      </c>
      <c r="G2175" s="359" t="s">
        <v>14372</v>
      </c>
      <c r="H2175" s="359" t="s">
        <v>14332</v>
      </c>
      <c r="I2175" s="359" t="s">
        <v>14373</v>
      </c>
      <c r="J2175" s="359"/>
      <c r="K2175" s="359"/>
      <c r="L2175" s="359"/>
    </row>
    <row r="2176" spans="2:12">
      <c r="B2176" s="359"/>
      <c r="C2176" s="360"/>
      <c r="D2176" s="359"/>
      <c r="E2176" s="359"/>
      <c r="F2176" s="360"/>
      <c r="G2176" s="360"/>
      <c r="H2176" s="360"/>
      <c r="I2176" s="360"/>
      <c r="J2176" s="359"/>
      <c r="K2176" s="359"/>
      <c r="L2176" s="359"/>
    </row>
    <row r="2177" spans="2:12" ht="28.5">
      <c r="B2177" s="361"/>
      <c r="C2177" s="362"/>
      <c r="D2177" s="361"/>
      <c r="E2177" s="361"/>
      <c r="F2177" s="361" t="s">
        <v>14374</v>
      </c>
      <c r="G2177" s="361" t="s">
        <v>14373</v>
      </c>
      <c r="H2177" s="362"/>
      <c r="I2177" s="362"/>
      <c r="J2177" s="361"/>
      <c r="K2177" s="361"/>
      <c r="L2177" s="361"/>
    </row>
    <row r="2178" spans="2:12">
      <c r="B2178" s="358" t="s">
        <v>15536</v>
      </c>
      <c r="C2178" s="358" t="s">
        <v>15537</v>
      </c>
      <c r="D2178" s="358" t="s">
        <v>15538</v>
      </c>
      <c r="E2178" s="358" t="s">
        <v>15539</v>
      </c>
      <c r="F2178" s="358" t="s">
        <v>14420</v>
      </c>
      <c r="G2178" s="358" t="s">
        <v>14421</v>
      </c>
      <c r="H2178" s="358" t="s">
        <v>14367</v>
      </c>
      <c r="I2178" s="358" t="s">
        <v>14421</v>
      </c>
      <c r="J2178" s="358"/>
      <c r="K2178" s="358"/>
      <c r="L2178" s="358"/>
    </row>
    <row r="2179" spans="2:12">
      <c r="B2179" s="359"/>
      <c r="C2179" s="360"/>
      <c r="D2179" s="359"/>
      <c r="E2179" s="359"/>
      <c r="F2179" s="360"/>
      <c r="G2179" s="360"/>
      <c r="H2179" s="360"/>
      <c r="I2179" s="360"/>
      <c r="J2179" s="359"/>
      <c r="K2179" s="359"/>
      <c r="L2179" s="359"/>
    </row>
    <row r="2180" spans="2:12" ht="28.5">
      <c r="B2180" s="361"/>
      <c r="C2180" s="361" t="s">
        <v>30041</v>
      </c>
      <c r="D2180" s="361"/>
      <c r="E2180" s="361"/>
      <c r="F2180" s="361" t="s">
        <v>14420</v>
      </c>
      <c r="G2180" s="361" t="s">
        <v>14429</v>
      </c>
      <c r="H2180" s="361" t="s">
        <v>14422</v>
      </c>
      <c r="I2180" s="361" t="s">
        <v>14429</v>
      </c>
      <c r="J2180" s="361"/>
      <c r="K2180" s="361"/>
      <c r="L2180" s="361"/>
    </row>
    <row r="2181" spans="2:12">
      <c r="B2181" s="358" t="s">
        <v>15540</v>
      </c>
      <c r="C2181" s="358" t="s">
        <v>15541</v>
      </c>
      <c r="D2181" s="358" t="s">
        <v>15542</v>
      </c>
      <c r="E2181" s="358" t="s">
        <v>15543</v>
      </c>
      <c r="F2181" s="358" t="s">
        <v>14382</v>
      </c>
      <c r="G2181" s="358" t="s">
        <v>14483</v>
      </c>
      <c r="H2181" s="358" t="s">
        <v>14378</v>
      </c>
      <c r="I2181" s="358" t="s">
        <v>14483</v>
      </c>
      <c r="J2181" s="358"/>
      <c r="K2181" s="358"/>
      <c r="L2181" s="358"/>
    </row>
    <row r="2182" spans="2:12">
      <c r="B2182" s="359"/>
      <c r="C2182" s="360"/>
      <c r="D2182" s="359"/>
      <c r="E2182" s="359"/>
      <c r="F2182" s="360"/>
      <c r="G2182" s="360"/>
      <c r="H2182" s="360"/>
      <c r="I2182" s="360"/>
      <c r="J2182" s="359"/>
      <c r="K2182" s="359"/>
      <c r="L2182" s="359"/>
    </row>
    <row r="2183" spans="2:12" ht="28.5">
      <c r="B2183" s="359"/>
      <c r="C2183" s="359" t="s">
        <v>30042</v>
      </c>
      <c r="D2183" s="359"/>
      <c r="E2183" s="359"/>
      <c r="F2183" s="359" t="s">
        <v>14382</v>
      </c>
      <c r="G2183" s="359" t="s">
        <v>14579</v>
      </c>
      <c r="H2183" s="359" t="s">
        <v>14370</v>
      </c>
      <c r="I2183" s="359" t="s">
        <v>14579</v>
      </c>
      <c r="J2183" s="359"/>
      <c r="K2183" s="359"/>
      <c r="L2183" s="359"/>
    </row>
    <row r="2184" spans="2:12">
      <c r="B2184" s="359"/>
      <c r="C2184" s="360"/>
      <c r="D2184" s="359"/>
      <c r="E2184" s="359"/>
      <c r="F2184" s="360"/>
      <c r="G2184" s="360"/>
      <c r="H2184" s="360"/>
      <c r="I2184" s="360"/>
      <c r="J2184" s="359"/>
      <c r="K2184" s="359"/>
      <c r="L2184" s="359"/>
    </row>
    <row r="2185" spans="2:12">
      <c r="B2185" s="359"/>
      <c r="C2185" s="360"/>
      <c r="D2185" s="359"/>
      <c r="E2185" s="359"/>
      <c r="F2185" s="359" t="s">
        <v>14382</v>
      </c>
      <c r="G2185" s="359" t="s">
        <v>14383</v>
      </c>
      <c r="H2185" s="359" t="s">
        <v>14332</v>
      </c>
      <c r="I2185" s="359" t="s">
        <v>14383</v>
      </c>
      <c r="J2185" s="359"/>
      <c r="K2185" s="359"/>
      <c r="L2185" s="359"/>
    </row>
    <row r="2186" spans="2:12">
      <c r="B2186" s="359"/>
      <c r="C2186" s="360"/>
      <c r="D2186" s="359"/>
      <c r="E2186" s="359"/>
      <c r="F2186" s="360"/>
      <c r="G2186" s="360"/>
      <c r="H2186" s="360"/>
      <c r="I2186" s="360"/>
      <c r="J2186" s="359"/>
      <c r="K2186" s="359"/>
      <c r="L2186" s="359"/>
    </row>
    <row r="2187" spans="2:12">
      <c r="B2187" s="359"/>
      <c r="C2187" s="360"/>
      <c r="D2187" s="359"/>
      <c r="E2187" s="359"/>
      <c r="F2187" s="359" t="s">
        <v>14371</v>
      </c>
      <c r="G2187" s="359" t="s">
        <v>14372</v>
      </c>
      <c r="H2187" s="360"/>
      <c r="I2187" s="359" t="s">
        <v>14373</v>
      </c>
      <c r="J2187" s="359"/>
      <c r="K2187" s="359"/>
      <c r="L2187" s="359"/>
    </row>
    <row r="2188" spans="2:12">
      <c r="B2188" s="359"/>
      <c r="C2188" s="360"/>
      <c r="D2188" s="359"/>
      <c r="E2188" s="359"/>
      <c r="F2188" s="360"/>
      <c r="G2188" s="360"/>
      <c r="H2188" s="360"/>
      <c r="I2188" s="360"/>
      <c r="J2188" s="359"/>
      <c r="K2188" s="359"/>
      <c r="L2188" s="359"/>
    </row>
    <row r="2189" spans="2:12" ht="28.5">
      <c r="B2189" s="361"/>
      <c r="C2189" s="362"/>
      <c r="D2189" s="361"/>
      <c r="E2189" s="361"/>
      <c r="F2189" s="361" t="s">
        <v>14374</v>
      </c>
      <c r="G2189" s="361" t="s">
        <v>14373</v>
      </c>
      <c r="H2189" s="362"/>
      <c r="I2189" s="362"/>
      <c r="J2189" s="361"/>
      <c r="K2189" s="361"/>
      <c r="L2189" s="361"/>
    </row>
    <row r="2190" spans="2:12">
      <c r="B2190" s="358" t="s">
        <v>15544</v>
      </c>
      <c r="C2190" s="358" t="s">
        <v>15545</v>
      </c>
      <c r="D2190" s="358" t="s">
        <v>15546</v>
      </c>
      <c r="E2190" s="358" t="s">
        <v>15547</v>
      </c>
      <c r="F2190" s="358" t="s">
        <v>14382</v>
      </c>
      <c r="G2190" s="358" t="s">
        <v>14383</v>
      </c>
      <c r="H2190" s="358" t="s">
        <v>14378</v>
      </c>
      <c r="I2190" s="358" t="s">
        <v>14383</v>
      </c>
      <c r="J2190" s="358"/>
      <c r="K2190" s="358"/>
      <c r="L2190" s="358"/>
    </row>
    <row r="2191" spans="2:12">
      <c r="B2191" s="359"/>
      <c r="C2191" s="360"/>
      <c r="D2191" s="359"/>
      <c r="E2191" s="359"/>
      <c r="F2191" s="360"/>
      <c r="G2191" s="360"/>
      <c r="H2191" s="360"/>
      <c r="I2191" s="360"/>
      <c r="J2191" s="359"/>
      <c r="K2191" s="359"/>
      <c r="L2191" s="359"/>
    </row>
    <row r="2192" spans="2:12" ht="28.5">
      <c r="B2192" s="359"/>
      <c r="C2192" s="359" t="s">
        <v>27437</v>
      </c>
      <c r="D2192" s="359"/>
      <c r="E2192" s="359"/>
      <c r="F2192" s="359" t="s">
        <v>14420</v>
      </c>
      <c r="G2192" s="359" t="s">
        <v>14421</v>
      </c>
      <c r="H2192" s="359" t="s">
        <v>14370</v>
      </c>
      <c r="I2192" s="359" t="s">
        <v>14421</v>
      </c>
      <c r="J2192" s="359"/>
      <c r="K2192" s="359"/>
      <c r="L2192" s="359"/>
    </row>
    <row r="2193" spans="2:12">
      <c r="B2193" s="359"/>
      <c r="C2193" s="360"/>
      <c r="D2193" s="359"/>
      <c r="E2193" s="359"/>
      <c r="F2193" s="360"/>
      <c r="G2193" s="360"/>
      <c r="H2193" s="360"/>
      <c r="I2193" s="360"/>
      <c r="J2193" s="359"/>
      <c r="K2193" s="359"/>
      <c r="L2193" s="359"/>
    </row>
    <row r="2194" spans="2:12">
      <c r="B2194" s="361"/>
      <c r="C2194" s="362"/>
      <c r="D2194" s="361"/>
      <c r="E2194" s="361"/>
      <c r="F2194" s="361" t="s">
        <v>14371</v>
      </c>
      <c r="G2194" s="361" t="s">
        <v>14372</v>
      </c>
      <c r="H2194" s="361" t="s">
        <v>14332</v>
      </c>
      <c r="I2194" s="361" t="s">
        <v>14372</v>
      </c>
      <c r="J2194" s="361"/>
      <c r="K2194" s="361"/>
      <c r="L2194" s="361"/>
    </row>
    <row r="2195" spans="2:12">
      <c r="B2195" s="358" t="s">
        <v>15548</v>
      </c>
      <c r="C2195" s="358" t="s">
        <v>15549</v>
      </c>
      <c r="D2195" s="358" t="s">
        <v>15550</v>
      </c>
      <c r="E2195" s="358" t="s">
        <v>15551</v>
      </c>
      <c r="F2195" s="358" t="s">
        <v>14530</v>
      </c>
      <c r="G2195" s="358" t="s">
        <v>14531</v>
      </c>
      <c r="H2195" s="358" t="s">
        <v>14378</v>
      </c>
      <c r="I2195" s="358" t="s">
        <v>14531</v>
      </c>
      <c r="J2195" s="358"/>
      <c r="K2195" s="358"/>
      <c r="L2195" s="358"/>
    </row>
    <row r="2196" spans="2:12">
      <c r="B2196" s="359"/>
      <c r="C2196" s="360"/>
      <c r="D2196" s="359"/>
      <c r="E2196" s="359"/>
      <c r="F2196" s="360"/>
      <c r="G2196" s="360"/>
      <c r="H2196" s="360"/>
      <c r="I2196" s="360"/>
      <c r="J2196" s="359"/>
      <c r="K2196" s="359"/>
      <c r="L2196" s="359"/>
    </row>
    <row r="2197" spans="2:12">
      <c r="B2197" s="359"/>
      <c r="C2197" s="359" t="s">
        <v>27438</v>
      </c>
      <c r="D2197" s="359"/>
      <c r="E2197" s="359"/>
      <c r="F2197" s="359" t="s">
        <v>14379</v>
      </c>
      <c r="G2197" s="359" t="s">
        <v>14405</v>
      </c>
      <c r="H2197" s="359" t="s">
        <v>14370</v>
      </c>
      <c r="I2197" s="359" t="s">
        <v>14405</v>
      </c>
      <c r="J2197" s="359"/>
      <c r="K2197" s="359"/>
      <c r="L2197" s="359"/>
    </row>
    <row r="2198" spans="2:12">
      <c r="B2198" s="359"/>
      <c r="C2198" s="360"/>
      <c r="D2198" s="359"/>
      <c r="E2198" s="359"/>
      <c r="F2198" s="360"/>
      <c r="G2198" s="360"/>
      <c r="H2198" s="360"/>
      <c r="I2198" s="360"/>
      <c r="J2198" s="359"/>
      <c r="K2198" s="359"/>
      <c r="L2198" s="359"/>
    </row>
    <row r="2199" spans="2:12">
      <c r="B2199" s="359"/>
      <c r="C2199" s="360"/>
      <c r="D2199" s="359"/>
      <c r="E2199" s="359"/>
      <c r="F2199" s="359" t="s">
        <v>14371</v>
      </c>
      <c r="G2199" s="359" t="s">
        <v>14372</v>
      </c>
      <c r="H2199" s="359" t="s">
        <v>14332</v>
      </c>
      <c r="I2199" s="359" t="s">
        <v>14373</v>
      </c>
      <c r="J2199" s="359"/>
      <c r="K2199" s="359"/>
      <c r="L2199" s="359"/>
    </row>
    <row r="2200" spans="2:12">
      <c r="B2200" s="359"/>
      <c r="C2200" s="360"/>
      <c r="D2200" s="359"/>
      <c r="E2200" s="359"/>
      <c r="F2200" s="360"/>
      <c r="G2200" s="360"/>
      <c r="H2200" s="360"/>
      <c r="I2200" s="360"/>
      <c r="J2200" s="359"/>
      <c r="K2200" s="359"/>
      <c r="L2200" s="359"/>
    </row>
    <row r="2201" spans="2:12" ht="28.5">
      <c r="B2201" s="361"/>
      <c r="C2201" s="362"/>
      <c r="D2201" s="361"/>
      <c r="E2201" s="361"/>
      <c r="F2201" s="361" t="s">
        <v>14374</v>
      </c>
      <c r="G2201" s="361" t="s">
        <v>14373</v>
      </c>
      <c r="H2201" s="362"/>
      <c r="I2201" s="362"/>
      <c r="J2201" s="361"/>
      <c r="K2201" s="361"/>
      <c r="L2201" s="361"/>
    </row>
    <row r="2202" spans="2:12">
      <c r="B2202" s="358" t="s">
        <v>15552</v>
      </c>
      <c r="C2202" s="358" t="s">
        <v>28632</v>
      </c>
      <c r="D2202" s="358" t="s">
        <v>15553</v>
      </c>
      <c r="E2202" s="358" t="s">
        <v>15554</v>
      </c>
      <c r="F2202" s="358" t="s">
        <v>14530</v>
      </c>
      <c r="G2202" s="358" t="s">
        <v>14531</v>
      </c>
      <c r="H2202" s="358" t="s">
        <v>14378</v>
      </c>
      <c r="I2202" s="358" t="s">
        <v>14531</v>
      </c>
      <c r="J2202" s="358"/>
      <c r="K2202" s="358"/>
      <c r="L2202" s="358"/>
    </row>
    <row r="2203" spans="2:12">
      <c r="B2203" s="359"/>
      <c r="C2203" s="359"/>
      <c r="D2203" s="359"/>
      <c r="E2203" s="359"/>
      <c r="F2203" s="360"/>
      <c r="G2203" s="360"/>
      <c r="H2203" s="360"/>
      <c r="I2203" s="360"/>
      <c r="J2203" s="359"/>
      <c r="K2203" s="359"/>
      <c r="L2203" s="359"/>
    </row>
    <row r="2204" spans="2:12">
      <c r="B2204" s="361"/>
      <c r="C2204" s="361"/>
      <c r="D2204" s="361"/>
      <c r="E2204" s="361"/>
      <c r="F2204" s="361" t="s">
        <v>14379</v>
      </c>
      <c r="G2204" s="361" t="s">
        <v>14405</v>
      </c>
      <c r="H2204" s="361" t="s">
        <v>14332</v>
      </c>
      <c r="I2204" s="361" t="s">
        <v>14405</v>
      </c>
      <c r="J2204" s="361"/>
      <c r="K2204" s="361"/>
      <c r="L2204" s="361"/>
    </row>
    <row r="2205" spans="2:12">
      <c r="B2205" s="358" t="s">
        <v>15555</v>
      </c>
      <c r="C2205" s="358" t="s">
        <v>15556</v>
      </c>
      <c r="D2205" s="358" t="s">
        <v>15557</v>
      </c>
      <c r="E2205" s="358" t="s">
        <v>15558</v>
      </c>
      <c r="F2205" s="358" t="s">
        <v>15246</v>
      </c>
      <c r="G2205" s="358" t="s">
        <v>15247</v>
      </c>
      <c r="H2205" s="358" t="s">
        <v>14381</v>
      </c>
      <c r="I2205" s="358" t="s">
        <v>15247</v>
      </c>
      <c r="J2205" s="358"/>
      <c r="K2205" s="358"/>
      <c r="L2205" s="358"/>
    </row>
    <row r="2206" spans="2:12">
      <c r="B2206" s="359"/>
      <c r="C2206" s="360"/>
      <c r="D2206" s="359"/>
      <c r="E2206" s="359"/>
      <c r="F2206" s="359"/>
      <c r="G2206" s="359"/>
      <c r="H2206" s="360"/>
      <c r="I2206" s="359"/>
      <c r="J2206" s="359"/>
      <c r="K2206" s="359"/>
      <c r="L2206" s="359"/>
    </row>
    <row r="2207" spans="2:12">
      <c r="B2207" s="361"/>
      <c r="C2207" s="361" t="s">
        <v>30043</v>
      </c>
      <c r="D2207" s="361"/>
      <c r="E2207" s="361"/>
      <c r="F2207" s="361"/>
      <c r="G2207" s="361"/>
      <c r="H2207" s="361" t="s">
        <v>14332</v>
      </c>
      <c r="I2207" s="361"/>
      <c r="J2207" s="361"/>
      <c r="K2207" s="361"/>
      <c r="L2207" s="361"/>
    </row>
    <row r="2208" spans="2:12">
      <c r="B2208" s="358" t="s">
        <v>15559</v>
      </c>
      <c r="C2208" s="358" t="s">
        <v>15560</v>
      </c>
      <c r="D2208" s="358" t="s">
        <v>15561</v>
      </c>
      <c r="E2208" s="358" t="s">
        <v>15562</v>
      </c>
      <c r="F2208" s="358" t="s">
        <v>14379</v>
      </c>
      <c r="G2208" s="358" t="s">
        <v>14380</v>
      </c>
      <c r="H2208" s="358" t="s">
        <v>14378</v>
      </c>
      <c r="I2208" s="358" t="s">
        <v>14380</v>
      </c>
      <c r="J2208" s="358"/>
      <c r="K2208" s="358" t="s">
        <v>15400</v>
      </c>
      <c r="L2208" s="358"/>
    </row>
    <row r="2209" spans="2:12">
      <c r="B2209" s="359"/>
      <c r="C2209" s="360"/>
      <c r="D2209" s="359"/>
      <c r="E2209" s="359"/>
      <c r="F2209" s="360"/>
      <c r="G2209" s="360"/>
      <c r="H2209" s="360"/>
      <c r="I2209" s="360"/>
      <c r="J2209" s="359"/>
      <c r="K2209" s="359"/>
      <c r="L2209" s="359"/>
    </row>
    <row r="2210" spans="2:12" ht="28.5">
      <c r="B2210" s="359"/>
      <c r="C2210" s="359" t="s">
        <v>27439</v>
      </c>
      <c r="D2210" s="359"/>
      <c r="E2210" s="359"/>
      <c r="F2210" s="359" t="s">
        <v>14379</v>
      </c>
      <c r="G2210" s="359" t="s">
        <v>14405</v>
      </c>
      <c r="H2210" s="359" t="s">
        <v>14370</v>
      </c>
      <c r="I2210" s="359" t="s">
        <v>14405</v>
      </c>
      <c r="J2210" s="359"/>
      <c r="K2210" s="359"/>
      <c r="L2210" s="359"/>
    </row>
    <row r="2211" spans="2:12">
      <c r="B2211" s="359"/>
      <c r="C2211" s="360"/>
      <c r="D2211" s="359"/>
      <c r="E2211" s="359"/>
      <c r="F2211" s="360"/>
      <c r="G2211" s="360"/>
      <c r="H2211" s="360"/>
      <c r="I2211" s="360"/>
      <c r="J2211" s="359"/>
      <c r="K2211" s="359"/>
      <c r="L2211" s="359"/>
    </row>
    <row r="2212" spans="2:12">
      <c r="B2212" s="359"/>
      <c r="C2212" s="360"/>
      <c r="D2212" s="359"/>
      <c r="E2212" s="359"/>
      <c r="F2212" s="359" t="s">
        <v>14382</v>
      </c>
      <c r="G2212" s="359" t="s">
        <v>14579</v>
      </c>
      <c r="H2212" s="359" t="s">
        <v>14332</v>
      </c>
      <c r="I2212" s="359" t="s">
        <v>14579</v>
      </c>
      <c r="J2212" s="359"/>
      <c r="K2212" s="359"/>
      <c r="L2212" s="359"/>
    </row>
    <row r="2213" spans="2:12">
      <c r="B2213" s="359"/>
      <c r="C2213" s="360"/>
      <c r="D2213" s="359"/>
      <c r="E2213" s="359"/>
      <c r="F2213" s="360"/>
      <c r="G2213" s="360"/>
      <c r="H2213" s="360"/>
      <c r="I2213" s="360"/>
      <c r="J2213" s="359"/>
      <c r="K2213" s="359"/>
      <c r="L2213" s="359"/>
    </row>
    <row r="2214" spans="2:12">
      <c r="B2214" s="359"/>
      <c r="C2214" s="360"/>
      <c r="D2214" s="359"/>
      <c r="E2214" s="359"/>
      <c r="F2214" s="359" t="s">
        <v>14371</v>
      </c>
      <c r="G2214" s="359" t="s">
        <v>14372</v>
      </c>
      <c r="H2214" s="360"/>
      <c r="I2214" s="359" t="s">
        <v>14373</v>
      </c>
      <c r="J2214" s="359"/>
      <c r="K2214" s="359"/>
      <c r="L2214" s="359"/>
    </row>
    <row r="2215" spans="2:12">
      <c r="B2215" s="359"/>
      <c r="C2215" s="360"/>
      <c r="D2215" s="359"/>
      <c r="E2215" s="359"/>
      <c r="F2215" s="360"/>
      <c r="G2215" s="360"/>
      <c r="H2215" s="360"/>
      <c r="I2215" s="360"/>
      <c r="J2215" s="359"/>
      <c r="K2215" s="359"/>
      <c r="L2215" s="359"/>
    </row>
    <row r="2216" spans="2:12" ht="28.5">
      <c r="B2216" s="361"/>
      <c r="C2216" s="362"/>
      <c r="D2216" s="361"/>
      <c r="E2216" s="361"/>
      <c r="F2216" s="361" t="s">
        <v>14374</v>
      </c>
      <c r="G2216" s="361" t="s">
        <v>14373</v>
      </c>
      <c r="H2216" s="362"/>
      <c r="I2216" s="362"/>
      <c r="J2216" s="361"/>
      <c r="K2216" s="361"/>
      <c r="L2216" s="361"/>
    </row>
    <row r="2217" spans="2:12">
      <c r="B2217" s="358" t="s">
        <v>15563</v>
      </c>
      <c r="C2217" s="358" t="s">
        <v>15564</v>
      </c>
      <c r="D2217" s="358" t="s">
        <v>15565</v>
      </c>
      <c r="E2217" s="358" t="s">
        <v>15566</v>
      </c>
      <c r="F2217" s="358" t="s">
        <v>14382</v>
      </c>
      <c r="G2217" s="358" t="s">
        <v>14383</v>
      </c>
      <c r="H2217" s="358" t="s">
        <v>14378</v>
      </c>
      <c r="I2217" s="358" t="s">
        <v>14383</v>
      </c>
      <c r="J2217" s="358"/>
      <c r="K2217" s="358"/>
      <c r="L2217" s="358"/>
    </row>
    <row r="2218" spans="2:12">
      <c r="B2218" s="359"/>
      <c r="C2218" s="360"/>
      <c r="D2218" s="359"/>
      <c r="E2218" s="359"/>
      <c r="F2218" s="360"/>
      <c r="G2218" s="360"/>
      <c r="H2218" s="360"/>
      <c r="I2218" s="360"/>
      <c r="J2218" s="359"/>
      <c r="K2218" s="359"/>
      <c r="L2218" s="359"/>
    </row>
    <row r="2219" spans="2:12">
      <c r="B2219" s="359"/>
      <c r="C2219" s="359" t="s">
        <v>30044</v>
      </c>
      <c r="D2219" s="359"/>
      <c r="E2219" s="359"/>
      <c r="F2219" s="359" t="s">
        <v>14420</v>
      </c>
      <c r="G2219" s="359" t="s">
        <v>14421</v>
      </c>
      <c r="H2219" s="359" t="s">
        <v>14370</v>
      </c>
      <c r="I2219" s="359" t="s">
        <v>14421</v>
      </c>
      <c r="J2219" s="359"/>
      <c r="K2219" s="359"/>
      <c r="L2219" s="359"/>
    </row>
    <row r="2220" spans="2:12">
      <c r="B2220" s="359"/>
      <c r="C2220" s="360"/>
      <c r="D2220" s="359"/>
      <c r="E2220" s="359"/>
      <c r="F2220" s="360"/>
      <c r="G2220" s="360"/>
      <c r="H2220" s="360"/>
      <c r="I2220" s="360"/>
      <c r="J2220" s="359"/>
      <c r="K2220" s="359"/>
      <c r="L2220" s="359"/>
    </row>
    <row r="2221" spans="2:12">
      <c r="B2221" s="359"/>
      <c r="C2221" s="359" t="s">
        <v>30045</v>
      </c>
      <c r="D2221" s="359"/>
      <c r="E2221" s="359"/>
      <c r="F2221" s="359" t="s">
        <v>14371</v>
      </c>
      <c r="G2221" s="359" t="s">
        <v>14372</v>
      </c>
      <c r="H2221" s="359" t="s">
        <v>14332</v>
      </c>
      <c r="I2221" s="359" t="s">
        <v>14373</v>
      </c>
      <c r="J2221" s="359"/>
      <c r="K2221" s="359"/>
      <c r="L2221" s="359"/>
    </row>
    <row r="2222" spans="2:12">
      <c r="B2222" s="359"/>
      <c r="C2222" s="360"/>
      <c r="D2222" s="359"/>
      <c r="E2222" s="359"/>
      <c r="F2222" s="360"/>
      <c r="G2222" s="360"/>
      <c r="H2222" s="360"/>
      <c r="I2222" s="360"/>
      <c r="J2222" s="359"/>
      <c r="K2222" s="359"/>
      <c r="L2222" s="359"/>
    </row>
    <row r="2223" spans="2:12" ht="28.5">
      <c r="B2223" s="361"/>
      <c r="C2223" s="362"/>
      <c r="D2223" s="361"/>
      <c r="E2223" s="361"/>
      <c r="F2223" s="361" t="s">
        <v>14374</v>
      </c>
      <c r="G2223" s="361" t="s">
        <v>14373</v>
      </c>
      <c r="H2223" s="362"/>
      <c r="I2223" s="362"/>
      <c r="J2223" s="361"/>
      <c r="K2223" s="361"/>
      <c r="L2223" s="361"/>
    </row>
    <row r="2224" spans="2:12" ht="28.5">
      <c r="B2224" s="358" t="s">
        <v>15567</v>
      </c>
      <c r="C2224" s="358" t="s">
        <v>27440</v>
      </c>
      <c r="D2224" s="358" t="s">
        <v>8356</v>
      </c>
      <c r="E2224" s="358" t="s">
        <v>15568</v>
      </c>
      <c r="F2224" s="358" t="s">
        <v>14379</v>
      </c>
      <c r="G2224" s="358" t="s">
        <v>14380</v>
      </c>
      <c r="H2224" s="358" t="s">
        <v>14378</v>
      </c>
      <c r="I2224" s="358" t="s">
        <v>14380</v>
      </c>
      <c r="J2224" s="358"/>
      <c r="K2224" s="358"/>
      <c r="L2224" s="358"/>
    </row>
    <row r="2225" spans="2:12">
      <c r="B2225" s="359"/>
      <c r="C2225" s="359"/>
      <c r="D2225" s="359"/>
      <c r="E2225" s="359"/>
      <c r="F2225" s="360"/>
      <c r="G2225" s="360"/>
      <c r="H2225" s="360"/>
      <c r="I2225" s="360"/>
      <c r="J2225" s="359"/>
      <c r="K2225" s="359"/>
      <c r="L2225" s="359"/>
    </row>
    <row r="2226" spans="2:12">
      <c r="B2226" s="359"/>
      <c r="C2226" s="359"/>
      <c r="D2226" s="359"/>
      <c r="E2226" s="359"/>
      <c r="F2226" s="359" t="s">
        <v>14530</v>
      </c>
      <c r="G2226" s="359" t="s">
        <v>14531</v>
      </c>
      <c r="H2226" s="359" t="s">
        <v>14370</v>
      </c>
      <c r="I2226" s="359" t="s">
        <v>14531</v>
      </c>
      <c r="J2226" s="359"/>
      <c r="K2226" s="359"/>
      <c r="L2226" s="359"/>
    </row>
    <row r="2227" spans="2:12">
      <c r="B2227" s="359"/>
      <c r="C2227" s="359"/>
      <c r="D2227" s="359"/>
      <c r="E2227" s="359"/>
      <c r="F2227" s="360"/>
      <c r="G2227" s="360"/>
      <c r="H2227" s="360"/>
      <c r="I2227" s="360"/>
      <c r="J2227" s="359"/>
      <c r="K2227" s="359"/>
      <c r="L2227" s="359"/>
    </row>
    <row r="2228" spans="2:12">
      <c r="B2228" s="359"/>
      <c r="C2228" s="359"/>
      <c r="D2228" s="359"/>
      <c r="E2228" s="359"/>
      <c r="F2228" s="359" t="s">
        <v>14379</v>
      </c>
      <c r="G2228" s="359" t="s">
        <v>14405</v>
      </c>
      <c r="H2228" s="359" t="s">
        <v>14332</v>
      </c>
      <c r="I2228" s="359" t="s">
        <v>14405</v>
      </c>
      <c r="J2228" s="359"/>
      <c r="K2228" s="359"/>
      <c r="L2228" s="359"/>
    </row>
    <row r="2229" spans="2:12">
      <c r="B2229" s="359"/>
      <c r="C2229" s="359"/>
      <c r="D2229" s="359"/>
      <c r="E2229" s="359"/>
      <c r="F2229" s="360"/>
      <c r="G2229" s="360"/>
      <c r="H2229" s="360"/>
      <c r="I2229" s="360"/>
      <c r="J2229" s="359"/>
      <c r="K2229" s="359"/>
      <c r="L2229" s="359"/>
    </row>
    <row r="2230" spans="2:12" ht="28.5">
      <c r="B2230" s="361"/>
      <c r="C2230" s="361"/>
      <c r="D2230" s="361"/>
      <c r="E2230" s="361"/>
      <c r="F2230" s="361" t="s">
        <v>14394</v>
      </c>
      <c r="G2230" s="361" t="s">
        <v>14395</v>
      </c>
      <c r="H2230" s="362"/>
      <c r="I2230" s="361" t="s">
        <v>14395</v>
      </c>
      <c r="J2230" s="361"/>
      <c r="K2230" s="361"/>
      <c r="L2230" s="361"/>
    </row>
    <row r="2231" spans="2:12">
      <c r="B2231" s="358" t="s">
        <v>15569</v>
      </c>
      <c r="C2231" s="358" t="s">
        <v>15570</v>
      </c>
      <c r="D2231" s="358" t="s">
        <v>15571</v>
      </c>
      <c r="E2231" s="358" t="s">
        <v>15572</v>
      </c>
      <c r="F2231" s="358" t="s">
        <v>14382</v>
      </c>
      <c r="G2231" s="358" t="s">
        <v>14383</v>
      </c>
      <c r="H2231" s="358" t="s">
        <v>14378</v>
      </c>
      <c r="I2231" s="358" t="s">
        <v>14383</v>
      </c>
      <c r="J2231" s="358"/>
      <c r="K2231" s="358"/>
      <c r="L2231" s="358"/>
    </row>
    <row r="2232" spans="2:12">
      <c r="B2232" s="359"/>
      <c r="C2232" s="360"/>
      <c r="D2232" s="359"/>
      <c r="E2232" s="359"/>
      <c r="F2232" s="360"/>
      <c r="G2232" s="360"/>
      <c r="H2232" s="360"/>
      <c r="I2232" s="360"/>
      <c r="J2232" s="359"/>
      <c r="K2232" s="359"/>
      <c r="L2232" s="359"/>
    </row>
    <row r="2233" spans="2:12" ht="28.5">
      <c r="B2233" s="359"/>
      <c r="C2233" s="359" t="s">
        <v>30046</v>
      </c>
      <c r="D2233" s="359"/>
      <c r="E2233" s="359"/>
      <c r="F2233" s="359" t="s">
        <v>14420</v>
      </c>
      <c r="G2233" s="359" t="s">
        <v>14421</v>
      </c>
      <c r="H2233" s="359" t="s">
        <v>14370</v>
      </c>
      <c r="I2233" s="359" t="s">
        <v>14421</v>
      </c>
      <c r="J2233" s="359"/>
      <c r="K2233" s="359"/>
      <c r="L2233" s="359"/>
    </row>
    <row r="2234" spans="2:12">
      <c r="B2234" s="359"/>
      <c r="C2234" s="360"/>
      <c r="D2234" s="359"/>
      <c r="E2234" s="359"/>
      <c r="F2234" s="360"/>
      <c r="G2234" s="360"/>
      <c r="H2234" s="360"/>
      <c r="I2234" s="360"/>
      <c r="J2234" s="359"/>
      <c r="K2234" s="359"/>
      <c r="L2234" s="359"/>
    </row>
    <row r="2235" spans="2:12">
      <c r="B2235" s="361"/>
      <c r="C2235" s="362"/>
      <c r="D2235" s="361"/>
      <c r="E2235" s="361"/>
      <c r="F2235" s="361" t="s">
        <v>14371</v>
      </c>
      <c r="G2235" s="361" t="s">
        <v>14372</v>
      </c>
      <c r="H2235" s="361" t="s">
        <v>14332</v>
      </c>
      <c r="I2235" s="361" t="s">
        <v>14372</v>
      </c>
      <c r="J2235" s="361"/>
      <c r="K2235" s="361"/>
      <c r="L2235" s="361"/>
    </row>
    <row r="2236" spans="2:12">
      <c r="B2236" s="358" t="s">
        <v>15573</v>
      </c>
      <c r="C2236" s="358" t="s">
        <v>15574</v>
      </c>
      <c r="D2236" s="358" t="s">
        <v>15575</v>
      </c>
      <c r="E2236" s="358" t="s">
        <v>15576</v>
      </c>
      <c r="F2236" s="358" t="s">
        <v>14382</v>
      </c>
      <c r="G2236" s="358" t="s">
        <v>14383</v>
      </c>
      <c r="H2236" s="358" t="s">
        <v>14378</v>
      </c>
      <c r="I2236" s="358" t="s">
        <v>14383</v>
      </c>
      <c r="J2236" s="358"/>
      <c r="K2236" s="358" t="s">
        <v>15298</v>
      </c>
      <c r="L2236" s="358"/>
    </row>
    <row r="2237" spans="2:12">
      <c r="B2237" s="359"/>
      <c r="C2237" s="360"/>
      <c r="D2237" s="359"/>
      <c r="E2237" s="359"/>
      <c r="F2237" s="360"/>
      <c r="G2237" s="360"/>
      <c r="H2237" s="360"/>
      <c r="I2237" s="360"/>
      <c r="J2237" s="359"/>
      <c r="K2237" s="359"/>
      <c r="L2237" s="359"/>
    </row>
    <row r="2238" spans="2:12" ht="28.5">
      <c r="B2238" s="359"/>
      <c r="C2238" s="359" t="s">
        <v>30047</v>
      </c>
      <c r="D2238" s="359"/>
      <c r="E2238" s="359"/>
      <c r="F2238" s="359" t="s">
        <v>14420</v>
      </c>
      <c r="G2238" s="359" t="s">
        <v>14459</v>
      </c>
      <c r="H2238" s="359" t="s">
        <v>14370</v>
      </c>
      <c r="I2238" s="359" t="s">
        <v>14459</v>
      </c>
      <c r="J2238" s="359"/>
      <c r="K2238" s="359"/>
      <c r="L2238" s="359"/>
    </row>
    <row r="2239" spans="2:12">
      <c r="B2239" s="359"/>
      <c r="C2239" s="360"/>
      <c r="D2239" s="359"/>
      <c r="E2239" s="359"/>
      <c r="F2239" s="360"/>
      <c r="G2239" s="360"/>
      <c r="H2239" s="360"/>
      <c r="I2239" s="360"/>
      <c r="J2239" s="359"/>
      <c r="K2239" s="359"/>
      <c r="L2239" s="359"/>
    </row>
    <row r="2240" spans="2:12">
      <c r="B2240" s="359"/>
      <c r="C2240" s="360"/>
      <c r="D2240" s="359"/>
      <c r="E2240" s="359"/>
      <c r="F2240" s="359" t="s">
        <v>14420</v>
      </c>
      <c r="G2240" s="359" t="s">
        <v>14421</v>
      </c>
      <c r="H2240" s="359" t="s">
        <v>14332</v>
      </c>
      <c r="I2240" s="359" t="s">
        <v>14421</v>
      </c>
      <c r="J2240" s="359"/>
      <c r="K2240" s="359"/>
      <c r="L2240" s="359"/>
    </row>
    <row r="2241" spans="2:12">
      <c r="B2241" s="359"/>
      <c r="C2241" s="360"/>
      <c r="D2241" s="359"/>
      <c r="E2241" s="359"/>
      <c r="F2241" s="360"/>
      <c r="G2241" s="360"/>
      <c r="H2241" s="360"/>
      <c r="I2241" s="360"/>
      <c r="J2241" s="359"/>
      <c r="K2241" s="359"/>
      <c r="L2241" s="359"/>
    </row>
    <row r="2242" spans="2:12">
      <c r="B2242" s="359"/>
      <c r="C2242" s="360"/>
      <c r="D2242" s="359"/>
      <c r="E2242" s="359"/>
      <c r="F2242" s="359" t="s">
        <v>14391</v>
      </c>
      <c r="G2242" s="359" t="s">
        <v>14392</v>
      </c>
      <c r="H2242" s="360"/>
      <c r="I2242" s="359" t="s">
        <v>14392</v>
      </c>
      <c r="J2242" s="359"/>
      <c r="K2242" s="359"/>
      <c r="L2242" s="359"/>
    </row>
    <row r="2243" spans="2:12">
      <c r="B2243" s="359"/>
      <c r="C2243" s="360"/>
      <c r="D2243" s="359"/>
      <c r="E2243" s="359"/>
      <c r="F2243" s="360"/>
      <c r="G2243" s="360"/>
      <c r="H2243" s="360"/>
      <c r="I2243" s="360"/>
      <c r="J2243" s="359"/>
      <c r="K2243" s="359"/>
      <c r="L2243" s="359"/>
    </row>
    <row r="2244" spans="2:12">
      <c r="B2244" s="359"/>
      <c r="C2244" s="360"/>
      <c r="D2244" s="359"/>
      <c r="E2244" s="359"/>
      <c r="F2244" s="359" t="s">
        <v>14371</v>
      </c>
      <c r="G2244" s="359" t="s">
        <v>14372</v>
      </c>
      <c r="H2244" s="360"/>
      <c r="I2244" s="359" t="s">
        <v>14373</v>
      </c>
      <c r="J2244" s="359"/>
      <c r="K2244" s="359"/>
      <c r="L2244" s="359"/>
    </row>
    <row r="2245" spans="2:12">
      <c r="B2245" s="359"/>
      <c r="C2245" s="360"/>
      <c r="D2245" s="359"/>
      <c r="E2245" s="359"/>
      <c r="F2245" s="360"/>
      <c r="G2245" s="360"/>
      <c r="H2245" s="360"/>
      <c r="I2245" s="360"/>
      <c r="J2245" s="359"/>
      <c r="K2245" s="359"/>
      <c r="L2245" s="359"/>
    </row>
    <row r="2246" spans="2:12" ht="28.5">
      <c r="B2246" s="361"/>
      <c r="C2246" s="362"/>
      <c r="D2246" s="361"/>
      <c r="E2246" s="361"/>
      <c r="F2246" s="361" t="s">
        <v>14374</v>
      </c>
      <c r="G2246" s="361" t="s">
        <v>14373</v>
      </c>
      <c r="H2246" s="362"/>
      <c r="I2246" s="362"/>
      <c r="J2246" s="361"/>
      <c r="K2246" s="361"/>
      <c r="L2246" s="361"/>
    </row>
    <row r="2247" spans="2:12">
      <c r="B2247" s="358" t="s">
        <v>15577</v>
      </c>
      <c r="C2247" s="358" t="s">
        <v>15578</v>
      </c>
      <c r="D2247" s="358" t="s">
        <v>15579</v>
      </c>
      <c r="E2247" s="358" t="s">
        <v>15580</v>
      </c>
      <c r="F2247" s="358" t="s">
        <v>14420</v>
      </c>
      <c r="G2247" s="358" t="s">
        <v>14429</v>
      </c>
      <c r="H2247" s="358" t="s">
        <v>14367</v>
      </c>
      <c r="I2247" s="358" t="s">
        <v>14429</v>
      </c>
      <c r="J2247" s="358"/>
      <c r="K2247" s="358"/>
      <c r="L2247" s="358"/>
    </row>
    <row r="2248" spans="2:12">
      <c r="B2248" s="359"/>
      <c r="C2248" s="360"/>
      <c r="D2248" s="359"/>
      <c r="E2248" s="359"/>
      <c r="F2248" s="360"/>
      <c r="G2248" s="360"/>
      <c r="H2248" s="360"/>
      <c r="I2248" s="360"/>
      <c r="J2248" s="359"/>
      <c r="K2248" s="359"/>
      <c r="L2248" s="359"/>
    </row>
    <row r="2249" spans="2:12">
      <c r="B2249" s="359"/>
      <c r="C2249" s="359" t="s">
        <v>27441</v>
      </c>
      <c r="D2249" s="359"/>
      <c r="E2249" s="359"/>
      <c r="F2249" s="359" t="s">
        <v>14371</v>
      </c>
      <c r="G2249" s="359" t="s">
        <v>14372</v>
      </c>
      <c r="H2249" s="359" t="s">
        <v>14370</v>
      </c>
      <c r="I2249" s="359" t="s">
        <v>14372</v>
      </c>
      <c r="J2249" s="359"/>
      <c r="K2249" s="359"/>
      <c r="L2249" s="359"/>
    </row>
    <row r="2250" spans="2:12">
      <c r="B2250" s="359"/>
      <c r="C2250" s="360"/>
      <c r="D2250" s="359"/>
      <c r="E2250" s="359"/>
      <c r="F2250" s="360"/>
      <c r="G2250" s="360"/>
      <c r="H2250" s="360"/>
      <c r="I2250" s="360"/>
      <c r="J2250" s="359"/>
      <c r="K2250" s="359"/>
      <c r="L2250" s="359"/>
    </row>
    <row r="2251" spans="2:12" ht="28.5">
      <c r="B2251" s="361"/>
      <c r="C2251" s="362"/>
      <c r="D2251" s="361"/>
      <c r="E2251" s="361"/>
      <c r="F2251" s="361" t="s">
        <v>14374</v>
      </c>
      <c r="G2251" s="361" t="s">
        <v>14373</v>
      </c>
      <c r="H2251" s="361" t="s">
        <v>14422</v>
      </c>
      <c r="I2251" s="361" t="s">
        <v>14373</v>
      </c>
      <c r="J2251" s="361"/>
      <c r="K2251" s="361"/>
      <c r="L2251" s="361"/>
    </row>
    <row r="2252" spans="2:12">
      <c r="B2252" s="358" t="s">
        <v>15581</v>
      </c>
      <c r="C2252" s="358" t="s">
        <v>15582</v>
      </c>
      <c r="D2252" s="358" t="s">
        <v>15583</v>
      </c>
      <c r="E2252" s="358" t="s">
        <v>15584</v>
      </c>
      <c r="F2252" s="358" t="s">
        <v>14379</v>
      </c>
      <c r="G2252" s="358" t="s">
        <v>14405</v>
      </c>
      <c r="H2252" s="358" t="s">
        <v>14378</v>
      </c>
      <c r="I2252" s="358" t="s">
        <v>14405</v>
      </c>
      <c r="J2252" s="358"/>
      <c r="K2252" s="358"/>
      <c r="L2252" s="358"/>
    </row>
    <row r="2253" spans="2:12">
      <c r="B2253" s="359"/>
      <c r="C2253" s="360"/>
      <c r="D2253" s="359"/>
      <c r="E2253" s="359"/>
      <c r="F2253" s="360"/>
      <c r="G2253" s="360"/>
      <c r="H2253" s="360"/>
      <c r="I2253" s="360"/>
      <c r="J2253" s="359"/>
      <c r="K2253" s="359"/>
      <c r="L2253" s="359"/>
    </row>
    <row r="2254" spans="2:12" ht="28.5">
      <c r="B2254" s="359"/>
      <c r="C2254" s="359" t="s">
        <v>27442</v>
      </c>
      <c r="D2254" s="359"/>
      <c r="E2254" s="359"/>
      <c r="F2254" s="359" t="s">
        <v>14420</v>
      </c>
      <c r="G2254" s="359" t="s">
        <v>14421</v>
      </c>
      <c r="H2254" s="359" t="s">
        <v>14370</v>
      </c>
      <c r="I2254" s="359" t="s">
        <v>14421</v>
      </c>
      <c r="J2254" s="359"/>
      <c r="K2254" s="359"/>
      <c r="L2254" s="359"/>
    </row>
    <row r="2255" spans="2:12">
      <c r="B2255" s="359"/>
      <c r="C2255" s="360"/>
      <c r="D2255" s="359"/>
      <c r="E2255" s="359"/>
      <c r="F2255" s="360"/>
      <c r="G2255" s="360"/>
      <c r="H2255" s="360"/>
      <c r="I2255" s="360"/>
      <c r="J2255" s="359"/>
      <c r="K2255" s="359"/>
      <c r="L2255" s="359"/>
    </row>
    <row r="2256" spans="2:12">
      <c r="B2256" s="359"/>
      <c r="C2256" s="360"/>
      <c r="D2256" s="359"/>
      <c r="E2256" s="359"/>
      <c r="F2256" s="359" t="s">
        <v>14371</v>
      </c>
      <c r="G2256" s="359" t="s">
        <v>14372</v>
      </c>
      <c r="H2256" s="359" t="s">
        <v>14332</v>
      </c>
      <c r="I2256" s="359" t="s">
        <v>14373</v>
      </c>
      <c r="J2256" s="359"/>
      <c r="K2256" s="359"/>
      <c r="L2256" s="359"/>
    </row>
    <row r="2257" spans="2:12">
      <c r="B2257" s="359"/>
      <c r="C2257" s="360"/>
      <c r="D2257" s="359"/>
      <c r="E2257" s="359"/>
      <c r="F2257" s="360"/>
      <c r="G2257" s="360"/>
      <c r="H2257" s="360"/>
      <c r="I2257" s="360"/>
      <c r="J2257" s="359"/>
      <c r="K2257" s="359"/>
      <c r="L2257" s="359"/>
    </row>
    <row r="2258" spans="2:12" ht="28.5">
      <c r="B2258" s="361"/>
      <c r="C2258" s="362"/>
      <c r="D2258" s="361"/>
      <c r="E2258" s="361"/>
      <c r="F2258" s="361" t="s">
        <v>14374</v>
      </c>
      <c r="G2258" s="361" t="s">
        <v>14373</v>
      </c>
      <c r="H2258" s="362"/>
      <c r="I2258" s="362"/>
      <c r="J2258" s="361"/>
      <c r="K2258" s="361"/>
      <c r="L2258" s="361"/>
    </row>
    <row r="2259" spans="2:12">
      <c r="B2259" s="358" t="s">
        <v>15585</v>
      </c>
      <c r="C2259" s="358" t="s">
        <v>15586</v>
      </c>
      <c r="D2259" s="358" t="s">
        <v>15587</v>
      </c>
      <c r="E2259" s="358" t="s">
        <v>15588</v>
      </c>
      <c r="F2259" s="358" t="s">
        <v>14379</v>
      </c>
      <c r="G2259" s="358" t="s">
        <v>14405</v>
      </c>
      <c r="H2259" s="358" t="s">
        <v>14378</v>
      </c>
      <c r="I2259" s="358" t="s">
        <v>14405</v>
      </c>
      <c r="J2259" s="358"/>
      <c r="K2259" s="358"/>
      <c r="L2259" s="358"/>
    </row>
    <row r="2260" spans="2:12">
      <c r="B2260" s="359"/>
      <c r="C2260" s="360"/>
      <c r="D2260" s="359"/>
      <c r="E2260" s="359"/>
      <c r="F2260" s="360"/>
      <c r="G2260" s="360"/>
      <c r="H2260" s="360"/>
      <c r="I2260" s="360"/>
      <c r="J2260" s="359"/>
      <c r="K2260" s="359"/>
      <c r="L2260" s="359"/>
    </row>
    <row r="2261" spans="2:12" ht="28.5">
      <c r="B2261" s="361"/>
      <c r="C2261" s="361" t="s">
        <v>27443</v>
      </c>
      <c r="D2261" s="361"/>
      <c r="E2261" s="361"/>
      <c r="F2261" s="361" t="s">
        <v>14382</v>
      </c>
      <c r="G2261" s="361" t="s">
        <v>14579</v>
      </c>
      <c r="H2261" s="361" t="s">
        <v>14332</v>
      </c>
      <c r="I2261" s="361" t="s">
        <v>14579</v>
      </c>
      <c r="J2261" s="361"/>
      <c r="K2261" s="361"/>
      <c r="L2261" s="361"/>
    </row>
    <row r="2262" spans="2:12">
      <c r="B2262" s="358" t="s">
        <v>15589</v>
      </c>
      <c r="C2262" s="358" t="s">
        <v>15590</v>
      </c>
      <c r="D2262" s="358" t="s">
        <v>15591</v>
      </c>
      <c r="E2262" s="358" t="s">
        <v>15592</v>
      </c>
      <c r="F2262" s="358" t="s">
        <v>14379</v>
      </c>
      <c r="G2262" s="358" t="s">
        <v>14405</v>
      </c>
      <c r="H2262" s="358" t="s">
        <v>14378</v>
      </c>
      <c r="I2262" s="358" t="s">
        <v>14405</v>
      </c>
      <c r="J2262" s="358"/>
      <c r="K2262" s="358"/>
      <c r="L2262" s="358"/>
    </row>
    <row r="2263" spans="2:12">
      <c r="B2263" s="359"/>
      <c r="C2263" s="360"/>
      <c r="D2263" s="359"/>
      <c r="E2263" s="359"/>
      <c r="F2263" s="360"/>
      <c r="G2263" s="360"/>
      <c r="H2263" s="360"/>
      <c r="I2263" s="360"/>
      <c r="J2263" s="359"/>
      <c r="K2263" s="359"/>
      <c r="L2263" s="359"/>
    </row>
    <row r="2264" spans="2:12">
      <c r="B2264" s="359"/>
      <c r="C2264" s="359" t="s">
        <v>28633</v>
      </c>
      <c r="D2264" s="359"/>
      <c r="E2264" s="359"/>
      <c r="F2264" s="359" t="s">
        <v>14382</v>
      </c>
      <c r="G2264" s="359" t="s">
        <v>14579</v>
      </c>
      <c r="H2264" s="359" t="s">
        <v>14370</v>
      </c>
      <c r="I2264" s="359" t="s">
        <v>14579</v>
      </c>
      <c r="J2264" s="359"/>
      <c r="K2264" s="359"/>
      <c r="L2264" s="359"/>
    </row>
    <row r="2265" spans="2:12">
      <c r="B2265" s="359"/>
      <c r="C2265" s="360"/>
      <c r="D2265" s="359"/>
      <c r="E2265" s="359"/>
      <c r="F2265" s="360"/>
      <c r="G2265" s="360"/>
      <c r="H2265" s="360"/>
      <c r="I2265" s="360"/>
      <c r="J2265" s="359"/>
      <c r="K2265" s="359"/>
      <c r="L2265" s="359"/>
    </row>
    <row r="2266" spans="2:12">
      <c r="B2266" s="359"/>
      <c r="C2266" s="360"/>
      <c r="D2266" s="359"/>
      <c r="E2266" s="359"/>
      <c r="F2266" s="359" t="s">
        <v>14371</v>
      </c>
      <c r="G2266" s="359" t="s">
        <v>14372</v>
      </c>
      <c r="H2266" s="359" t="s">
        <v>14332</v>
      </c>
      <c r="I2266" s="359" t="s">
        <v>14373</v>
      </c>
      <c r="J2266" s="359"/>
      <c r="K2266" s="359"/>
      <c r="L2266" s="359"/>
    </row>
    <row r="2267" spans="2:12">
      <c r="B2267" s="359"/>
      <c r="C2267" s="360"/>
      <c r="D2267" s="359"/>
      <c r="E2267" s="359"/>
      <c r="F2267" s="360"/>
      <c r="G2267" s="360"/>
      <c r="H2267" s="360"/>
      <c r="I2267" s="360"/>
      <c r="J2267" s="359"/>
      <c r="K2267" s="359"/>
      <c r="L2267" s="359"/>
    </row>
    <row r="2268" spans="2:12" ht="28.5">
      <c r="B2268" s="361"/>
      <c r="C2268" s="362"/>
      <c r="D2268" s="361"/>
      <c r="E2268" s="361"/>
      <c r="F2268" s="361" t="s">
        <v>14374</v>
      </c>
      <c r="G2268" s="361" t="s">
        <v>14373</v>
      </c>
      <c r="H2268" s="362"/>
      <c r="I2268" s="362"/>
      <c r="J2268" s="361"/>
      <c r="K2268" s="361"/>
      <c r="L2268" s="361"/>
    </row>
    <row r="2269" spans="2:12">
      <c r="B2269" s="358" t="s">
        <v>15593</v>
      </c>
      <c r="C2269" s="358" t="s">
        <v>15594</v>
      </c>
      <c r="D2269" s="358" t="s">
        <v>15595</v>
      </c>
      <c r="E2269" s="358" t="s">
        <v>15596</v>
      </c>
      <c r="F2269" s="358" t="s">
        <v>14426</v>
      </c>
      <c r="G2269" s="358" t="s">
        <v>14427</v>
      </c>
      <c r="H2269" s="358" t="s">
        <v>14378</v>
      </c>
      <c r="I2269" s="358" t="s">
        <v>14427</v>
      </c>
      <c r="J2269" s="358"/>
      <c r="K2269" s="358"/>
      <c r="L2269" s="358"/>
    </row>
    <row r="2270" spans="2:12">
      <c r="B2270" s="359"/>
      <c r="C2270" s="360"/>
      <c r="D2270" s="359"/>
      <c r="E2270" s="359"/>
      <c r="F2270" s="360"/>
      <c r="G2270" s="360"/>
      <c r="H2270" s="360"/>
      <c r="I2270" s="360"/>
      <c r="J2270" s="359"/>
      <c r="K2270" s="359"/>
      <c r="L2270" s="359"/>
    </row>
    <row r="2271" spans="2:12" ht="28.5">
      <c r="B2271" s="359"/>
      <c r="C2271" s="359" t="s">
        <v>15597</v>
      </c>
      <c r="D2271" s="359"/>
      <c r="E2271" s="359"/>
      <c r="F2271" s="359" t="s">
        <v>14379</v>
      </c>
      <c r="G2271" s="359" t="s">
        <v>14380</v>
      </c>
      <c r="H2271" s="359" t="s">
        <v>14381</v>
      </c>
      <c r="I2271" s="359" t="s">
        <v>14380</v>
      </c>
      <c r="J2271" s="359"/>
      <c r="K2271" s="359"/>
      <c r="L2271" s="359"/>
    </row>
    <row r="2272" spans="2:12">
      <c r="B2272" s="359"/>
      <c r="C2272" s="360"/>
      <c r="D2272" s="359"/>
      <c r="E2272" s="359"/>
      <c r="F2272" s="360"/>
      <c r="G2272" s="360"/>
      <c r="H2272" s="360"/>
      <c r="I2272" s="360"/>
      <c r="J2272" s="359"/>
      <c r="K2272" s="359"/>
      <c r="L2272" s="359"/>
    </row>
    <row r="2273" spans="2:12">
      <c r="B2273" s="359"/>
      <c r="C2273" s="360"/>
      <c r="D2273" s="359"/>
      <c r="E2273" s="359"/>
      <c r="F2273" s="359" t="s">
        <v>14379</v>
      </c>
      <c r="G2273" s="359" t="s">
        <v>14405</v>
      </c>
      <c r="H2273" s="359" t="s">
        <v>14370</v>
      </c>
      <c r="I2273" s="359" t="s">
        <v>14405</v>
      </c>
      <c r="J2273" s="359"/>
      <c r="K2273" s="359"/>
      <c r="L2273" s="359"/>
    </row>
    <row r="2274" spans="2:12">
      <c r="B2274" s="359"/>
      <c r="C2274" s="360"/>
      <c r="D2274" s="359"/>
      <c r="E2274" s="359"/>
      <c r="F2274" s="360"/>
      <c r="G2274" s="360"/>
      <c r="H2274" s="360"/>
      <c r="I2274" s="360"/>
      <c r="J2274" s="359"/>
      <c r="K2274" s="359"/>
      <c r="L2274" s="359"/>
    </row>
    <row r="2275" spans="2:12">
      <c r="B2275" s="359"/>
      <c r="C2275" s="360"/>
      <c r="D2275" s="359"/>
      <c r="E2275" s="359"/>
      <c r="F2275" s="359" t="s">
        <v>14382</v>
      </c>
      <c r="G2275" s="359" t="s">
        <v>14579</v>
      </c>
      <c r="H2275" s="359" t="s">
        <v>14332</v>
      </c>
      <c r="I2275" s="359" t="s">
        <v>14579</v>
      </c>
      <c r="J2275" s="359"/>
      <c r="K2275" s="359"/>
      <c r="L2275" s="359"/>
    </row>
    <row r="2276" spans="2:12">
      <c r="B2276" s="359"/>
      <c r="C2276" s="360"/>
      <c r="D2276" s="359"/>
      <c r="E2276" s="359"/>
      <c r="F2276" s="360"/>
      <c r="G2276" s="360"/>
      <c r="H2276" s="360"/>
      <c r="I2276" s="360"/>
      <c r="J2276" s="359"/>
      <c r="K2276" s="359"/>
      <c r="L2276" s="359"/>
    </row>
    <row r="2277" spans="2:12">
      <c r="B2277" s="359"/>
      <c r="C2277" s="360"/>
      <c r="D2277" s="359"/>
      <c r="E2277" s="359"/>
      <c r="F2277" s="359" t="s">
        <v>14371</v>
      </c>
      <c r="G2277" s="359" t="s">
        <v>14372</v>
      </c>
      <c r="H2277" s="360"/>
      <c r="I2277" s="359" t="s">
        <v>14373</v>
      </c>
      <c r="J2277" s="359"/>
      <c r="K2277" s="359"/>
      <c r="L2277" s="359"/>
    </row>
    <row r="2278" spans="2:12">
      <c r="B2278" s="359"/>
      <c r="C2278" s="360"/>
      <c r="D2278" s="359"/>
      <c r="E2278" s="359"/>
      <c r="F2278" s="360"/>
      <c r="G2278" s="360"/>
      <c r="H2278" s="360"/>
      <c r="I2278" s="360"/>
      <c r="J2278" s="359"/>
      <c r="K2278" s="359"/>
      <c r="L2278" s="359"/>
    </row>
    <row r="2279" spans="2:12" ht="28.5">
      <c r="B2279" s="361"/>
      <c r="C2279" s="362"/>
      <c r="D2279" s="361"/>
      <c r="E2279" s="361"/>
      <c r="F2279" s="361" t="s">
        <v>14374</v>
      </c>
      <c r="G2279" s="361" t="s">
        <v>14373</v>
      </c>
      <c r="H2279" s="362"/>
      <c r="I2279" s="362"/>
      <c r="J2279" s="361"/>
      <c r="K2279" s="361"/>
      <c r="L2279" s="361"/>
    </row>
    <row r="2280" spans="2:12">
      <c r="B2280" s="358" t="s">
        <v>15598</v>
      </c>
      <c r="C2280" s="358" t="s">
        <v>15599</v>
      </c>
      <c r="D2280" s="358" t="s">
        <v>15600</v>
      </c>
      <c r="E2280" s="358" t="s">
        <v>15601</v>
      </c>
      <c r="F2280" s="358" t="s">
        <v>14379</v>
      </c>
      <c r="G2280" s="358" t="s">
        <v>14405</v>
      </c>
      <c r="H2280" s="358" t="s">
        <v>14378</v>
      </c>
      <c r="I2280" s="358" t="s">
        <v>14405</v>
      </c>
      <c r="J2280" s="358"/>
      <c r="K2280" s="358"/>
      <c r="L2280" s="358"/>
    </row>
    <row r="2281" spans="2:12">
      <c r="B2281" s="359"/>
      <c r="C2281" s="360"/>
      <c r="D2281" s="359"/>
      <c r="E2281" s="359"/>
      <c r="F2281" s="360"/>
      <c r="G2281" s="360"/>
      <c r="H2281" s="360"/>
      <c r="I2281" s="360"/>
      <c r="J2281" s="359"/>
      <c r="K2281" s="359"/>
      <c r="L2281" s="359"/>
    </row>
    <row r="2282" spans="2:12" ht="28.5">
      <c r="B2282" s="359"/>
      <c r="C2282" s="359" t="s">
        <v>27444</v>
      </c>
      <c r="D2282" s="359"/>
      <c r="E2282" s="359"/>
      <c r="F2282" s="359" t="s">
        <v>14382</v>
      </c>
      <c r="G2282" s="359" t="s">
        <v>14579</v>
      </c>
      <c r="H2282" s="359" t="s">
        <v>14370</v>
      </c>
      <c r="I2282" s="359" t="s">
        <v>14579</v>
      </c>
      <c r="J2282" s="359"/>
      <c r="K2282" s="359"/>
      <c r="L2282" s="359"/>
    </row>
    <row r="2283" spans="2:12">
      <c r="B2283" s="359"/>
      <c r="C2283" s="360"/>
      <c r="D2283" s="359"/>
      <c r="E2283" s="359"/>
      <c r="F2283" s="360"/>
      <c r="G2283" s="360"/>
      <c r="H2283" s="360"/>
      <c r="I2283" s="360"/>
      <c r="J2283" s="359"/>
      <c r="K2283" s="359"/>
      <c r="L2283" s="359"/>
    </row>
    <row r="2284" spans="2:12">
      <c r="B2284" s="359"/>
      <c r="C2284" s="360"/>
      <c r="D2284" s="359"/>
      <c r="E2284" s="359"/>
      <c r="F2284" s="359" t="s">
        <v>14371</v>
      </c>
      <c r="G2284" s="359" t="s">
        <v>14372</v>
      </c>
      <c r="H2284" s="359" t="s">
        <v>14332</v>
      </c>
      <c r="I2284" s="359" t="s">
        <v>14373</v>
      </c>
      <c r="J2284" s="359"/>
      <c r="K2284" s="359"/>
      <c r="L2284" s="359"/>
    </row>
    <row r="2285" spans="2:12">
      <c r="B2285" s="359"/>
      <c r="C2285" s="360"/>
      <c r="D2285" s="359"/>
      <c r="E2285" s="359"/>
      <c r="F2285" s="360"/>
      <c r="G2285" s="360"/>
      <c r="H2285" s="360"/>
      <c r="I2285" s="360"/>
      <c r="J2285" s="359"/>
      <c r="K2285" s="359"/>
      <c r="L2285" s="359"/>
    </row>
    <row r="2286" spans="2:12" ht="28.5">
      <c r="B2286" s="361"/>
      <c r="C2286" s="362"/>
      <c r="D2286" s="361"/>
      <c r="E2286" s="361"/>
      <c r="F2286" s="361" t="s">
        <v>14374</v>
      </c>
      <c r="G2286" s="361" t="s">
        <v>14373</v>
      </c>
      <c r="H2286" s="362"/>
      <c r="I2286" s="362"/>
      <c r="J2286" s="361"/>
      <c r="K2286" s="361"/>
      <c r="L2286" s="361"/>
    </row>
    <row r="2287" spans="2:12">
      <c r="B2287" s="358" t="s">
        <v>15602</v>
      </c>
      <c r="C2287" s="358" t="s">
        <v>15603</v>
      </c>
      <c r="D2287" s="358" t="s">
        <v>15604</v>
      </c>
      <c r="E2287" s="358" t="s">
        <v>15605</v>
      </c>
      <c r="F2287" s="358" t="s">
        <v>14420</v>
      </c>
      <c r="G2287" s="358" t="s">
        <v>14421</v>
      </c>
      <c r="H2287" s="358" t="s">
        <v>14367</v>
      </c>
      <c r="I2287" s="358" t="s">
        <v>14421</v>
      </c>
      <c r="J2287" s="358"/>
      <c r="K2287" s="358"/>
      <c r="L2287" s="358"/>
    </row>
    <row r="2288" spans="2:12">
      <c r="B2288" s="359"/>
      <c r="C2288" s="360"/>
      <c r="D2288" s="359"/>
      <c r="E2288" s="359"/>
      <c r="F2288" s="360"/>
      <c r="G2288" s="360"/>
      <c r="H2288" s="360"/>
      <c r="I2288" s="360"/>
      <c r="J2288" s="359"/>
      <c r="K2288" s="359"/>
      <c r="L2288" s="359"/>
    </row>
    <row r="2289" spans="2:12" ht="28.5">
      <c r="B2289" s="359"/>
      <c r="C2289" s="359" t="s">
        <v>15606</v>
      </c>
      <c r="D2289" s="359"/>
      <c r="E2289" s="359"/>
      <c r="F2289" s="359" t="s">
        <v>14420</v>
      </c>
      <c r="G2289" s="359" t="s">
        <v>14429</v>
      </c>
      <c r="H2289" s="359" t="s">
        <v>14370</v>
      </c>
      <c r="I2289" s="359" t="s">
        <v>14429</v>
      </c>
      <c r="J2289" s="359"/>
      <c r="K2289" s="359"/>
      <c r="L2289" s="359"/>
    </row>
    <row r="2290" spans="2:12">
      <c r="B2290" s="359"/>
      <c r="C2290" s="360"/>
      <c r="D2290" s="359"/>
      <c r="E2290" s="359"/>
      <c r="F2290" s="360"/>
      <c r="G2290" s="360"/>
      <c r="H2290" s="360"/>
      <c r="I2290" s="360"/>
      <c r="J2290" s="359"/>
      <c r="K2290" s="359"/>
      <c r="L2290" s="359"/>
    </row>
    <row r="2291" spans="2:12">
      <c r="B2291" s="359"/>
      <c r="C2291" s="360"/>
      <c r="D2291" s="359"/>
      <c r="E2291" s="359"/>
      <c r="F2291" s="359" t="s">
        <v>14371</v>
      </c>
      <c r="G2291" s="359" t="s">
        <v>14372</v>
      </c>
      <c r="H2291" s="359" t="s">
        <v>14422</v>
      </c>
      <c r="I2291" s="359" t="s">
        <v>14373</v>
      </c>
      <c r="J2291" s="359"/>
      <c r="K2291" s="359"/>
      <c r="L2291" s="359"/>
    </row>
    <row r="2292" spans="2:12">
      <c r="B2292" s="359"/>
      <c r="C2292" s="360"/>
      <c r="D2292" s="359"/>
      <c r="E2292" s="359"/>
      <c r="F2292" s="360"/>
      <c r="G2292" s="360"/>
      <c r="H2292" s="360"/>
      <c r="I2292" s="360"/>
      <c r="J2292" s="359"/>
      <c r="K2292" s="359"/>
      <c r="L2292" s="359"/>
    </row>
    <row r="2293" spans="2:12" ht="28.5">
      <c r="B2293" s="361"/>
      <c r="C2293" s="362"/>
      <c r="D2293" s="361"/>
      <c r="E2293" s="361"/>
      <c r="F2293" s="361" t="s">
        <v>14374</v>
      </c>
      <c r="G2293" s="361" t="s">
        <v>14373</v>
      </c>
      <c r="H2293" s="362"/>
      <c r="I2293" s="362"/>
      <c r="J2293" s="361"/>
      <c r="K2293" s="361"/>
      <c r="L2293" s="361"/>
    </row>
    <row r="2294" spans="2:12" ht="28.5">
      <c r="B2294" s="358" t="s">
        <v>15607</v>
      </c>
      <c r="C2294" s="358" t="s">
        <v>27445</v>
      </c>
      <c r="D2294" s="358" t="s">
        <v>8356</v>
      </c>
      <c r="E2294" s="358" t="s">
        <v>15608</v>
      </c>
      <c r="F2294" s="358" t="s">
        <v>14382</v>
      </c>
      <c r="G2294" s="358" t="s">
        <v>14483</v>
      </c>
      <c r="H2294" s="358" t="s">
        <v>14378</v>
      </c>
      <c r="I2294" s="358" t="s">
        <v>14483</v>
      </c>
      <c r="J2294" s="358"/>
      <c r="K2294" s="358"/>
      <c r="L2294" s="358"/>
    </row>
    <row r="2295" spans="2:12">
      <c r="B2295" s="359"/>
      <c r="C2295" s="359"/>
      <c r="D2295" s="359"/>
      <c r="E2295" s="359"/>
      <c r="F2295" s="360"/>
      <c r="G2295" s="360"/>
      <c r="H2295" s="360"/>
      <c r="I2295" s="360"/>
      <c r="J2295" s="359"/>
      <c r="K2295" s="359"/>
      <c r="L2295" s="359"/>
    </row>
    <row r="2296" spans="2:12">
      <c r="B2296" s="359"/>
      <c r="C2296" s="359"/>
      <c r="D2296" s="359"/>
      <c r="E2296" s="359"/>
      <c r="F2296" s="359" t="s">
        <v>14382</v>
      </c>
      <c r="G2296" s="359" t="s">
        <v>14579</v>
      </c>
      <c r="H2296" s="359" t="s">
        <v>14332</v>
      </c>
      <c r="I2296" s="359" t="s">
        <v>14579</v>
      </c>
      <c r="J2296" s="359"/>
      <c r="K2296" s="359"/>
      <c r="L2296" s="359"/>
    </row>
    <row r="2297" spans="2:12">
      <c r="B2297" s="359"/>
      <c r="C2297" s="359"/>
      <c r="D2297" s="359"/>
      <c r="E2297" s="359"/>
      <c r="F2297" s="360"/>
      <c r="G2297" s="360"/>
      <c r="H2297" s="360"/>
      <c r="I2297" s="360"/>
      <c r="J2297" s="359"/>
      <c r="K2297" s="359"/>
      <c r="L2297" s="359"/>
    </row>
    <row r="2298" spans="2:12">
      <c r="B2298" s="361"/>
      <c r="C2298" s="361"/>
      <c r="D2298" s="361"/>
      <c r="E2298" s="361"/>
      <c r="F2298" s="361" t="s">
        <v>14382</v>
      </c>
      <c r="G2298" s="361" t="s">
        <v>14383</v>
      </c>
      <c r="H2298" s="362"/>
      <c r="I2298" s="361" t="s">
        <v>14383</v>
      </c>
      <c r="J2298" s="361"/>
      <c r="K2298" s="361"/>
      <c r="L2298" s="361"/>
    </row>
    <row r="2299" spans="2:12">
      <c r="B2299" s="358" t="s">
        <v>15609</v>
      </c>
      <c r="C2299" s="358" t="s">
        <v>15610</v>
      </c>
      <c r="D2299" s="358" t="s">
        <v>8356</v>
      </c>
      <c r="E2299" s="358" t="s">
        <v>15611</v>
      </c>
      <c r="F2299" s="358" t="s">
        <v>14379</v>
      </c>
      <c r="G2299" s="358" t="s">
        <v>14380</v>
      </c>
      <c r="H2299" s="358" t="s">
        <v>14378</v>
      </c>
      <c r="I2299" s="358" t="s">
        <v>14380</v>
      </c>
      <c r="J2299" s="358"/>
      <c r="K2299" s="358" t="s">
        <v>15400</v>
      </c>
      <c r="L2299" s="358"/>
    </row>
    <row r="2300" spans="2:12">
      <c r="B2300" s="359"/>
      <c r="C2300" s="360"/>
      <c r="D2300" s="359"/>
      <c r="E2300" s="359"/>
      <c r="F2300" s="360"/>
      <c r="G2300" s="360"/>
      <c r="H2300" s="360"/>
      <c r="I2300" s="360"/>
      <c r="J2300" s="359"/>
      <c r="K2300" s="359"/>
      <c r="L2300" s="359"/>
    </row>
    <row r="2301" spans="2:12" ht="28.5">
      <c r="B2301" s="359"/>
      <c r="C2301" s="359" t="s">
        <v>30048</v>
      </c>
      <c r="D2301" s="359"/>
      <c r="E2301" s="359"/>
      <c r="F2301" s="359" t="s">
        <v>14530</v>
      </c>
      <c r="G2301" s="359" t="s">
        <v>14531</v>
      </c>
      <c r="H2301" s="359" t="s">
        <v>14370</v>
      </c>
      <c r="I2301" s="359" t="s">
        <v>14531</v>
      </c>
      <c r="J2301" s="359"/>
      <c r="K2301" s="359"/>
      <c r="L2301" s="359"/>
    </row>
    <row r="2302" spans="2:12">
      <c r="B2302" s="359"/>
      <c r="C2302" s="360"/>
      <c r="D2302" s="359"/>
      <c r="E2302" s="359"/>
      <c r="F2302" s="360"/>
      <c r="G2302" s="360"/>
      <c r="H2302" s="360"/>
      <c r="I2302" s="360"/>
      <c r="J2302" s="359"/>
      <c r="K2302" s="359"/>
      <c r="L2302" s="359"/>
    </row>
    <row r="2303" spans="2:12">
      <c r="B2303" s="359"/>
      <c r="C2303" s="360"/>
      <c r="D2303" s="359"/>
      <c r="E2303" s="359"/>
      <c r="F2303" s="359" t="s">
        <v>14379</v>
      </c>
      <c r="G2303" s="359" t="s">
        <v>14405</v>
      </c>
      <c r="H2303" s="359" t="s">
        <v>14332</v>
      </c>
      <c r="I2303" s="359" t="s">
        <v>14405</v>
      </c>
      <c r="J2303" s="359"/>
      <c r="K2303" s="359"/>
      <c r="L2303" s="359"/>
    </row>
    <row r="2304" spans="2:12">
      <c r="B2304" s="359"/>
      <c r="C2304" s="360"/>
      <c r="D2304" s="359"/>
      <c r="E2304" s="359"/>
      <c r="F2304" s="360"/>
      <c r="G2304" s="360"/>
      <c r="H2304" s="360"/>
      <c r="I2304" s="360"/>
      <c r="J2304" s="359"/>
      <c r="K2304" s="359"/>
      <c r="L2304" s="359"/>
    </row>
    <row r="2305" spans="2:12">
      <c r="B2305" s="359"/>
      <c r="C2305" s="360"/>
      <c r="D2305" s="359"/>
      <c r="E2305" s="359"/>
      <c r="F2305" s="359" t="s">
        <v>14371</v>
      </c>
      <c r="G2305" s="359" t="s">
        <v>14372</v>
      </c>
      <c r="H2305" s="360"/>
      <c r="I2305" s="359" t="s">
        <v>14373</v>
      </c>
      <c r="J2305" s="359"/>
      <c r="K2305" s="359"/>
      <c r="L2305" s="359"/>
    </row>
    <row r="2306" spans="2:12">
      <c r="B2306" s="359"/>
      <c r="C2306" s="360"/>
      <c r="D2306" s="359"/>
      <c r="E2306" s="359"/>
      <c r="F2306" s="360"/>
      <c r="G2306" s="360"/>
      <c r="H2306" s="360"/>
      <c r="I2306" s="360"/>
      <c r="J2306" s="359"/>
      <c r="K2306" s="359"/>
      <c r="L2306" s="359"/>
    </row>
    <row r="2307" spans="2:12" ht="28.5">
      <c r="B2307" s="361"/>
      <c r="C2307" s="362"/>
      <c r="D2307" s="361"/>
      <c r="E2307" s="361"/>
      <c r="F2307" s="361" t="s">
        <v>14374</v>
      </c>
      <c r="G2307" s="361" t="s">
        <v>14373</v>
      </c>
      <c r="H2307" s="362"/>
      <c r="I2307" s="362"/>
      <c r="J2307" s="361"/>
      <c r="K2307" s="361"/>
      <c r="L2307" s="361"/>
    </row>
    <row r="2308" spans="2:12" ht="28.5">
      <c r="B2308" s="358" t="s">
        <v>15612</v>
      </c>
      <c r="C2308" s="358" t="s">
        <v>15613</v>
      </c>
      <c r="D2308" s="358" t="s">
        <v>8356</v>
      </c>
      <c r="E2308" s="358" t="s">
        <v>15614</v>
      </c>
      <c r="F2308" s="358" t="s">
        <v>14382</v>
      </c>
      <c r="G2308" s="358" t="s">
        <v>14483</v>
      </c>
      <c r="H2308" s="358" t="s">
        <v>14378</v>
      </c>
      <c r="I2308" s="358" t="s">
        <v>14483</v>
      </c>
      <c r="J2308" s="358"/>
      <c r="K2308" s="358"/>
      <c r="L2308" s="358"/>
    </row>
    <row r="2309" spans="2:12">
      <c r="B2309" s="359"/>
      <c r="C2309" s="359"/>
      <c r="D2309" s="359"/>
      <c r="E2309" s="359"/>
      <c r="F2309" s="360"/>
      <c r="G2309" s="360"/>
      <c r="H2309" s="360"/>
      <c r="I2309" s="360"/>
      <c r="J2309" s="359"/>
      <c r="K2309" s="359"/>
      <c r="L2309" s="359"/>
    </row>
    <row r="2310" spans="2:12">
      <c r="B2310" s="359"/>
      <c r="C2310" s="359"/>
      <c r="D2310" s="359"/>
      <c r="E2310" s="359"/>
      <c r="F2310" s="359" t="s">
        <v>14382</v>
      </c>
      <c r="G2310" s="359" t="s">
        <v>14579</v>
      </c>
      <c r="H2310" s="359" t="s">
        <v>14332</v>
      </c>
      <c r="I2310" s="359" t="s">
        <v>14579</v>
      </c>
      <c r="J2310" s="359"/>
      <c r="K2310" s="359"/>
      <c r="L2310" s="359"/>
    </row>
    <row r="2311" spans="2:12">
      <c r="B2311" s="359"/>
      <c r="C2311" s="359"/>
      <c r="D2311" s="359"/>
      <c r="E2311" s="359"/>
      <c r="F2311" s="360"/>
      <c r="G2311" s="360"/>
      <c r="H2311" s="360"/>
      <c r="I2311" s="360"/>
      <c r="J2311" s="359"/>
      <c r="K2311" s="359"/>
      <c r="L2311" s="359"/>
    </row>
    <row r="2312" spans="2:12">
      <c r="B2312" s="361"/>
      <c r="C2312" s="361"/>
      <c r="D2312" s="361"/>
      <c r="E2312" s="361"/>
      <c r="F2312" s="361" t="s">
        <v>14382</v>
      </c>
      <c r="G2312" s="361" t="s">
        <v>14383</v>
      </c>
      <c r="H2312" s="362"/>
      <c r="I2312" s="361" t="s">
        <v>14383</v>
      </c>
      <c r="J2312" s="361"/>
      <c r="K2312" s="361"/>
      <c r="L2312" s="361"/>
    </row>
    <row r="2313" spans="2:12">
      <c r="B2313" s="358" t="s">
        <v>15615</v>
      </c>
      <c r="C2313" s="358" t="s">
        <v>30049</v>
      </c>
      <c r="D2313" s="358" t="s">
        <v>15616</v>
      </c>
      <c r="E2313" s="358" t="s">
        <v>15617</v>
      </c>
      <c r="F2313" s="358" t="s">
        <v>14382</v>
      </c>
      <c r="G2313" s="358" t="s">
        <v>14383</v>
      </c>
      <c r="H2313" s="358" t="s">
        <v>14378</v>
      </c>
      <c r="I2313" s="358" t="s">
        <v>14383</v>
      </c>
      <c r="J2313" s="358"/>
      <c r="K2313" s="358"/>
      <c r="L2313" s="358"/>
    </row>
    <row r="2314" spans="2:12">
      <c r="B2314" s="359"/>
      <c r="C2314" s="360"/>
      <c r="D2314" s="359"/>
      <c r="E2314" s="359"/>
      <c r="F2314" s="360"/>
      <c r="G2314" s="360"/>
      <c r="H2314" s="360"/>
      <c r="I2314" s="360"/>
      <c r="J2314" s="359"/>
      <c r="K2314" s="359"/>
      <c r="L2314" s="359"/>
    </row>
    <row r="2315" spans="2:12">
      <c r="B2315" s="359"/>
      <c r="C2315" s="359" t="s">
        <v>27446</v>
      </c>
      <c r="D2315" s="359"/>
      <c r="E2315" s="359"/>
      <c r="F2315" s="359" t="s">
        <v>14420</v>
      </c>
      <c r="G2315" s="359" t="s">
        <v>14421</v>
      </c>
      <c r="H2315" s="359" t="s">
        <v>14370</v>
      </c>
      <c r="I2315" s="359" t="s">
        <v>14421</v>
      </c>
      <c r="J2315" s="359"/>
      <c r="K2315" s="359"/>
      <c r="L2315" s="359"/>
    </row>
    <row r="2316" spans="2:12">
      <c r="B2316" s="359"/>
      <c r="C2316" s="360"/>
      <c r="D2316" s="359"/>
      <c r="E2316" s="359"/>
      <c r="F2316" s="360"/>
      <c r="G2316" s="360"/>
      <c r="H2316" s="360"/>
      <c r="I2316" s="360"/>
      <c r="J2316" s="359"/>
      <c r="K2316" s="359"/>
      <c r="L2316" s="359"/>
    </row>
    <row r="2317" spans="2:12" ht="28.5">
      <c r="B2317" s="361"/>
      <c r="C2317" s="362"/>
      <c r="D2317" s="361"/>
      <c r="E2317" s="361"/>
      <c r="F2317" s="361" t="s">
        <v>14394</v>
      </c>
      <c r="G2317" s="361" t="s">
        <v>14395</v>
      </c>
      <c r="H2317" s="361" t="s">
        <v>14332</v>
      </c>
      <c r="I2317" s="361" t="s">
        <v>14395</v>
      </c>
      <c r="J2317" s="361"/>
      <c r="K2317" s="361"/>
      <c r="L2317" s="361"/>
    </row>
    <row r="2318" spans="2:12">
      <c r="B2318" s="358" t="s">
        <v>15618</v>
      </c>
      <c r="C2318" s="358" t="s">
        <v>15619</v>
      </c>
      <c r="D2318" s="358" t="s">
        <v>15620</v>
      </c>
      <c r="E2318" s="358" t="s">
        <v>15621</v>
      </c>
      <c r="F2318" s="358" t="s">
        <v>14420</v>
      </c>
      <c r="G2318" s="358" t="s">
        <v>14429</v>
      </c>
      <c r="H2318" s="358" t="s">
        <v>14367</v>
      </c>
      <c r="I2318" s="358" t="s">
        <v>14429</v>
      </c>
      <c r="J2318" s="358"/>
      <c r="K2318" s="358"/>
      <c r="L2318" s="358"/>
    </row>
    <row r="2319" spans="2:12">
      <c r="B2319" s="359"/>
      <c r="C2319" s="360"/>
      <c r="D2319" s="359"/>
      <c r="E2319" s="359"/>
      <c r="F2319" s="359"/>
      <c r="G2319" s="359"/>
      <c r="H2319" s="360"/>
      <c r="I2319" s="359"/>
      <c r="J2319" s="359"/>
      <c r="K2319" s="359"/>
      <c r="L2319" s="359"/>
    </row>
    <row r="2320" spans="2:12">
      <c r="B2320" s="361"/>
      <c r="C2320" s="361" t="s">
        <v>30050</v>
      </c>
      <c r="D2320" s="361"/>
      <c r="E2320" s="361"/>
      <c r="F2320" s="361"/>
      <c r="G2320" s="361"/>
      <c r="H2320" s="361" t="s">
        <v>14422</v>
      </c>
      <c r="I2320" s="361"/>
      <c r="J2320" s="361"/>
      <c r="K2320" s="361"/>
      <c r="L2320" s="361"/>
    </row>
    <row r="2321" spans="2:12">
      <c r="B2321" s="358" t="s">
        <v>15622</v>
      </c>
      <c r="C2321" s="358" t="s">
        <v>15623</v>
      </c>
      <c r="D2321" s="358" t="s">
        <v>8356</v>
      </c>
      <c r="E2321" s="358" t="s">
        <v>15624</v>
      </c>
      <c r="F2321" s="358" t="s">
        <v>14420</v>
      </c>
      <c r="G2321" s="358" t="s">
        <v>14429</v>
      </c>
      <c r="H2321" s="358" t="s">
        <v>14367</v>
      </c>
      <c r="I2321" s="358" t="s">
        <v>14429</v>
      </c>
      <c r="J2321" s="358"/>
      <c r="K2321" s="358"/>
      <c r="L2321" s="358"/>
    </row>
    <row r="2322" spans="2:12">
      <c r="B2322" s="359"/>
      <c r="C2322" s="360"/>
      <c r="D2322" s="359"/>
      <c r="E2322" s="359"/>
      <c r="F2322" s="359"/>
      <c r="G2322" s="359"/>
      <c r="H2322" s="360"/>
      <c r="I2322" s="359"/>
      <c r="J2322" s="359"/>
      <c r="K2322" s="359"/>
      <c r="L2322" s="359"/>
    </row>
    <row r="2323" spans="2:12" ht="28.5">
      <c r="B2323" s="361"/>
      <c r="C2323" s="361" t="s">
        <v>27447</v>
      </c>
      <c r="D2323" s="361"/>
      <c r="E2323" s="361"/>
      <c r="F2323" s="361"/>
      <c r="G2323" s="361"/>
      <c r="H2323" s="361" t="s">
        <v>14422</v>
      </c>
      <c r="I2323" s="361"/>
      <c r="J2323" s="361"/>
      <c r="K2323" s="361"/>
      <c r="L2323" s="361"/>
    </row>
    <row r="2324" spans="2:12">
      <c r="B2324" s="358" t="s">
        <v>15625</v>
      </c>
      <c r="C2324" s="358" t="s">
        <v>27448</v>
      </c>
      <c r="D2324" s="358" t="s">
        <v>15626</v>
      </c>
      <c r="E2324" s="358" t="s">
        <v>15627</v>
      </c>
      <c r="F2324" s="358" t="s">
        <v>14420</v>
      </c>
      <c r="G2324" s="358" t="s">
        <v>14421</v>
      </c>
      <c r="H2324" s="358" t="s">
        <v>14367</v>
      </c>
      <c r="I2324" s="358" t="s">
        <v>14421</v>
      </c>
      <c r="J2324" s="358"/>
      <c r="K2324" s="358"/>
      <c r="L2324" s="358"/>
    </row>
    <row r="2325" spans="2:12">
      <c r="B2325" s="359"/>
      <c r="C2325" s="359"/>
      <c r="D2325" s="359"/>
      <c r="E2325" s="359"/>
      <c r="F2325" s="360"/>
      <c r="G2325" s="360"/>
      <c r="H2325" s="360"/>
      <c r="I2325" s="360"/>
      <c r="J2325" s="359"/>
      <c r="K2325" s="359"/>
      <c r="L2325" s="359"/>
    </row>
    <row r="2326" spans="2:12">
      <c r="B2326" s="359"/>
      <c r="C2326" s="359"/>
      <c r="D2326" s="359"/>
      <c r="E2326" s="359"/>
      <c r="F2326" s="359" t="s">
        <v>14420</v>
      </c>
      <c r="G2326" s="359" t="s">
        <v>14429</v>
      </c>
      <c r="H2326" s="359" t="s">
        <v>14370</v>
      </c>
      <c r="I2326" s="359" t="s">
        <v>14429</v>
      </c>
      <c r="J2326" s="359"/>
      <c r="K2326" s="359"/>
      <c r="L2326" s="359"/>
    </row>
    <row r="2327" spans="2:12">
      <c r="B2327" s="359"/>
      <c r="C2327" s="359"/>
      <c r="D2327" s="359"/>
      <c r="E2327" s="359"/>
      <c r="F2327" s="360"/>
      <c r="G2327" s="360"/>
      <c r="H2327" s="360"/>
      <c r="I2327" s="360"/>
      <c r="J2327" s="359"/>
      <c r="K2327" s="359"/>
      <c r="L2327" s="359"/>
    </row>
    <row r="2328" spans="2:12">
      <c r="B2328" s="359"/>
      <c r="C2328" s="359"/>
      <c r="D2328" s="359"/>
      <c r="E2328" s="359"/>
      <c r="F2328" s="359" t="s">
        <v>14371</v>
      </c>
      <c r="G2328" s="359" t="s">
        <v>14372</v>
      </c>
      <c r="H2328" s="359" t="s">
        <v>14422</v>
      </c>
      <c r="I2328" s="359" t="s">
        <v>14373</v>
      </c>
      <c r="J2328" s="359"/>
      <c r="K2328" s="359"/>
      <c r="L2328" s="359"/>
    </row>
    <row r="2329" spans="2:12">
      <c r="B2329" s="359"/>
      <c r="C2329" s="359"/>
      <c r="D2329" s="359"/>
      <c r="E2329" s="359"/>
      <c r="F2329" s="360"/>
      <c r="G2329" s="360"/>
      <c r="H2329" s="360"/>
      <c r="I2329" s="360"/>
      <c r="J2329" s="359"/>
      <c r="K2329" s="359"/>
      <c r="L2329" s="359"/>
    </row>
    <row r="2330" spans="2:12" ht="28.5">
      <c r="B2330" s="361"/>
      <c r="C2330" s="361"/>
      <c r="D2330" s="361"/>
      <c r="E2330" s="361"/>
      <c r="F2330" s="361" t="s">
        <v>14374</v>
      </c>
      <c r="G2330" s="361" t="s">
        <v>14373</v>
      </c>
      <c r="H2330" s="362"/>
      <c r="I2330" s="362"/>
      <c r="J2330" s="361"/>
      <c r="K2330" s="361"/>
      <c r="L2330" s="361"/>
    </row>
    <row r="2331" spans="2:12">
      <c r="B2331" s="358" t="s">
        <v>15628</v>
      </c>
      <c r="C2331" s="358" t="s">
        <v>15629</v>
      </c>
      <c r="D2331" s="358" t="s">
        <v>15630</v>
      </c>
      <c r="E2331" s="358" t="s">
        <v>15631</v>
      </c>
      <c r="F2331" s="358" t="s">
        <v>14420</v>
      </c>
      <c r="G2331" s="358" t="s">
        <v>14459</v>
      </c>
      <c r="H2331" s="358" t="s">
        <v>14367</v>
      </c>
      <c r="I2331" s="358" t="s">
        <v>14459</v>
      </c>
      <c r="J2331" s="358"/>
      <c r="K2331" s="358"/>
      <c r="L2331" s="358"/>
    </row>
    <row r="2332" spans="2:12">
      <c r="B2332" s="359"/>
      <c r="C2332" s="360"/>
      <c r="D2332" s="359"/>
      <c r="E2332" s="359"/>
      <c r="F2332" s="360"/>
      <c r="G2332" s="360"/>
      <c r="H2332" s="360"/>
      <c r="I2332" s="360"/>
      <c r="J2332" s="359"/>
      <c r="K2332" s="359"/>
      <c r="L2332" s="359"/>
    </row>
    <row r="2333" spans="2:12" ht="28.5">
      <c r="B2333" s="361"/>
      <c r="C2333" s="361" t="s">
        <v>27449</v>
      </c>
      <c r="D2333" s="361"/>
      <c r="E2333" s="361"/>
      <c r="F2333" s="361" t="s">
        <v>14420</v>
      </c>
      <c r="G2333" s="361" t="s">
        <v>14429</v>
      </c>
      <c r="H2333" s="361" t="s">
        <v>14422</v>
      </c>
      <c r="I2333" s="361" t="s">
        <v>14429</v>
      </c>
      <c r="J2333" s="361"/>
      <c r="K2333" s="361"/>
      <c r="L2333" s="361"/>
    </row>
    <row r="2334" spans="2:12">
      <c r="B2334" s="358" t="s">
        <v>15632</v>
      </c>
      <c r="C2334" s="358" t="s">
        <v>15633</v>
      </c>
      <c r="D2334" s="358" t="s">
        <v>15634</v>
      </c>
      <c r="E2334" s="358" t="s">
        <v>15635</v>
      </c>
      <c r="F2334" s="358" t="s">
        <v>14420</v>
      </c>
      <c r="G2334" s="358" t="s">
        <v>14429</v>
      </c>
      <c r="H2334" s="358" t="s">
        <v>14367</v>
      </c>
      <c r="I2334" s="358" t="s">
        <v>14429</v>
      </c>
      <c r="J2334" s="358"/>
      <c r="K2334" s="358"/>
      <c r="L2334" s="358"/>
    </row>
    <row r="2335" spans="2:12">
      <c r="B2335" s="359"/>
      <c r="C2335" s="360"/>
      <c r="D2335" s="359"/>
      <c r="E2335" s="359"/>
      <c r="F2335" s="360"/>
      <c r="G2335" s="360"/>
      <c r="H2335" s="360"/>
      <c r="I2335" s="360"/>
      <c r="J2335" s="359"/>
      <c r="K2335" s="359"/>
      <c r="L2335" s="359"/>
    </row>
    <row r="2336" spans="2:12" ht="28.5">
      <c r="B2336" s="359"/>
      <c r="C2336" s="359" t="s">
        <v>30051</v>
      </c>
      <c r="D2336" s="359"/>
      <c r="E2336" s="359"/>
      <c r="F2336" s="359" t="s">
        <v>14371</v>
      </c>
      <c r="G2336" s="359" t="s">
        <v>14372</v>
      </c>
      <c r="H2336" s="359" t="s">
        <v>14370</v>
      </c>
      <c r="I2336" s="359" t="s">
        <v>14373</v>
      </c>
      <c r="J2336" s="359"/>
      <c r="K2336" s="359"/>
      <c r="L2336" s="359"/>
    </row>
    <row r="2337" spans="2:12">
      <c r="B2337" s="359"/>
      <c r="C2337" s="360"/>
      <c r="D2337" s="359"/>
      <c r="E2337" s="359"/>
      <c r="F2337" s="360"/>
      <c r="G2337" s="360"/>
      <c r="H2337" s="360"/>
      <c r="I2337" s="360"/>
      <c r="J2337" s="359"/>
      <c r="K2337" s="359"/>
      <c r="L2337" s="359"/>
    </row>
    <row r="2338" spans="2:12" ht="28.5">
      <c r="B2338" s="361"/>
      <c r="C2338" s="362"/>
      <c r="D2338" s="361"/>
      <c r="E2338" s="361"/>
      <c r="F2338" s="361" t="s">
        <v>14374</v>
      </c>
      <c r="G2338" s="361" t="s">
        <v>14373</v>
      </c>
      <c r="H2338" s="361" t="s">
        <v>14422</v>
      </c>
      <c r="I2338" s="362"/>
      <c r="J2338" s="361"/>
      <c r="K2338" s="361"/>
      <c r="L2338" s="361"/>
    </row>
    <row r="2339" spans="2:12" ht="28.5">
      <c r="B2339" s="358" t="s">
        <v>15636</v>
      </c>
      <c r="C2339" s="358" t="s">
        <v>15637</v>
      </c>
      <c r="D2339" s="358" t="s">
        <v>15638</v>
      </c>
      <c r="E2339" s="358" t="s">
        <v>15639</v>
      </c>
      <c r="F2339" s="358" t="s">
        <v>28568</v>
      </c>
      <c r="G2339" s="358" t="s">
        <v>14383</v>
      </c>
      <c r="H2339" s="358" t="s">
        <v>14378</v>
      </c>
      <c r="I2339" s="358" t="s">
        <v>14383</v>
      </c>
      <c r="J2339" s="358"/>
      <c r="K2339" s="358" t="s">
        <v>15394</v>
      </c>
      <c r="L2339" s="358"/>
    </row>
    <row r="2340" spans="2:12">
      <c r="B2340" s="359"/>
      <c r="C2340" s="360"/>
      <c r="D2340" s="359"/>
      <c r="E2340" s="359"/>
      <c r="F2340" s="360"/>
      <c r="G2340" s="360"/>
      <c r="H2340" s="360"/>
      <c r="I2340" s="360"/>
      <c r="J2340" s="359"/>
      <c r="K2340" s="359"/>
      <c r="L2340" s="359"/>
    </row>
    <row r="2341" spans="2:12" ht="28.5">
      <c r="B2341" s="359"/>
      <c r="C2341" s="359" t="s">
        <v>27450</v>
      </c>
      <c r="D2341" s="359"/>
      <c r="E2341" s="359"/>
      <c r="F2341" s="359" t="s">
        <v>14374</v>
      </c>
      <c r="G2341" s="359" t="s">
        <v>14372</v>
      </c>
      <c r="H2341" s="359" t="s">
        <v>14370</v>
      </c>
      <c r="I2341" s="359" t="s">
        <v>14372</v>
      </c>
      <c r="J2341" s="359"/>
      <c r="K2341" s="359"/>
      <c r="L2341" s="359"/>
    </row>
    <row r="2342" spans="2:12">
      <c r="B2342" s="359"/>
      <c r="C2342" s="360"/>
      <c r="D2342" s="359"/>
      <c r="E2342" s="359"/>
      <c r="F2342" s="360"/>
      <c r="G2342" s="360"/>
      <c r="H2342" s="360"/>
      <c r="I2342" s="360"/>
      <c r="J2342" s="359"/>
      <c r="K2342" s="359"/>
      <c r="L2342" s="359"/>
    </row>
    <row r="2343" spans="2:12">
      <c r="B2343" s="361"/>
      <c r="C2343" s="362"/>
      <c r="D2343" s="361"/>
      <c r="E2343" s="361"/>
      <c r="F2343" s="362"/>
      <c r="G2343" s="361" t="s">
        <v>14373</v>
      </c>
      <c r="H2343" s="361" t="s">
        <v>14332</v>
      </c>
      <c r="I2343" s="361" t="s">
        <v>14373</v>
      </c>
      <c r="J2343" s="361"/>
      <c r="K2343" s="361"/>
      <c r="L2343" s="361"/>
    </row>
    <row r="2344" spans="2:12">
      <c r="B2344" s="358" t="s">
        <v>15640</v>
      </c>
      <c r="C2344" s="358" t="s">
        <v>15641</v>
      </c>
      <c r="D2344" s="358" t="s">
        <v>15642</v>
      </c>
      <c r="E2344" s="358" t="s">
        <v>15643</v>
      </c>
      <c r="F2344" s="358" t="s">
        <v>14382</v>
      </c>
      <c r="G2344" s="358" t="s">
        <v>14383</v>
      </c>
      <c r="H2344" s="358" t="s">
        <v>14378</v>
      </c>
      <c r="I2344" s="358" t="s">
        <v>14383</v>
      </c>
      <c r="J2344" s="358"/>
      <c r="K2344" s="358"/>
      <c r="L2344" s="358"/>
    </row>
    <row r="2345" spans="2:12">
      <c r="B2345" s="359"/>
      <c r="C2345" s="360"/>
      <c r="D2345" s="359"/>
      <c r="E2345" s="359"/>
      <c r="F2345" s="360"/>
      <c r="G2345" s="360"/>
      <c r="H2345" s="360"/>
      <c r="I2345" s="360"/>
      <c r="J2345" s="359"/>
      <c r="K2345" s="359"/>
      <c r="L2345" s="359"/>
    </row>
    <row r="2346" spans="2:12">
      <c r="B2346" s="359"/>
      <c r="C2346" s="359" t="s">
        <v>15644</v>
      </c>
      <c r="D2346" s="359"/>
      <c r="E2346" s="359"/>
      <c r="F2346" s="359" t="s">
        <v>14420</v>
      </c>
      <c r="G2346" s="359" t="s">
        <v>14421</v>
      </c>
      <c r="H2346" s="359" t="s">
        <v>14332</v>
      </c>
      <c r="I2346" s="359" t="s">
        <v>14421</v>
      </c>
      <c r="J2346" s="359"/>
      <c r="K2346" s="359"/>
      <c r="L2346" s="359"/>
    </row>
    <row r="2347" spans="2:12">
      <c r="B2347" s="359"/>
      <c r="C2347" s="360"/>
      <c r="D2347" s="359"/>
      <c r="E2347" s="359"/>
      <c r="F2347" s="360"/>
      <c r="G2347" s="360"/>
      <c r="H2347" s="360"/>
      <c r="I2347" s="360"/>
      <c r="J2347" s="359"/>
      <c r="K2347" s="359"/>
      <c r="L2347" s="359"/>
    </row>
    <row r="2348" spans="2:12">
      <c r="B2348" s="359"/>
      <c r="C2348" s="360"/>
      <c r="D2348" s="359"/>
      <c r="E2348" s="359"/>
      <c r="F2348" s="359" t="s">
        <v>14386</v>
      </c>
      <c r="G2348" s="359" t="s">
        <v>14387</v>
      </c>
      <c r="H2348" s="360"/>
      <c r="I2348" s="359" t="s">
        <v>14387</v>
      </c>
      <c r="J2348" s="359"/>
      <c r="K2348" s="359"/>
      <c r="L2348" s="359"/>
    </row>
    <row r="2349" spans="2:12">
      <c r="B2349" s="359"/>
      <c r="C2349" s="360"/>
      <c r="D2349" s="359"/>
      <c r="E2349" s="359"/>
      <c r="F2349" s="360"/>
      <c r="G2349" s="360"/>
      <c r="H2349" s="360"/>
      <c r="I2349" s="360"/>
      <c r="J2349" s="359"/>
      <c r="K2349" s="359"/>
      <c r="L2349" s="359"/>
    </row>
    <row r="2350" spans="2:12">
      <c r="B2350" s="361"/>
      <c r="C2350" s="362"/>
      <c r="D2350" s="361"/>
      <c r="E2350" s="361"/>
      <c r="F2350" s="361" t="s">
        <v>14389</v>
      </c>
      <c r="G2350" s="361" t="s">
        <v>14390</v>
      </c>
      <c r="H2350" s="362"/>
      <c r="I2350" s="361" t="s">
        <v>14390</v>
      </c>
      <c r="J2350" s="361"/>
      <c r="K2350" s="361"/>
      <c r="L2350" s="361"/>
    </row>
    <row r="2351" spans="2:12">
      <c r="B2351" s="358" t="s">
        <v>15645</v>
      </c>
      <c r="C2351" s="358" t="s">
        <v>15646</v>
      </c>
      <c r="D2351" s="358" t="s">
        <v>8356</v>
      </c>
      <c r="E2351" s="358" t="s">
        <v>15647</v>
      </c>
      <c r="F2351" s="358" t="s">
        <v>14382</v>
      </c>
      <c r="G2351" s="358" t="s">
        <v>14383</v>
      </c>
      <c r="H2351" s="358" t="s">
        <v>14378</v>
      </c>
      <c r="I2351" s="358" t="s">
        <v>14383</v>
      </c>
      <c r="J2351" s="358"/>
      <c r="K2351" s="358"/>
      <c r="L2351" s="358"/>
    </row>
    <row r="2352" spans="2:12">
      <c r="B2352" s="359"/>
      <c r="C2352" s="360"/>
      <c r="D2352" s="359"/>
      <c r="E2352" s="359"/>
      <c r="F2352" s="359"/>
      <c r="G2352" s="359"/>
      <c r="H2352" s="360"/>
      <c r="I2352" s="359"/>
      <c r="J2352" s="359"/>
      <c r="K2352" s="359"/>
      <c r="L2352" s="359"/>
    </row>
    <row r="2353" spans="2:12" ht="28.5">
      <c r="B2353" s="361"/>
      <c r="C2353" s="361" t="s">
        <v>27451</v>
      </c>
      <c r="D2353" s="361"/>
      <c r="E2353" s="361"/>
      <c r="F2353" s="361"/>
      <c r="G2353" s="361"/>
      <c r="H2353" s="361" t="s">
        <v>14332</v>
      </c>
      <c r="I2353" s="361"/>
      <c r="J2353" s="361"/>
      <c r="K2353" s="361"/>
      <c r="L2353" s="361"/>
    </row>
    <row r="2354" spans="2:12">
      <c r="B2354" s="358" t="s">
        <v>15648</v>
      </c>
      <c r="C2354" s="358" t="s">
        <v>15649</v>
      </c>
      <c r="D2354" s="358" t="s">
        <v>15650</v>
      </c>
      <c r="E2354" s="358" t="s">
        <v>15651</v>
      </c>
      <c r="F2354" s="358" t="s">
        <v>14420</v>
      </c>
      <c r="G2354" s="358" t="s">
        <v>14421</v>
      </c>
      <c r="H2354" s="358" t="s">
        <v>14367</v>
      </c>
      <c r="I2354" s="358" t="s">
        <v>14421</v>
      </c>
      <c r="J2354" s="358"/>
      <c r="K2354" s="358"/>
      <c r="L2354" s="358"/>
    </row>
    <row r="2355" spans="2:12">
      <c r="B2355" s="359"/>
      <c r="C2355" s="360"/>
      <c r="D2355" s="359"/>
      <c r="E2355" s="359"/>
      <c r="F2355" s="360"/>
      <c r="G2355" s="360"/>
      <c r="H2355" s="360"/>
      <c r="I2355" s="360"/>
      <c r="J2355" s="359"/>
      <c r="K2355" s="359"/>
      <c r="L2355" s="359"/>
    </row>
    <row r="2356" spans="2:12">
      <c r="B2356" s="359"/>
      <c r="C2356" s="359" t="s">
        <v>27452</v>
      </c>
      <c r="D2356" s="359"/>
      <c r="E2356" s="359"/>
      <c r="F2356" s="359" t="s">
        <v>14420</v>
      </c>
      <c r="G2356" s="359" t="s">
        <v>14429</v>
      </c>
      <c r="H2356" s="359" t="s">
        <v>14370</v>
      </c>
      <c r="I2356" s="359" t="s">
        <v>14429</v>
      </c>
      <c r="J2356" s="359"/>
      <c r="K2356" s="359"/>
      <c r="L2356" s="359"/>
    </row>
    <row r="2357" spans="2:12">
      <c r="B2357" s="359"/>
      <c r="C2357" s="360"/>
      <c r="D2357" s="359"/>
      <c r="E2357" s="359"/>
      <c r="F2357" s="360"/>
      <c r="G2357" s="360"/>
      <c r="H2357" s="360"/>
      <c r="I2357" s="360"/>
      <c r="J2357" s="359"/>
      <c r="K2357" s="359"/>
      <c r="L2357" s="359"/>
    </row>
    <row r="2358" spans="2:12">
      <c r="B2358" s="359"/>
      <c r="C2358" s="360"/>
      <c r="D2358" s="359"/>
      <c r="E2358" s="359"/>
      <c r="F2358" s="359" t="s">
        <v>14371</v>
      </c>
      <c r="G2358" s="359" t="s">
        <v>14372</v>
      </c>
      <c r="H2358" s="359" t="s">
        <v>14422</v>
      </c>
      <c r="I2358" s="359" t="s">
        <v>14373</v>
      </c>
      <c r="J2358" s="359"/>
      <c r="K2358" s="359"/>
      <c r="L2358" s="359"/>
    </row>
    <row r="2359" spans="2:12">
      <c r="B2359" s="359"/>
      <c r="C2359" s="360"/>
      <c r="D2359" s="359"/>
      <c r="E2359" s="359"/>
      <c r="F2359" s="360"/>
      <c r="G2359" s="360"/>
      <c r="H2359" s="360"/>
      <c r="I2359" s="360"/>
      <c r="J2359" s="359"/>
      <c r="K2359" s="359"/>
      <c r="L2359" s="359"/>
    </row>
    <row r="2360" spans="2:12" ht="28.5">
      <c r="B2360" s="361"/>
      <c r="C2360" s="362"/>
      <c r="D2360" s="361"/>
      <c r="E2360" s="361"/>
      <c r="F2360" s="361" t="s">
        <v>14374</v>
      </c>
      <c r="G2360" s="361" t="s">
        <v>14373</v>
      </c>
      <c r="H2360" s="362"/>
      <c r="I2360" s="362"/>
      <c r="J2360" s="361"/>
      <c r="K2360" s="361"/>
      <c r="L2360" s="361"/>
    </row>
    <row r="2361" spans="2:12">
      <c r="B2361" s="358" t="s">
        <v>15652</v>
      </c>
      <c r="C2361" s="358" t="s">
        <v>15653</v>
      </c>
      <c r="D2361" s="358" t="s">
        <v>15654</v>
      </c>
      <c r="E2361" s="358" t="s">
        <v>15655</v>
      </c>
      <c r="F2361" s="358" t="s">
        <v>14379</v>
      </c>
      <c r="G2361" s="358" t="s">
        <v>14405</v>
      </c>
      <c r="H2361" s="358" t="s">
        <v>14378</v>
      </c>
      <c r="I2361" s="358" t="s">
        <v>14405</v>
      </c>
      <c r="J2361" s="358"/>
      <c r="K2361" s="358"/>
      <c r="L2361" s="358"/>
    </row>
    <row r="2362" spans="2:12">
      <c r="B2362" s="359"/>
      <c r="C2362" s="360"/>
      <c r="D2362" s="359"/>
      <c r="E2362" s="359"/>
      <c r="F2362" s="360"/>
      <c r="G2362" s="360"/>
      <c r="H2362" s="360"/>
      <c r="I2362" s="360"/>
      <c r="J2362" s="359"/>
      <c r="K2362" s="359"/>
      <c r="L2362" s="359"/>
    </row>
    <row r="2363" spans="2:12" ht="28.5">
      <c r="B2363" s="359"/>
      <c r="C2363" s="359" t="s">
        <v>27453</v>
      </c>
      <c r="D2363" s="359"/>
      <c r="E2363" s="359"/>
      <c r="F2363" s="359" t="s">
        <v>14382</v>
      </c>
      <c r="G2363" s="359" t="s">
        <v>14579</v>
      </c>
      <c r="H2363" s="359" t="s">
        <v>14370</v>
      </c>
      <c r="I2363" s="359" t="s">
        <v>14579</v>
      </c>
      <c r="J2363" s="359"/>
      <c r="K2363" s="359"/>
      <c r="L2363" s="359"/>
    </row>
    <row r="2364" spans="2:12">
      <c r="B2364" s="359"/>
      <c r="C2364" s="360"/>
      <c r="D2364" s="359"/>
      <c r="E2364" s="359"/>
      <c r="F2364" s="360"/>
      <c r="G2364" s="360"/>
      <c r="H2364" s="360"/>
      <c r="I2364" s="360"/>
      <c r="J2364" s="359"/>
      <c r="K2364" s="359"/>
      <c r="L2364" s="359"/>
    </row>
    <row r="2365" spans="2:12">
      <c r="B2365" s="359"/>
      <c r="C2365" s="360"/>
      <c r="D2365" s="359"/>
      <c r="E2365" s="359"/>
      <c r="F2365" s="359" t="s">
        <v>14371</v>
      </c>
      <c r="G2365" s="359" t="s">
        <v>14372</v>
      </c>
      <c r="H2365" s="359" t="s">
        <v>14332</v>
      </c>
      <c r="I2365" s="359" t="s">
        <v>14372</v>
      </c>
      <c r="J2365" s="359"/>
      <c r="K2365" s="359"/>
      <c r="L2365" s="359"/>
    </row>
    <row r="2366" spans="2:12">
      <c r="B2366" s="359"/>
      <c r="C2366" s="360"/>
      <c r="D2366" s="359"/>
      <c r="E2366" s="359"/>
      <c r="F2366" s="360"/>
      <c r="G2366" s="360"/>
      <c r="H2366" s="360"/>
      <c r="I2366" s="360"/>
      <c r="J2366" s="359"/>
      <c r="K2366" s="359"/>
      <c r="L2366" s="359"/>
    </row>
    <row r="2367" spans="2:12" ht="28.5">
      <c r="B2367" s="361"/>
      <c r="C2367" s="362"/>
      <c r="D2367" s="361"/>
      <c r="E2367" s="361"/>
      <c r="F2367" s="361" t="s">
        <v>14374</v>
      </c>
      <c r="G2367" s="361" t="s">
        <v>14373</v>
      </c>
      <c r="H2367" s="362"/>
      <c r="I2367" s="361" t="s">
        <v>14373</v>
      </c>
      <c r="J2367" s="361"/>
      <c r="K2367" s="361"/>
      <c r="L2367" s="361"/>
    </row>
    <row r="2368" spans="2:12" ht="28.5">
      <c r="B2368" s="358" t="s">
        <v>15656</v>
      </c>
      <c r="C2368" s="358" t="s">
        <v>30052</v>
      </c>
      <c r="D2368" s="358" t="s">
        <v>15657</v>
      </c>
      <c r="E2368" s="358" t="s">
        <v>15658</v>
      </c>
      <c r="F2368" s="358" t="s">
        <v>14420</v>
      </c>
      <c r="G2368" s="358" t="s">
        <v>14421</v>
      </c>
      <c r="H2368" s="358" t="s">
        <v>14367</v>
      </c>
      <c r="I2368" s="358" t="s">
        <v>14421</v>
      </c>
      <c r="J2368" s="358"/>
      <c r="K2368" s="358"/>
      <c r="L2368" s="358"/>
    </row>
    <row r="2369" spans="2:12">
      <c r="B2369" s="359"/>
      <c r="C2369" s="359"/>
      <c r="D2369" s="359"/>
      <c r="E2369" s="359"/>
      <c r="F2369" s="360"/>
      <c r="G2369" s="360"/>
      <c r="H2369" s="360"/>
      <c r="I2369" s="360"/>
      <c r="J2369" s="359"/>
      <c r="K2369" s="359"/>
      <c r="L2369" s="359"/>
    </row>
    <row r="2370" spans="2:12">
      <c r="B2370" s="361"/>
      <c r="C2370" s="361"/>
      <c r="D2370" s="361"/>
      <c r="E2370" s="361"/>
      <c r="F2370" s="361" t="s">
        <v>14420</v>
      </c>
      <c r="G2370" s="361" t="s">
        <v>14429</v>
      </c>
      <c r="H2370" s="361" t="s">
        <v>14422</v>
      </c>
      <c r="I2370" s="361" t="s">
        <v>14429</v>
      </c>
      <c r="J2370" s="361"/>
      <c r="K2370" s="361"/>
      <c r="L2370" s="361"/>
    </row>
    <row r="2371" spans="2:12">
      <c r="B2371" s="358" t="s">
        <v>15659</v>
      </c>
      <c r="C2371" s="358" t="s">
        <v>15660</v>
      </c>
      <c r="D2371" s="358" t="s">
        <v>15661</v>
      </c>
      <c r="E2371" s="358" t="s">
        <v>15662</v>
      </c>
      <c r="F2371" s="358" t="s">
        <v>14530</v>
      </c>
      <c r="G2371" s="358" t="s">
        <v>14531</v>
      </c>
      <c r="H2371" s="358" t="s">
        <v>14378</v>
      </c>
      <c r="I2371" s="358" t="s">
        <v>14531</v>
      </c>
      <c r="J2371" s="358"/>
      <c r="K2371" s="358"/>
      <c r="L2371" s="358"/>
    </row>
    <row r="2372" spans="2:12">
      <c r="B2372" s="359"/>
      <c r="C2372" s="360"/>
      <c r="D2372" s="359"/>
      <c r="E2372" s="359"/>
      <c r="F2372" s="360"/>
      <c r="G2372" s="360"/>
      <c r="H2372" s="360"/>
      <c r="I2372" s="360"/>
      <c r="J2372" s="359"/>
      <c r="K2372" s="359"/>
      <c r="L2372" s="359"/>
    </row>
    <row r="2373" spans="2:12">
      <c r="B2373" s="359"/>
      <c r="C2373" s="359" t="s">
        <v>30053</v>
      </c>
      <c r="D2373" s="359"/>
      <c r="E2373" s="359"/>
      <c r="F2373" s="359" t="s">
        <v>14379</v>
      </c>
      <c r="G2373" s="359" t="s">
        <v>14405</v>
      </c>
      <c r="H2373" s="359" t="s">
        <v>14370</v>
      </c>
      <c r="I2373" s="359" t="s">
        <v>14405</v>
      </c>
      <c r="J2373" s="359"/>
      <c r="K2373" s="359"/>
      <c r="L2373" s="359"/>
    </row>
    <row r="2374" spans="2:12">
      <c r="B2374" s="359"/>
      <c r="C2374" s="360"/>
      <c r="D2374" s="359"/>
      <c r="E2374" s="359"/>
      <c r="F2374" s="360"/>
      <c r="G2374" s="360"/>
      <c r="H2374" s="360"/>
      <c r="I2374" s="360"/>
      <c r="J2374" s="359"/>
      <c r="K2374" s="359"/>
      <c r="L2374" s="359"/>
    </row>
    <row r="2375" spans="2:12">
      <c r="B2375" s="359"/>
      <c r="C2375" s="360"/>
      <c r="D2375" s="359"/>
      <c r="E2375" s="359"/>
      <c r="F2375" s="359" t="s">
        <v>14371</v>
      </c>
      <c r="G2375" s="359" t="s">
        <v>14372</v>
      </c>
      <c r="H2375" s="359" t="s">
        <v>14332</v>
      </c>
      <c r="I2375" s="359" t="s">
        <v>14373</v>
      </c>
      <c r="J2375" s="359"/>
      <c r="K2375" s="359"/>
      <c r="L2375" s="359"/>
    </row>
    <row r="2376" spans="2:12">
      <c r="B2376" s="359"/>
      <c r="C2376" s="360"/>
      <c r="D2376" s="359"/>
      <c r="E2376" s="359"/>
      <c r="F2376" s="360"/>
      <c r="G2376" s="360"/>
      <c r="H2376" s="360"/>
      <c r="I2376" s="360"/>
      <c r="J2376" s="359"/>
      <c r="K2376" s="359"/>
      <c r="L2376" s="359"/>
    </row>
    <row r="2377" spans="2:12" ht="28.5">
      <c r="B2377" s="361"/>
      <c r="C2377" s="362"/>
      <c r="D2377" s="361"/>
      <c r="E2377" s="361"/>
      <c r="F2377" s="361" t="s">
        <v>14374</v>
      </c>
      <c r="G2377" s="361" t="s">
        <v>14373</v>
      </c>
      <c r="H2377" s="362"/>
      <c r="I2377" s="362"/>
      <c r="J2377" s="361"/>
      <c r="K2377" s="361"/>
      <c r="L2377" s="361"/>
    </row>
    <row r="2378" spans="2:12">
      <c r="B2378" s="358" t="s">
        <v>15663</v>
      </c>
      <c r="C2378" s="358" t="s">
        <v>15664</v>
      </c>
      <c r="D2378" s="358" t="s">
        <v>15665</v>
      </c>
      <c r="E2378" s="358" t="s">
        <v>15666</v>
      </c>
      <c r="F2378" s="358" t="s">
        <v>14530</v>
      </c>
      <c r="G2378" s="358" t="s">
        <v>14531</v>
      </c>
      <c r="H2378" s="358" t="s">
        <v>14378</v>
      </c>
      <c r="I2378" s="358" t="s">
        <v>14531</v>
      </c>
      <c r="J2378" s="358"/>
      <c r="K2378" s="358"/>
      <c r="L2378" s="358"/>
    </row>
    <row r="2379" spans="2:12">
      <c r="B2379" s="359"/>
      <c r="C2379" s="360"/>
      <c r="D2379" s="359"/>
      <c r="E2379" s="359"/>
      <c r="F2379" s="360"/>
      <c r="G2379" s="360"/>
      <c r="H2379" s="360"/>
      <c r="I2379" s="360"/>
      <c r="J2379" s="359"/>
      <c r="K2379" s="359"/>
      <c r="L2379" s="359"/>
    </row>
    <row r="2380" spans="2:12">
      <c r="B2380" s="359"/>
      <c r="C2380" s="359" t="s">
        <v>27454</v>
      </c>
      <c r="D2380" s="359"/>
      <c r="E2380" s="359"/>
      <c r="F2380" s="359" t="s">
        <v>14379</v>
      </c>
      <c r="G2380" s="359" t="s">
        <v>14405</v>
      </c>
      <c r="H2380" s="359" t="s">
        <v>14370</v>
      </c>
      <c r="I2380" s="359" t="s">
        <v>14405</v>
      </c>
      <c r="J2380" s="359"/>
      <c r="K2380" s="359"/>
      <c r="L2380" s="359"/>
    </row>
    <row r="2381" spans="2:12">
      <c r="B2381" s="359"/>
      <c r="C2381" s="360"/>
      <c r="D2381" s="359"/>
      <c r="E2381" s="359"/>
      <c r="F2381" s="360"/>
      <c r="G2381" s="360"/>
      <c r="H2381" s="360"/>
      <c r="I2381" s="360"/>
      <c r="J2381" s="359"/>
      <c r="K2381" s="359"/>
      <c r="L2381" s="359"/>
    </row>
    <row r="2382" spans="2:12">
      <c r="B2382" s="359"/>
      <c r="C2382" s="360"/>
      <c r="D2382" s="359"/>
      <c r="E2382" s="359"/>
      <c r="F2382" s="359" t="s">
        <v>14371</v>
      </c>
      <c r="G2382" s="359" t="s">
        <v>14372</v>
      </c>
      <c r="H2382" s="359" t="s">
        <v>14332</v>
      </c>
      <c r="I2382" s="359" t="s">
        <v>14373</v>
      </c>
      <c r="J2382" s="359"/>
      <c r="K2382" s="359"/>
      <c r="L2382" s="359"/>
    </row>
    <row r="2383" spans="2:12">
      <c r="B2383" s="359"/>
      <c r="C2383" s="360"/>
      <c r="D2383" s="359"/>
      <c r="E2383" s="359"/>
      <c r="F2383" s="360"/>
      <c r="G2383" s="360"/>
      <c r="H2383" s="360"/>
      <c r="I2383" s="360"/>
      <c r="J2383" s="359"/>
      <c r="K2383" s="359"/>
      <c r="L2383" s="359"/>
    </row>
    <row r="2384" spans="2:12" ht="28.5">
      <c r="B2384" s="361"/>
      <c r="C2384" s="362"/>
      <c r="D2384" s="361"/>
      <c r="E2384" s="361"/>
      <c r="F2384" s="361" t="s">
        <v>14374</v>
      </c>
      <c r="G2384" s="361" t="s">
        <v>14373</v>
      </c>
      <c r="H2384" s="362"/>
      <c r="I2384" s="362"/>
      <c r="J2384" s="361"/>
      <c r="K2384" s="361"/>
      <c r="L2384" s="361"/>
    </row>
    <row r="2385" spans="2:12">
      <c r="B2385" s="358" t="s">
        <v>15667</v>
      </c>
      <c r="C2385" s="358" t="s">
        <v>15668</v>
      </c>
      <c r="D2385" s="358" t="s">
        <v>15669</v>
      </c>
      <c r="E2385" s="358" t="s">
        <v>15670</v>
      </c>
      <c r="F2385" s="358" t="s">
        <v>14530</v>
      </c>
      <c r="G2385" s="358" t="s">
        <v>14531</v>
      </c>
      <c r="H2385" s="358" t="s">
        <v>14378</v>
      </c>
      <c r="I2385" s="358" t="s">
        <v>14531</v>
      </c>
      <c r="J2385" s="358"/>
      <c r="K2385" s="358"/>
      <c r="L2385" s="358"/>
    </row>
    <row r="2386" spans="2:12">
      <c r="B2386" s="359"/>
      <c r="C2386" s="360"/>
      <c r="D2386" s="359"/>
      <c r="E2386" s="359"/>
      <c r="F2386" s="360"/>
      <c r="G2386" s="360"/>
      <c r="H2386" s="360"/>
      <c r="I2386" s="360"/>
      <c r="J2386" s="359"/>
      <c r="K2386" s="359"/>
      <c r="L2386" s="359"/>
    </row>
    <row r="2387" spans="2:12" ht="28.5">
      <c r="B2387" s="359"/>
      <c r="C2387" s="359" t="s">
        <v>27455</v>
      </c>
      <c r="D2387" s="359"/>
      <c r="E2387" s="359"/>
      <c r="F2387" s="359" t="s">
        <v>14379</v>
      </c>
      <c r="G2387" s="359" t="s">
        <v>14405</v>
      </c>
      <c r="H2387" s="359" t="s">
        <v>14370</v>
      </c>
      <c r="I2387" s="359" t="s">
        <v>14405</v>
      </c>
      <c r="J2387" s="359"/>
      <c r="K2387" s="359"/>
      <c r="L2387" s="359"/>
    </row>
    <row r="2388" spans="2:12">
      <c r="B2388" s="359"/>
      <c r="C2388" s="360"/>
      <c r="D2388" s="359"/>
      <c r="E2388" s="359"/>
      <c r="F2388" s="360"/>
      <c r="G2388" s="360"/>
      <c r="H2388" s="360"/>
      <c r="I2388" s="360"/>
      <c r="J2388" s="359"/>
      <c r="K2388" s="359"/>
      <c r="L2388" s="359"/>
    </row>
    <row r="2389" spans="2:12">
      <c r="B2389" s="359"/>
      <c r="C2389" s="360"/>
      <c r="D2389" s="359"/>
      <c r="E2389" s="359"/>
      <c r="F2389" s="359" t="s">
        <v>14371</v>
      </c>
      <c r="G2389" s="359" t="s">
        <v>14372</v>
      </c>
      <c r="H2389" s="359" t="s">
        <v>14332</v>
      </c>
      <c r="I2389" s="359" t="s">
        <v>14373</v>
      </c>
      <c r="J2389" s="359"/>
      <c r="K2389" s="359"/>
      <c r="L2389" s="359"/>
    </row>
    <row r="2390" spans="2:12">
      <c r="B2390" s="359"/>
      <c r="C2390" s="360"/>
      <c r="D2390" s="359"/>
      <c r="E2390" s="359"/>
      <c r="F2390" s="360"/>
      <c r="G2390" s="360"/>
      <c r="H2390" s="360"/>
      <c r="I2390" s="360"/>
      <c r="J2390" s="359"/>
      <c r="K2390" s="359"/>
      <c r="L2390" s="359"/>
    </row>
    <row r="2391" spans="2:12" ht="28.5">
      <c r="B2391" s="361"/>
      <c r="C2391" s="362"/>
      <c r="D2391" s="361"/>
      <c r="E2391" s="361"/>
      <c r="F2391" s="361" t="s">
        <v>14374</v>
      </c>
      <c r="G2391" s="361" t="s">
        <v>14373</v>
      </c>
      <c r="H2391" s="362"/>
      <c r="I2391" s="362"/>
      <c r="J2391" s="361"/>
      <c r="K2391" s="361"/>
      <c r="L2391" s="361"/>
    </row>
    <row r="2392" spans="2:12">
      <c r="B2392" s="358" t="s">
        <v>15671</v>
      </c>
      <c r="C2392" s="358" t="s">
        <v>15672</v>
      </c>
      <c r="D2392" s="358" t="s">
        <v>15673</v>
      </c>
      <c r="E2392" s="358" t="s">
        <v>15674</v>
      </c>
      <c r="F2392" s="358" t="s">
        <v>14382</v>
      </c>
      <c r="G2392" s="358" t="s">
        <v>14383</v>
      </c>
      <c r="H2392" s="358" t="s">
        <v>14378</v>
      </c>
      <c r="I2392" s="358" t="s">
        <v>14383</v>
      </c>
      <c r="J2392" s="358"/>
      <c r="K2392" s="358"/>
      <c r="L2392" s="358"/>
    </row>
    <row r="2393" spans="2:12">
      <c r="B2393" s="359"/>
      <c r="C2393" s="360"/>
      <c r="D2393" s="359"/>
      <c r="E2393" s="359"/>
      <c r="F2393" s="360"/>
      <c r="G2393" s="360"/>
      <c r="H2393" s="360"/>
      <c r="I2393" s="360"/>
      <c r="J2393" s="359"/>
      <c r="K2393" s="359"/>
      <c r="L2393" s="359"/>
    </row>
    <row r="2394" spans="2:12" ht="28.5">
      <c r="B2394" s="359"/>
      <c r="C2394" s="359" t="s">
        <v>27456</v>
      </c>
      <c r="D2394" s="359"/>
      <c r="E2394" s="359"/>
      <c r="F2394" s="359" t="s">
        <v>15246</v>
      </c>
      <c r="G2394" s="359" t="s">
        <v>15247</v>
      </c>
      <c r="H2394" s="359" t="s">
        <v>14381</v>
      </c>
      <c r="I2394" s="359" t="s">
        <v>15247</v>
      </c>
      <c r="J2394" s="359"/>
      <c r="K2394" s="359"/>
      <c r="L2394" s="359"/>
    </row>
    <row r="2395" spans="2:12">
      <c r="B2395" s="359"/>
      <c r="C2395" s="360"/>
      <c r="D2395" s="359"/>
      <c r="E2395" s="359"/>
      <c r="F2395" s="360"/>
      <c r="G2395" s="360"/>
      <c r="H2395" s="360"/>
      <c r="I2395" s="360"/>
      <c r="J2395" s="359"/>
      <c r="K2395" s="359"/>
      <c r="L2395" s="359"/>
    </row>
    <row r="2396" spans="2:12">
      <c r="B2396" s="359"/>
      <c r="C2396" s="360"/>
      <c r="D2396" s="359"/>
      <c r="E2396" s="359"/>
      <c r="F2396" s="359" t="s">
        <v>14420</v>
      </c>
      <c r="G2396" s="359" t="s">
        <v>14421</v>
      </c>
      <c r="H2396" s="359" t="s">
        <v>14370</v>
      </c>
      <c r="I2396" s="359" t="s">
        <v>14421</v>
      </c>
      <c r="J2396" s="359"/>
      <c r="K2396" s="359"/>
      <c r="L2396" s="359"/>
    </row>
    <row r="2397" spans="2:12">
      <c r="B2397" s="359"/>
      <c r="C2397" s="360"/>
      <c r="D2397" s="359"/>
      <c r="E2397" s="359"/>
      <c r="F2397" s="360"/>
      <c r="G2397" s="360"/>
      <c r="H2397" s="360"/>
      <c r="I2397" s="360"/>
      <c r="J2397" s="359"/>
      <c r="K2397" s="359"/>
      <c r="L2397" s="359"/>
    </row>
    <row r="2398" spans="2:12">
      <c r="B2398" s="359"/>
      <c r="C2398" s="360"/>
      <c r="D2398" s="359"/>
      <c r="E2398" s="359"/>
      <c r="F2398" s="359" t="s">
        <v>14371</v>
      </c>
      <c r="G2398" s="359" t="s">
        <v>14372</v>
      </c>
      <c r="H2398" s="359" t="s">
        <v>14332</v>
      </c>
      <c r="I2398" s="359" t="s">
        <v>14373</v>
      </c>
      <c r="J2398" s="359"/>
      <c r="K2398" s="359"/>
      <c r="L2398" s="359"/>
    </row>
    <row r="2399" spans="2:12">
      <c r="B2399" s="359"/>
      <c r="C2399" s="360"/>
      <c r="D2399" s="359"/>
      <c r="E2399" s="359"/>
      <c r="F2399" s="360"/>
      <c r="G2399" s="360"/>
      <c r="H2399" s="360"/>
      <c r="I2399" s="360"/>
      <c r="J2399" s="359"/>
      <c r="K2399" s="359"/>
      <c r="L2399" s="359"/>
    </row>
    <row r="2400" spans="2:12" ht="28.5">
      <c r="B2400" s="361"/>
      <c r="C2400" s="362"/>
      <c r="D2400" s="361"/>
      <c r="E2400" s="361"/>
      <c r="F2400" s="361" t="s">
        <v>14374</v>
      </c>
      <c r="G2400" s="361" t="s">
        <v>14373</v>
      </c>
      <c r="H2400" s="362"/>
      <c r="I2400" s="362"/>
      <c r="J2400" s="361"/>
      <c r="K2400" s="361"/>
      <c r="L2400" s="361"/>
    </row>
    <row r="2401" spans="2:12">
      <c r="B2401" s="358" t="s">
        <v>15675</v>
      </c>
      <c r="C2401" s="358" t="s">
        <v>15676</v>
      </c>
      <c r="D2401" s="358" t="s">
        <v>15677</v>
      </c>
      <c r="E2401" s="358" t="s">
        <v>15678</v>
      </c>
      <c r="F2401" s="358" t="s">
        <v>14530</v>
      </c>
      <c r="G2401" s="358" t="s">
        <v>14531</v>
      </c>
      <c r="H2401" s="358" t="s">
        <v>14378</v>
      </c>
      <c r="I2401" s="358" t="s">
        <v>14531</v>
      </c>
      <c r="J2401" s="358"/>
      <c r="K2401" s="358"/>
      <c r="L2401" s="358"/>
    </row>
    <row r="2402" spans="2:12">
      <c r="B2402" s="359"/>
      <c r="C2402" s="360"/>
      <c r="D2402" s="359"/>
      <c r="E2402" s="359"/>
      <c r="F2402" s="360"/>
      <c r="G2402" s="360"/>
      <c r="H2402" s="360"/>
      <c r="I2402" s="360"/>
      <c r="J2402" s="359"/>
      <c r="K2402" s="359"/>
      <c r="L2402" s="359"/>
    </row>
    <row r="2403" spans="2:12" ht="28.5">
      <c r="B2403" s="359"/>
      <c r="C2403" s="359" t="s">
        <v>15679</v>
      </c>
      <c r="D2403" s="359"/>
      <c r="E2403" s="359"/>
      <c r="F2403" s="359" t="s">
        <v>14379</v>
      </c>
      <c r="G2403" s="359" t="s">
        <v>14405</v>
      </c>
      <c r="H2403" s="359" t="s">
        <v>14370</v>
      </c>
      <c r="I2403" s="359" t="s">
        <v>14405</v>
      </c>
      <c r="J2403" s="359"/>
      <c r="K2403" s="359"/>
      <c r="L2403" s="359"/>
    </row>
    <row r="2404" spans="2:12">
      <c r="B2404" s="359"/>
      <c r="C2404" s="360"/>
      <c r="D2404" s="359"/>
      <c r="E2404" s="359"/>
      <c r="F2404" s="360"/>
      <c r="G2404" s="360"/>
      <c r="H2404" s="360"/>
      <c r="I2404" s="360"/>
      <c r="J2404" s="359"/>
      <c r="K2404" s="359"/>
      <c r="L2404" s="359"/>
    </row>
    <row r="2405" spans="2:12" ht="28.5">
      <c r="B2405" s="361"/>
      <c r="C2405" s="362"/>
      <c r="D2405" s="361"/>
      <c r="E2405" s="361"/>
      <c r="F2405" s="361" t="s">
        <v>14394</v>
      </c>
      <c r="G2405" s="361" t="s">
        <v>14395</v>
      </c>
      <c r="H2405" s="361" t="s">
        <v>14332</v>
      </c>
      <c r="I2405" s="361" t="s">
        <v>14395</v>
      </c>
      <c r="J2405" s="361"/>
      <c r="K2405" s="361"/>
      <c r="L2405" s="361"/>
    </row>
    <row r="2406" spans="2:12">
      <c r="B2406" s="358" t="s">
        <v>15680</v>
      </c>
      <c r="C2406" s="358" t="s">
        <v>15681</v>
      </c>
      <c r="D2406" s="358" t="s">
        <v>15682</v>
      </c>
      <c r="E2406" s="358" t="s">
        <v>15683</v>
      </c>
      <c r="F2406" s="358" t="s">
        <v>14379</v>
      </c>
      <c r="G2406" s="358" t="s">
        <v>14380</v>
      </c>
      <c r="H2406" s="358" t="s">
        <v>14378</v>
      </c>
      <c r="I2406" s="358" t="s">
        <v>14380</v>
      </c>
      <c r="J2406" s="358"/>
      <c r="K2406" s="358"/>
      <c r="L2406" s="358"/>
    </row>
    <row r="2407" spans="2:12">
      <c r="B2407" s="359"/>
      <c r="C2407" s="360"/>
      <c r="D2407" s="359"/>
      <c r="E2407" s="359"/>
      <c r="F2407" s="360"/>
      <c r="G2407" s="360"/>
      <c r="H2407" s="360"/>
      <c r="I2407" s="360"/>
      <c r="J2407" s="359"/>
      <c r="K2407" s="359"/>
      <c r="L2407" s="359"/>
    </row>
    <row r="2408" spans="2:12">
      <c r="B2408" s="359"/>
      <c r="C2408" s="359" t="s">
        <v>27457</v>
      </c>
      <c r="D2408" s="359"/>
      <c r="E2408" s="359"/>
      <c r="F2408" s="359" t="s">
        <v>14379</v>
      </c>
      <c r="G2408" s="359" t="s">
        <v>14405</v>
      </c>
      <c r="H2408" s="359" t="s">
        <v>14370</v>
      </c>
      <c r="I2408" s="359" t="s">
        <v>14405</v>
      </c>
      <c r="J2408" s="359"/>
      <c r="K2408" s="359"/>
      <c r="L2408" s="359"/>
    </row>
    <row r="2409" spans="2:12">
      <c r="B2409" s="359"/>
      <c r="C2409" s="360"/>
      <c r="D2409" s="359"/>
      <c r="E2409" s="359"/>
      <c r="F2409" s="360"/>
      <c r="G2409" s="360"/>
      <c r="H2409" s="360"/>
      <c r="I2409" s="360"/>
      <c r="J2409" s="359"/>
      <c r="K2409" s="359"/>
      <c r="L2409" s="359"/>
    </row>
    <row r="2410" spans="2:12">
      <c r="B2410" s="359"/>
      <c r="C2410" s="360"/>
      <c r="D2410" s="359"/>
      <c r="E2410" s="359"/>
      <c r="F2410" s="359" t="s">
        <v>14382</v>
      </c>
      <c r="G2410" s="359" t="s">
        <v>14579</v>
      </c>
      <c r="H2410" s="359" t="s">
        <v>14332</v>
      </c>
      <c r="I2410" s="359" t="s">
        <v>14579</v>
      </c>
      <c r="J2410" s="359"/>
      <c r="K2410" s="359"/>
      <c r="L2410" s="359"/>
    </row>
    <row r="2411" spans="2:12">
      <c r="B2411" s="359"/>
      <c r="C2411" s="360"/>
      <c r="D2411" s="359"/>
      <c r="E2411" s="359"/>
      <c r="F2411" s="360"/>
      <c r="G2411" s="360"/>
      <c r="H2411" s="360"/>
      <c r="I2411" s="360"/>
      <c r="J2411" s="359"/>
      <c r="K2411" s="359"/>
      <c r="L2411" s="359"/>
    </row>
    <row r="2412" spans="2:12">
      <c r="B2412" s="361"/>
      <c r="C2412" s="362"/>
      <c r="D2412" s="361"/>
      <c r="E2412" s="361"/>
      <c r="F2412" s="361" t="s">
        <v>14371</v>
      </c>
      <c r="G2412" s="361" t="s">
        <v>14372</v>
      </c>
      <c r="H2412" s="362"/>
      <c r="I2412" s="361" t="s">
        <v>14372</v>
      </c>
      <c r="J2412" s="361"/>
      <c r="K2412" s="361"/>
      <c r="L2412" s="361"/>
    </row>
    <row r="2413" spans="2:12">
      <c r="B2413" s="358" t="s">
        <v>15684</v>
      </c>
      <c r="C2413" s="358" t="s">
        <v>15685</v>
      </c>
      <c r="D2413" s="358" t="s">
        <v>15686</v>
      </c>
      <c r="E2413" s="358" t="s">
        <v>15687</v>
      </c>
      <c r="F2413" s="358" t="s">
        <v>14379</v>
      </c>
      <c r="G2413" s="358" t="s">
        <v>14405</v>
      </c>
      <c r="H2413" s="358" t="s">
        <v>14378</v>
      </c>
      <c r="I2413" s="358" t="s">
        <v>14405</v>
      </c>
      <c r="J2413" s="358"/>
      <c r="K2413" s="358" t="s">
        <v>14517</v>
      </c>
      <c r="L2413" s="358"/>
    </row>
    <row r="2414" spans="2:12">
      <c r="B2414" s="359"/>
      <c r="C2414" s="360"/>
      <c r="D2414" s="359"/>
      <c r="E2414" s="359"/>
      <c r="F2414" s="360"/>
      <c r="G2414" s="360"/>
      <c r="H2414" s="360"/>
      <c r="I2414" s="360"/>
      <c r="J2414" s="359"/>
      <c r="K2414" s="359"/>
      <c r="L2414" s="359"/>
    </row>
    <row r="2415" spans="2:12">
      <c r="B2415" s="359"/>
      <c r="C2415" s="359" t="s">
        <v>30054</v>
      </c>
      <c r="D2415" s="359"/>
      <c r="E2415" s="359"/>
      <c r="F2415" s="359" t="s">
        <v>14382</v>
      </c>
      <c r="G2415" s="359" t="s">
        <v>14579</v>
      </c>
      <c r="H2415" s="359" t="s">
        <v>14370</v>
      </c>
      <c r="I2415" s="359" t="s">
        <v>14579</v>
      </c>
      <c r="J2415" s="359"/>
      <c r="K2415" s="359"/>
      <c r="L2415" s="359"/>
    </row>
    <row r="2416" spans="2:12">
      <c r="B2416" s="359"/>
      <c r="C2416" s="360"/>
      <c r="D2416" s="359"/>
      <c r="E2416" s="359"/>
      <c r="F2416" s="360"/>
      <c r="G2416" s="360"/>
      <c r="H2416" s="360"/>
      <c r="I2416" s="360"/>
      <c r="J2416" s="359"/>
      <c r="K2416" s="359"/>
      <c r="L2416" s="359"/>
    </row>
    <row r="2417" spans="2:12">
      <c r="B2417" s="359"/>
      <c r="C2417" s="360"/>
      <c r="D2417" s="359"/>
      <c r="E2417" s="359"/>
      <c r="F2417" s="359" t="s">
        <v>14371</v>
      </c>
      <c r="G2417" s="359" t="s">
        <v>14372</v>
      </c>
      <c r="H2417" s="359" t="s">
        <v>14332</v>
      </c>
      <c r="I2417" s="359" t="s">
        <v>14373</v>
      </c>
      <c r="J2417" s="359"/>
      <c r="K2417" s="359"/>
      <c r="L2417" s="359"/>
    </row>
    <row r="2418" spans="2:12">
      <c r="B2418" s="359"/>
      <c r="C2418" s="360"/>
      <c r="D2418" s="359"/>
      <c r="E2418" s="359"/>
      <c r="F2418" s="360"/>
      <c r="G2418" s="360"/>
      <c r="H2418" s="360"/>
      <c r="I2418" s="360"/>
      <c r="J2418" s="359"/>
      <c r="K2418" s="359"/>
      <c r="L2418" s="359"/>
    </row>
    <row r="2419" spans="2:12" ht="28.5">
      <c r="B2419" s="361"/>
      <c r="C2419" s="362"/>
      <c r="D2419" s="361"/>
      <c r="E2419" s="361"/>
      <c r="F2419" s="361" t="s">
        <v>14374</v>
      </c>
      <c r="G2419" s="361" t="s">
        <v>14373</v>
      </c>
      <c r="H2419" s="362"/>
      <c r="I2419" s="362"/>
      <c r="J2419" s="361"/>
      <c r="K2419" s="361"/>
      <c r="L2419" s="361"/>
    </row>
    <row r="2420" spans="2:12">
      <c r="B2420" s="358" t="s">
        <v>15688</v>
      </c>
      <c r="C2420" s="358" t="s">
        <v>15689</v>
      </c>
      <c r="D2420" s="358" t="s">
        <v>15690</v>
      </c>
      <c r="E2420" s="358" t="s">
        <v>15691</v>
      </c>
      <c r="F2420" s="358" t="s">
        <v>14420</v>
      </c>
      <c r="G2420" s="358" t="s">
        <v>14421</v>
      </c>
      <c r="H2420" s="358" t="s">
        <v>14367</v>
      </c>
      <c r="I2420" s="358" t="s">
        <v>14421</v>
      </c>
      <c r="J2420" s="358"/>
      <c r="K2420" s="358" t="s">
        <v>14557</v>
      </c>
      <c r="L2420" s="358"/>
    </row>
    <row r="2421" spans="2:12">
      <c r="B2421" s="359"/>
      <c r="C2421" s="360"/>
      <c r="D2421" s="359"/>
      <c r="E2421" s="359"/>
      <c r="F2421" s="360"/>
      <c r="G2421" s="360"/>
      <c r="H2421" s="360"/>
      <c r="I2421" s="360"/>
      <c r="J2421" s="359"/>
      <c r="K2421" s="359"/>
      <c r="L2421" s="359"/>
    </row>
    <row r="2422" spans="2:12" ht="28.5">
      <c r="B2422" s="359"/>
      <c r="C2422" s="359" t="s">
        <v>15692</v>
      </c>
      <c r="D2422" s="359"/>
      <c r="E2422" s="359"/>
      <c r="F2422" s="359" t="s">
        <v>14420</v>
      </c>
      <c r="G2422" s="359" t="s">
        <v>14429</v>
      </c>
      <c r="H2422" s="359" t="s">
        <v>14370</v>
      </c>
      <c r="I2422" s="359" t="s">
        <v>14429</v>
      </c>
      <c r="J2422" s="359"/>
      <c r="K2422" s="359"/>
      <c r="L2422" s="359"/>
    </row>
    <row r="2423" spans="2:12">
      <c r="B2423" s="359"/>
      <c r="C2423" s="360"/>
      <c r="D2423" s="359"/>
      <c r="E2423" s="359"/>
      <c r="F2423" s="360"/>
      <c r="G2423" s="360"/>
      <c r="H2423" s="360"/>
      <c r="I2423" s="360"/>
      <c r="J2423" s="359"/>
      <c r="K2423" s="359"/>
      <c r="L2423" s="359"/>
    </row>
    <row r="2424" spans="2:12">
      <c r="B2424" s="359"/>
      <c r="C2424" s="360"/>
      <c r="D2424" s="359"/>
      <c r="E2424" s="359"/>
      <c r="F2424" s="359" t="s">
        <v>14371</v>
      </c>
      <c r="G2424" s="359" t="s">
        <v>14372</v>
      </c>
      <c r="H2424" s="359" t="s">
        <v>14422</v>
      </c>
      <c r="I2424" s="359" t="s">
        <v>14373</v>
      </c>
      <c r="J2424" s="359"/>
      <c r="K2424" s="359"/>
      <c r="L2424" s="359"/>
    </row>
    <row r="2425" spans="2:12">
      <c r="B2425" s="359"/>
      <c r="C2425" s="360"/>
      <c r="D2425" s="359"/>
      <c r="E2425" s="359"/>
      <c r="F2425" s="360"/>
      <c r="G2425" s="360"/>
      <c r="H2425" s="360"/>
      <c r="I2425" s="360"/>
      <c r="J2425" s="359"/>
      <c r="K2425" s="359"/>
      <c r="L2425" s="359"/>
    </row>
    <row r="2426" spans="2:12" ht="28.5">
      <c r="B2426" s="361"/>
      <c r="C2426" s="362"/>
      <c r="D2426" s="361"/>
      <c r="E2426" s="361"/>
      <c r="F2426" s="361" t="s">
        <v>14374</v>
      </c>
      <c r="G2426" s="361" t="s">
        <v>14373</v>
      </c>
      <c r="H2426" s="362"/>
      <c r="I2426" s="362"/>
      <c r="J2426" s="361"/>
      <c r="K2426" s="361"/>
      <c r="L2426" s="361"/>
    </row>
    <row r="2427" spans="2:12">
      <c r="B2427" s="358" t="s">
        <v>15693</v>
      </c>
      <c r="C2427" s="358" t="s">
        <v>15694</v>
      </c>
      <c r="D2427" s="358" t="s">
        <v>15695</v>
      </c>
      <c r="E2427" s="358" t="s">
        <v>15696</v>
      </c>
      <c r="F2427" s="358" t="s">
        <v>14379</v>
      </c>
      <c r="G2427" s="358" t="s">
        <v>14405</v>
      </c>
      <c r="H2427" s="358" t="s">
        <v>14378</v>
      </c>
      <c r="I2427" s="358" t="s">
        <v>14405</v>
      </c>
      <c r="J2427" s="358"/>
      <c r="K2427" s="358"/>
      <c r="L2427" s="358"/>
    </row>
    <row r="2428" spans="2:12">
      <c r="B2428" s="359"/>
      <c r="C2428" s="360"/>
      <c r="D2428" s="359"/>
      <c r="E2428" s="359"/>
      <c r="F2428" s="360"/>
      <c r="G2428" s="360"/>
      <c r="H2428" s="360"/>
      <c r="I2428" s="360"/>
      <c r="J2428" s="359"/>
      <c r="K2428" s="359"/>
      <c r="L2428" s="359"/>
    </row>
    <row r="2429" spans="2:12">
      <c r="B2429" s="359"/>
      <c r="C2429" s="359" t="s">
        <v>27458</v>
      </c>
      <c r="D2429" s="359"/>
      <c r="E2429" s="359"/>
      <c r="F2429" s="359" t="s">
        <v>14382</v>
      </c>
      <c r="G2429" s="359" t="s">
        <v>14579</v>
      </c>
      <c r="H2429" s="359" t="s">
        <v>14370</v>
      </c>
      <c r="I2429" s="359" t="s">
        <v>14579</v>
      </c>
      <c r="J2429" s="359"/>
      <c r="K2429" s="359"/>
      <c r="L2429" s="359"/>
    </row>
    <row r="2430" spans="2:12">
      <c r="B2430" s="359"/>
      <c r="C2430" s="360"/>
      <c r="D2430" s="359"/>
      <c r="E2430" s="359"/>
      <c r="F2430" s="360"/>
      <c r="G2430" s="360"/>
      <c r="H2430" s="360"/>
      <c r="I2430" s="360"/>
      <c r="J2430" s="359"/>
      <c r="K2430" s="359"/>
      <c r="L2430" s="359"/>
    </row>
    <row r="2431" spans="2:12">
      <c r="B2431" s="359"/>
      <c r="C2431" s="360"/>
      <c r="D2431" s="359"/>
      <c r="E2431" s="359"/>
      <c r="F2431" s="359" t="s">
        <v>14371</v>
      </c>
      <c r="G2431" s="359" t="s">
        <v>14372</v>
      </c>
      <c r="H2431" s="359" t="s">
        <v>14332</v>
      </c>
      <c r="I2431" s="359" t="s">
        <v>14373</v>
      </c>
      <c r="J2431" s="359"/>
      <c r="K2431" s="359"/>
      <c r="L2431" s="359"/>
    </row>
    <row r="2432" spans="2:12">
      <c r="B2432" s="359"/>
      <c r="C2432" s="360"/>
      <c r="D2432" s="359"/>
      <c r="E2432" s="359"/>
      <c r="F2432" s="360"/>
      <c r="G2432" s="360"/>
      <c r="H2432" s="360"/>
      <c r="I2432" s="360"/>
      <c r="J2432" s="359"/>
      <c r="K2432" s="359"/>
      <c r="L2432" s="359"/>
    </row>
    <row r="2433" spans="2:12" ht="28.5">
      <c r="B2433" s="361"/>
      <c r="C2433" s="362"/>
      <c r="D2433" s="361"/>
      <c r="E2433" s="361"/>
      <c r="F2433" s="361" t="s">
        <v>14374</v>
      </c>
      <c r="G2433" s="361" t="s">
        <v>14373</v>
      </c>
      <c r="H2433" s="362"/>
      <c r="I2433" s="362"/>
      <c r="J2433" s="361"/>
      <c r="K2433" s="361"/>
      <c r="L2433" s="361"/>
    </row>
    <row r="2434" spans="2:12">
      <c r="B2434" s="358" t="s">
        <v>15697</v>
      </c>
      <c r="C2434" s="358" t="s">
        <v>15698</v>
      </c>
      <c r="D2434" s="358" t="s">
        <v>15699</v>
      </c>
      <c r="E2434" s="358" t="s">
        <v>15700</v>
      </c>
      <c r="F2434" s="358" t="s">
        <v>14382</v>
      </c>
      <c r="G2434" s="358" t="s">
        <v>14383</v>
      </c>
      <c r="H2434" s="358" t="s">
        <v>14378</v>
      </c>
      <c r="I2434" s="358" t="s">
        <v>14383</v>
      </c>
      <c r="J2434" s="358"/>
      <c r="K2434" s="358"/>
      <c r="L2434" s="358"/>
    </row>
    <row r="2435" spans="2:12">
      <c r="B2435" s="359"/>
      <c r="C2435" s="360"/>
      <c r="D2435" s="359"/>
      <c r="E2435" s="359"/>
      <c r="F2435" s="360"/>
      <c r="G2435" s="360"/>
      <c r="H2435" s="360"/>
      <c r="I2435" s="360"/>
      <c r="J2435" s="359"/>
      <c r="K2435" s="359"/>
      <c r="L2435" s="359"/>
    </row>
    <row r="2436" spans="2:12" ht="28.5">
      <c r="B2436" s="359"/>
      <c r="C2436" s="359" t="s">
        <v>30055</v>
      </c>
      <c r="D2436" s="359"/>
      <c r="E2436" s="359"/>
      <c r="F2436" s="359" t="s">
        <v>14420</v>
      </c>
      <c r="G2436" s="359" t="s">
        <v>14421</v>
      </c>
      <c r="H2436" s="359" t="s">
        <v>14370</v>
      </c>
      <c r="I2436" s="359" t="s">
        <v>14421</v>
      </c>
      <c r="J2436" s="359"/>
      <c r="K2436" s="359"/>
      <c r="L2436" s="359"/>
    </row>
    <row r="2437" spans="2:12">
      <c r="B2437" s="359"/>
      <c r="C2437" s="360"/>
      <c r="D2437" s="359"/>
      <c r="E2437" s="359"/>
      <c r="F2437" s="360"/>
      <c r="G2437" s="360"/>
      <c r="H2437" s="360"/>
      <c r="I2437" s="360"/>
      <c r="J2437" s="359"/>
      <c r="K2437" s="359"/>
      <c r="L2437" s="359"/>
    </row>
    <row r="2438" spans="2:12">
      <c r="B2438" s="359"/>
      <c r="C2438" s="360"/>
      <c r="D2438" s="359"/>
      <c r="E2438" s="359"/>
      <c r="F2438" s="359" t="s">
        <v>14371</v>
      </c>
      <c r="G2438" s="359" t="s">
        <v>14372</v>
      </c>
      <c r="H2438" s="359" t="s">
        <v>14332</v>
      </c>
      <c r="I2438" s="359" t="s">
        <v>14373</v>
      </c>
      <c r="J2438" s="359"/>
      <c r="K2438" s="359"/>
      <c r="L2438" s="359"/>
    </row>
    <row r="2439" spans="2:12">
      <c r="B2439" s="359"/>
      <c r="C2439" s="360"/>
      <c r="D2439" s="359"/>
      <c r="E2439" s="359"/>
      <c r="F2439" s="360"/>
      <c r="G2439" s="360"/>
      <c r="H2439" s="360"/>
      <c r="I2439" s="360"/>
      <c r="J2439" s="359"/>
      <c r="K2439" s="359"/>
      <c r="L2439" s="359"/>
    </row>
    <row r="2440" spans="2:12" ht="28.5">
      <c r="B2440" s="361"/>
      <c r="C2440" s="362"/>
      <c r="D2440" s="361"/>
      <c r="E2440" s="361"/>
      <c r="F2440" s="361" t="s">
        <v>14374</v>
      </c>
      <c r="G2440" s="361" t="s">
        <v>14373</v>
      </c>
      <c r="H2440" s="362"/>
      <c r="I2440" s="362"/>
      <c r="J2440" s="361"/>
      <c r="K2440" s="361"/>
      <c r="L2440" s="361"/>
    </row>
    <row r="2441" spans="2:12" ht="28.5">
      <c r="B2441" s="358" t="s">
        <v>15701</v>
      </c>
      <c r="C2441" s="358" t="s">
        <v>15702</v>
      </c>
      <c r="D2441" s="358" t="s">
        <v>15703</v>
      </c>
      <c r="E2441" s="358" t="s">
        <v>15704</v>
      </c>
      <c r="F2441" s="358" t="s">
        <v>14507</v>
      </c>
      <c r="G2441" s="358" t="s">
        <v>28634</v>
      </c>
      <c r="H2441" s="358" t="s">
        <v>14381</v>
      </c>
      <c r="I2441" s="358" t="s">
        <v>28634</v>
      </c>
      <c r="J2441" s="358"/>
      <c r="K2441" s="358" t="s">
        <v>15298</v>
      </c>
      <c r="L2441" s="358"/>
    </row>
    <row r="2442" spans="2:12">
      <c r="B2442" s="359"/>
      <c r="C2442" s="360"/>
      <c r="D2442" s="359"/>
      <c r="E2442" s="359"/>
      <c r="F2442" s="360"/>
      <c r="G2442" s="360"/>
      <c r="H2442" s="360"/>
      <c r="I2442" s="360"/>
      <c r="J2442" s="359"/>
      <c r="K2442" s="359"/>
      <c r="L2442" s="359"/>
    </row>
    <row r="2443" spans="2:12">
      <c r="B2443" s="359"/>
      <c r="C2443" s="359" t="s">
        <v>15705</v>
      </c>
      <c r="D2443" s="359"/>
      <c r="E2443" s="359"/>
      <c r="F2443" s="359" t="s">
        <v>14420</v>
      </c>
      <c r="G2443" s="359" t="s">
        <v>14392</v>
      </c>
      <c r="H2443" s="359" t="s">
        <v>14367</v>
      </c>
      <c r="I2443" s="359" t="s">
        <v>14392</v>
      </c>
      <c r="J2443" s="359"/>
      <c r="K2443" s="359"/>
      <c r="L2443" s="359"/>
    </row>
    <row r="2444" spans="2:12">
      <c r="B2444" s="359"/>
      <c r="C2444" s="360"/>
      <c r="D2444" s="359"/>
      <c r="E2444" s="359"/>
      <c r="F2444" s="360"/>
      <c r="G2444" s="360"/>
      <c r="H2444" s="360"/>
      <c r="I2444" s="360"/>
      <c r="J2444" s="359"/>
      <c r="K2444" s="359"/>
      <c r="L2444" s="359"/>
    </row>
    <row r="2445" spans="2:12">
      <c r="B2445" s="359"/>
      <c r="C2445" s="360"/>
      <c r="D2445" s="359"/>
      <c r="E2445" s="359"/>
      <c r="F2445" s="359" t="s">
        <v>14391</v>
      </c>
      <c r="G2445" s="359" t="s">
        <v>14372</v>
      </c>
      <c r="H2445" s="359" t="s">
        <v>14370</v>
      </c>
      <c r="I2445" s="359" t="s">
        <v>14373</v>
      </c>
      <c r="J2445" s="359"/>
      <c r="K2445" s="359"/>
      <c r="L2445" s="359"/>
    </row>
    <row r="2446" spans="2:12">
      <c r="B2446" s="359"/>
      <c r="C2446" s="360"/>
      <c r="D2446" s="359"/>
      <c r="E2446" s="359"/>
      <c r="F2446" s="360"/>
      <c r="G2446" s="360"/>
      <c r="H2446" s="360"/>
      <c r="I2446" s="360"/>
      <c r="J2446" s="359"/>
      <c r="K2446" s="359"/>
      <c r="L2446" s="359"/>
    </row>
    <row r="2447" spans="2:12">
      <c r="B2447" s="359"/>
      <c r="C2447" s="360"/>
      <c r="D2447" s="359"/>
      <c r="E2447" s="359"/>
      <c r="F2447" s="359" t="s">
        <v>14371</v>
      </c>
      <c r="G2447" s="359" t="s">
        <v>14373</v>
      </c>
      <c r="H2447" s="359" t="s">
        <v>14422</v>
      </c>
      <c r="I2447" s="360"/>
      <c r="J2447" s="359"/>
      <c r="K2447" s="359"/>
      <c r="L2447" s="359"/>
    </row>
    <row r="2448" spans="2:12">
      <c r="B2448" s="359"/>
      <c r="C2448" s="360"/>
      <c r="D2448" s="359"/>
      <c r="E2448" s="359"/>
      <c r="F2448" s="360"/>
      <c r="G2448" s="360"/>
      <c r="H2448" s="360"/>
      <c r="I2448" s="360"/>
      <c r="J2448" s="359"/>
      <c r="K2448" s="359"/>
      <c r="L2448" s="359"/>
    </row>
    <row r="2449" spans="2:12" ht="28.5">
      <c r="B2449" s="361"/>
      <c r="C2449" s="362"/>
      <c r="D2449" s="361"/>
      <c r="E2449" s="361"/>
      <c r="F2449" s="361" t="s">
        <v>14374</v>
      </c>
      <c r="G2449" s="362"/>
      <c r="H2449" s="362"/>
      <c r="I2449" s="362"/>
      <c r="J2449" s="361"/>
      <c r="K2449" s="361"/>
      <c r="L2449" s="361"/>
    </row>
    <row r="2450" spans="2:12">
      <c r="B2450" s="354" t="s">
        <v>28574</v>
      </c>
      <c r="C2450" s="355"/>
      <c r="D2450" s="355"/>
      <c r="E2450" s="355"/>
      <c r="F2450" s="355"/>
      <c r="G2450" s="355"/>
      <c r="H2450" s="355"/>
      <c r="I2450" s="355"/>
      <c r="J2450" s="355"/>
      <c r="K2450" s="355"/>
      <c r="L2450" s="363"/>
    </row>
    <row r="2451" spans="2:12">
      <c r="B2451" s="358" t="s">
        <v>15706</v>
      </c>
      <c r="C2451" s="358" t="s">
        <v>15707</v>
      </c>
      <c r="D2451" s="358" t="s">
        <v>15708</v>
      </c>
      <c r="E2451" s="358" t="s">
        <v>15709</v>
      </c>
      <c r="F2451" s="358" t="s">
        <v>14507</v>
      </c>
      <c r="G2451" s="358" t="s">
        <v>16042</v>
      </c>
      <c r="H2451" s="358" t="s">
        <v>14381</v>
      </c>
      <c r="I2451" s="358" t="s">
        <v>16042</v>
      </c>
      <c r="J2451" s="358"/>
      <c r="K2451" s="358" t="s">
        <v>14557</v>
      </c>
      <c r="L2451" s="358"/>
    </row>
    <row r="2452" spans="2:12">
      <c r="B2452" s="359"/>
      <c r="C2452" s="360"/>
      <c r="D2452" s="359"/>
      <c r="E2452" s="359"/>
      <c r="F2452" s="360"/>
      <c r="G2452" s="360"/>
      <c r="H2452" s="360"/>
      <c r="I2452" s="360"/>
      <c r="J2452" s="359"/>
      <c r="K2452" s="360"/>
      <c r="L2452" s="359"/>
    </row>
    <row r="2453" spans="2:12" ht="28.5">
      <c r="B2453" s="359"/>
      <c r="C2453" s="359" t="s">
        <v>30056</v>
      </c>
      <c r="D2453" s="359"/>
      <c r="E2453" s="359"/>
      <c r="F2453" s="359" t="s">
        <v>15089</v>
      </c>
      <c r="G2453" s="359" t="s">
        <v>14459</v>
      </c>
      <c r="H2453" s="359" t="s">
        <v>14378</v>
      </c>
      <c r="I2453" s="359" t="s">
        <v>14459</v>
      </c>
      <c r="J2453" s="359"/>
      <c r="K2453" s="359" t="s">
        <v>14557</v>
      </c>
      <c r="L2453" s="359"/>
    </row>
    <row r="2454" spans="2:12">
      <c r="B2454" s="359"/>
      <c r="C2454" s="360"/>
      <c r="D2454" s="359"/>
      <c r="E2454" s="359"/>
      <c r="F2454" s="360"/>
      <c r="G2454" s="360"/>
      <c r="H2454" s="360"/>
      <c r="I2454" s="360"/>
      <c r="J2454" s="359"/>
      <c r="K2454" s="360"/>
      <c r="L2454" s="359"/>
    </row>
    <row r="2455" spans="2:12">
      <c r="B2455" s="359"/>
      <c r="C2455" s="359" t="s">
        <v>30057</v>
      </c>
      <c r="D2455" s="359"/>
      <c r="E2455" s="359"/>
      <c r="F2455" s="359" t="s">
        <v>14656</v>
      </c>
      <c r="G2455" s="359" t="s">
        <v>14383</v>
      </c>
      <c r="H2455" s="359" t="s">
        <v>14370</v>
      </c>
      <c r="I2455" s="359" t="s">
        <v>14383</v>
      </c>
      <c r="J2455" s="359"/>
      <c r="K2455" s="360"/>
      <c r="L2455" s="359"/>
    </row>
    <row r="2456" spans="2:12">
      <c r="B2456" s="359"/>
      <c r="C2456" s="360"/>
      <c r="D2456" s="359"/>
      <c r="E2456" s="359"/>
      <c r="F2456" s="360"/>
      <c r="G2456" s="360"/>
      <c r="H2456" s="360"/>
      <c r="I2456" s="360"/>
      <c r="J2456" s="359"/>
      <c r="K2456" s="360"/>
      <c r="L2456" s="359"/>
    </row>
    <row r="2457" spans="2:12" ht="42.75">
      <c r="B2457" s="359"/>
      <c r="C2457" s="360"/>
      <c r="D2457" s="359"/>
      <c r="E2457" s="359"/>
      <c r="F2457" s="359" t="s">
        <v>15246</v>
      </c>
      <c r="G2457" s="359" t="s">
        <v>28376</v>
      </c>
      <c r="H2457" s="359" t="s">
        <v>14332</v>
      </c>
      <c r="I2457" s="359" t="s">
        <v>28376</v>
      </c>
      <c r="J2457" s="359"/>
      <c r="K2457" s="360"/>
      <c r="L2457" s="359"/>
    </row>
    <row r="2458" spans="2:12">
      <c r="B2458" s="359"/>
      <c r="C2458" s="360"/>
      <c r="D2458" s="359"/>
      <c r="E2458" s="359"/>
      <c r="F2458" s="360"/>
      <c r="G2458" s="360"/>
      <c r="H2458" s="360"/>
      <c r="I2458" s="360"/>
      <c r="J2458" s="359"/>
      <c r="K2458" s="360"/>
      <c r="L2458" s="359"/>
    </row>
    <row r="2459" spans="2:12">
      <c r="B2459" s="359"/>
      <c r="C2459" s="360"/>
      <c r="D2459" s="359"/>
      <c r="E2459" s="359"/>
      <c r="F2459" s="359" t="s">
        <v>14371</v>
      </c>
      <c r="G2459" s="359" t="s">
        <v>14372</v>
      </c>
      <c r="H2459" s="360"/>
      <c r="I2459" s="359" t="s">
        <v>14373</v>
      </c>
      <c r="J2459" s="359"/>
      <c r="K2459" s="360"/>
      <c r="L2459" s="359"/>
    </row>
    <row r="2460" spans="2:12">
      <c r="B2460" s="359"/>
      <c r="C2460" s="360"/>
      <c r="D2460" s="359"/>
      <c r="E2460" s="359"/>
      <c r="F2460" s="360"/>
      <c r="G2460" s="360"/>
      <c r="H2460" s="360"/>
      <c r="I2460" s="360"/>
      <c r="J2460" s="359"/>
      <c r="K2460" s="360"/>
      <c r="L2460" s="359"/>
    </row>
    <row r="2461" spans="2:12" ht="28.5">
      <c r="B2461" s="361"/>
      <c r="C2461" s="362"/>
      <c r="D2461" s="361"/>
      <c r="E2461" s="361"/>
      <c r="F2461" s="361" t="s">
        <v>14374</v>
      </c>
      <c r="G2461" s="361" t="s">
        <v>14373</v>
      </c>
      <c r="H2461" s="362"/>
      <c r="I2461" s="362"/>
      <c r="J2461" s="361"/>
      <c r="K2461" s="362"/>
      <c r="L2461" s="361"/>
    </row>
    <row r="2462" spans="2:12">
      <c r="B2462" s="354" t="s">
        <v>28528</v>
      </c>
      <c r="C2462" s="355"/>
      <c r="D2462" s="355"/>
      <c r="E2462" s="355"/>
      <c r="F2462" s="355"/>
      <c r="G2462" s="355"/>
      <c r="H2462" s="355"/>
      <c r="I2462" s="355"/>
      <c r="J2462" s="355"/>
      <c r="K2462" s="355"/>
      <c r="L2462" s="363"/>
    </row>
    <row r="2463" spans="2:12">
      <c r="B2463" s="358" t="s">
        <v>13019</v>
      </c>
      <c r="C2463" s="358" t="s">
        <v>15710</v>
      </c>
      <c r="D2463" s="358" t="s">
        <v>525</v>
      </c>
      <c r="E2463" s="358" t="s">
        <v>526</v>
      </c>
      <c r="F2463" s="358" t="s">
        <v>14443</v>
      </c>
      <c r="G2463" s="358" t="s">
        <v>14444</v>
      </c>
      <c r="H2463" s="358" t="s">
        <v>14381</v>
      </c>
      <c r="I2463" s="358" t="s">
        <v>14444</v>
      </c>
      <c r="J2463" s="358"/>
      <c r="K2463" s="358"/>
      <c r="L2463" s="358"/>
    </row>
    <row r="2464" spans="2:12">
      <c r="B2464" s="359"/>
      <c r="C2464" s="359"/>
      <c r="D2464" s="359"/>
      <c r="E2464" s="359"/>
      <c r="F2464" s="360"/>
      <c r="G2464" s="360"/>
      <c r="H2464" s="360"/>
      <c r="I2464" s="360"/>
      <c r="J2464" s="359"/>
      <c r="K2464" s="359"/>
      <c r="L2464" s="359"/>
    </row>
    <row r="2465" spans="2:12" ht="28.5">
      <c r="B2465" s="359"/>
      <c r="C2465" s="359"/>
      <c r="D2465" s="359"/>
      <c r="E2465" s="359"/>
      <c r="F2465" s="359" t="s">
        <v>14424</v>
      </c>
      <c r="G2465" s="359" t="s">
        <v>28635</v>
      </c>
      <c r="H2465" s="359" t="s">
        <v>14367</v>
      </c>
      <c r="I2465" s="359" t="s">
        <v>28635</v>
      </c>
      <c r="J2465" s="359"/>
      <c r="K2465" s="359"/>
      <c r="L2465" s="359"/>
    </row>
    <row r="2466" spans="2:12">
      <c r="B2466" s="359"/>
      <c r="C2466" s="359"/>
      <c r="D2466" s="359"/>
      <c r="E2466" s="359"/>
      <c r="F2466" s="360"/>
      <c r="G2466" s="360"/>
      <c r="H2466" s="360"/>
      <c r="I2466" s="360"/>
      <c r="J2466" s="359"/>
      <c r="K2466" s="359"/>
      <c r="L2466" s="359"/>
    </row>
    <row r="2467" spans="2:12">
      <c r="B2467" s="359"/>
      <c r="C2467" s="359"/>
      <c r="D2467" s="359"/>
      <c r="E2467" s="359"/>
      <c r="F2467" s="359" t="s">
        <v>14420</v>
      </c>
      <c r="G2467" s="359" t="s">
        <v>14395</v>
      </c>
      <c r="H2467" s="359" t="s">
        <v>14370</v>
      </c>
      <c r="I2467" s="359" t="s">
        <v>14395</v>
      </c>
      <c r="J2467" s="359"/>
      <c r="K2467" s="359"/>
      <c r="L2467" s="359"/>
    </row>
    <row r="2468" spans="2:12">
      <c r="B2468" s="359"/>
      <c r="C2468" s="359"/>
      <c r="D2468" s="359"/>
      <c r="E2468" s="359"/>
      <c r="F2468" s="360"/>
      <c r="G2468" s="360"/>
      <c r="H2468" s="360"/>
      <c r="I2468" s="360"/>
      <c r="J2468" s="359"/>
      <c r="K2468" s="359"/>
      <c r="L2468" s="359"/>
    </row>
    <row r="2469" spans="2:12" ht="28.5">
      <c r="B2469" s="361"/>
      <c r="C2469" s="361"/>
      <c r="D2469" s="361"/>
      <c r="E2469" s="361"/>
      <c r="F2469" s="361" t="s">
        <v>14394</v>
      </c>
      <c r="G2469" s="362"/>
      <c r="H2469" s="361" t="s">
        <v>14332</v>
      </c>
      <c r="I2469" s="362"/>
      <c r="J2469" s="361"/>
      <c r="K2469" s="361"/>
      <c r="L2469" s="361"/>
    </row>
    <row r="2470" spans="2:12">
      <c r="B2470" s="358" t="s">
        <v>15711</v>
      </c>
      <c r="C2470" s="358" t="s">
        <v>15712</v>
      </c>
      <c r="D2470" s="358" t="s">
        <v>15713</v>
      </c>
      <c r="E2470" s="358" t="s">
        <v>15714</v>
      </c>
      <c r="F2470" s="358" t="s">
        <v>14356</v>
      </c>
      <c r="G2470" s="358" t="s">
        <v>14340</v>
      </c>
      <c r="H2470" s="358" t="s">
        <v>14341</v>
      </c>
      <c r="I2470" s="358" t="s">
        <v>14340</v>
      </c>
      <c r="J2470" s="358" t="s">
        <v>14355</v>
      </c>
      <c r="K2470" s="358"/>
      <c r="L2470" s="358"/>
    </row>
    <row r="2471" spans="2:12">
      <c r="B2471" s="359"/>
      <c r="C2471" s="359"/>
      <c r="D2471" s="359"/>
      <c r="E2471" s="359"/>
      <c r="F2471" s="360"/>
      <c r="G2471" s="360"/>
      <c r="H2471" s="360"/>
      <c r="I2471" s="360"/>
      <c r="J2471" s="359"/>
      <c r="K2471" s="359"/>
      <c r="L2471" s="359"/>
    </row>
    <row r="2472" spans="2:12">
      <c r="B2472" s="359"/>
      <c r="C2472" s="359"/>
      <c r="D2472" s="359"/>
      <c r="E2472" s="359"/>
      <c r="F2472" s="359" t="s">
        <v>14368</v>
      </c>
      <c r="G2472" s="359" t="s">
        <v>14388</v>
      </c>
      <c r="H2472" s="359" t="s">
        <v>14367</v>
      </c>
      <c r="I2472" s="359" t="s">
        <v>14388</v>
      </c>
      <c r="J2472" s="359"/>
      <c r="K2472" s="359"/>
      <c r="L2472" s="359"/>
    </row>
    <row r="2473" spans="2:12">
      <c r="B2473" s="359"/>
      <c r="C2473" s="359"/>
      <c r="D2473" s="359"/>
      <c r="E2473" s="359"/>
      <c r="F2473" s="360"/>
      <c r="G2473" s="360"/>
      <c r="H2473" s="360"/>
      <c r="I2473" s="360"/>
      <c r="J2473" s="359"/>
      <c r="K2473" s="359"/>
      <c r="L2473" s="359"/>
    </row>
    <row r="2474" spans="2:12">
      <c r="B2474" s="361"/>
      <c r="C2474" s="361"/>
      <c r="D2474" s="361"/>
      <c r="E2474" s="361"/>
      <c r="F2474" s="362"/>
      <c r="G2474" s="362"/>
      <c r="H2474" s="361" t="s">
        <v>14332</v>
      </c>
      <c r="I2474" s="362"/>
      <c r="J2474" s="361"/>
      <c r="K2474" s="361"/>
      <c r="L2474" s="361"/>
    </row>
    <row r="2475" spans="2:12">
      <c r="B2475" s="358" t="s">
        <v>15715</v>
      </c>
      <c r="C2475" s="358" t="s">
        <v>15716</v>
      </c>
      <c r="D2475" s="358" t="s">
        <v>15717</v>
      </c>
      <c r="E2475" s="358" t="s">
        <v>15718</v>
      </c>
      <c r="F2475" s="358" t="s">
        <v>15096</v>
      </c>
      <c r="G2475" s="358" t="s">
        <v>15097</v>
      </c>
      <c r="H2475" s="358" t="s">
        <v>14328</v>
      </c>
      <c r="I2475" s="358" t="s">
        <v>15097</v>
      </c>
      <c r="J2475" s="358" t="s">
        <v>15176</v>
      </c>
      <c r="K2475" s="358"/>
      <c r="L2475" s="358" t="s">
        <v>14513</v>
      </c>
    </row>
    <row r="2476" spans="2:12">
      <c r="B2476" s="359"/>
      <c r="C2476" s="360"/>
      <c r="D2476" s="359"/>
      <c r="E2476" s="359"/>
      <c r="F2476" s="360"/>
      <c r="G2476" s="360"/>
      <c r="H2476" s="360"/>
      <c r="I2476" s="360"/>
      <c r="J2476" s="359"/>
      <c r="K2476" s="359"/>
      <c r="L2476" s="359"/>
    </row>
    <row r="2477" spans="2:12">
      <c r="B2477" s="359"/>
      <c r="C2477" s="359" t="s">
        <v>15719</v>
      </c>
      <c r="D2477" s="359"/>
      <c r="E2477" s="359"/>
      <c r="F2477" s="359" t="s">
        <v>14337</v>
      </c>
      <c r="G2477" s="359" t="s">
        <v>14338</v>
      </c>
      <c r="H2477" s="359" t="s">
        <v>14367</v>
      </c>
      <c r="I2477" s="359" t="s">
        <v>14338</v>
      </c>
      <c r="J2477" s="359"/>
      <c r="K2477" s="359"/>
      <c r="L2477" s="359"/>
    </row>
    <row r="2478" spans="2:12">
      <c r="B2478" s="359"/>
      <c r="C2478" s="360"/>
      <c r="D2478" s="359"/>
      <c r="E2478" s="359"/>
      <c r="F2478" s="360"/>
      <c r="G2478" s="360"/>
      <c r="H2478" s="360"/>
      <c r="I2478" s="360"/>
      <c r="J2478" s="359"/>
      <c r="K2478" s="359"/>
      <c r="L2478" s="359"/>
    </row>
    <row r="2479" spans="2:12">
      <c r="B2479" s="359"/>
      <c r="C2479" s="360"/>
      <c r="D2479" s="359"/>
      <c r="E2479" s="359"/>
      <c r="F2479" s="359" t="s">
        <v>14420</v>
      </c>
      <c r="G2479" s="359" t="s">
        <v>14459</v>
      </c>
      <c r="H2479" s="359" t="s">
        <v>14370</v>
      </c>
      <c r="I2479" s="359" t="s">
        <v>14459</v>
      </c>
      <c r="J2479" s="359"/>
      <c r="K2479" s="359"/>
      <c r="L2479" s="359"/>
    </row>
    <row r="2480" spans="2:12">
      <c r="B2480" s="359"/>
      <c r="C2480" s="360"/>
      <c r="D2480" s="359"/>
      <c r="E2480" s="359"/>
      <c r="F2480" s="360"/>
      <c r="G2480" s="360"/>
      <c r="H2480" s="360"/>
      <c r="I2480" s="360"/>
      <c r="J2480" s="359"/>
      <c r="K2480" s="359"/>
      <c r="L2480" s="359"/>
    </row>
    <row r="2481" spans="2:12">
      <c r="B2481" s="359"/>
      <c r="C2481" s="360"/>
      <c r="D2481" s="359"/>
      <c r="E2481" s="359"/>
      <c r="F2481" s="359" t="s">
        <v>14420</v>
      </c>
      <c r="G2481" s="359" t="s">
        <v>14429</v>
      </c>
      <c r="H2481" s="359" t="s">
        <v>14332</v>
      </c>
      <c r="I2481" s="359" t="s">
        <v>14429</v>
      </c>
      <c r="J2481" s="359"/>
      <c r="K2481" s="359"/>
      <c r="L2481" s="359"/>
    </row>
    <row r="2482" spans="2:12">
      <c r="B2482" s="359"/>
      <c r="C2482" s="360"/>
      <c r="D2482" s="359"/>
      <c r="E2482" s="359"/>
      <c r="F2482" s="360"/>
      <c r="G2482" s="360"/>
      <c r="H2482" s="360"/>
      <c r="I2482" s="360"/>
      <c r="J2482" s="359"/>
      <c r="K2482" s="359"/>
      <c r="L2482" s="359"/>
    </row>
    <row r="2483" spans="2:12">
      <c r="B2483" s="361"/>
      <c r="C2483" s="362"/>
      <c r="D2483" s="361"/>
      <c r="E2483" s="361"/>
      <c r="F2483" s="361" t="s">
        <v>14371</v>
      </c>
      <c r="G2483" s="361" t="s">
        <v>14372</v>
      </c>
      <c r="H2483" s="362"/>
      <c r="I2483" s="361" t="s">
        <v>14372</v>
      </c>
      <c r="J2483" s="361"/>
      <c r="K2483" s="361"/>
      <c r="L2483" s="361"/>
    </row>
    <row r="2484" spans="2:12" ht="71.25">
      <c r="B2484" s="358" t="s">
        <v>15720</v>
      </c>
      <c r="C2484" s="358" t="s">
        <v>15721</v>
      </c>
      <c r="D2484" s="358" t="s">
        <v>15722</v>
      </c>
      <c r="E2484" s="358" t="s">
        <v>15723</v>
      </c>
      <c r="F2484" s="358" t="s">
        <v>14386</v>
      </c>
      <c r="G2484" s="358" t="s">
        <v>14387</v>
      </c>
      <c r="H2484" s="358" t="s">
        <v>14367</v>
      </c>
      <c r="I2484" s="358" t="s">
        <v>14387</v>
      </c>
      <c r="J2484" s="358"/>
      <c r="K2484" s="358" t="s">
        <v>28636</v>
      </c>
      <c r="L2484" s="358"/>
    </row>
    <row r="2485" spans="2:12">
      <c r="B2485" s="359"/>
      <c r="C2485" s="359"/>
      <c r="D2485" s="359"/>
      <c r="E2485" s="359"/>
      <c r="F2485" s="360"/>
      <c r="G2485" s="360"/>
      <c r="H2485" s="360"/>
      <c r="I2485" s="360"/>
      <c r="J2485" s="359"/>
      <c r="K2485" s="359"/>
      <c r="L2485" s="359"/>
    </row>
    <row r="2486" spans="2:12">
      <c r="B2486" s="359"/>
      <c r="C2486" s="359"/>
      <c r="D2486" s="359"/>
      <c r="E2486" s="359"/>
      <c r="F2486" s="359" t="s">
        <v>14389</v>
      </c>
      <c r="G2486" s="359" t="s">
        <v>14390</v>
      </c>
      <c r="H2486" s="359" t="s">
        <v>14370</v>
      </c>
      <c r="I2486" s="359" t="s">
        <v>14390</v>
      </c>
      <c r="J2486" s="359"/>
      <c r="K2486" s="359"/>
      <c r="L2486" s="359"/>
    </row>
    <row r="2487" spans="2:12">
      <c r="B2487" s="359"/>
      <c r="C2487" s="359"/>
      <c r="D2487" s="359"/>
      <c r="E2487" s="359"/>
      <c r="F2487" s="360"/>
      <c r="G2487" s="360"/>
      <c r="H2487" s="360"/>
      <c r="I2487" s="360"/>
      <c r="J2487" s="359"/>
      <c r="K2487" s="359"/>
      <c r="L2487" s="359"/>
    </row>
    <row r="2488" spans="2:12">
      <c r="B2488" s="359"/>
      <c r="C2488" s="359"/>
      <c r="D2488" s="359"/>
      <c r="E2488" s="359"/>
      <c r="F2488" s="359" t="s">
        <v>14371</v>
      </c>
      <c r="G2488" s="359" t="s">
        <v>14372</v>
      </c>
      <c r="H2488" s="359" t="s">
        <v>14422</v>
      </c>
      <c r="I2488" s="359" t="s">
        <v>14373</v>
      </c>
      <c r="J2488" s="359"/>
      <c r="K2488" s="359"/>
      <c r="L2488" s="359"/>
    </row>
    <row r="2489" spans="2:12">
      <c r="B2489" s="359"/>
      <c r="C2489" s="359"/>
      <c r="D2489" s="359"/>
      <c r="E2489" s="359"/>
      <c r="F2489" s="360"/>
      <c r="G2489" s="360"/>
      <c r="H2489" s="360"/>
      <c r="I2489" s="360"/>
      <c r="J2489" s="359"/>
      <c r="K2489" s="359"/>
      <c r="L2489" s="359"/>
    </row>
    <row r="2490" spans="2:12" ht="28.5">
      <c r="B2490" s="361"/>
      <c r="C2490" s="361"/>
      <c r="D2490" s="361"/>
      <c r="E2490" s="361"/>
      <c r="F2490" s="361" t="s">
        <v>14374</v>
      </c>
      <c r="G2490" s="361" t="s">
        <v>14373</v>
      </c>
      <c r="H2490" s="362"/>
      <c r="I2490" s="362"/>
      <c r="J2490" s="361"/>
      <c r="K2490" s="361"/>
      <c r="L2490" s="361"/>
    </row>
    <row r="2491" spans="2:12" ht="28.5">
      <c r="B2491" s="358" t="s">
        <v>10208</v>
      </c>
      <c r="C2491" s="358" t="s">
        <v>28637</v>
      </c>
      <c r="D2491" s="358" t="s">
        <v>10209</v>
      </c>
      <c r="E2491" s="358" t="s">
        <v>10210</v>
      </c>
      <c r="F2491" s="358" t="s">
        <v>14376</v>
      </c>
      <c r="G2491" s="358" t="s">
        <v>14669</v>
      </c>
      <c r="H2491" s="358" t="s">
        <v>14381</v>
      </c>
      <c r="I2491" s="358" t="s">
        <v>14669</v>
      </c>
      <c r="J2491" s="358"/>
      <c r="K2491" s="358" t="s">
        <v>28572</v>
      </c>
      <c r="L2491" s="358"/>
    </row>
    <row r="2492" spans="2:12">
      <c r="B2492" s="359"/>
      <c r="C2492" s="359"/>
      <c r="D2492" s="359"/>
      <c r="E2492" s="359"/>
      <c r="F2492" s="360"/>
      <c r="G2492" s="360"/>
      <c r="H2492" s="360"/>
      <c r="I2492" s="360"/>
      <c r="J2492" s="359"/>
      <c r="K2492" s="360"/>
      <c r="L2492" s="359"/>
    </row>
    <row r="2493" spans="2:12" ht="28.5">
      <c r="B2493" s="361"/>
      <c r="C2493" s="361"/>
      <c r="D2493" s="361"/>
      <c r="E2493" s="361"/>
      <c r="F2493" s="361" t="s">
        <v>14889</v>
      </c>
      <c r="G2493" s="361" t="s">
        <v>14890</v>
      </c>
      <c r="H2493" s="361" t="s">
        <v>14332</v>
      </c>
      <c r="I2493" s="361" t="s">
        <v>14890</v>
      </c>
      <c r="J2493" s="361"/>
      <c r="K2493" s="361" t="s">
        <v>28638</v>
      </c>
      <c r="L2493" s="361"/>
    </row>
    <row r="2494" spans="2:12">
      <c r="B2494" s="358" t="s">
        <v>15724</v>
      </c>
      <c r="C2494" s="358" t="s">
        <v>15725</v>
      </c>
      <c r="D2494" s="358" t="s">
        <v>15726</v>
      </c>
      <c r="E2494" s="358" t="s">
        <v>15727</v>
      </c>
      <c r="F2494" s="358" t="s">
        <v>14379</v>
      </c>
      <c r="G2494" s="358" t="s">
        <v>14380</v>
      </c>
      <c r="H2494" s="358" t="s">
        <v>14378</v>
      </c>
      <c r="I2494" s="358" t="s">
        <v>14380</v>
      </c>
      <c r="J2494" s="358"/>
      <c r="K2494" s="358"/>
      <c r="L2494" s="358"/>
    </row>
    <row r="2495" spans="2:12">
      <c r="B2495" s="359"/>
      <c r="C2495" s="360"/>
      <c r="D2495" s="359"/>
      <c r="E2495" s="359"/>
      <c r="F2495" s="360"/>
      <c r="G2495" s="360"/>
      <c r="H2495" s="360"/>
      <c r="I2495" s="360"/>
      <c r="J2495" s="359"/>
      <c r="K2495" s="359"/>
      <c r="L2495" s="359"/>
    </row>
    <row r="2496" spans="2:12">
      <c r="B2496" s="359"/>
      <c r="C2496" s="359" t="s">
        <v>27459</v>
      </c>
      <c r="D2496" s="359"/>
      <c r="E2496" s="359"/>
      <c r="F2496" s="359" t="s">
        <v>14530</v>
      </c>
      <c r="G2496" s="359" t="s">
        <v>14531</v>
      </c>
      <c r="H2496" s="359" t="s">
        <v>14370</v>
      </c>
      <c r="I2496" s="359" t="s">
        <v>14531</v>
      </c>
      <c r="J2496" s="359"/>
      <c r="K2496" s="359"/>
      <c r="L2496" s="359"/>
    </row>
    <row r="2497" spans="2:12">
      <c r="B2497" s="359"/>
      <c r="C2497" s="360"/>
      <c r="D2497" s="359"/>
      <c r="E2497" s="359"/>
      <c r="F2497" s="360"/>
      <c r="G2497" s="360"/>
      <c r="H2497" s="360"/>
      <c r="I2497" s="360"/>
      <c r="J2497" s="359"/>
      <c r="K2497" s="359"/>
      <c r="L2497" s="359"/>
    </row>
    <row r="2498" spans="2:12">
      <c r="B2498" s="359"/>
      <c r="C2498" s="360"/>
      <c r="D2498" s="359"/>
      <c r="E2498" s="359"/>
      <c r="F2498" s="359" t="s">
        <v>14382</v>
      </c>
      <c r="G2498" s="359" t="s">
        <v>14383</v>
      </c>
      <c r="H2498" s="359" t="s">
        <v>14332</v>
      </c>
      <c r="I2498" s="359" t="s">
        <v>14383</v>
      </c>
      <c r="J2498" s="359"/>
      <c r="K2498" s="359"/>
      <c r="L2498" s="359"/>
    </row>
    <row r="2499" spans="2:12">
      <c r="B2499" s="359"/>
      <c r="C2499" s="360"/>
      <c r="D2499" s="359"/>
      <c r="E2499" s="359"/>
      <c r="F2499" s="360"/>
      <c r="G2499" s="360"/>
      <c r="H2499" s="360"/>
      <c r="I2499" s="360"/>
      <c r="J2499" s="359"/>
      <c r="K2499" s="359"/>
      <c r="L2499" s="359"/>
    </row>
    <row r="2500" spans="2:12">
      <c r="B2500" s="359"/>
      <c r="C2500" s="360"/>
      <c r="D2500" s="359"/>
      <c r="E2500" s="359"/>
      <c r="F2500" s="359" t="s">
        <v>14391</v>
      </c>
      <c r="G2500" s="359" t="s">
        <v>14392</v>
      </c>
      <c r="H2500" s="360"/>
      <c r="I2500" s="359" t="s">
        <v>14392</v>
      </c>
      <c r="J2500" s="359"/>
      <c r="K2500" s="359"/>
      <c r="L2500" s="359"/>
    </row>
    <row r="2501" spans="2:12">
      <c r="B2501" s="359"/>
      <c r="C2501" s="360"/>
      <c r="D2501" s="359"/>
      <c r="E2501" s="359"/>
      <c r="F2501" s="360"/>
      <c r="G2501" s="360"/>
      <c r="H2501" s="360"/>
      <c r="I2501" s="360"/>
      <c r="J2501" s="359"/>
      <c r="K2501" s="359"/>
      <c r="L2501" s="359"/>
    </row>
    <row r="2502" spans="2:12">
      <c r="B2502" s="359"/>
      <c r="C2502" s="360"/>
      <c r="D2502" s="359"/>
      <c r="E2502" s="359"/>
      <c r="F2502" s="359" t="s">
        <v>14371</v>
      </c>
      <c r="G2502" s="359" t="s">
        <v>14372</v>
      </c>
      <c r="H2502" s="360"/>
      <c r="I2502" s="359" t="s">
        <v>14373</v>
      </c>
      <c r="J2502" s="359"/>
      <c r="K2502" s="359"/>
      <c r="L2502" s="359"/>
    </row>
    <row r="2503" spans="2:12">
      <c r="B2503" s="359"/>
      <c r="C2503" s="360"/>
      <c r="D2503" s="359"/>
      <c r="E2503" s="359"/>
      <c r="F2503" s="360"/>
      <c r="G2503" s="360"/>
      <c r="H2503" s="360"/>
      <c r="I2503" s="360"/>
      <c r="J2503" s="359"/>
      <c r="K2503" s="359"/>
      <c r="L2503" s="359"/>
    </row>
    <row r="2504" spans="2:12" ht="28.5">
      <c r="B2504" s="361"/>
      <c r="C2504" s="362"/>
      <c r="D2504" s="361"/>
      <c r="E2504" s="361"/>
      <c r="F2504" s="361" t="s">
        <v>14374</v>
      </c>
      <c r="G2504" s="361" t="s">
        <v>14373</v>
      </c>
      <c r="H2504" s="362"/>
      <c r="I2504" s="362"/>
      <c r="J2504" s="361"/>
      <c r="K2504" s="361"/>
      <c r="L2504" s="361"/>
    </row>
    <row r="2505" spans="2:12">
      <c r="B2505" s="358" t="s">
        <v>15728</v>
      </c>
      <c r="C2505" s="358" t="s">
        <v>15729</v>
      </c>
      <c r="D2505" s="358" t="s">
        <v>15730</v>
      </c>
      <c r="E2505" s="358" t="s">
        <v>15731</v>
      </c>
      <c r="F2505" s="358" t="s">
        <v>14420</v>
      </c>
      <c r="G2505" s="358" t="s">
        <v>14429</v>
      </c>
      <c r="H2505" s="358" t="s">
        <v>14367</v>
      </c>
      <c r="I2505" s="358" t="s">
        <v>14429</v>
      </c>
      <c r="J2505" s="358"/>
      <c r="K2505" s="358" t="s">
        <v>14557</v>
      </c>
      <c r="L2505" s="358"/>
    </row>
    <row r="2506" spans="2:12">
      <c r="B2506" s="359"/>
      <c r="C2506" s="360"/>
      <c r="D2506" s="359"/>
      <c r="E2506" s="359"/>
      <c r="F2506" s="360"/>
      <c r="G2506" s="360"/>
      <c r="H2506" s="360"/>
      <c r="I2506" s="360"/>
      <c r="J2506" s="359"/>
      <c r="K2506" s="359"/>
      <c r="L2506" s="359"/>
    </row>
    <row r="2507" spans="2:12" ht="28.5">
      <c r="B2507" s="359"/>
      <c r="C2507" s="359" t="s">
        <v>27460</v>
      </c>
      <c r="D2507" s="359"/>
      <c r="E2507" s="359"/>
      <c r="F2507" s="359" t="s">
        <v>14371</v>
      </c>
      <c r="G2507" s="359" t="s">
        <v>14372</v>
      </c>
      <c r="H2507" s="359" t="s">
        <v>14370</v>
      </c>
      <c r="I2507" s="359" t="s">
        <v>14373</v>
      </c>
      <c r="J2507" s="359"/>
      <c r="K2507" s="359"/>
      <c r="L2507" s="359"/>
    </row>
    <row r="2508" spans="2:12">
      <c r="B2508" s="359"/>
      <c r="C2508" s="360"/>
      <c r="D2508" s="359"/>
      <c r="E2508" s="359"/>
      <c r="F2508" s="360"/>
      <c r="G2508" s="360"/>
      <c r="H2508" s="360"/>
      <c r="I2508" s="360"/>
      <c r="J2508" s="359"/>
      <c r="K2508" s="359"/>
      <c r="L2508" s="359"/>
    </row>
    <row r="2509" spans="2:12" ht="28.5">
      <c r="B2509" s="361"/>
      <c r="C2509" s="362"/>
      <c r="D2509" s="361"/>
      <c r="E2509" s="361"/>
      <c r="F2509" s="361" t="s">
        <v>14374</v>
      </c>
      <c r="G2509" s="361" t="s">
        <v>14373</v>
      </c>
      <c r="H2509" s="361" t="s">
        <v>14422</v>
      </c>
      <c r="I2509" s="362"/>
      <c r="J2509" s="361"/>
      <c r="K2509" s="361"/>
      <c r="L2509" s="361"/>
    </row>
    <row r="2510" spans="2:12">
      <c r="B2510" s="358" t="s">
        <v>15732</v>
      </c>
      <c r="C2510" s="358" t="s">
        <v>15733</v>
      </c>
      <c r="D2510" s="358" t="s">
        <v>15734</v>
      </c>
      <c r="E2510" s="358" t="s">
        <v>15735</v>
      </c>
      <c r="F2510" s="358" t="s">
        <v>14382</v>
      </c>
      <c r="G2510" s="358" t="s">
        <v>14579</v>
      </c>
      <c r="H2510" s="358" t="s">
        <v>14378</v>
      </c>
      <c r="I2510" s="358" t="s">
        <v>14579</v>
      </c>
      <c r="J2510" s="358"/>
      <c r="K2510" s="358" t="s">
        <v>14517</v>
      </c>
      <c r="L2510" s="358"/>
    </row>
    <row r="2511" spans="2:12">
      <c r="B2511" s="359"/>
      <c r="C2511" s="360"/>
      <c r="D2511" s="359"/>
      <c r="E2511" s="359"/>
      <c r="F2511" s="360"/>
      <c r="G2511" s="360"/>
      <c r="H2511" s="360"/>
      <c r="I2511" s="360"/>
      <c r="J2511" s="359"/>
      <c r="K2511" s="359"/>
      <c r="L2511" s="359"/>
    </row>
    <row r="2512" spans="2:12">
      <c r="B2512" s="359"/>
      <c r="C2512" s="359" t="s">
        <v>15736</v>
      </c>
      <c r="D2512" s="359"/>
      <c r="E2512" s="359"/>
      <c r="F2512" s="359" t="s">
        <v>14382</v>
      </c>
      <c r="G2512" s="359" t="s">
        <v>14383</v>
      </c>
      <c r="H2512" s="359" t="s">
        <v>14370</v>
      </c>
      <c r="I2512" s="359" t="s">
        <v>14383</v>
      </c>
      <c r="J2512" s="359"/>
      <c r="K2512" s="359"/>
      <c r="L2512" s="359"/>
    </row>
    <row r="2513" spans="2:12">
      <c r="B2513" s="359"/>
      <c r="C2513" s="360"/>
      <c r="D2513" s="359"/>
      <c r="E2513" s="359"/>
      <c r="F2513" s="360"/>
      <c r="G2513" s="360"/>
      <c r="H2513" s="360"/>
      <c r="I2513" s="360"/>
      <c r="J2513" s="359"/>
      <c r="K2513" s="359"/>
      <c r="L2513" s="359"/>
    </row>
    <row r="2514" spans="2:12">
      <c r="B2514" s="359"/>
      <c r="C2514" s="360"/>
      <c r="D2514" s="359"/>
      <c r="E2514" s="359"/>
      <c r="F2514" s="359" t="s">
        <v>14371</v>
      </c>
      <c r="G2514" s="359" t="s">
        <v>14372</v>
      </c>
      <c r="H2514" s="359" t="s">
        <v>14332</v>
      </c>
      <c r="I2514" s="359" t="s">
        <v>14373</v>
      </c>
      <c r="J2514" s="359"/>
      <c r="K2514" s="359"/>
      <c r="L2514" s="359"/>
    </row>
    <row r="2515" spans="2:12">
      <c r="B2515" s="359"/>
      <c r="C2515" s="360"/>
      <c r="D2515" s="359"/>
      <c r="E2515" s="359"/>
      <c r="F2515" s="360"/>
      <c r="G2515" s="360"/>
      <c r="H2515" s="360"/>
      <c r="I2515" s="360"/>
      <c r="J2515" s="359"/>
      <c r="K2515" s="359"/>
      <c r="L2515" s="359"/>
    </row>
    <row r="2516" spans="2:12" ht="28.5">
      <c r="B2516" s="361"/>
      <c r="C2516" s="362"/>
      <c r="D2516" s="361"/>
      <c r="E2516" s="361"/>
      <c r="F2516" s="361" t="s">
        <v>14374</v>
      </c>
      <c r="G2516" s="361" t="s">
        <v>14373</v>
      </c>
      <c r="H2516" s="362"/>
      <c r="I2516" s="362"/>
      <c r="J2516" s="361"/>
      <c r="K2516" s="361"/>
      <c r="L2516" s="361"/>
    </row>
    <row r="2517" spans="2:12">
      <c r="B2517" s="358" t="s">
        <v>15737</v>
      </c>
      <c r="C2517" s="358" t="s">
        <v>15738</v>
      </c>
      <c r="D2517" s="358" t="s">
        <v>8356</v>
      </c>
      <c r="E2517" s="358" t="s">
        <v>15739</v>
      </c>
      <c r="F2517" s="358" t="s">
        <v>14382</v>
      </c>
      <c r="G2517" s="358" t="s">
        <v>14383</v>
      </c>
      <c r="H2517" s="358" t="s">
        <v>14378</v>
      </c>
      <c r="I2517" s="358" t="s">
        <v>14383</v>
      </c>
      <c r="J2517" s="358"/>
      <c r="K2517" s="358"/>
      <c r="L2517" s="358"/>
    </row>
    <row r="2518" spans="2:12">
      <c r="B2518" s="359"/>
      <c r="C2518" s="360"/>
      <c r="D2518" s="359"/>
      <c r="E2518" s="359"/>
      <c r="F2518" s="360"/>
      <c r="G2518" s="360"/>
      <c r="H2518" s="360"/>
      <c r="I2518" s="360"/>
      <c r="J2518" s="359"/>
      <c r="K2518" s="359"/>
      <c r="L2518" s="359"/>
    </row>
    <row r="2519" spans="2:12">
      <c r="B2519" s="359"/>
      <c r="C2519" s="359" t="s">
        <v>27461</v>
      </c>
      <c r="D2519" s="359"/>
      <c r="E2519" s="359"/>
      <c r="F2519" s="359" t="s">
        <v>15246</v>
      </c>
      <c r="G2519" s="359" t="s">
        <v>15247</v>
      </c>
      <c r="H2519" s="359" t="s">
        <v>14381</v>
      </c>
      <c r="I2519" s="359" t="s">
        <v>15247</v>
      </c>
      <c r="J2519" s="359"/>
      <c r="K2519" s="359"/>
      <c r="L2519" s="359"/>
    </row>
    <row r="2520" spans="2:12">
      <c r="B2520" s="359"/>
      <c r="C2520" s="360"/>
      <c r="D2520" s="359"/>
      <c r="E2520" s="359"/>
      <c r="F2520" s="360"/>
      <c r="G2520" s="360"/>
      <c r="H2520" s="360"/>
      <c r="I2520" s="360"/>
      <c r="J2520" s="359"/>
      <c r="K2520" s="359"/>
      <c r="L2520" s="359"/>
    </row>
    <row r="2521" spans="2:12">
      <c r="B2521" s="359"/>
      <c r="C2521" s="360"/>
      <c r="D2521" s="359"/>
      <c r="E2521" s="359"/>
      <c r="F2521" s="359" t="s">
        <v>14420</v>
      </c>
      <c r="G2521" s="359" t="s">
        <v>14421</v>
      </c>
      <c r="H2521" s="359" t="s">
        <v>14370</v>
      </c>
      <c r="I2521" s="359" t="s">
        <v>14421</v>
      </c>
      <c r="J2521" s="359"/>
      <c r="K2521" s="359"/>
      <c r="L2521" s="359"/>
    </row>
    <row r="2522" spans="2:12">
      <c r="B2522" s="359"/>
      <c r="C2522" s="360"/>
      <c r="D2522" s="359"/>
      <c r="E2522" s="359"/>
      <c r="F2522" s="360"/>
      <c r="G2522" s="360"/>
      <c r="H2522" s="360"/>
      <c r="I2522" s="360"/>
      <c r="J2522" s="359"/>
      <c r="K2522" s="359"/>
      <c r="L2522" s="359"/>
    </row>
    <row r="2523" spans="2:12">
      <c r="B2523" s="359"/>
      <c r="C2523" s="360"/>
      <c r="D2523" s="359"/>
      <c r="E2523" s="359"/>
      <c r="F2523" s="359" t="s">
        <v>14386</v>
      </c>
      <c r="G2523" s="359" t="s">
        <v>14387</v>
      </c>
      <c r="H2523" s="359" t="s">
        <v>14332</v>
      </c>
      <c r="I2523" s="359" t="s">
        <v>14387</v>
      </c>
      <c r="J2523" s="359"/>
      <c r="K2523" s="359"/>
      <c r="L2523" s="359"/>
    </row>
    <row r="2524" spans="2:12">
      <c r="B2524" s="359"/>
      <c r="C2524" s="360"/>
      <c r="D2524" s="359"/>
      <c r="E2524" s="359"/>
      <c r="F2524" s="360"/>
      <c r="G2524" s="360"/>
      <c r="H2524" s="360"/>
      <c r="I2524" s="360"/>
      <c r="J2524" s="359"/>
      <c r="K2524" s="359"/>
      <c r="L2524" s="359"/>
    </row>
    <row r="2525" spans="2:12" ht="28.5">
      <c r="B2525" s="361"/>
      <c r="C2525" s="362"/>
      <c r="D2525" s="361"/>
      <c r="E2525" s="361"/>
      <c r="F2525" s="361" t="s">
        <v>14394</v>
      </c>
      <c r="G2525" s="361" t="s">
        <v>14395</v>
      </c>
      <c r="H2525" s="362"/>
      <c r="I2525" s="361" t="s">
        <v>14395</v>
      </c>
      <c r="J2525" s="361"/>
      <c r="K2525" s="361"/>
      <c r="L2525" s="361"/>
    </row>
    <row r="2526" spans="2:12">
      <c r="B2526" s="358" t="s">
        <v>15740</v>
      </c>
      <c r="C2526" s="358" t="s">
        <v>15741</v>
      </c>
      <c r="D2526" s="358" t="s">
        <v>15742</v>
      </c>
      <c r="E2526" s="358" t="s">
        <v>15743</v>
      </c>
      <c r="F2526" s="358" t="s">
        <v>14530</v>
      </c>
      <c r="G2526" s="358" t="s">
        <v>14531</v>
      </c>
      <c r="H2526" s="358" t="s">
        <v>14378</v>
      </c>
      <c r="I2526" s="358" t="s">
        <v>14531</v>
      </c>
      <c r="J2526" s="358"/>
      <c r="K2526" s="358"/>
      <c r="L2526" s="358"/>
    </row>
    <row r="2527" spans="2:12">
      <c r="B2527" s="359"/>
      <c r="C2527" s="360"/>
      <c r="D2527" s="359"/>
      <c r="E2527" s="359"/>
      <c r="F2527" s="360"/>
      <c r="G2527" s="360"/>
      <c r="H2527" s="360"/>
      <c r="I2527" s="360"/>
      <c r="J2527" s="359"/>
      <c r="K2527" s="359"/>
      <c r="L2527" s="359"/>
    </row>
    <row r="2528" spans="2:12">
      <c r="B2528" s="361"/>
      <c r="C2528" s="361" t="s">
        <v>15744</v>
      </c>
      <c r="D2528" s="361"/>
      <c r="E2528" s="361"/>
      <c r="F2528" s="361" t="s">
        <v>14379</v>
      </c>
      <c r="G2528" s="361" t="s">
        <v>14405</v>
      </c>
      <c r="H2528" s="361" t="s">
        <v>14332</v>
      </c>
      <c r="I2528" s="361" t="s">
        <v>14405</v>
      </c>
      <c r="J2528" s="361"/>
      <c r="K2528" s="361"/>
      <c r="L2528" s="361"/>
    </row>
    <row r="2529" spans="2:12">
      <c r="B2529" s="358" t="s">
        <v>15745</v>
      </c>
      <c r="C2529" s="358" t="s">
        <v>15746</v>
      </c>
      <c r="D2529" s="358" t="s">
        <v>15747</v>
      </c>
      <c r="E2529" s="358" t="s">
        <v>15748</v>
      </c>
      <c r="F2529" s="358" t="s">
        <v>14530</v>
      </c>
      <c r="G2529" s="358" t="s">
        <v>14531</v>
      </c>
      <c r="H2529" s="358" t="s">
        <v>14378</v>
      </c>
      <c r="I2529" s="358" t="s">
        <v>14531</v>
      </c>
      <c r="J2529" s="358"/>
      <c r="K2529" s="358"/>
      <c r="L2529" s="358"/>
    </row>
    <row r="2530" spans="2:12">
      <c r="B2530" s="359"/>
      <c r="C2530" s="360"/>
      <c r="D2530" s="359"/>
      <c r="E2530" s="359"/>
      <c r="F2530" s="360"/>
      <c r="G2530" s="360"/>
      <c r="H2530" s="360"/>
      <c r="I2530" s="360"/>
      <c r="J2530" s="359"/>
      <c r="K2530" s="359"/>
      <c r="L2530" s="359"/>
    </row>
    <row r="2531" spans="2:12">
      <c r="B2531" s="361"/>
      <c r="C2531" s="361" t="s">
        <v>27462</v>
      </c>
      <c r="D2531" s="361"/>
      <c r="E2531" s="361"/>
      <c r="F2531" s="361" t="s">
        <v>14379</v>
      </c>
      <c r="G2531" s="361" t="s">
        <v>14405</v>
      </c>
      <c r="H2531" s="361" t="s">
        <v>14332</v>
      </c>
      <c r="I2531" s="361" t="s">
        <v>14405</v>
      </c>
      <c r="J2531" s="361"/>
      <c r="K2531" s="361"/>
      <c r="L2531" s="361"/>
    </row>
    <row r="2532" spans="2:12">
      <c r="B2532" s="358" t="s">
        <v>15749</v>
      </c>
      <c r="C2532" s="358" t="s">
        <v>15750</v>
      </c>
      <c r="D2532" s="358" t="s">
        <v>15751</v>
      </c>
      <c r="E2532" s="358" t="s">
        <v>15752</v>
      </c>
      <c r="F2532" s="358" t="s">
        <v>14391</v>
      </c>
      <c r="G2532" s="358" t="s">
        <v>14392</v>
      </c>
      <c r="H2532" s="358" t="s">
        <v>14367</v>
      </c>
      <c r="I2532" s="358" t="s">
        <v>14392</v>
      </c>
      <c r="J2532" s="358"/>
      <c r="K2532" s="358"/>
      <c r="L2532" s="358"/>
    </row>
    <row r="2533" spans="2:12">
      <c r="B2533" s="359"/>
      <c r="C2533" s="360"/>
      <c r="D2533" s="359"/>
      <c r="E2533" s="359"/>
      <c r="F2533" s="360"/>
      <c r="G2533" s="360"/>
      <c r="H2533" s="360"/>
      <c r="I2533" s="360"/>
      <c r="J2533" s="359"/>
      <c r="K2533" s="359"/>
      <c r="L2533" s="359"/>
    </row>
    <row r="2534" spans="2:12">
      <c r="B2534" s="359"/>
      <c r="C2534" s="359" t="s">
        <v>27463</v>
      </c>
      <c r="D2534" s="359"/>
      <c r="E2534" s="359"/>
      <c r="F2534" s="359" t="s">
        <v>14371</v>
      </c>
      <c r="G2534" s="359" t="s">
        <v>14372</v>
      </c>
      <c r="H2534" s="359" t="s">
        <v>14370</v>
      </c>
      <c r="I2534" s="359" t="s">
        <v>14373</v>
      </c>
      <c r="J2534" s="359"/>
      <c r="K2534" s="359"/>
      <c r="L2534" s="359"/>
    </row>
    <row r="2535" spans="2:12">
      <c r="B2535" s="359"/>
      <c r="C2535" s="360"/>
      <c r="D2535" s="359"/>
      <c r="E2535" s="359"/>
      <c r="F2535" s="360"/>
      <c r="G2535" s="360"/>
      <c r="H2535" s="360"/>
      <c r="I2535" s="360"/>
      <c r="J2535" s="359"/>
      <c r="K2535" s="359"/>
      <c r="L2535" s="359"/>
    </row>
    <row r="2536" spans="2:12" ht="28.5">
      <c r="B2536" s="361"/>
      <c r="C2536" s="362"/>
      <c r="D2536" s="361"/>
      <c r="E2536" s="361"/>
      <c r="F2536" s="361" t="s">
        <v>14374</v>
      </c>
      <c r="G2536" s="361" t="s">
        <v>14373</v>
      </c>
      <c r="H2536" s="361" t="s">
        <v>14422</v>
      </c>
      <c r="I2536" s="362"/>
      <c r="J2536" s="361"/>
      <c r="K2536" s="361"/>
      <c r="L2536" s="361"/>
    </row>
    <row r="2537" spans="2:12">
      <c r="B2537" s="358" t="s">
        <v>15753</v>
      </c>
      <c r="C2537" s="358" t="s">
        <v>15754</v>
      </c>
      <c r="D2537" s="358" t="s">
        <v>15755</v>
      </c>
      <c r="E2537" s="358" t="s">
        <v>15756</v>
      </c>
      <c r="F2537" s="358" t="s">
        <v>14530</v>
      </c>
      <c r="G2537" s="358" t="s">
        <v>14531</v>
      </c>
      <c r="H2537" s="358" t="s">
        <v>14378</v>
      </c>
      <c r="I2537" s="358" t="s">
        <v>14531</v>
      </c>
      <c r="J2537" s="358"/>
      <c r="K2537" s="358" t="s">
        <v>14517</v>
      </c>
      <c r="L2537" s="358"/>
    </row>
    <row r="2538" spans="2:12">
      <c r="B2538" s="359"/>
      <c r="C2538" s="360"/>
      <c r="D2538" s="359"/>
      <c r="E2538" s="359"/>
      <c r="F2538" s="360"/>
      <c r="G2538" s="360"/>
      <c r="H2538" s="360"/>
      <c r="I2538" s="360"/>
      <c r="J2538" s="359"/>
      <c r="K2538" s="359"/>
      <c r="L2538" s="359"/>
    </row>
    <row r="2539" spans="2:12">
      <c r="B2539" s="359"/>
      <c r="C2539" s="359" t="s">
        <v>27464</v>
      </c>
      <c r="D2539" s="359"/>
      <c r="E2539" s="359"/>
      <c r="F2539" s="359" t="s">
        <v>14379</v>
      </c>
      <c r="G2539" s="359" t="s">
        <v>14405</v>
      </c>
      <c r="H2539" s="359" t="s">
        <v>14370</v>
      </c>
      <c r="I2539" s="359" t="s">
        <v>14405</v>
      </c>
      <c r="J2539" s="359"/>
      <c r="K2539" s="359"/>
      <c r="L2539" s="359"/>
    </row>
    <row r="2540" spans="2:12">
      <c r="B2540" s="359"/>
      <c r="C2540" s="360"/>
      <c r="D2540" s="359"/>
      <c r="E2540" s="359"/>
      <c r="F2540" s="360"/>
      <c r="G2540" s="360"/>
      <c r="H2540" s="360"/>
      <c r="I2540" s="360"/>
      <c r="J2540" s="359"/>
      <c r="K2540" s="359"/>
      <c r="L2540" s="359"/>
    </row>
    <row r="2541" spans="2:12">
      <c r="B2541" s="359"/>
      <c r="C2541" s="360"/>
      <c r="D2541" s="359"/>
      <c r="E2541" s="359"/>
      <c r="F2541" s="359" t="s">
        <v>14371</v>
      </c>
      <c r="G2541" s="359" t="s">
        <v>14372</v>
      </c>
      <c r="H2541" s="359" t="s">
        <v>14332</v>
      </c>
      <c r="I2541" s="359" t="s">
        <v>14373</v>
      </c>
      <c r="J2541" s="359"/>
      <c r="K2541" s="359"/>
      <c r="L2541" s="359"/>
    </row>
    <row r="2542" spans="2:12">
      <c r="B2542" s="359"/>
      <c r="C2542" s="360"/>
      <c r="D2542" s="359"/>
      <c r="E2542" s="359"/>
      <c r="F2542" s="360"/>
      <c r="G2542" s="360"/>
      <c r="H2542" s="360"/>
      <c r="I2542" s="360"/>
      <c r="J2542" s="359"/>
      <c r="K2542" s="359"/>
      <c r="L2542" s="359"/>
    </row>
    <row r="2543" spans="2:12" ht="28.5">
      <c r="B2543" s="361"/>
      <c r="C2543" s="362"/>
      <c r="D2543" s="361"/>
      <c r="E2543" s="361"/>
      <c r="F2543" s="361" t="s">
        <v>14374</v>
      </c>
      <c r="G2543" s="361" t="s">
        <v>14373</v>
      </c>
      <c r="H2543" s="362"/>
      <c r="I2543" s="362"/>
      <c r="J2543" s="361"/>
      <c r="K2543" s="361"/>
      <c r="L2543" s="361"/>
    </row>
    <row r="2544" spans="2:12">
      <c r="B2544" s="358" t="s">
        <v>15757</v>
      </c>
      <c r="C2544" s="358" t="s">
        <v>15758</v>
      </c>
      <c r="D2544" s="358" t="s">
        <v>15759</v>
      </c>
      <c r="E2544" s="358" t="s">
        <v>15760</v>
      </c>
      <c r="F2544" s="358" t="s">
        <v>14379</v>
      </c>
      <c r="G2544" s="358" t="s">
        <v>14405</v>
      </c>
      <c r="H2544" s="358" t="s">
        <v>14378</v>
      </c>
      <c r="I2544" s="358" t="s">
        <v>14405</v>
      </c>
      <c r="J2544" s="358"/>
      <c r="K2544" s="358" t="s">
        <v>15400</v>
      </c>
      <c r="L2544" s="358"/>
    </row>
    <row r="2545" spans="2:12">
      <c r="B2545" s="359"/>
      <c r="C2545" s="360"/>
      <c r="D2545" s="359"/>
      <c r="E2545" s="359"/>
      <c r="F2545" s="360"/>
      <c r="G2545" s="360"/>
      <c r="H2545" s="360"/>
      <c r="I2545" s="360"/>
      <c r="J2545" s="359"/>
      <c r="K2545" s="359"/>
      <c r="L2545" s="359"/>
    </row>
    <row r="2546" spans="2:12" ht="42.75">
      <c r="B2546" s="359"/>
      <c r="C2546" s="359" t="s">
        <v>30058</v>
      </c>
      <c r="D2546" s="359"/>
      <c r="E2546" s="359"/>
      <c r="F2546" s="359" t="s">
        <v>14382</v>
      </c>
      <c r="G2546" s="359" t="s">
        <v>14579</v>
      </c>
      <c r="H2546" s="359" t="s">
        <v>14370</v>
      </c>
      <c r="I2546" s="359" t="s">
        <v>14579</v>
      </c>
      <c r="J2546" s="359"/>
      <c r="K2546" s="359"/>
      <c r="L2546" s="359"/>
    </row>
    <row r="2547" spans="2:12">
      <c r="B2547" s="359"/>
      <c r="C2547" s="360"/>
      <c r="D2547" s="359"/>
      <c r="E2547" s="359"/>
      <c r="F2547" s="360"/>
      <c r="G2547" s="360"/>
      <c r="H2547" s="360"/>
      <c r="I2547" s="360"/>
      <c r="J2547" s="359"/>
      <c r="K2547" s="359"/>
      <c r="L2547" s="359"/>
    </row>
    <row r="2548" spans="2:12">
      <c r="B2548" s="359"/>
      <c r="C2548" s="360"/>
      <c r="D2548" s="359"/>
      <c r="E2548" s="359"/>
      <c r="F2548" s="359" t="s">
        <v>14371</v>
      </c>
      <c r="G2548" s="359" t="s">
        <v>14372</v>
      </c>
      <c r="H2548" s="359" t="s">
        <v>14332</v>
      </c>
      <c r="I2548" s="359" t="s">
        <v>14373</v>
      </c>
      <c r="J2548" s="359"/>
      <c r="K2548" s="359"/>
      <c r="L2548" s="359"/>
    </row>
    <row r="2549" spans="2:12">
      <c r="B2549" s="359"/>
      <c r="C2549" s="360"/>
      <c r="D2549" s="359"/>
      <c r="E2549" s="359"/>
      <c r="F2549" s="360"/>
      <c r="G2549" s="360"/>
      <c r="H2549" s="360"/>
      <c r="I2549" s="360"/>
      <c r="J2549" s="359"/>
      <c r="K2549" s="359"/>
      <c r="L2549" s="359"/>
    </row>
    <row r="2550" spans="2:12" ht="28.5">
      <c r="B2550" s="361"/>
      <c r="C2550" s="362"/>
      <c r="D2550" s="361"/>
      <c r="E2550" s="361"/>
      <c r="F2550" s="361" t="s">
        <v>14374</v>
      </c>
      <c r="G2550" s="361" t="s">
        <v>14373</v>
      </c>
      <c r="H2550" s="362"/>
      <c r="I2550" s="362"/>
      <c r="J2550" s="361"/>
      <c r="K2550" s="361"/>
      <c r="L2550" s="361"/>
    </row>
    <row r="2551" spans="2:12">
      <c r="B2551" s="358" t="s">
        <v>15761</v>
      </c>
      <c r="C2551" s="358" t="s">
        <v>28639</v>
      </c>
      <c r="D2551" s="358" t="s">
        <v>15762</v>
      </c>
      <c r="E2551" s="358" t="s">
        <v>15763</v>
      </c>
      <c r="F2551" s="358" t="s">
        <v>14379</v>
      </c>
      <c r="G2551" s="358" t="s">
        <v>14405</v>
      </c>
      <c r="H2551" s="358" t="s">
        <v>14378</v>
      </c>
      <c r="I2551" s="358" t="s">
        <v>14405</v>
      </c>
      <c r="J2551" s="358"/>
      <c r="K2551" s="358"/>
      <c r="L2551" s="358"/>
    </row>
    <row r="2552" spans="2:12">
      <c r="B2552" s="359"/>
      <c r="C2552" s="360"/>
      <c r="D2552" s="359"/>
      <c r="E2552" s="359"/>
      <c r="F2552" s="360"/>
      <c r="G2552" s="360"/>
      <c r="H2552" s="360"/>
      <c r="I2552" s="360"/>
      <c r="J2552" s="359"/>
      <c r="K2552" s="359"/>
      <c r="L2552" s="359"/>
    </row>
    <row r="2553" spans="2:12">
      <c r="B2553" s="361"/>
      <c r="C2553" s="361" t="s">
        <v>30059</v>
      </c>
      <c r="D2553" s="361"/>
      <c r="E2553" s="361"/>
      <c r="F2553" s="361" t="s">
        <v>14382</v>
      </c>
      <c r="G2553" s="361" t="s">
        <v>14579</v>
      </c>
      <c r="H2553" s="361" t="s">
        <v>14332</v>
      </c>
      <c r="I2553" s="361" t="s">
        <v>14579</v>
      </c>
      <c r="J2553" s="361"/>
      <c r="K2553" s="361"/>
      <c r="L2553" s="361"/>
    </row>
    <row r="2554" spans="2:12">
      <c r="B2554" s="358" t="s">
        <v>15764</v>
      </c>
      <c r="C2554" s="358" t="s">
        <v>27465</v>
      </c>
      <c r="D2554" s="358" t="s">
        <v>15765</v>
      </c>
      <c r="E2554" s="358" t="s">
        <v>15766</v>
      </c>
      <c r="F2554" s="358" t="s">
        <v>14379</v>
      </c>
      <c r="G2554" s="358" t="s">
        <v>14405</v>
      </c>
      <c r="H2554" s="358" t="s">
        <v>14378</v>
      </c>
      <c r="I2554" s="358" t="s">
        <v>14405</v>
      </c>
      <c r="J2554" s="358"/>
      <c r="K2554" s="358"/>
      <c r="L2554" s="358"/>
    </row>
    <row r="2555" spans="2:12">
      <c r="B2555" s="359"/>
      <c r="C2555" s="360"/>
      <c r="D2555" s="359"/>
      <c r="E2555" s="359"/>
      <c r="F2555" s="360"/>
      <c r="G2555" s="360"/>
      <c r="H2555" s="360"/>
      <c r="I2555" s="360"/>
      <c r="J2555" s="359"/>
      <c r="K2555" s="359"/>
      <c r="L2555" s="359"/>
    </row>
    <row r="2556" spans="2:12">
      <c r="B2556" s="361"/>
      <c r="C2556" s="361" t="s">
        <v>30060</v>
      </c>
      <c r="D2556" s="361"/>
      <c r="E2556" s="361"/>
      <c r="F2556" s="361" t="s">
        <v>14382</v>
      </c>
      <c r="G2556" s="361" t="s">
        <v>14579</v>
      </c>
      <c r="H2556" s="361" t="s">
        <v>14332</v>
      </c>
      <c r="I2556" s="361" t="s">
        <v>14579</v>
      </c>
      <c r="J2556" s="361"/>
      <c r="K2556" s="361"/>
      <c r="L2556" s="361"/>
    </row>
    <row r="2557" spans="2:12">
      <c r="B2557" s="358" t="s">
        <v>15767</v>
      </c>
      <c r="C2557" s="358" t="s">
        <v>15768</v>
      </c>
      <c r="D2557" s="358" t="s">
        <v>8356</v>
      </c>
      <c r="E2557" s="358" t="s">
        <v>15769</v>
      </c>
      <c r="F2557" s="358" t="s">
        <v>14530</v>
      </c>
      <c r="G2557" s="358" t="s">
        <v>14531</v>
      </c>
      <c r="H2557" s="358" t="s">
        <v>14378</v>
      </c>
      <c r="I2557" s="358" t="s">
        <v>14531</v>
      </c>
      <c r="J2557" s="358"/>
      <c r="K2557" s="358"/>
      <c r="L2557" s="358"/>
    </row>
    <row r="2558" spans="2:12">
      <c r="B2558" s="359"/>
      <c r="C2558" s="359"/>
      <c r="D2558" s="359"/>
      <c r="E2558" s="359"/>
      <c r="F2558" s="360"/>
      <c r="G2558" s="360"/>
      <c r="H2558" s="360"/>
      <c r="I2558" s="360"/>
      <c r="J2558" s="359"/>
      <c r="K2558" s="359"/>
      <c r="L2558" s="359"/>
    </row>
    <row r="2559" spans="2:12">
      <c r="B2559" s="359"/>
      <c r="C2559" s="359"/>
      <c r="D2559" s="359"/>
      <c r="E2559" s="359"/>
      <c r="F2559" s="359" t="s">
        <v>14379</v>
      </c>
      <c r="G2559" s="359" t="s">
        <v>14405</v>
      </c>
      <c r="H2559" s="359" t="s">
        <v>14370</v>
      </c>
      <c r="I2559" s="359" t="s">
        <v>14405</v>
      </c>
      <c r="J2559" s="359"/>
      <c r="K2559" s="359"/>
      <c r="L2559" s="359"/>
    </row>
    <row r="2560" spans="2:12">
      <c r="B2560" s="359"/>
      <c r="C2560" s="359"/>
      <c r="D2560" s="359"/>
      <c r="E2560" s="359"/>
      <c r="F2560" s="360"/>
      <c r="G2560" s="360"/>
      <c r="H2560" s="360"/>
      <c r="I2560" s="360"/>
      <c r="J2560" s="359"/>
      <c r="K2560" s="359"/>
      <c r="L2560" s="359"/>
    </row>
    <row r="2561" spans="2:12">
      <c r="B2561" s="361"/>
      <c r="C2561" s="361"/>
      <c r="D2561" s="361"/>
      <c r="E2561" s="361"/>
      <c r="F2561" s="361" t="s">
        <v>14371</v>
      </c>
      <c r="G2561" s="361" t="s">
        <v>14372</v>
      </c>
      <c r="H2561" s="361" t="s">
        <v>14332</v>
      </c>
      <c r="I2561" s="361" t="s">
        <v>14372</v>
      </c>
      <c r="J2561" s="361"/>
      <c r="K2561" s="361"/>
      <c r="L2561" s="361"/>
    </row>
    <row r="2562" spans="2:12">
      <c r="B2562" s="358" t="s">
        <v>15770</v>
      </c>
      <c r="C2562" s="358" t="s">
        <v>15771</v>
      </c>
      <c r="D2562" s="358" t="s">
        <v>8356</v>
      </c>
      <c r="E2562" s="358" t="s">
        <v>15772</v>
      </c>
      <c r="F2562" s="358" t="s">
        <v>14530</v>
      </c>
      <c r="G2562" s="358" t="s">
        <v>14531</v>
      </c>
      <c r="H2562" s="358" t="s">
        <v>14378</v>
      </c>
      <c r="I2562" s="358" t="s">
        <v>14531</v>
      </c>
      <c r="J2562" s="358"/>
      <c r="K2562" s="358"/>
      <c r="L2562" s="358"/>
    </row>
    <row r="2563" spans="2:12">
      <c r="B2563" s="359"/>
      <c r="C2563" s="359"/>
      <c r="D2563" s="359"/>
      <c r="E2563" s="359"/>
      <c r="F2563" s="360"/>
      <c r="G2563" s="360"/>
      <c r="H2563" s="360"/>
      <c r="I2563" s="360"/>
      <c r="J2563" s="359"/>
      <c r="K2563" s="359"/>
      <c r="L2563" s="359"/>
    </row>
    <row r="2564" spans="2:12">
      <c r="B2564" s="361"/>
      <c r="C2564" s="361"/>
      <c r="D2564" s="361"/>
      <c r="E2564" s="361"/>
      <c r="F2564" s="361" t="s">
        <v>14379</v>
      </c>
      <c r="G2564" s="361" t="s">
        <v>14405</v>
      </c>
      <c r="H2564" s="361" t="s">
        <v>14332</v>
      </c>
      <c r="I2564" s="361" t="s">
        <v>14405</v>
      </c>
      <c r="J2564" s="361"/>
      <c r="K2564" s="361"/>
      <c r="L2564" s="361"/>
    </row>
    <row r="2565" spans="2:12">
      <c r="B2565" s="358" t="s">
        <v>15773</v>
      </c>
      <c r="C2565" s="358" t="s">
        <v>15774</v>
      </c>
      <c r="D2565" s="358" t="s">
        <v>15775</v>
      </c>
      <c r="E2565" s="358" t="s">
        <v>15776</v>
      </c>
      <c r="F2565" s="358" t="s">
        <v>14389</v>
      </c>
      <c r="G2565" s="358" t="s">
        <v>14390</v>
      </c>
      <c r="H2565" s="358" t="s">
        <v>14367</v>
      </c>
      <c r="I2565" s="358" t="s">
        <v>14390</v>
      </c>
      <c r="J2565" s="358"/>
      <c r="K2565" s="358"/>
      <c r="L2565" s="358"/>
    </row>
    <row r="2566" spans="2:12">
      <c r="B2566" s="359"/>
      <c r="C2566" s="360"/>
      <c r="D2566" s="359"/>
      <c r="E2566" s="359"/>
      <c r="F2566" s="360"/>
      <c r="G2566" s="360"/>
      <c r="H2566" s="360"/>
      <c r="I2566" s="360"/>
      <c r="J2566" s="359"/>
      <c r="K2566" s="359"/>
      <c r="L2566" s="359"/>
    </row>
    <row r="2567" spans="2:12">
      <c r="B2567" s="361"/>
      <c r="C2567" s="361" t="s">
        <v>30061</v>
      </c>
      <c r="D2567" s="361"/>
      <c r="E2567" s="361"/>
      <c r="F2567" s="361" t="s">
        <v>14391</v>
      </c>
      <c r="G2567" s="361" t="s">
        <v>14392</v>
      </c>
      <c r="H2567" s="361" t="s">
        <v>14422</v>
      </c>
      <c r="I2567" s="361" t="s">
        <v>14392</v>
      </c>
      <c r="J2567" s="361"/>
      <c r="K2567" s="361"/>
      <c r="L2567" s="361"/>
    </row>
    <row r="2568" spans="2:12">
      <c r="B2568" s="358" t="s">
        <v>15777</v>
      </c>
      <c r="C2568" s="358" t="s">
        <v>15778</v>
      </c>
      <c r="D2568" s="358" t="s">
        <v>15779</v>
      </c>
      <c r="E2568" s="358" t="s">
        <v>15780</v>
      </c>
      <c r="F2568" s="358" t="s">
        <v>14382</v>
      </c>
      <c r="G2568" s="358" t="s">
        <v>14483</v>
      </c>
      <c r="H2568" s="358" t="s">
        <v>14378</v>
      </c>
      <c r="I2568" s="358" t="s">
        <v>14483</v>
      </c>
      <c r="J2568" s="358"/>
      <c r="K2568" s="358"/>
      <c r="L2568" s="358"/>
    </row>
    <row r="2569" spans="2:12">
      <c r="B2569" s="359"/>
      <c r="C2569" s="360"/>
      <c r="D2569" s="359"/>
      <c r="E2569" s="359"/>
      <c r="F2569" s="360"/>
      <c r="G2569" s="360"/>
      <c r="H2569" s="360"/>
      <c r="I2569" s="360"/>
      <c r="J2569" s="359"/>
      <c r="K2569" s="359"/>
      <c r="L2569" s="359"/>
    </row>
    <row r="2570" spans="2:12">
      <c r="B2570" s="359"/>
      <c r="C2570" s="359" t="s">
        <v>30062</v>
      </c>
      <c r="D2570" s="359"/>
      <c r="E2570" s="359"/>
      <c r="F2570" s="359" t="s">
        <v>14382</v>
      </c>
      <c r="G2570" s="359" t="s">
        <v>14383</v>
      </c>
      <c r="H2570" s="359" t="s">
        <v>14370</v>
      </c>
      <c r="I2570" s="359" t="s">
        <v>14383</v>
      </c>
      <c r="J2570" s="359"/>
      <c r="K2570" s="359"/>
      <c r="L2570" s="359"/>
    </row>
    <row r="2571" spans="2:12">
      <c r="B2571" s="359"/>
      <c r="C2571" s="360"/>
      <c r="D2571" s="359"/>
      <c r="E2571" s="359"/>
      <c r="F2571" s="360"/>
      <c r="G2571" s="360"/>
      <c r="H2571" s="360"/>
      <c r="I2571" s="360"/>
      <c r="J2571" s="359"/>
      <c r="K2571" s="359"/>
      <c r="L2571" s="359"/>
    </row>
    <row r="2572" spans="2:12">
      <c r="B2572" s="359"/>
      <c r="C2572" s="360"/>
      <c r="D2572" s="359"/>
      <c r="E2572" s="359"/>
      <c r="F2572" s="359" t="s">
        <v>14420</v>
      </c>
      <c r="G2572" s="359" t="s">
        <v>14421</v>
      </c>
      <c r="H2572" s="359" t="s">
        <v>14332</v>
      </c>
      <c r="I2572" s="359" t="s">
        <v>14421</v>
      </c>
      <c r="J2572" s="359"/>
      <c r="K2572" s="359"/>
      <c r="L2572" s="359"/>
    </row>
    <row r="2573" spans="2:12">
      <c r="B2573" s="359"/>
      <c r="C2573" s="360"/>
      <c r="D2573" s="359"/>
      <c r="E2573" s="359"/>
      <c r="F2573" s="360"/>
      <c r="G2573" s="360"/>
      <c r="H2573" s="360"/>
      <c r="I2573" s="360"/>
      <c r="J2573" s="359"/>
      <c r="K2573" s="359"/>
      <c r="L2573" s="359"/>
    </row>
    <row r="2574" spans="2:12">
      <c r="B2574" s="359"/>
      <c r="C2574" s="360"/>
      <c r="D2574" s="359"/>
      <c r="E2574" s="359"/>
      <c r="F2574" s="359" t="s">
        <v>14391</v>
      </c>
      <c r="G2574" s="359" t="s">
        <v>14392</v>
      </c>
      <c r="H2574" s="360"/>
      <c r="I2574" s="359" t="s">
        <v>14392</v>
      </c>
      <c r="J2574" s="359"/>
      <c r="K2574" s="359"/>
      <c r="L2574" s="359"/>
    </row>
    <row r="2575" spans="2:12">
      <c r="B2575" s="359"/>
      <c r="C2575" s="360"/>
      <c r="D2575" s="359"/>
      <c r="E2575" s="359"/>
      <c r="F2575" s="360"/>
      <c r="G2575" s="360"/>
      <c r="H2575" s="360"/>
      <c r="I2575" s="360"/>
      <c r="J2575" s="359"/>
      <c r="K2575" s="359"/>
      <c r="L2575" s="359"/>
    </row>
    <row r="2576" spans="2:12">
      <c r="B2576" s="359"/>
      <c r="C2576" s="360"/>
      <c r="D2576" s="359"/>
      <c r="E2576" s="359"/>
      <c r="F2576" s="359" t="s">
        <v>14371</v>
      </c>
      <c r="G2576" s="359" t="s">
        <v>14372</v>
      </c>
      <c r="H2576" s="360"/>
      <c r="I2576" s="359" t="s">
        <v>14373</v>
      </c>
      <c r="J2576" s="359"/>
      <c r="K2576" s="359"/>
      <c r="L2576" s="359"/>
    </row>
    <row r="2577" spans="2:12">
      <c r="B2577" s="359"/>
      <c r="C2577" s="360"/>
      <c r="D2577" s="359"/>
      <c r="E2577" s="359"/>
      <c r="F2577" s="360"/>
      <c r="G2577" s="360"/>
      <c r="H2577" s="360"/>
      <c r="I2577" s="360"/>
      <c r="J2577" s="359"/>
      <c r="K2577" s="359"/>
      <c r="L2577" s="359"/>
    </row>
    <row r="2578" spans="2:12" ht="28.5">
      <c r="B2578" s="361"/>
      <c r="C2578" s="362"/>
      <c r="D2578" s="361"/>
      <c r="E2578" s="361"/>
      <c r="F2578" s="361" t="s">
        <v>14374</v>
      </c>
      <c r="G2578" s="361" t="s">
        <v>14373</v>
      </c>
      <c r="H2578" s="362"/>
      <c r="I2578" s="362"/>
      <c r="J2578" s="361"/>
      <c r="K2578" s="361"/>
      <c r="L2578" s="361"/>
    </row>
    <row r="2579" spans="2:12">
      <c r="B2579" s="358" t="s">
        <v>15781</v>
      </c>
      <c r="C2579" s="358" t="s">
        <v>15782</v>
      </c>
      <c r="D2579" s="358" t="s">
        <v>15783</v>
      </c>
      <c r="E2579" s="358" t="s">
        <v>15784</v>
      </c>
      <c r="F2579" s="358" t="s">
        <v>14420</v>
      </c>
      <c r="G2579" s="358" t="s">
        <v>14429</v>
      </c>
      <c r="H2579" s="358" t="s">
        <v>14367</v>
      </c>
      <c r="I2579" s="358" t="s">
        <v>14429</v>
      </c>
      <c r="J2579" s="358"/>
      <c r="K2579" s="358" t="s">
        <v>14517</v>
      </c>
      <c r="L2579" s="358"/>
    </row>
    <row r="2580" spans="2:12">
      <c r="B2580" s="359"/>
      <c r="C2580" s="360"/>
      <c r="D2580" s="359"/>
      <c r="E2580" s="359"/>
      <c r="F2580" s="360"/>
      <c r="G2580" s="360"/>
      <c r="H2580" s="360"/>
      <c r="I2580" s="360"/>
      <c r="J2580" s="359"/>
      <c r="K2580" s="359"/>
      <c r="L2580" s="359"/>
    </row>
    <row r="2581" spans="2:12" ht="28.5">
      <c r="B2581" s="359"/>
      <c r="C2581" s="359" t="s">
        <v>30063</v>
      </c>
      <c r="D2581" s="359"/>
      <c r="E2581" s="359"/>
      <c r="F2581" s="359" t="s">
        <v>14371</v>
      </c>
      <c r="G2581" s="359" t="s">
        <v>14372</v>
      </c>
      <c r="H2581" s="359" t="s">
        <v>14370</v>
      </c>
      <c r="I2581" s="359" t="s">
        <v>14373</v>
      </c>
      <c r="J2581" s="359"/>
      <c r="K2581" s="359"/>
      <c r="L2581" s="359"/>
    </row>
    <row r="2582" spans="2:12">
      <c r="B2582" s="359"/>
      <c r="C2582" s="360"/>
      <c r="D2582" s="359"/>
      <c r="E2582" s="359"/>
      <c r="F2582" s="360"/>
      <c r="G2582" s="360"/>
      <c r="H2582" s="360"/>
      <c r="I2582" s="360"/>
      <c r="J2582" s="359"/>
      <c r="K2582" s="359"/>
      <c r="L2582" s="359"/>
    </row>
    <row r="2583" spans="2:12" ht="28.5">
      <c r="B2583" s="361"/>
      <c r="C2583" s="362"/>
      <c r="D2583" s="361"/>
      <c r="E2583" s="361"/>
      <c r="F2583" s="361" t="s">
        <v>14374</v>
      </c>
      <c r="G2583" s="361" t="s">
        <v>14373</v>
      </c>
      <c r="H2583" s="361" t="s">
        <v>14422</v>
      </c>
      <c r="I2583" s="362"/>
      <c r="J2583" s="361"/>
      <c r="K2583" s="361"/>
      <c r="L2583" s="361"/>
    </row>
    <row r="2584" spans="2:12">
      <c r="B2584" s="358" t="s">
        <v>15785</v>
      </c>
      <c r="C2584" s="358" t="s">
        <v>15786</v>
      </c>
      <c r="D2584" s="358" t="s">
        <v>15787</v>
      </c>
      <c r="E2584" s="358" t="s">
        <v>15788</v>
      </c>
      <c r="F2584" s="358" t="s">
        <v>14700</v>
      </c>
      <c r="G2584" s="358" t="s">
        <v>14405</v>
      </c>
      <c r="H2584" s="358" t="s">
        <v>14378</v>
      </c>
      <c r="I2584" s="358" t="s">
        <v>14405</v>
      </c>
      <c r="J2584" s="358"/>
      <c r="K2584" s="358" t="s">
        <v>14557</v>
      </c>
      <c r="L2584" s="358"/>
    </row>
    <row r="2585" spans="2:12">
      <c r="B2585" s="359"/>
      <c r="C2585" s="360"/>
      <c r="D2585" s="359"/>
      <c r="E2585" s="359"/>
      <c r="F2585" s="360"/>
      <c r="G2585" s="360"/>
      <c r="H2585" s="360"/>
      <c r="I2585" s="360"/>
      <c r="J2585" s="359"/>
      <c r="K2585" s="360"/>
      <c r="L2585" s="359"/>
    </row>
    <row r="2586" spans="2:12">
      <c r="B2586" s="359"/>
      <c r="C2586" s="359" t="s">
        <v>27466</v>
      </c>
      <c r="D2586" s="359"/>
      <c r="E2586" s="359"/>
      <c r="F2586" s="359" t="s">
        <v>14700</v>
      </c>
      <c r="G2586" s="359" t="s">
        <v>14531</v>
      </c>
      <c r="H2586" s="359" t="s">
        <v>14370</v>
      </c>
      <c r="I2586" s="359" t="s">
        <v>14531</v>
      </c>
      <c r="J2586" s="359"/>
      <c r="K2586" s="359" t="s">
        <v>14557</v>
      </c>
      <c r="L2586" s="359"/>
    </row>
    <row r="2587" spans="2:12">
      <c r="B2587" s="359"/>
      <c r="C2587" s="360"/>
      <c r="D2587" s="359"/>
      <c r="E2587" s="359"/>
      <c r="F2587" s="360"/>
      <c r="G2587" s="360"/>
      <c r="H2587" s="360"/>
      <c r="I2587" s="360"/>
      <c r="J2587" s="359"/>
      <c r="K2587" s="360"/>
      <c r="L2587" s="359"/>
    </row>
    <row r="2588" spans="2:12">
      <c r="B2588" s="359"/>
      <c r="C2588" s="360"/>
      <c r="D2588" s="359"/>
      <c r="E2588" s="359"/>
      <c r="F2588" s="359" t="s">
        <v>14700</v>
      </c>
      <c r="G2588" s="359" t="s">
        <v>14380</v>
      </c>
      <c r="H2588" s="359" t="s">
        <v>14332</v>
      </c>
      <c r="I2588" s="359" t="s">
        <v>14380</v>
      </c>
      <c r="J2588" s="359"/>
      <c r="K2588" s="360"/>
      <c r="L2588" s="359"/>
    </row>
    <row r="2589" spans="2:12">
      <c r="B2589" s="359"/>
      <c r="C2589" s="360"/>
      <c r="D2589" s="359"/>
      <c r="E2589" s="359"/>
      <c r="F2589" s="360"/>
      <c r="G2589" s="360"/>
      <c r="H2589" s="360"/>
      <c r="I2589" s="360"/>
      <c r="J2589" s="359"/>
      <c r="K2589" s="360"/>
      <c r="L2589" s="359"/>
    </row>
    <row r="2590" spans="2:12">
      <c r="B2590" s="359"/>
      <c r="C2590" s="360"/>
      <c r="D2590" s="359"/>
      <c r="E2590" s="359"/>
      <c r="F2590" s="359" t="s">
        <v>14386</v>
      </c>
      <c r="G2590" s="359" t="s">
        <v>14387</v>
      </c>
      <c r="H2590" s="360"/>
      <c r="I2590" s="359" t="s">
        <v>14387</v>
      </c>
      <c r="J2590" s="359"/>
      <c r="K2590" s="360"/>
      <c r="L2590" s="359"/>
    </row>
    <row r="2591" spans="2:12">
      <c r="B2591" s="359"/>
      <c r="C2591" s="360"/>
      <c r="D2591" s="359"/>
      <c r="E2591" s="359"/>
      <c r="F2591" s="360"/>
      <c r="G2591" s="360"/>
      <c r="H2591" s="360"/>
      <c r="I2591" s="360"/>
      <c r="J2591" s="359"/>
      <c r="K2591" s="360"/>
      <c r="L2591" s="359"/>
    </row>
    <row r="2592" spans="2:12">
      <c r="B2592" s="359"/>
      <c r="C2592" s="360"/>
      <c r="D2592" s="359"/>
      <c r="E2592" s="359"/>
      <c r="F2592" s="359" t="s">
        <v>14371</v>
      </c>
      <c r="G2592" s="359" t="s">
        <v>14372</v>
      </c>
      <c r="H2592" s="360"/>
      <c r="I2592" s="359" t="s">
        <v>14373</v>
      </c>
      <c r="J2592" s="359"/>
      <c r="K2592" s="360"/>
      <c r="L2592" s="359"/>
    </row>
    <row r="2593" spans="2:12">
      <c r="B2593" s="359"/>
      <c r="C2593" s="360"/>
      <c r="D2593" s="359"/>
      <c r="E2593" s="359"/>
      <c r="F2593" s="360"/>
      <c r="G2593" s="360"/>
      <c r="H2593" s="360"/>
      <c r="I2593" s="360"/>
      <c r="J2593" s="359"/>
      <c r="K2593" s="360"/>
      <c r="L2593" s="359"/>
    </row>
    <row r="2594" spans="2:12" ht="28.5">
      <c r="B2594" s="361"/>
      <c r="C2594" s="362"/>
      <c r="D2594" s="361"/>
      <c r="E2594" s="361"/>
      <c r="F2594" s="361" t="s">
        <v>14374</v>
      </c>
      <c r="G2594" s="361" t="s">
        <v>14373</v>
      </c>
      <c r="H2594" s="362"/>
      <c r="I2594" s="362"/>
      <c r="J2594" s="361"/>
      <c r="K2594" s="362"/>
      <c r="L2594" s="361"/>
    </row>
    <row r="2595" spans="2:12">
      <c r="B2595" s="358" t="s">
        <v>15789</v>
      </c>
      <c r="C2595" s="358" t="s">
        <v>15790</v>
      </c>
      <c r="D2595" s="358" t="s">
        <v>15791</v>
      </c>
      <c r="E2595" s="358" t="s">
        <v>15792</v>
      </c>
      <c r="F2595" s="358" t="s">
        <v>14530</v>
      </c>
      <c r="G2595" s="358" t="s">
        <v>14531</v>
      </c>
      <c r="H2595" s="358" t="s">
        <v>14378</v>
      </c>
      <c r="I2595" s="358" t="s">
        <v>14531</v>
      </c>
      <c r="J2595" s="358"/>
      <c r="K2595" s="358"/>
      <c r="L2595" s="358"/>
    </row>
    <row r="2596" spans="2:12">
      <c r="B2596" s="359"/>
      <c r="C2596" s="360"/>
      <c r="D2596" s="359"/>
      <c r="E2596" s="359"/>
      <c r="F2596" s="360"/>
      <c r="G2596" s="360"/>
      <c r="H2596" s="360"/>
      <c r="I2596" s="360"/>
      <c r="J2596" s="359"/>
      <c r="K2596" s="359"/>
      <c r="L2596" s="359"/>
    </row>
    <row r="2597" spans="2:12">
      <c r="B2597" s="361"/>
      <c r="C2597" s="361" t="s">
        <v>15793</v>
      </c>
      <c r="D2597" s="361"/>
      <c r="E2597" s="361"/>
      <c r="F2597" s="361" t="s">
        <v>14379</v>
      </c>
      <c r="G2597" s="361" t="s">
        <v>14405</v>
      </c>
      <c r="H2597" s="361" t="s">
        <v>14332</v>
      </c>
      <c r="I2597" s="361" t="s">
        <v>14405</v>
      </c>
      <c r="J2597" s="361"/>
      <c r="K2597" s="361"/>
      <c r="L2597" s="361"/>
    </row>
    <row r="2598" spans="2:12">
      <c r="B2598" s="358" t="s">
        <v>15794</v>
      </c>
      <c r="C2598" s="358" t="s">
        <v>15795</v>
      </c>
      <c r="D2598" s="358" t="s">
        <v>15796</v>
      </c>
      <c r="E2598" s="358" t="s">
        <v>15797</v>
      </c>
      <c r="F2598" s="358" t="s">
        <v>14430</v>
      </c>
      <c r="G2598" s="358" t="s">
        <v>14431</v>
      </c>
      <c r="H2598" s="358" t="s">
        <v>14341</v>
      </c>
      <c r="I2598" s="358" t="s">
        <v>14431</v>
      </c>
      <c r="J2598" s="358"/>
      <c r="K2598" s="358"/>
      <c r="L2598" s="358"/>
    </row>
    <row r="2599" spans="2:12">
      <c r="B2599" s="359"/>
      <c r="C2599" s="360"/>
      <c r="D2599" s="359"/>
      <c r="E2599" s="359"/>
      <c r="F2599" s="359"/>
      <c r="G2599" s="359"/>
      <c r="H2599" s="360"/>
      <c r="I2599" s="359"/>
      <c r="J2599" s="359"/>
      <c r="K2599" s="359"/>
      <c r="L2599" s="359"/>
    </row>
    <row r="2600" spans="2:12">
      <c r="B2600" s="361"/>
      <c r="C2600" s="361" t="s">
        <v>27467</v>
      </c>
      <c r="D2600" s="361"/>
      <c r="E2600" s="361"/>
      <c r="F2600" s="361"/>
      <c r="G2600" s="361"/>
      <c r="H2600" s="361" t="s">
        <v>14332</v>
      </c>
      <c r="I2600" s="361"/>
      <c r="J2600" s="361"/>
      <c r="K2600" s="361"/>
      <c r="L2600" s="361"/>
    </row>
    <row r="2601" spans="2:12">
      <c r="B2601" s="358" t="s">
        <v>15798</v>
      </c>
      <c r="C2601" s="358" t="s">
        <v>15799</v>
      </c>
      <c r="D2601" s="358" t="s">
        <v>15800</v>
      </c>
      <c r="E2601" s="358" t="s">
        <v>15801</v>
      </c>
      <c r="F2601" s="358" t="s">
        <v>14382</v>
      </c>
      <c r="G2601" s="358" t="s">
        <v>14383</v>
      </c>
      <c r="H2601" s="358" t="s">
        <v>14378</v>
      </c>
      <c r="I2601" s="358" t="s">
        <v>14383</v>
      </c>
      <c r="J2601" s="358"/>
      <c r="K2601" s="358" t="s">
        <v>14557</v>
      </c>
      <c r="L2601" s="358"/>
    </row>
    <row r="2602" spans="2:12">
      <c r="B2602" s="359"/>
      <c r="C2602" s="360"/>
      <c r="D2602" s="359"/>
      <c r="E2602" s="359"/>
      <c r="F2602" s="360"/>
      <c r="G2602" s="360"/>
      <c r="H2602" s="360"/>
      <c r="I2602" s="360"/>
      <c r="J2602" s="359"/>
      <c r="K2602" s="359"/>
      <c r="L2602" s="359"/>
    </row>
    <row r="2603" spans="2:12" ht="28.5">
      <c r="B2603" s="359"/>
      <c r="C2603" s="359" t="s">
        <v>15802</v>
      </c>
      <c r="D2603" s="359"/>
      <c r="E2603" s="359"/>
      <c r="F2603" s="359" t="s">
        <v>14371</v>
      </c>
      <c r="G2603" s="359" t="s">
        <v>14372</v>
      </c>
      <c r="H2603" s="359" t="s">
        <v>14370</v>
      </c>
      <c r="I2603" s="359" t="s">
        <v>14373</v>
      </c>
      <c r="J2603" s="359"/>
      <c r="K2603" s="359"/>
      <c r="L2603" s="359"/>
    </row>
    <row r="2604" spans="2:12">
      <c r="B2604" s="359"/>
      <c r="C2604" s="360"/>
      <c r="D2604" s="359"/>
      <c r="E2604" s="359"/>
      <c r="F2604" s="360"/>
      <c r="G2604" s="360"/>
      <c r="H2604" s="360"/>
      <c r="I2604" s="360"/>
      <c r="J2604" s="359"/>
      <c r="K2604" s="359"/>
      <c r="L2604" s="359"/>
    </row>
    <row r="2605" spans="2:12" ht="28.5">
      <c r="B2605" s="361"/>
      <c r="C2605" s="362"/>
      <c r="D2605" s="361"/>
      <c r="E2605" s="361"/>
      <c r="F2605" s="361" t="s">
        <v>14374</v>
      </c>
      <c r="G2605" s="361" t="s">
        <v>14373</v>
      </c>
      <c r="H2605" s="361" t="s">
        <v>14332</v>
      </c>
      <c r="I2605" s="362"/>
      <c r="J2605" s="361"/>
      <c r="K2605" s="361"/>
      <c r="L2605" s="361"/>
    </row>
    <row r="2606" spans="2:12">
      <c r="B2606" s="358" t="s">
        <v>15803</v>
      </c>
      <c r="C2606" s="358" t="s">
        <v>15804</v>
      </c>
      <c r="D2606" s="358" t="s">
        <v>15805</v>
      </c>
      <c r="E2606" s="358" t="s">
        <v>15806</v>
      </c>
      <c r="F2606" s="358" t="s">
        <v>14420</v>
      </c>
      <c r="G2606" s="358" t="s">
        <v>14429</v>
      </c>
      <c r="H2606" s="358" t="s">
        <v>14367</v>
      </c>
      <c r="I2606" s="358" t="s">
        <v>14429</v>
      </c>
      <c r="J2606" s="358"/>
      <c r="K2606" s="358"/>
      <c r="L2606" s="358"/>
    </row>
    <row r="2607" spans="2:12">
      <c r="B2607" s="359"/>
      <c r="C2607" s="360"/>
      <c r="D2607" s="359"/>
      <c r="E2607" s="359"/>
      <c r="F2607" s="360"/>
      <c r="G2607" s="360"/>
      <c r="H2607" s="360"/>
      <c r="I2607" s="360"/>
      <c r="J2607" s="359"/>
      <c r="K2607" s="359"/>
      <c r="L2607" s="359"/>
    </row>
    <row r="2608" spans="2:12" ht="28.5">
      <c r="B2608" s="359"/>
      <c r="C2608" s="359" t="s">
        <v>27468</v>
      </c>
      <c r="D2608" s="359"/>
      <c r="E2608" s="359"/>
      <c r="F2608" s="359" t="s">
        <v>14394</v>
      </c>
      <c r="G2608" s="359" t="s">
        <v>14395</v>
      </c>
      <c r="H2608" s="359" t="s">
        <v>14370</v>
      </c>
      <c r="I2608" s="359" t="s">
        <v>14395</v>
      </c>
      <c r="J2608" s="359"/>
      <c r="K2608" s="359"/>
      <c r="L2608" s="359"/>
    </row>
    <row r="2609" spans="2:12">
      <c r="B2609" s="359"/>
      <c r="C2609" s="360"/>
      <c r="D2609" s="359"/>
      <c r="E2609" s="359"/>
      <c r="F2609" s="360"/>
      <c r="G2609" s="360"/>
      <c r="H2609" s="360"/>
      <c r="I2609" s="360"/>
      <c r="J2609" s="359"/>
      <c r="K2609" s="359"/>
      <c r="L2609" s="359"/>
    </row>
    <row r="2610" spans="2:12">
      <c r="B2610" s="361"/>
      <c r="C2610" s="362"/>
      <c r="D2610" s="361"/>
      <c r="E2610" s="361"/>
      <c r="F2610" s="362"/>
      <c r="G2610" s="362"/>
      <c r="H2610" s="361" t="s">
        <v>14422</v>
      </c>
      <c r="I2610" s="362"/>
      <c r="J2610" s="361"/>
      <c r="K2610" s="361"/>
      <c r="L2610" s="361"/>
    </row>
    <row r="2611" spans="2:12">
      <c r="B2611" s="358" t="s">
        <v>15807</v>
      </c>
      <c r="C2611" s="358" t="s">
        <v>15808</v>
      </c>
      <c r="D2611" s="358" t="s">
        <v>8356</v>
      </c>
      <c r="E2611" s="358" t="s">
        <v>15809</v>
      </c>
      <c r="F2611" s="358" t="s">
        <v>14530</v>
      </c>
      <c r="G2611" s="358" t="s">
        <v>14531</v>
      </c>
      <c r="H2611" s="358" t="s">
        <v>14378</v>
      </c>
      <c r="I2611" s="358" t="s">
        <v>14531</v>
      </c>
      <c r="J2611" s="358"/>
      <c r="K2611" s="358" t="s">
        <v>14557</v>
      </c>
      <c r="L2611" s="358"/>
    </row>
    <row r="2612" spans="2:12">
      <c r="B2612" s="359"/>
      <c r="C2612" s="360"/>
      <c r="D2612" s="359"/>
      <c r="E2612" s="359"/>
      <c r="F2612" s="360"/>
      <c r="G2612" s="360"/>
      <c r="H2612" s="360"/>
      <c r="I2612" s="360"/>
      <c r="J2612" s="359"/>
      <c r="K2612" s="359"/>
      <c r="L2612" s="359"/>
    </row>
    <row r="2613" spans="2:12" ht="28.5">
      <c r="B2613" s="359"/>
      <c r="C2613" s="359" t="s">
        <v>27469</v>
      </c>
      <c r="D2613" s="359"/>
      <c r="E2613" s="359"/>
      <c r="F2613" s="359" t="s">
        <v>14382</v>
      </c>
      <c r="G2613" s="359" t="s">
        <v>14383</v>
      </c>
      <c r="H2613" s="359" t="s">
        <v>14370</v>
      </c>
      <c r="I2613" s="359" t="s">
        <v>14383</v>
      </c>
      <c r="J2613" s="359"/>
      <c r="K2613" s="359"/>
      <c r="L2613" s="359"/>
    </row>
    <row r="2614" spans="2:12">
      <c r="B2614" s="359"/>
      <c r="C2614" s="360"/>
      <c r="D2614" s="359"/>
      <c r="E2614" s="359"/>
      <c r="F2614" s="360"/>
      <c r="G2614" s="360"/>
      <c r="H2614" s="360"/>
      <c r="I2614" s="360"/>
      <c r="J2614" s="359"/>
      <c r="K2614" s="359"/>
      <c r="L2614" s="359"/>
    </row>
    <row r="2615" spans="2:12">
      <c r="B2615" s="359"/>
      <c r="C2615" s="360"/>
      <c r="D2615" s="359"/>
      <c r="E2615" s="359"/>
      <c r="F2615" s="359" t="s">
        <v>14371</v>
      </c>
      <c r="G2615" s="359" t="s">
        <v>14372</v>
      </c>
      <c r="H2615" s="359" t="s">
        <v>14332</v>
      </c>
      <c r="I2615" s="359" t="s">
        <v>14373</v>
      </c>
      <c r="J2615" s="359"/>
      <c r="K2615" s="359"/>
      <c r="L2615" s="359"/>
    </row>
    <row r="2616" spans="2:12">
      <c r="B2616" s="359"/>
      <c r="C2616" s="360"/>
      <c r="D2616" s="359"/>
      <c r="E2616" s="359"/>
      <c r="F2616" s="360"/>
      <c r="G2616" s="360"/>
      <c r="H2616" s="360"/>
      <c r="I2616" s="360"/>
      <c r="J2616" s="359"/>
      <c r="K2616" s="359"/>
      <c r="L2616" s="359"/>
    </row>
    <row r="2617" spans="2:12" ht="28.5">
      <c r="B2617" s="361"/>
      <c r="C2617" s="362"/>
      <c r="D2617" s="361"/>
      <c r="E2617" s="361"/>
      <c r="F2617" s="361" t="s">
        <v>14374</v>
      </c>
      <c r="G2617" s="361" t="s">
        <v>14373</v>
      </c>
      <c r="H2617" s="362"/>
      <c r="I2617" s="362"/>
      <c r="J2617" s="361"/>
      <c r="K2617" s="361"/>
      <c r="L2617" s="361"/>
    </row>
    <row r="2618" spans="2:12">
      <c r="B2618" s="358" t="s">
        <v>15810</v>
      </c>
      <c r="C2618" s="358" t="s">
        <v>15811</v>
      </c>
      <c r="D2618" s="358" t="s">
        <v>15812</v>
      </c>
      <c r="E2618" s="358" t="s">
        <v>15813</v>
      </c>
      <c r="F2618" s="358" t="s">
        <v>14382</v>
      </c>
      <c r="G2618" s="358" t="s">
        <v>14579</v>
      </c>
      <c r="H2618" s="358" t="s">
        <v>14378</v>
      </c>
      <c r="I2618" s="358" t="s">
        <v>14579</v>
      </c>
      <c r="J2618" s="358"/>
      <c r="K2618" s="358" t="s">
        <v>14557</v>
      </c>
      <c r="L2618" s="358"/>
    </row>
    <row r="2619" spans="2:12">
      <c r="B2619" s="359"/>
      <c r="C2619" s="360"/>
      <c r="D2619" s="359"/>
      <c r="E2619" s="359"/>
      <c r="F2619" s="360"/>
      <c r="G2619" s="360"/>
      <c r="H2619" s="360"/>
      <c r="I2619" s="360"/>
      <c r="J2619" s="359"/>
      <c r="K2619" s="359"/>
      <c r="L2619" s="359"/>
    </row>
    <row r="2620" spans="2:12" ht="28.5">
      <c r="B2620" s="359"/>
      <c r="C2620" s="359" t="s">
        <v>27470</v>
      </c>
      <c r="D2620" s="359"/>
      <c r="E2620" s="359"/>
      <c r="F2620" s="359" t="s">
        <v>14382</v>
      </c>
      <c r="G2620" s="359" t="s">
        <v>14383</v>
      </c>
      <c r="H2620" s="359" t="s">
        <v>14370</v>
      </c>
      <c r="I2620" s="359" t="s">
        <v>14383</v>
      </c>
      <c r="J2620" s="359"/>
      <c r="K2620" s="359"/>
      <c r="L2620" s="359"/>
    </row>
    <row r="2621" spans="2:12">
      <c r="B2621" s="359"/>
      <c r="C2621" s="360"/>
      <c r="D2621" s="359"/>
      <c r="E2621" s="359"/>
      <c r="F2621" s="360"/>
      <c r="G2621" s="360"/>
      <c r="H2621" s="360"/>
      <c r="I2621" s="360"/>
      <c r="J2621" s="359"/>
      <c r="K2621" s="359"/>
      <c r="L2621" s="359"/>
    </row>
    <row r="2622" spans="2:12">
      <c r="B2622" s="359"/>
      <c r="C2622" s="360"/>
      <c r="D2622" s="359"/>
      <c r="E2622" s="359"/>
      <c r="F2622" s="359" t="s">
        <v>14371</v>
      </c>
      <c r="G2622" s="359" t="s">
        <v>14372</v>
      </c>
      <c r="H2622" s="359" t="s">
        <v>14332</v>
      </c>
      <c r="I2622" s="359" t="s">
        <v>14373</v>
      </c>
      <c r="J2622" s="359"/>
      <c r="K2622" s="359"/>
      <c r="L2622" s="359"/>
    </row>
    <row r="2623" spans="2:12">
      <c r="B2623" s="359"/>
      <c r="C2623" s="360"/>
      <c r="D2623" s="359"/>
      <c r="E2623" s="359"/>
      <c r="F2623" s="360"/>
      <c r="G2623" s="360"/>
      <c r="H2623" s="360"/>
      <c r="I2623" s="360"/>
      <c r="J2623" s="359"/>
      <c r="K2623" s="359"/>
      <c r="L2623" s="359"/>
    </row>
    <row r="2624" spans="2:12" ht="28.5">
      <c r="B2624" s="361"/>
      <c r="C2624" s="362"/>
      <c r="D2624" s="361"/>
      <c r="E2624" s="361"/>
      <c r="F2624" s="361" t="s">
        <v>14374</v>
      </c>
      <c r="G2624" s="361" t="s">
        <v>14373</v>
      </c>
      <c r="H2624" s="362"/>
      <c r="I2624" s="362"/>
      <c r="J2624" s="361"/>
      <c r="K2624" s="361"/>
      <c r="L2624" s="361"/>
    </row>
    <row r="2625" spans="2:12">
      <c r="B2625" s="358" t="s">
        <v>15814</v>
      </c>
      <c r="C2625" s="358" t="s">
        <v>15815</v>
      </c>
      <c r="D2625" s="358" t="s">
        <v>8356</v>
      </c>
      <c r="E2625" s="358" t="s">
        <v>15816</v>
      </c>
      <c r="F2625" s="358" t="s">
        <v>14382</v>
      </c>
      <c r="G2625" s="358" t="s">
        <v>14579</v>
      </c>
      <c r="H2625" s="358" t="s">
        <v>14378</v>
      </c>
      <c r="I2625" s="358" t="s">
        <v>14579</v>
      </c>
      <c r="J2625" s="358"/>
      <c r="K2625" s="358"/>
      <c r="L2625" s="358"/>
    </row>
    <row r="2626" spans="2:12">
      <c r="B2626" s="359"/>
      <c r="C2626" s="360"/>
      <c r="D2626" s="359"/>
      <c r="E2626" s="359"/>
      <c r="F2626" s="360"/>
      <c r="G2626" s="360"/>
      <c r="H2626" s="360"/>
      <c r="I2626" s="360"/>
      <c r="J2626" s="359"/>
      <c r="K2626" s="359"/>
      <c r="L2626" s="359"/>
    </row>
    <row r="2627" spans="2:12" ht="28.5">
      <c r="B2627" s="361"/>
      <c r="C2627" s="361" t="s">
        <v>27471</v>
      </c>
      <c r="D2627" s="361"/>
      <c r="E2627" s="361"/>
      <c r="F2627" s="361" t="s">
        <v>14382</v>
      </c>
      <c r="G2627" s="361" t="s">
        <v>14383</v>
      </c>
      <c r="H2627" s="361" t="s">
        <v>14332</v>
      </c>
      <c r="I2627" s="361" t="s">
        <v>14383</v>
      </c>
      <c r="J2627" s="361"/>
      <c r="K2627" s="361"/>
      <c r="L2627" s="361"/>
    </row>
    <row r="2628" spans="2:12">
      <c r="B2628" s="358" t="s">
        <v>15817</v>
      </c>
      <c r="C2628" s="358" t="s">
        <v>15818</v>
      </c>
      <c r="D2628" s="358" t="s">
        <v>15819</v>
      </c>
      <c r="E2628" s="358" t="s">
        <v>15820</v>
      </c>
      <c r="F2628" s="358" t="s">
        <v>14382</v>
      </c>
      <c r="G2628" s="358" t="s">
        <v>14579</v>
      </c>
      <c r="H2628" s="358" t="s">
        <v>14378</v>
      </c>
      <c r="I2628" s="358" t="s">
        <v>14579</v>
      </c>
      <c r="J2628" s="358"/>
      <c r="K2628" s="358"/>
      <c r="L2628" s="358"/>
    </row>
    <row r="2629" spans="2:12">
      <c r="B2629" s="359"/>
      <c r="C2629" s="360"/>
      <c r="D2629" s="359"/>
      <c r="E2629" s="359"/>
      <c r="F2629" s="360"/>
      <c r="G2629" s="360"/>
      <c r="H2629" s="360"/>
      <c r="I2629" s="360"/>
      <c r="J2629" s="359"/>
      <c r="K2629" s="359"/>
      <c r="L2629" s="359"/>
    </row>
    <row r="2630" spans="2:12">
      <c r="B2630" s="359"/>
      <c r="C2630" s="359" t="s">
        <v>27472</v>
      </c>
      <c r="D2630" s="359"/>
      <c r="E2630" s="359"/>
      <c r="F2630" s="359" t="s">
        <v>14382</v>
      </c>
      <c r="G2630" s="359" t="s">
        <v>14383</v>
      </c>
      <c r="H2630" s="359" t="s">
        <v>14370</v>
      </c>
      <c r="I2630" s="359" t="s">
        <v>14383</v>
      </c>
      <c r="J2630" s="359"/>
      <c r="K2630" s="359"/>
      <c r="L2630" s="359"/>
    </row>
    <row r="2631" spans="2:12">
      <c r="B2631" s="359"/>
      <c r="C2631" s="360"/>
      <c r="D2631" s="359"/>
      <c r="E2631" s="359"/>
      <c r="F2631" s="360"/>
      <c r="G2631" s="360"/>
      <c r="H2631" s="360"/>
      <c r="I2631" s="360"/>
      <c r="J2631" s="359"/>
      <c r="K2631" s="359"/>
      <c r="L2631" s="359"/>
    </row>
    <row r="2632" spans="2:12">
      <c r="B2632" s="359"/>
      <c r="C2632" s="360"/>
      <c r="D2632" s="359"/>
      <c r="E2632" s="359"/>
      <c r="F2632" s="359" t="s">
        <v>14371</v>
      </c>
      <c r="G2632" s="359" t="s">
        <v>14372</v>
      </c>
      <c r="H2632" s="359" t="s">
        <v>14332</v>
      </c>
      <c r="I2632" s="359" t="s">
        <v>14373</v>
      </c>
      <c r="J2632" s="359"/>
      <c r="K2632" s="359"/>
      <c r="L2632" s="359"/>
    </row>
    <row r="2633" spans="2:12">
      <c r="B2633" s="359"/>
      <c r="C2633" s="360"/>
      <c r="D2633" s="359"/>
      <c r="E2633" s="359"/>
      <c r="F2633" s="360"/>
      <c r="G2633" s="360"/>
      <c r="H2633" s="360"/>
      <c r="I2633" s="360"/>
      <c r="J2633" s="359"/>
      <c r="K2633" s="359"/>
      <c r="L2633" s="359"/>
    </row>
    <row r="2634" spans="2:12" ht="28.5">
      <c r="B2634" s="361"/>
      <c r="C2634" s="362"/>
      <c r="D2634" s="361"/>
      <c r="E2634" s="361"/>
      <c r="F2634" s="361" t="s">
        <v>14374</v>
      </c>
      <c r="G2634" s="361" t="s">
        <v>14373</v>
      </c>
      <c r="H2634" s="362"/>
      <c r="I2634" s="362"/>
      <c r="J2634" s="361"/>
      <c r="K2634" s="361"/>
      <c r="L2634" s="361"/>
    </row>
    <row r="2635" spans="2:12" ht="28.5">
      <c r="B2635" s="358" t="s">
        <v>15821</v>
      </c>
      <c r="C2635" s="358" t="s">
        <v>30064</v>
      </c>
      <c r="D2635" s="358" t="s">
        <v>8356</v>
      </c>
      <c r="E2635" s="358" t="s">
        <v>15822</v>
      </c>
      <c r="F2635" s="358" t="s">
        <v>14382</v>
      </c>
      <c r="G2635" s="358" t="s">
        <v>14579</v>
      </c>
      <c r="H2635" s="358" t="s">
        <v>14378</v>
      </c>
      <c r="I2635" s="358" t="s">
        <v>14579</v>
      </c>
      <c r="J2635" s="358"/>
      <c r="K2635" s="358" t="s">
        <v>15400</v>
      </c>
      <c r="L2635" s="358"/>
    </row>
    <row r="2636" spans="2:12">
      <c r="B2636" s="359"/>
      <c r="C2636" s="359"/>
      <c r="D2636" s="359"/>
      <c r="E2636" s="359"/>
      <c r="F2636" s="360"/>
      <c r="G2636" s="360"/>
      <c r="H2636" s="360"/>
      <c r="I2636" s="360"/>
      <c r="J2636" s="359"/>
      <c r="K2636" s="359"/>
      <c r="L2636" s="359"/>
    </row>
    <row r="2637" spans="2:12">
      <c r="B2637" s="359"/>
      <c r="C2637" s="359"/>
      <c r="D2637" s="359"/>
      <c r="E2637" s="359"/>
      <c r="F2637" s="359" t="s">
        <v>14382</v>
      </c>
      <c r="G2637" s="359" t="s">
        <v>14383</v>
      </c>
      <c r="H2637" s="359" t="s">
        <v>14370</v>
      </c>
      <c r="I2637" s="359" t="s">
        <v>14383</v>
      </c>
      <c r="J2637" s="359"/>
      <c r="K2637" s="359"/>
      <c r="L2637" s="359"/>
    </row>
    <row r="2638" spans="2:12">
      <c r="B2638" s="359"/>
      <c r="C2638" s="359"/>
      <c r="D2638" s="359"/>
      <c r="E2638" s="359"/>
      <c r="F2638" s="360"/>
      <c r="G2638" s="360"/>
      <c r="H2638" s="360"/>
      <c r="I2638" s="360"/>
      <c r="J2638" s="359"/>
      <c r="K2638" s="359"/>
      <c r="L2638" s="359"/>
    </row>
    <row r="2639" spans="2:12">
      <c r="B2639" s="359"/>
      <c r="C2639" s="359"/>
      <c r="D2639" s="359"/>
      <c r="E2639" s="359"/>
      <c r="F2639" s="359" t="s">
        <v>14371</v>
      </c>
      <c r="G2639" s="359" t="s">
        <v>14372</v>
      </c>
      <c r="H2639" s="359" t="s">
        <v>14332</v>
      </c>
      <c r="I2639" s="359" t="s">
        <v>14373</v>
      </c>
      <c r="J2639" s="359"/>
      <c r="K2639" s="359"/>
      <c r="L2639" s="359"/>
    </row>
    <row r="2640" spans="2:12">
      <c r="B2640" s="359"/>
      <c r="C2640" s="359"/>
      <c r="D2640" s="359"/>
      <c r="E2640" s="359"/>
      <c r="F2640" s="360"/>
      <c r="G2640" s="360"/>
      <c r="H2640" s="360"/>
      <c r="I2640" s="360"/>
      <c r="J2640" s="359"/>
      <c r="K2640" s="359"/>
      <c r="L2640" s="359"/>
    </row>
    <row r="2641" spans="2:12" ht="28.5">
      <c r="B2641" s="361"/>
      <c r="C2641" s="361"/>
      <c r="D2641" s="361"/>
      <c r="E2641" s="361"/>
      <c r="F2641" s="361" t="s">
        <v>14374</v>
      </c>
      <c r="G2641" s="361" t="s">
        <v>14373</v>
      </c>
      <c r="H2641" s="362"/>
      <c r="I2641" s="362"/>
      <c r="J2641" s="361"/>
      <c r="K2641" s="361"/>
      <c r="L2641" s="361"/>
    </row>
    <row r="2642" spans="2:12">
      <c r="B2642" s="358" t="s">
        <v>15823</v>
      </c>
      <c r="C2642" s="358" t="s">
        <v>15824</v>
      </c>
      <c r="D2642" s="358" t="s">
        <v>8356</v>
      </c>
      <c r="E2642" s="358" t="s">
        <v>15825</v>
      </c>
      <c r="F2642" s="358" t="s">
        <v>14420</v>
      </c>
      <c r="G2642" s="358" t="s">
        <v>14429</v>
      </c>
      <c r="H2642" s="358" t="s">
        <v>14367</v>
      </c>
      <c r="I2642" s="358" t="s">
        <v>14429</v>
      </c>
      <c r="J2642" s="358"/>
      <c r="K2642" s="358" t="s">
        <v>14517</v>
      </c>
      <c r="L2642" s="358"/>
    </row>
    <row r="2643" spans="2:12">
      <c r="B2643" s="359"/>
      <c r="C2643" s="360"/>
      <c r="D2643" s="359"/>
      <c r="E2643" s="359"/>
      <c r="F2643" s="360"/>
      <c r="G2643" s="360"/>
      <c r="H2643" s="360"/>
      <c r="I2643" s="360"/>
      <c r="J2643" s="359"/>
      <c r="K2643" s="359"/>
      <c r="L2643" s="359"/>
    </row>
    <row r="2644" spans="2:12" ht="28.5">
      <c r="B2644" s="359"/>
      <c r="C2644" s="359" t="s">
        <v>30065</v>
      </c>
      <c r="D2644" s="359"/>
      <c r="E2644" s="359"/>
      <c r="F2644" s="359" t="s">
        <v>14371</v>
      </c>
      <c r="G2644" s="359" t="s">
        <v>14372</v>
      </c>
      <c r="H2644" s="359" t="s">
        <v>14370</v>
      </c>
      <c r="I2644" s="359" t="s">
        <v>14373</v>
      </c>
      <c r="J2644" s="359"/>
      <c r="K2644" s="359"/>
      <c r="L2644" s="359"/>
    </row>
    <row r="2645" spans="2:12">
      <c r="B2645" s="359"/>
      <c r="C2645" s="360"/>
      <c r="D2645" s="359"/>
      <c r="E2645" s="359"/>
      <c r="F2645" s="360"/>
      <c r="G2645" s="360"/>
      <c r="H2645" s="360"/>
      <c r="I2645" s="360"/>
      <c r="J2645" s="359"/>
      <c r="K2645" s="359"/>
      <c r="L2645" s="359"/>
    </row>
    <row r="2646" spans="2:12" ht="28.5">
      <c r="B2646" s="361"/>
      <c r="C2646" s="362"/>
      <c r="D2646" s="361"/>
      <c r="E2646" s="361"/>
      <c r="F2646" s="361" t="s">
        <v>14374</v>
      </c>
      <c r="G2646" s="361" t="s">
        <v>14373</v>
      </c>
      <c r="H2646" s="361" t="s">
        <v>14422</v>
      </c>
      <c r="I2646" s="362"/>
      <c r="J2646" s="361"/>
      <c r="K2646" s="361"/>
      <c r="L2646" s="361"/>
    </row>
    <row r="2647" spans="2:12">
      <c r="B2647" s="358" t="s">
        <v>15826</v>
      </c>
      <c r="C2647" s="358" t="s">
        <v>15827</v>
      </c>
      <c r="D2647" s="358" t="s">
        <v>15828</v>
      </c>
      <c r="E2647" s="358" t="s">
        <v>15829</v>
      </c>
      <c r="F2647" s="358" t="s">
        <v>14420</v>
      </c>
      <c r="G2647" s="358" t="s">
        <v>14429</v>
      </c>
      <c r="H2647" s="358" t="s">
        <v>14367</v>
      </c>
      <c r="I2647" s="358" t="s">
        <v>14429</v>
      </c>
      <c r="J2647" s="358"/>
      <c r="K2647" s="358"/>
      <c r="L2647" s="358"/>
    </row>
    <row r="2648" spans="2:12">
      <c r="B2648" s="359"/>
      <c r="C2648" s="360"/>
      <c r="D2648" s="359"/>
      <c r="E2648" s="359"/>
      <c r="F2648" s="360"/>
      <c r="G2648" s="360"/>
      <c r="H2648" s="360"/>
      <c r="I2648" s="360"/>
      <c r="J2648" s="359"/>
      <c r="K2648" s="359"/>
      <c r="L2648" s="359"/>
    </row>
    <row r="2649" spans="2:12" ht="28.5">
      <c r="B2649" s="359"/>
      <c r="C2649" s="359" t="s">
        <v>30066</v>
      </c>
      <c r="D2649" s="359"/>
      <c r="E2649" s="359"/>
      <c r="F2649" s="359" t="s">
        <v>14371</v>
      </c>
      <c r="G2649" s="359" t="s">
        <v>14372</v>
      </c>
      <c r="H2649" s="359" t="s">
        <v>14370</v>
      </c>
      <c r="I2649" s="359" t="s">
        <v>14373</v>
      </c>
      <c r="J2649" s="359"/>
      <c r="K2649" s="359"/>
      <c r="L2649" s="359"/>
    </row>
    <row r="2650" spans="2:12">
      <c r="B2650" s="359"/>
      <c r="C2650" s="360"/>
      <c r="D2650" s="359"/>
      <c r="E2650" s="359"/>
      <c r="F2650" s="360"/>
      <c r="G2650" s="360"/>
      <c r="H2650" s="360"/>
      <c r="I2650" s="360"/>
      <c r="J2650" s="359"/>
      <c r="K2650" s="359"/>
      <c r="L2650" s="359"/>
    </row>
    <row r="2651" spans="2:12" ht="28.5">
      <c r="B2651" s="361"/>
      <c r="C2651" s="362"/>
      <c r="D2651" s="361"/>
      <c r="E2651" s="361"/>
      <c r="F2651" s="361" t="s">
        <v>14374</v>
      </c>
      <c r="G2651" s="361" t="s">
        <v>14373</v>
      </c>
      <c r="H2651" s="361" t="s">
        <v>14422</v>
      </c>
      <c r="I2651" s="362"/>
      <c r="J2651" s="361"/>
      <c r="K2651" s="361"/>
      <c r="L2651" s="361"/>
    </row>
    <row r="2652" spans="2:12" ht="28.5">
      <c r="B2652" s="358" t="s">
        <v>15830</v>
      </c>
      <c r="C2652" s="358" t="s">
        <v>30067</v>
      </c>
      <c r="D2652" s="358" t="s">
        <v>15831</v>
      </c>
      <c r="E2652" s="358" t="s">
        <v>15832</v>
      </c>
      <c r="F2652" s="358" t="s">
        <v>14420</v>
      </c>
      <c r="G2652" s="358" t="s">
        <v>14459</v>
      </c>
      <c r="H2652" s="358" t="s">
        <v>14367</v>
      </c>
      <c r="I2652" s="358" t="s">
        <v>14459</v>
      </c>
      <c r="J2652" s="358"/>
      <c r="K2652" s="358" t="s">
        <v>15400</v>
      </c>
      <c r="L2652" s="358"/>
    </row>
    <row r="2653" spans="2:12">
      <c r="B2653" s="359"/>
      <c r="C2653" s="359"/>
      <c r="D2653" s="359"/>
      <c r="E2653" s="359"/>
      <c r="F2653" s="360"/>
      <c r="G2653" s="360"/>
      <c r="H2653" s="360"/>
      <c r="I2653" s="360"/>
      <c r="J2653" s="359"/>
      <c r="K2653" s="359"/>
      <c r="L2653" s="359"/>
    </row>
    <row r="2654" spans="2:12">
      <c r="B2654" s="359"/>
      <c r="C2654" s="359"/>
      <c r="D2654" s="359"/>
      <c r="E2654" s="359"/>
      <c r="F2654" s="359" t="s">
        <v>14420</v>
      </c>
      <c r="G2654" s="359" t="s">
        <v>14421</v>
      </c>
      <c r="H2654" s="359" t="s">
        <v>14370</v>
      </c>
      <c r="I2654" s="359" t="s">
        <v>14421</v>
      </c>
      <c r="J2654" s="359"/>
      <c r="K2654" s="359"/>
      <c r="L2654" s="359"/>
    </row>
    <row r="2655" spans="2:12">
      <c r="B2655" s="359"/>
      <c r="C2655" s="359"/>
      <c r="D2655" s="359"/>
      <c r="E2655" s="359"/>
      <c r="F2655" s="360"/>
      <c r="G2655" s="360"/>
      <c r="H2655" s="360"/>
      <c r="I2655" s="360"/>
      <c r="J2655" s="359"/>
      <c r="K2655" s="359"/>
      <c r="L2655" s="359"/>
    </row>
    <row r="2656" spans="2:12">
      <c r="B2656" s="359"/>
      <c r="C2656" s="359"/>
      <c r="D2656" s="359"/>
      <c r="E2656" s="359"/>
      <c r="F2656" s="359" t="s">
        <v>14420</v>
      </c>
      <c r="G2656" s="359" t="s">
        <v>14429</v>
      </c>
      <c r="H2656" s="359" t="s">
        <v>14422</v>
      </c>
      <c r="I2656" s="359" t="s">
        <v>14429</v>
      </c>
      <c r="J2656" s="359"/>
      <c r="K2656" s="359"/>
      <c r="L2656" s="359"/>
    </row>
    <row r="2657" spans="2:12">
      <c r="B2657" s="359"/>
      <c r="C2657" s="359"/>
      <c r="D2657" s="359"/>
      <c r="E2657" s="359"/>
      <c r="F2657" s="360"/>
      <c r="G2657" s="360"/>
      <c r="H2657" s="360"/>
      <c r="I2657" s="360"/>
      <c r="J2657" s="359"/>
      <c r="K2657" s="359"/>
      <c r="L2657" s="359"/>
    </row>
    <row r="2658" spans="2:12">
      <c r="B2658" s="359"/>
      <c r="C2658" s="359"/>
      <c r="D2658" s="359"/>
      <c r="E2658" s="359"/>
      <c r="F2658" s="359" t="s">
        <v>14371</v>
      </c>
      <c r="G2658" s="359" t="s">
        <v>14372</v>
      </c>
      <c r="H2658" s="360"/>
      <c r="I2658" s="359" t="s">
        <v>14373</v>
      </c>
      <c r="J2658" s="359"/>
      <c r="K2658" s="359"/>
      <c r="L2658" s="359"/>
    </row>
    <row r="2659" spans="2:12">
      <c r="B2659" s="359"/>
      <c r="C2659" s="359"/>
      <c r="D2659" s="359"/>
      <c r="E2659" s="359"/>
      <c r="F2659" s="360"/>
      <c r="G2659" s="360"/>
      <c r="H2659" s="360"/>
      <c r="I2659" s="360"/>
      <c r="J2659" s="359"/>
      <c r="K2659" s="359"/>
      <c r="L2659" s="359"/>
    </row>
    <row r="2660" spans="2:12" ht="28.5">
      <c r="B2660" s="361"/>
      <c r="C2660" s="361"/>
      <c r="D2660" s="361"/>
      <c r="E2660" s="361"/>
      <c r="F2660" s="361" t="s">
        <v>14374</v>
      </c>
      <c r="G2660" s="361" t="s">
        <v>14373</v>
      </c>
      <c r="H2660" s="362"/>
      <c r="I2660" s="362"/>
      <c r="J2660" s="361"/>
      <c r="K2660" s="361"/>
      <c r="L2660" s="361"/>
    </row>
    <row r="2661" spans="2:12" ht="28.5">
      <c r="B2661" s="358" t="s">
        <v>15833</v>
      </c>
      <c r="C2661" s="358" t="s">
        <v>27473</v>
      </c>
      <c r="D2661" s="358" t="s">
        <v>15834</v>
      </c>
      <c r="E2661" s="358" t="s">
        <v>15835</v>
      </c>
      <c r="F2661" s="358" t="s">
        <v>14382</v>
      </c>
      <c r="G2661" s="358" t="s">
        <v>14383</v>
      </c>
      <c r="H2661" s="358" t="s">
        <v>14378</v>
      </c>
      <c r="I2661" s="358" t="s">
        <v>14383</v>
      </c>
      <c r="J2661" s="358"/>
      <c r="K2661" s="358" t="s">
        <v>14557</v>
      </c>
      <c r="L2661" s="358"/>
    </row>
    <row r="2662" spans="2:12">
      <c r="B2662" s="359"/>
      <c r="C2662" s="360"/>
      <c r="D2662" s="359"/>
      <c r="E2662" s="359"/>
      <c r="F2662" s="360"/>
      <c r="G2662" s="360"/>
      <c r="H2662" s="360"/>
      <c r="I2662" s="360"/>
      <c r="J2662" s="359"/>
      <c r="K2662" s="359"/>
      <c r="L2662" s="359"/>
    </row>
    <row r="2663" spans="2:12" ht="42.75">
      <c r="B2663" s="359"/>
      <c r="C2663" s="359" t="s">
        <v>28640</v>
      </c>
      <c r="D2663" s="359"/>
      <c r="E2663" s="359"/>
      <c r="F2663" s="359" t="s">
        <v>14371</v>
      </c>
      <c r="G2663" s="359" t="s">
        <v>14372</v>
      </c>
      <c r="H2663" s="359" t="s">
        <v>14370</v>
      </c>
      <c r="I2663" s="359" t="s">
        <v>14373</v>
      </c>
      <c r="J2663" s="359"/>
      <c r="K2663" s="359"/>
      <c r="L2663" s="359"/>
    </row>
    <row r="2664" spans="2:12">
      <c r="B2664" s="359"/>
      <c r="C2664" s="360"/>
      <c r="D2664" s="359"/>
      <c r="E2664" s="359"/>
      <c r="F2664" s="360"/>
      <c r="G2664" s="360"/>
      <c r="H2664" s="360"/>
      <c r="I2664" s="360"/>
      <c r="J2664" s="359"/>
      <c r="K2664" s="359"/>
      <c r="L2664" s="359"/>
    </row>
    <row r="2665" spans="2:12" ht="28.5">
      <c r="B2665" s="361"/>
      <c r="C2665" s="362"/>
      <c r="D2665" s="361"/>
      <c r="E2665" s="361"/>
      <c r="F2665" s="361" t="s">
        <v>14374</v>
      </c>
      <c r="G2665" s="361" t="s">
        <v>14373</v>
      </c>
      <c r="H2665" s="361" t="s">
        <v>14332</v>
      </c>
      <c r="I2665" s="362"/>
      <c r="J2665" s="361"/>
      <c r="K2665" s="361"/>
      <c r="L2665" s="361"/>
    </row>
    <row r="2666" spans="2:12">
      <c r="B2666" s="358" t="s">
        <v>15836</v>
      </c>
      <c r="C2666" s="358" t="s">
        <v>15837</v>
      </c>
      <c r="D2666" s="358" t="s">
        <v>15838</v>
      </c>
      <c r="E2666" s="358" t="s">
        <v>15839</v>
      </c>
      <c r="F2666" s="358" t="s">
        <v>14420</v>
      </c>
      <c r="G2666" s="358" t="s">
        <v>14459</v>
      </c>
      <c r="H2666" s="358" t="s">
        <v>14367</v>
      </c>
      <c r="I2666" s="358" t="s">
        <v>14459</v>
      </c>
      <c r="J2666" s="358"/>
      <c r="K2666" s="358"/>
      <c r="L2666" s="358"/>
    </row>
    <row r="2667" spans="2:12">
      <c r="B2667" s="359"/>
      <c r="C2667" s="360"/>
      <c r="D2667" s="359"/>
      <c r="E2667" s="359"/>
      <c r="F2667" s="360"/>
      <c r="G2667" s="360"/>
      <c r="H2667" s="360"/>
      <c r="I2667" s="360"/>
      <c r="J2667" s="359"/>
      <c r="K2667" s="359"/>
      <c r="L2667" s="359"/>
    </row>
    <row r="2668" spans="2:12" ht="28.5">
      <c r="B2668" s="359"/>
      <c r="C2668" s="359" t="s">
        <v>30068</v>
      </c>
      <c r="D2668" s="359"/>
      <c r="E2668" s="359"/>
      <c r="F2668" s="359" t="s">
        <v>14420</v>
      </c>
      <c r="G2668" s="359" t="s">
        <v>14429</v>
      </c>
      <c r="H2668" s="359" t="s">
        <v>14370</v>
      </c>
      <c r="I2668" s="359" t="s">
        <v>14429</v>
      </c>
      <c r="J2668" s="359"/>
      <c r="K2668" s="359"/>
      <c r="L2668" s="359"/>
    </row>
    <row r="2669" spans="2:12">
      <c r="B2669" s="359"/>
      <c r="C2669" s="360"/>
      <c r="D2669" s="359"/>
      <c r="E2669" s="359"/>
      <c r="F2669" s="360"/>
      <c r="G2669" s="360"/>
      <c r="H2669" s="360"/>
      <c r="I2669" s="360"/>
      <c r="J2669" s="359"/>
      <c r="K2669" s="359"/>
      <c r="L2669" s="359"/>
    </row>
    <row r="2670" spans="2:12">
      <c r="B2670" s="359"/>
      <c r="C2670" s="360"/>
      <c r="D2670" s="359"/>
      <c r="E2670" s="359"/>
      <c r="F2670" s="359" t="s">
        <v>14371</v>
      </c>
      <c r="G2670" s="359" t="s">
        <v>14372</v>
      </c>
      <c r="H2670" s="359" t="s">
        <v>14422</v>
      </c>
      <c r="I2670" s="359" t="s">
        <v>14373</v>
      </c>
      <c r="J2670" s="359"/>
      <c r="K2670" s="359"/>
      <c r="L2670" s="359"/>
    </row>
    <row r="2671" spans="2:12">
      <c r="B2671" s="359"/>
      <c r="C2671" s="360"/>
      <c r="D2671" s="359"/>
      <c r="E2671" s="359"/>
      <c r="F2671" s="360"/>
      <c r="G2671" s="360"/>
      <c r="H2671" s="360"/>
      <c r="I2671" s="360"/>
      <c r="J2671" s="359"/>
      <c r="K2671" s="359"/>
      <c r="L2671" s="359"/>
    </row>
    <row r="2672" spans="2:12" ht="28.5">
      <c r="B2672" s="361"/>
      <c r="C2672" s="362"/>
      <c r="D2672" s="361"/>
      <c r="E2672" s="361"/>
      <c r="F2672" s="361" t="s">
        <v>14374</v>
      </c>
      <c r="G2672" s="361" t="s">
        <v>14373</v>
      </c>
      <c r="H2672" s="362"/>
      <c r="I2672" s="362"/>
      <c r="J2672" s="361"/>
      <c r="K2672" s="361"/>
      <c r="L2672" s="361"/>
    </row>
    <row r="2673" spans="2:12">
      <c r="B2673" s="358" t="s">
        <v>15840</v>
      </c>
      <c r="C2673" s="358" t="s">
        <v>15841</v>
      </c>
      <c r="D2673" s="358" t="s">
        <v>15842</v>
      </c>
      <c r="E2673" s="358" t="s">
        <v>15843</v>
      </c>
      <c r="F2673" s="358" t="s">
        <v>14382</v>
      </c>
      <c r="G2673" s="358" t="s">
        <v>14383</v>
      </c>
      <c r="H2673" s="358" t="s">
        <v>14378</v>
      </c>
      <c r="I2673" s="358" t="s">
        <v>14383</v>
      </c>
      <c r="J2673" s="358"/>
      <c r="K2673" s="358" t="s">
        <v>15400</v>
      </c>
      <c r="L2673" s="358"/>
    </row>
    <row r="2674" spans="2:12">
      <c r="B2674" s="359"/>
      <c r="C2674" s="360"/>
      <c r="D2674" s="359"/>
      <c r="E2674" s="359"/>
      <c r="F2674" s="360"/>
      <c r="G2674" s="360"/>
      <c r="H2674" s="360"/>
      <c r="I2674" s="360"/>
      <c r="J2674" s="359"/>
      <c r="K2674" s="359"/>
      <c r="L2674" s="359"/>
    </row>
    <row r="2675" spans="2:12">
      <c r="B2675" s="359"/>
      <c r="C2675" s="359" t="s">
        <v>30069</v>
      </c>
      <c r="D2675" s="359"/>
      <c r="E2675" s="359"/>
      <c r="F2675" s="359" t="s">
        <v>14420</v>
      </c>
      <c r="G2675" s="359" t="s">
        <v>14421</v>
      </c>
      <c r="H2675" s="359" t="s">
        <v>14370</v>
      </c>
      <c r="I2675" s="359" t="s">
        <v>14421</v>
      </c>
      <c r="J2675" s="359"/>
      <c r="K2675" s="359"/>
      <c r="L2675" s="359"/>
    </row>
    <row r="2676" spans="2:12">
      <c r="B2676" s="359"/>
      <c r="C2676" s="360"/>
      <c r="D2676" s="359"/>
      <c r="E2676" s="359"/>
      <c r="F2676" s="360"/>
      <c r="G2676" s="360"/>
      <c r="H2676" s="360"/>
      <c r="I2676" s="360"/>
      <c r="J2676" s="359"/>
      <c r="K2676" s="359"/>
      <c r="L2676" s="359"/>
    </row>
    <row r="2677" spans="2:12">
      <c r="B2677" s="359"/>
      <c r="C2677" s="360"/>
      <c r="D2677" s="359"/>
      <c r="E2677" s="359"/>
      <c r="F2677" s="359" t="s">
        <v>14371</v>
      </c>
      <c r="G2677" s="359" t="s">
        <v>14372</v>
      </c>
      <c r="H2677" s="359" t="s">
        <v>14332</v>
      </c>
      <c r="I2677" s="359" t="s">
        <v>14373</v>
      </c>
      <c r="J2677" s="359"/>
      <c r="K2677" s="359"/>
      <c r="L2677" s="359"/>
    </row>
    <row r="2678" spans="2:12">
      <c r="B2678" s="359"/>
      <c r="C2678" s="360"/>
      <c r="D2678" s="359"/>
      <c r="E2678" s="359"/>
      <c r="F2678" s="360"/>
      <c r="G2678" s="360"/>
      <c r="H2678" s="360"/>
      <c r="I2678" s="360"/>
      <c r="J2678" s="359"/>
      <c r="K2678" s="359"/>
      <c r="L2678" s="359"/>
    </row>
    <row r="2679" spans="2:12" ht="28.5">
      <c r="B2679" s="361"/>
      <c r="C2679" s="362"/>
      <c r="D2679" s="361"/>
      <c r="E2679" s="361"/>
      <c r="F2679" s="361" t="s">
        <v>14374</v>
      </c>
      <c r="G2679" s="361" t="s">
        <v>14373</v>
      </c>
      <c r="H2679" s="362"/>
      <c r="I2679" s="362"/>
      <c r="J2679" s="361"/>
      <c r="K2679" s="361"/>
      <c r="L2679" s="361"/>
    </row>
    <row r="2680" spans="2:12">
      <c r="B2680" s="358" t="s">
        <v>15844</v>
      </c>
      <c r="C2680" s="358" t="s">
        <v>15845</v>
      </c>
      <c r="D2680" s="358" t="s">
        <v>15846</v>
      </c>
      <c r="E2680" s="358" t="s">
        <v>15847</v>
      </c>
      <c r="F2680" s="358" t="s">
        <v>14530</v>
      </c>
      <c r="G2680" s="358" t="s">
        <v>14531</v>
      </c>
      <c r="H2680" s="358" t="s">
        <v>14378</v>
      </c>
      <c r="I2680" s="358" t="s">
        <v>14531</v>
      </c>
      <c r="J2680" s="358"/>
      <c r="K2680" s="358" t="s">
        <v>15400</v>
      </c>
      <c r="L2680" s="358"/>
    </row>
    <row r="2681" spans="2:12">
      <c r="B2681" s="359"/>
      <c r="C2681" s="360"/>
      <c r="D2681" s="359"/>
      <c r="E2681" s="359"/>
      <c r="F2681" s="360"/>
      <c r="G2681" s="360"/>
      <c r="H2681" s="360"/>
      <c r="I2681" s="360"/>
      <c r="J2681" s="359"/>
      <c r="K2681" s="359"/>
      <c r="L2681" s="359"/>
    </row>
    <row r="2682" spans="2:12">
      <c r="B2682" s="359"/>
      <c r="C2682" s="359" t="s">
        <v>30070</v>
      </c>
      <c r="D2682" s="359"/>
      <c r="E2682" s="359"/>
      <c r="F2682" s="359" t="s">
        <v>14379</v>
      </c>
      <c r="G2682" s="359" t="s">
        <v>14405</v>
      </c>
      <c r="H2682" s="359" t="s">
        <v>14370</v>
      </c>
      <c r="I2682" s="359" t="s">
        <v>14405</v>
      </c>
      <c r="J2682" s="359"/>
      <c r="K2682" s="359"/>
      <c r="L2682" s="359"/>
    </row>
    <row r="2683" spans="2:12">
      <c r="B2683" s="359"/>
      <c r="C2683" s="360"/>
      <c r="D2683" s="359"/>
      <c r="E2683" s="359"/>
      <c r="F2683" s="360"/>
      <c r="G2683" s="360"/>
      <c r="H2683" s="360"/>
      <c r="I2683" s="360"/>
      <c r="J2683" s="359"/>
      <c r="K2683" s="359"/>
      <c r="L2683" s="359"/>
    </row>
    <row r="2684" spans="2:12">
      <c r="B2684" s="359"/>
      <c r="C2684" s="360"/>
      <c r="D2684" s="359"/>
      <c r="E2684" s="359"/>
      <c r="F2684" s="359" t="s">
        <v>14371</v>
      </c>
      <c r="G2684" s="359" t="s">
        <v>14372</v>
      </c>
      <c r="H2684" s="359" t="s">
        <v>14332</v>
      </c>
      <c r="I2684" s="359" t="s">
        <v>14373</v>
      </c>
      <c r="J2684" s="359"/>
      <c r="K2684" s="359"/>
      <c r="L2684" s="359"/>
    </row>
    <row r="2685" spans="2:12">
      <c r="B2685" s="359"/>
      <c r="C2685" s="360"/>
      <c r="D2685" s="359"/>
      <c r="E2685" s="359"/>
      <c r="F2685" s="360"/>
      <c r="G2685" s="360"/>
      <c r="H2685" s="360"/>
      <c r="I2685" s="360"/>
      <c r="J2685" s="359"/>
      <c r="K2685" s="359"/>
      <c r="L2685" s="359"/>
    </row>
    <row r="2686" spans="2:12" ht="28.5">
      <c r="B2686" s="361"/>
      <c r="C2686" s="362"/>
      <c r="D2686" s="361"/>
      <c r="E2686" s="361"/>
      <c r="F2686" s="361" t="s">
        <v>14374</v>
      </c>
      <c r="G2686" s="361" t="s">
        <v>14373</v>
      </c>
      <c r="H2686" s="362"/>
      <c r="I2686" s="362"/>
      <c r="J2686" s="361"/>
      <c r="K2686" s="361"/>
      <c r="L2686" s="361"/>
    </row>
    <row r="2687" spans="2:12">
      <c r="B2687" s="358" t="s">
        <v>15848</v>
      </c>
      <c r="C2687" s="358" t="s">
        <v>15849</v>
      </c>
      <c r="D2687" s="358" t="s">
        <v>15850</v>
      </c>
      <c r="E2687" s="358" t="s">
        <v>15851</v>
      </c>
      <c r="F2687" s="358" t="s">
        <v>14382</v>
      </c>
      <c r="G2687" s="358" t="s">
        <v>14483</v>
      </c>
      <c r="H2687" s="358" t="s">
        <v>14378</v>
      </c>
      <c r="I2687" s="358" t="s">
        <v>14483</v>
      </c>
      <c r="J2687" s="358"/>
      <c r="K2687" s="358" t="s">
        <v>14552</v>
      </c>
      <c r="L2687" s="358"/>
    </row>
    <row r="2688" spans="2:12">
      <c r="B2688" s="359"/>
      <c r="C2688" s="360"/>
      <c r="D2688" s="359"/>
      <c r="E2688" s="359"/>
      <c r="F2688" s="360"/>
      <c r="G2688" s="360"/>
      <c r="H2688" s="360"/>
      <c r="I2688" s="360"/>
      <c r="J2688" s="359"/>
      <c r="K2688" s="359"/>
      <c r="L2688" s="359"/>
    </row>
    <row r="2689" spans="2:12" ht="28.5">
      <c r="B2689" s="359"/>
      <c r="C2689" s="359" t="s">
        <v>30071</v>
      </c>
      <c r="D2689" s="359"/>
      <c r="E2689" s="359"/>
      <c r="F2689" s="359" t="s">
        <v>14382</v>
      </c>
      <c r="G2689" s="359" t="s">
        <v>14383</v>
      </c>
      <c r="H2689" s="359" t="s">
        <v>14370</v>
      </c>
      <c r="I2689" s="359" t="s">
        <v>14383</v>
      </c>
      <c r="J2689" s="359"/>
      <c r="K2689" s="359"/>
      <c r="L2689" s="359"/>
    </row>
    <row r="2690" spans="2:12">
      <c r="B2690" s="359"/>
      <c r="C2690" s="360"/>
      <c r="D2690" s="359"/>
      <c r="E2690" s="359"/>
      <c r="F2690" s="360"/>
      <c r="G2690" s="360"/>
      <c r="H2690" s="360"/>
      <c r="I2690" s="360"/>
      <c r="J2690" s="359"/>
      <c r="K2690" s="359"/>
      <c r="L2690" s="359"/>
    </row>
    <row r="2691" spans="2:12">
      <c r="B2691" s="359"/>
      <c r="C2691" s="360"/>
      <c r="D2691" s="359"/>
      <c r="E2691" s="359"/>
      <c r="F2691" s="359" t="s">
        <v>14420</v>
      </c>
      <c r="G2691" s="359" t="s">
        <v>14421</v>
      </c>
      <c r="H2691" s="359" t="s">
        <v>14332</v>
      </c>
      <c r="I2691" s="359" t="s">
        <v>14421</v>
      </c>
      <c r="J2691" s="359"/>
      <c r="K2691" s="359"/>
      <c r="L2691" s="359"/>
    </row>
    <row r="2692" spans="2:12">
      <c r="B2692" s="359"/>
      <c r="C2692" s="360"/>
      <c r="D2692" s="359"/>
      <c r="E2692" s="359"/>
      <c r="F2692" s="360"/>
      <c r="G2692" s="360"/>
      <c r="H2692" s="360"/>
      <c r="I2692" s="360"/>
      <c r="J2692" s="359"/>
      <c r="K2692" s="359"/>
      <c r="L2692" s="359"/>
    </row>
    <row r="2693" spans="2:12">
      <c r="B2693" s="359"/>
      <c r="C2693" s="360"/>
      <c r="D2693" s="359"/>
      <c r="E2693" s="359"/>
      <c r="F2693" s="359" t="s">
        <v>14371</v>
      </c>
      <c r="G2693" s="359" t="s">
        <v>14372</v>
      </c>
      <c r="H2693" s="360"/>
      <c r="I2693" s="359" t="s">
        <v>14373</v>
      </c>
      <c r="J2693" s="359"/>
      <c r="K2693" s="359"/>
      <c r="L2693" s="359"/>
    </row>
    <row r="2694" spans="2:12">
      <c r="B2694" s="359"/>
      <c r="C2694" s="360"/>
      <c r="D2694" s="359"/>
      <c r="E2694" s="359"/>
      <c r="F2694" s="360"/>
      <c r="G2694" s="360"/>
      <c r="H2694" s="360"/>
      <c r="I2694" s="360"/>
      <c r="J2694" s="359"/>
      <c r="K2694" s="359"/>
      <c r="L2694" s="359"/>
    </row>
    <row r="2695" spans="2:12" ht="28.5">
      <c r="B2695" s="361"/>
      <c r="C2695" s="362"/>
      <c r="D2695" s="361"/>
      <c r="E2695" s="361"/>
      <c r="F2695" s="361" t="s">
        <v>14374</v>
      </c>
      <c r="G2695" s="361" t="s">
        <v>14373</v>
      </c>
      <c r="H2695" s="362"/>
      <c r="I2695" s="362"/>
      <c r="J2695" s="361"/>
      <c r="K2695" s="361"/>
      <c r="L2695" s="361"/>
    </row>
    <row r="2696" spans="2:12" ht="28.5">
      <c r="B2696" s="358" t="s">
        <v>15852</v>
      </c>
      <c r="C2696" s="358" t="s">
        <v>30072</v>
      </c>
      <c r="D2696" s="358" t="s">
        <v>15853</v>
      </c>
      <c r="E2696" s="358" t="s">
        <v>8356</v>
      </c>
      <c r="F2696" s="358" t="s">
        <v>14356</v>
      </c>
      <c r="G2696" s="358" t="s">
        <v>14340</v>
      </c>
      <c r="H2696" s="358" t="s">
        <v>14341</v>
      </c>
      <c r="I2696" s="358" t="s">
        <v>14340</v>
      </c>
      <c r="J2696" s="358"/>
      <c r="K2696" s="358"/>
      <c r="L2696" s="358"/>
    </row>
    <row r="2697" spans="2:12">
      <c r="B2697" s="359"/>
      <c r="C2697" s="359"/>
      <c r="D2697" s="359"/>
      <c r="E2697" s="359"/>
      <c r="F2697" s="360"/>
      <c r="G2697" s="360"/>
      <c r="H2697" s="360"/>
      <c r="I2697" s="360"/>
      <c r="J2697" s="359"/>
      <c r="K2697" s="359"/>
      <c r="L2697" s="359"/>
    </row>
    <row r="2698" spans="2:12">
      <c r="B2698" s="359"/>
      <c r="C2698" s="359"/>
      <c r="D2698" s="359"/>
      <c r="E2698" s="359"/>
      <c r="F2698" s="359" t="s">
        <v>14420</v>
      </c>
      <c r="G2698" s="359" t="s">
        <v>14429</v>
      </c>
      <c r="H2698" s="359" t="s">
        <v>14367</v>
      </c>
      <c r="I2698" s="359" t="s">
        <v>14429</v>
      </c>
      <c r="J2698" s="359"/>
      <c r="K2698" s="359"/>
      <c r="L2698" s="359"/>
    </row>
    <row r="2699" spans="2:12">
      <c r="B2699" s="359"/>
      <c r="C2699" s="359"/>
      <c r="D2699" s="359"/>
      <c r="E2699" s="359"/>
      <c r="F2699" s="360"/>
      <c r="G2699" s="360"/>
      <c r="H2699" s="360"/>
      <c r="I2699" s="360"/>
      <c r="J2699" s="359"/>
      <c r="K2699" s="359"/>
      <c r="L2699" s="359"/>
    </row>
    <row r="2700" spans="2:12">
      <c r="B2700" s="359"/>
      <c r="C2700" s="359"/>
      <c r="D2700" s="359"/>
      <c r="E2700" s="359"/>
      <c r="F2700" s="359" t="s">
        <v>14371</v>
      </c>
      <c r="G2700" s="359" t="s">
        <v>14372</v>
      </c>
      <c r="H2700" s="359" t="s">
        <v>14370</v>
      </c>
      <c r="I2700" s="359" t="s">
        <v>14373</v>
      </c>
      <c r="J2700" s="359"/>
      <c r="K2700" s="359"/>
      <c r="L2700" s="359"/>
    </row>
    <row r="2701" spans="2:12">
      <c r="B2701" s="359"/>
      <c r="C2701" s="359"/>
      <c r="D2701" s="359"/>
      <c r="E2701" s="359"/>
      <c r="F2701" s="360"/>
      <c r="G2701" s="360"/>
      <c r="H2701" s="360"/>
      <c r="I2701" s="360"/>
      <c r="J2701" s="359"/>
      <c r="K2701" s="359"/>
      <c r="L2701" s="359"/>
    </row>
    <row r="2702" spans="2:12" ht="28.5">
      <c r="B2702" s="361"/>
      <c r="C2702" s="361"/>
      <c r="D2702" s="361"/>
      <c r="E2702" s="361"/>
      <c r="F2702" s="361" t="s">
        <v>14374</v>
      </c>
      <c r="G2702" s="361" t="s">
        <v>14373</v>
      </c>
      <c r="H2702" s="361" t="s">
        <v>14332</v>
      </c>
      <c r="I2702" s="362"/>
      <c r="J2702" s="361"/>
      <c r="K2702" s="361"/>
      <c r="L2702" s="361"/>
    </row>
    <row r="2703" spans="2:12" ht="28.5">
      <c r="B2703" s="358" t="s">
        <v>15854</v>
      </c>
      <c r="C2703" s="358" t="s">
        <v>15855</v>
      </c>
      <c r="D2703" s="358" t="s">
        <v>15856</v>
      </c>
      <c r="E2703" s="358" t="s">
        <v>8356</v>
      </c>
      <c r="F2703" s="358" t="s">
        <v>14505</v>
      </c>
      <c r="G2703" s="358" t="s">
        <v>14506</v>
      </c>
      <c r="H2703" s="358" t="s">
        <v>14328</v>
      </c>
      <c r="I2703" s="358" t="s">
        <v>14506</v>
      </c>
      <c r="J2703" s="358"/>
      <c r="K2703" s="358"/>
      <c r="L2703" s="358" t="s">
        <v>14513</v>
      </c>
    </row>
    <row r="2704" spans="2:12">
      <c r="B2704" s="359"/>
      <c r="C2704" s="359"/>
      <c r="D2704" s="359"/>
      <c r="E2704" s="359"/>
      <c r="F2704" s="360"/>
      <c r="G2704" s="360"/>
      <c r="H2704" s="360"/>
      <c r="I2704" s="360"/>
      <c r="J2704" s="359"/>
      <c r="K2704" s="359"/>
      <c r="L2704" s="359"/>
    </row>
    <row r="2705" spans="2:12">
      <c r="B2705" s="359"/>
      <c r="C2705" s="359"/>
      <c r="D2705" s="359"/>
      <c r="E2705" s="359"/>
      <c r="F2705" s="359" t="s">
        <v>14386</v>
      </c>
      <c r="G2705" s="359" t="s">
        <v>14387</v>
      </c>
      <c r="H2705" s="359" t="s">
        <v>14367</v>
      </c>
      <c r="I2705" s="359" t="s">
        <v>14387</v>
      </c>
      <c r="J2705" s="359"/>
      <c r="K2705" s="359"/>
      <c r="L2705" s="359"/>
    </row>
    <row r="2706" spans="2:12">
      <c r="B2706" s="359"/>
      <c r="C2706" s="359"/>
      <c r="D2706" s="359"/>
      <c r="E2706" s="359"/>
      <c r="F2706" s="360"/>
      <c r="G2706" s="360"/>
      <c r="H2706" s="360"/>
      <c r="I2706" s="360"/>
      <c r="J2706" s="359"/>
      <c r="K2706" s="359"/>
      <c r="L2706" s="359"/>
    </row>
    <row r="2707" spans="2:12" ht="28.5">
      <c r="B2707" s="359"/>
      <c r="C2707" s="359"/>
      <c r="D2707" s="359"/>
      <c r="E2707" s="359"/>
      <c r="F2707" s="359" t="s">
        <v>14394</v>
      </c>
      <c r="G2707" s="359" t="s">
        <v>14395</v>
      </c>
      <c r="H2707" s="359" t="s">
        <v>14370</v>
      </c>
      <c r="I2707" s="359" t="s">
        <v>14395</v>
      </c>
      <c r="J2707" s="359"/>
      <c r="K2707" s="359"/>
      <c r="L2707" s="359"/>
    </row>
    <row r="2708" spans="2:12">
      <c r="B2708" s="359"/>
      <c r="C2708" s="359"/>
      <c r="D2708" s="359"/>
      <c r="E2708" s="359"/>
      <c r="F2708" s="360"/>
      <c r="G2708" s="360"/>
      <c r="H2708" s="360"/>
      <c r="I2708" s="360"/>
      <c r="J2708" s="359"/>
      <c r="K2708" s="359"/>
      <c r="L2708" s="359"/>
    </row>
    <row r="2709" spans="2:12">
      <c r="B2709" s="361"/>
      <c r="C2709" s="361"/>
      <c r="D2709" s="361"/>
      <c r="E2709" s="361"/>
      <c r="F2709" s="362"/>
      <c r="G2709" s="362"/>
      <c r="H2709" s="361" t="s">
        <v>14332</v>
      </c>
      <c r="I2709" s="362"/>
      <c r="J2709" s="361"/>
      <c r="K2709" s="361"/>
      <c r="L2709" s="361"/>
    </row>
    <row r="2710" spans="2:12" ht="57">
      <c r="B2710" s="358" t="s">
        <v>15857</v>
      </c>
      <c r="C2710" s="358" t="s">
        <v>28641</v>
      </c>
      <c r="D2710" s="358" t="s">
        <v>15858</v>
      </c>
      <c r="E2710" s="358" t="s">
        <v>8356</v>
      </c>
      <c r="F2710" s="358" t="s">
        <v>14420</v>
      </c>
      <c r="G2710" s="358" t="s">
        <v>14429</v>
      </c>
      <c r="H2710" s="358" t="s">
        <v>14367</v>
      </c>
      <c r="I2710" s="358" t="s">
        <v>14429</v>
      </c>
      <c r="J2710" s="358"/>
      <c r="K2710" s="358"/>
      <c r="L2710" s="358"/>
    </row>
    <row r="2711" spans="2:12">
      <c r="B2711" s="359"/>
      <c r="C2711" s="359"/>
      <c r="D2711" s="359"/>
      <c r="E2711" s="359"/>
      <c r="F2711" s="359"/>
      <c r="G2711" s="359"/>
      <c r="H2711" s="360"/>
      <c r="I2711" s="359"/>
      <c r="J2711" s="359"/>
      <c r="K2711" s="359"/>
      <c r="L2711" s="359"/>
    </row>
    <row r="2712" spans="2:12">
      <c r="B2712" s="361"/>
      <c r="C2712" s="361"/>
      <c r="D2712" s="361"/>
      <c r="E2712" s="361"/>
      <c r="F2712" s="361"/>
      <c r="G2712" s="361"/>
      <c r="H2712" s="361" t="s">
        <v>14422</v>
      </c>
      <c r="I2712" s="361"/>
      <c r="J2712" s="361"/>
      <c r="K2712" s="361"/>
      <c r="L2712" s="361"/>
    </row>
    <row r="2713" spans="2:12" ht="28.5">
      <c r="B2713" s="358" t="s">
        <v>15859</v>
      </c>
      <c r="C2713" s="358" t="s">
        <v>15860</v>
      </c>
      <c r="D2713" s="358" t="s">
        <v>15861</v>
      </c>
      <c r="E2713" s="358" t="s">
        <v>15862</v>
      </c>
      <c r="F2713" s="358" t="s">
        <v>14356</v>
      </c>
      <c r="G2713" s="358" t="s">
        <v>14340</v>
      </c>
      <c r="H2713" s="358" t="s">
        <v>14341</v>
      </c>
      <c r="I2713" s="358" t="s">
        <v>14340</v>
      </c>
      <c r="J2713" s="358"/>
      <c r="K2713" s="358"/>
      <c r="L2713" s="358"/>
    </row>
    <row r="2714" spans="2:12">
      <c r="B2714" s="359"/>
      <c r="C2714" s="359"/>
      <c r="D2714" s="359"/>
      <c r="E2714" s="359"/>
      <c r="F2714" s="359"/>
      <c r="G2714" s="359"/>
      <c r="H2714" s="360"/>
      <c r="I2714" s="359"/>
      <c r="J2714" s="359"/>
      <c r="K2714" s="359"/>
      <c r="L2714" s="359"/>
    </row>
    <row r="2715" spans="2:12">
      <c r="B2715" s="361"/>
      <c r="C2715" s="361"/>
      <c r="D2715" s="361"/>
      <c r="E2715" s="361"/>
      <c r="F2715" s="361"/>
      <c r="G2715" s="361"/>
      <c r="H2715" s="361" t="s">
        <v>14332</v>
      </c>
      <c r="I2715" s="361"/>
      <c r="J2715" s="361"/>
      <c r="K2715" s="361"/>
      <c r="L2715" s="361"/>
    </row>
    <row r="2716" spans="2:12" ht="57">
      <c r="B2716" s="358" t="s">
        <v>15863</v>
      </c>
      <c r="C2716" s="358" t="s">
        <v>30073</v>
      </c>
      <c r="D2716" s="358" t="s">
        <v>15864</v>
      </c>
      <c r="E2716" s="358" t="s">
        <v>8356</v>
      </c>
      <c r="F2716" s="358" t="s">
        <v>14371</v>
      </c>
      <c r="G2716" s="358" t="s">
        <v>14372</v>
      </c>
      <c r="H2716" s="358" t="s">
        <v>14370</v>
      </c>
      <c r="I2716" s="358" t="s">
        <v>14373</v>
      </c>
      <c r="J2716" s="358"/>
      <c r="K2716" s="358"/>
      <c r="L2716" s="358"/>
    </row>
    <row r="2717" spans="2:12">
      <c r="B2717" s="359"/>
      <c r="C2717" s="359"/>
      <c r="D2717" s="359"/>
      <c r="E2717" s="359"/>
      <c r="F2717" s="360"/>
      <c r="G2717" s="360"/>
      <c r="H2717" s="360"/>
      <c r="I2717" s="359"/>
      <c r="J2717" s="359"/>
      <c r="K2717" s="359"/>
      <c r="L2717" s="359"/>
    </row>
    <row r="2718" spans="2:12" ht="28.5">
      <c r="B2718" s="361"/>
      <c r="C2718" s="361"/>
      <c r="D2718" s="361"/>
      <c r="E2718" s="361"/>
      <c r="F2718" s="361" t="s">
        <v>14374</v>
      </c>
      <c r="G2718" s="361" t="s">
        <v>14373</v>
      </c>
      <c r="H2718" s="361" t="s">
        <v>14422</v>
      </c>
      <c r="I2718" s="361"/>
      <c r="J2718" s="361"/>
      <c r="K2718" s="361"/>
      <c r="L2718" s="361"/>
    </row>
    <row r="2719" spans="2:12" ht="42.75">
      <c r="B2719" s="358" t="s">
        <v>15865</v>
      </c>
      <c r="C2719" s="358" t="s">
        <v>30074</v>
      </c>
      <c r="D2719" s="358" t="s">
        <v>15866</v>
      </c>
      <c r="E2719" s="358" t="s">
        <v>8356</v>
      </c>
      <c r="F2719" s="358" t="s">
        <v>14371</v>
      </c>
      <c r="G2719" s="358" t="s">
        <v>14372</v>
      </c>
      <c r="H2719" s="358" t="s">
        <v>14370</v>
      </c>
      <c r="I2719" s="358" t="s">
        <v>14373</v>
      </c>
      <c r="J2719" s="358"/>
      <c r="K2719" s="358"/>
      <c r="L2719" s="358"/>
    </row>
    <row r="2720" spans="2:12">
      <c r="B2720" s="359"/>
      <c r="C2720" s="359"/>
      <c r="D2720" s="359"/>
      <c r="E2720" s="359"/>
      <c r="F2720" s="360"/>
      <c r="G2720" s="360"/>
      <c r="H2720" s="360"/>
      <c r="I2720" s="359"/>
      <c r="J2720" s="359"/>
      <c r="K2720" s="359"/>
      <c r="L2720" s="359"/>
    </row>
    <row r="2721" spans="2:12" ht="28.5">
      <c r="B2721" s="361"/>
      <c r="C2721" s="361"/>
      <c r="D2721" s="361"/>
      <c r="E2721" s="361"/>
      <c r="F2721" s="361" t="s">
        <v>14374</v>
      </c>
      <c r="G2721" s="361" t="s">
        <v>14373</v>
      </c>
      <c r="H2721" s="361" t="s">
        <v>14422</v>
      </c>
      <c r="I2721" s="361"/>
      <c r="J2721" s="361"/>
      <c r="K2721" s="361"/>
      <c r="L2721" s="361"/>
    </row>
    <row r="2722" spans="2:12" ht="28.5">
      <c r="B2722" s="358" t="s">
        <v>15867</v>
      </c>
      <c r="C2722" s="358" t="s">
        <v>27474</v>
      </c>
      <c r="D2722" s="358" t="s">
        <v>15868</v>
      </c>
      <c r="E2722" s="358" t="s">
        <v>8356</v>
      </c>
      <c r="F2722" s="358" t="s">
        <v>14389</v>
      </c>
      <c r="G2722" s="358" t="s">
        <v>14390</v>
      </c>
      <c r="H2722" s="358" t="s">
        <v>14341</v>
      </c>
      <c r="I2722" s="358" t="s">
        <v>14390</v>
      </c>
      <c r="J2722" s="358"/>
      <c r="K2722" s="358"/>
      <c r="L2722" s="358"/>
    </row>
    <row r="2723" spans="2:12">
      <c r="B2723" s="359"/>
      <c r="C2723" s="359"/>
      <c r="D2723" s="359"/>
      <c r="E2723" s="359"/>
      <c r="F2723" s="360"/>
      <c r="G2723" s="360"/>
      <c r="H2723" s="360"/>
      <c r="I2723" s="360"/>
      <c r="J2723" s="359"/>
      <c r="K2723" s="359"/>
      <c r="L2723" s="359"/>
    </row>
    <row r="2724" spans="2:12">
      <c r="B2724" s="359"/>
      <c r="C2724" s="359"/>
      <c r="D2724" s="359"/>
      <c r="E2724" s="359"/>
      <c r="F2724" s="359" t="s">
        <v>14430</v>
      </c>
      <c r="G2724" s="359" t="s">
        <v>14431</v>
      </c>
      <c r="H2724" s="359" t="s">
        <v>14367</v>
      </c>
      <c r="I2724" s="359" t="s">
        <v>14431</v>
      </c>
      <c r="J2724" s="359"/>
      <c r="K2724" s="359"/>
      <c r="L2724" s="359"/>
    </row>
    <row r="2725" spans="2:12">
      <c r="B2725" s="359"/>
      <c r="C2725" s="359"/>
      <c r="D2725" s="359"/>
      <c r="E2725" s="359"/>
      <c r="F2725" s="360"/>
      <c r="G2725" s="360"/>
      <c r="H2725" s="360"/>
      <c r="I2725" s="360"/>
      <c r="J2725" s="359"/>
      <c r="K2725" s="359"/>
      <c r="L2725" s="359"/>
    </row>
    <row r="2726" spans="2:12">
      <c r="B2726" s="359"/>
      <c r="C2726" s="359"/>
      <c r="D2726" s="359"/>
      <c r="E2726" s="359"/>
      <c r="F2726" s="359" t="s">
        <v>14391</v>
      </c>
      <c r="G2726" s="359" t="s">
        <v>14392</v>
      </c>
      <c r="H2726" s="359" t="s">
        <v>14370</v>
      </c>
      <c r="I2726" s="359" t="s">
        <v>14392</v>
      </c>
      <c r="J2726" s="359"/>
      <c r="K2726" s="359"/>
      <c r="L2726" s="359"/>
    </row>
    <row r="2727" spans="2:12">
      <c r="B2727" s="359"/>
      <c r="C2727" s="359"/>
      <c r="D2727" s="359"/>
      <c r="E2727" s="359"/>
      <c r="F2727" s="360"/>
      <c r="G2727" s="360"/>
      <c r="H2727" s="360"/>
      <c r="I2727" s="360"/>
      <c r="J2727" s="359"/>
      <c r="K2727" s="359"/>
      <c r="L2727" s="359"/>
    </row>
    <row r="2728" spans="2:12" ht="28.5">
      <c r="B2728" s="361"/>
      <c r="C2728" s="361"/>
      <c r="D2728" s="361"/>
      <c r="E2728" s="361"/>
      <c r="F2728" s="361" t="s">
        <v>14394</v>
      </c>
      <c r="G2728" s="361" t="s">
        <v>14395</v>
      </c>
      <c r="H2728" s="361" t="s">
        <v>14332</v>
      </c>
      <c r="I2728" s="361" t="s">
        <v>14395</v>
      </c>
      <c r="J2728" s="361"/>
      <c r="K2728" s="361"/>
      <c r="L2728" s="361"/>
    </row>
    <row r="2729" spans="2:12">
      <c r="B2729" s="358" t="s">
        <v>15869</v>
      </c>
      <c r="C2729" s="358" t="s">
        <v>15870</v>
      </c>
      <c r="D2729" s="358" t="s">
        <v>15871</v>
      </c>
      <c r="E2729" s="358" t="s">
        <v>15872</v>
      </c>
      <c r="F2729" s="358" t="s">
        <v>14356</v>
      </c>
      <c r="G2729" s="358" t="s">
        <v>14340</v>
      </c>
      <c r="H2729" s="358" t="s">
        <v>14341</v>
      </c>
      <c r="I2729" s="358" t="s">
        <v>14340</v>
      </c>
      <c r="J2729" s="358"/>
      <c r="K2729" s="358"/>
      <c r="L2729" s="358"/>
    </row>
    <row r="2730" spans="2:12">
      <c r="B2730" s="359"/>
      <c r="C2730" s="359"/>
      <c r="D2730" s="359"/>
      <c r="E2730" s="359"/>
      <c r="F2730" s="360"/>
      <c r="G2730" s="360"/>
      <c r="H2730" s="360"/>
      <c r="I2730" s="360"/>
      <c r="J2730" s="359"/>
      <c r="K2730" s="359"/>
      <c r="L2730" s="359"/>
    </row>
    <row r="2731" spans="2:12">
      <c r="B2731" s="359"/>
      <c r="C2731" s="359"/>
      <c r="D2731" s="359"/>
      <c r="E2731" s="359"/>
      <c r="F2731" s="359" t="s">
        <v>14391</v>
      </c>
      <c r="G2731" s="359" t="s">
        <v>14392</v>
      </c>
      <c r="H2731" s="359" t="s">
        <v>14367</v>
      </c>
      <c r="I2731" s="359" t="s">
        <v>14392</v>
      </c>
      <c r="J2731" s="359"/>
      <c r="K2731" s="359"/>
      <c r="L2731" s="359"/>
    </row>
    <row r="2732" spans="2:12">
      <c r="B2732" s="359"/>
      <c r="C2732" s="359"/>
      <c r="D2732" s="359"/>
      <c r="E2732" s="359"/>
      <c r="F2732" s="360"/>
      <c r="G2732" s="360"/>
      <c r="H2732" s="360"/>
      <c r="I2732" s="360"/>
      <c r="J2732" s="359"/>
      <c r="K2732" s="359"/>
      <c r="L2732" s="359"/>
    </row>
    <row r="2733" spans="2:12">
      <c r="B2733" s="361"/>
      <c r="C2733" s="361"/>
      <c r="D2733" s="361"/>
      <c r="E2733" s="361"/>
      <c r="F2733" s="362"/>
      <c r="G2733" s="362"/>
      <c r="H2733" s="361" t="s">
        <v>14332</v>
      </c>
      <c r="I2733" s="362"/>
      <c r="J2733" s="361"/>
      <c r="K2733" s="361"/>
      <c r="L2733" s="361"/>
    </row>
    <row r="2734" spans="2:12" ht="28.5">
      <c r="B2734" s="358" t="s">
        <v>15873</v>
      </c>
      <c r="C2734" s="358" t="s">
        <v>28642</v>
      </c>
      <c r="D2734" s="358" t="s">
        <v>15874</v>
      </c>
      <c r="E2734" s="358" t="s">
        <v>8356</v>
      </c>
      <c r="F2734" s="358" t="s">
        <v>14356</v>
      </c>
      <c r="G2734" s="358" t="s">
        <v>14340</v>
      </c>
      <c r="H2734" s="358" t="s">
        <v>14341</v>
      </c>
      <c r="I2734" s="358" t="s">
        <v>14340</v>
      </c>
      <c r="J2734" s="358"/>
      <c r="K2734" s="358"/>
      <c r="L2734" s="358"/>
    </row>
    <row r="2735" spans="2:12">
      <c r="B2735" s="359"/>
      <c r="C2735" s="359"/>
      <c r="D2735" s="359"/>
      <c r="E2735" s="359"/>
      <c r="F2735" s="360"/>
      <c r="G2735" s="360"/>
      <c r="H2735" s="360"/>
      <c r="I2735" s="360"/>
      <c r="J2735" s="359"/>
      <c r="K2735" s="359"/>
      <c r="L2735" s="359"/>
    </row>
    <row r="2736" spans="2:12">
      <c r="B2736" s="359"/>
      <c r="C2736" s="359"/>
      <c r="D2736" s="359"/>
      <c r="E2736" s="359"/>
      <c r="F2736" s="359" t="s">
        <v>14371</v>
      </c>
      <c r="G2736" s="359" t="s">
        <v>14372</v>
      </c>
      <c r="H2736" s="359" t="s">
        <v>14370</v>
      </c>
      <c r="I2736" s="359" t="s">
        <v>14373</v>
      </c>
      <c r="J2736" s="359"/>
      <c r="K2736" s="359"/>
      <c r="L2736" s="359"/>
    </row>
    <row r="2737" spans="2:12">
      <c r="B2737" s="359"/>
      <c r="C2737" s="359"/>
      <c r="D2737" s="359"/>
      <c r="E2737" s="359"/>
      <c r="F2737" s="360"/>
      <c r="G2737" s="360"/>
      <c r="H2737" s="360"/>
      <c r="I2737" s="360"/>
      <c r="J2737" s="359"/>
      <c r="K2737" s="359"/>
      <c r="L2737" s="359"/>
    </row>
    <row r="2738" spans="2:12" ht="28.5">
      <c r="B2738" s="361"/>
      <c r="C2738" s="361"/>
      <c r="D2738" s="361"/>
      <c r="E2738" s="361"/>
      <c r="F2738" s="361" t="s">
        <v>14374</v>
      </c>
      <c r="G2738" s="361" t="s">
        <v>14373</v>
      </c>
      <c r="H2738" s="361" t="s">
        <v>14332</v>
      </c>
      <c r="I2738" s="362"/>
      <c r="J2738" s="361"/>
      <c r="K2738" s="361"/>
      <c r="L2738" s="361"/>
    </row>
    <row r="2739" spans="2:12" ht="28.5">
      <c r="B2739" s="358" t="s">
        <v>15875</v>
      </c>
      <c r="C2739" s="358" t="s">
        <v>15876</v>
      </c>
      <c r="D2739" s="358" t="s">
        <v>15877</v>
      </c>
      <c r="E2739" s="358" t="s">
        <v>15878</v>
      </c>
      <c r="F2739" s="358" t="s">
        <v>14420</v>
      </c>
      <c r="G2739" s="358" t="s">
        <v>14429</v>
      </c>
      <c r="H2739" s="358" t="s">
        <v>14381</v>
      </c>
      <c r="I2739" s="358" t="s">
        <v>14429</v>
      </c>
      <c r="J2739" s="358"/>
      <c r="K2739" s="358"/>
      <c r="L2739" s="358"/>
    </row>
    <row r="2740" spans="2:12">
      <c r="B2740" s="359"/>
      <c r="C2740" s="359"/>
      <c r="D2740" s="359"/>
      <c r="E2740" s="359"/>
      <c r="F2740" s="360"/>
      <c r="G2740" s="360"/>
      <c r="H2740" s="360"/>
      <c r="I2740" s="360"/>
      <c r="J2740" s="359"/>
      <c r="K2740" s="359"/>
      <c r="L2740" s="359"/>
    </row>
    <row r="2741" spans="2:12">
      <c r="B2741" s="359"/>
      <c r="C2741" s="359"/>
      <c r="D2741" s="359"/>
      <c r="E2741" s="359"/>
      <c r="F2741" s="359" t="s">
        <v>14430</v>
      </c>
      <c r="G2741" s="359" t="s">
        <v>14431</v>
      </c>
      <c r="H2741" s="359" t="s">
        <v>14341</v>
      </c>
      <c r="I2741" s="359" t="s">
        <v>14431</v>
      </c>
      <c r="J2741" s="359"/>
      <c r="K2741" s="359"/>
      <c r="L2741" s="359"/>
    </row>
    <row r="2742" spans="2:12">
      <c r="B2742" s="359"/>
      <c r="C2742" s="359"/>
      <c r="D2742" s="359"/>
      <c r="E2742" s="359"/>
      <c r="F2742" s="360"/>
      <c r="G2742" s="360"/>
      <c r="H2742" s="360"/>
      <c r="I2742" s="360"/>
      <c r="J2742" s="359"/>
      <c r="K2742" s="359"/>
      <c r="L2742" s="359"/>
    </row>
    <row r="2743" spans="2:12">
      <c r="B2743" s="359"/>
      <c r="C2743" s="359"/>
      <c r="D2743" s="359"/>
      <c r="E2743" s="359"/>
      <c r="F2743" s="359" t="s">
        <v>14460</v>
      </c>
      <c r="G2743" s="359" t="s">
        <v>14519</v>
      </c>
      <c r="H2743" s="359" t="s">
        <v>14367</v>
      </c>
      <c r="I2743" s="359" t="s">
        <v>14519</v>
      </c>
      <c r="J2743" s="359"/>
      <c r="K2743" s="359"/>
      <c r="L2743" s="359"/>
    </row>
    <row r="2744" spans="2:12">
      <c r="B2744" s="359"/>
      <c r="C2744" s="359"/>
      <c r="D2744" s="359"/>
      <c r="E2744" s="359"/>
      <c r="F2744" s="360"/>
      <c r="G2744" s="360"/>
      <c r="H2744" s="360"/>
      <c r="I2744" s="360"/>
      <c r="J2744" s="359"/>
      <c r="K2744" s="359"/>
      <c r="L2744" s="359"/>
    </row>
    <row r="2745" spans="2:12" ht="28.5">
      <c r="B2745" s="361"/>
      <c r="C2745" s="361"/>
      <c r="D2745" s="361"/>
      <c r="E2745" s="361"/>
      <c r="F2745" s="361" t="s">
        <v>14472</v>
      </c>
      <c r="G2745" s="361" t="s">
        <v>14473</v>
      </c>
      <c r="H2745" s="361" t="s">
        <v>14332</v>
      </c>
      <c r="I2745" s="361" t="s">
        <v>14473</v>
      </c>
      <c r="J2745" s="361"/>
      <c r="K2745" s="361"/>
      <c r="L2745" s="361"/>
    </row>
    <row r="2746" spans="2:12" ht="28.5">
      <c r="B2746" s="358" t="s">
        <v>15879</v>
      </c>
      <c r="C2746" s="358" t="s">
        <v>30075</v>
      </c>
      <c r="D2746" s="358" t="s">
        <v>15880</v>
      </c>
      <c r="E2746" s="358" t="s">
        <v>8356</v>
      </c>
      <c r="F2746" s="358" t="s">
        <v>14394</v>
      </c>
      <c r="G2746" s="358" t="s">
        <v>14395</v>
      </c>
      <c r="H2746" s="358" t="s">
        <v>14370</v>
      </c>
      <c r="I2746" s="358" t="s">
        <v>14395</v>
      </c>
      <c r="J2746" s="358"/>
      <c r="K2746" s="358"/>
      <c r="L2746" s="358"/>
    </row>
    <row r="2747" spans="2:12">
      <c r="B2747" s="361"/>
      <c r="C2747" s="361"/>
      <c r="D2747" s="361"/>
      <c r="E2747" s="361"/>
      <c r="F2747" s="361"/>
      <c r="G2747" s="361"/>
      <c r="H2747" s="361"/>
      <c r="I2747" s="361"/>
      <c r="J2747" s="361"/>
      <c r="K2747" s="361"/>
      <c r="L2747" s="361"/>
    </row>
    <row r="2748" spans="2:12">
      <c r="B2748" s="358" t="s">
        <v>15881</v>
      </c>
      <c r="C2748" s="358" t="s">
        <v>15882</v>
      </c>
      <c r="D2748" s="358" t="s">
        <v>15883</v>
      </c>
      <c r="E2748" s="358" t="s">
        <v>15884</v>
      </c>
      <c r="F2748" s="358" t="s">
        <v>14382</v>
      </c>
      <c r="G2748" s="358" t="s">
        <v>14579</v>
      </c>
      <c r="H2748" s="358" t="s">
        <v>14378</v>
      </c>
      <c r="I2748" s="358" t="s">
        <v>14579</v>
      </c>
      <c r="J2748" s="358"/>
      <c r="K2748" s="358"/>
      <c r="L2748" s="358"/>
    </row>
    <row r="2749" spans="2:12">
      <c r="B2749" s="359"/>
      <c r="C2749" s="360"/>
      <c r="D2749" s="359"/>
      <c r="E2749" s="359"/>
      <c r="F2749" s="360"/>
      <c r="G2749" s="360"/>
      <c r="H2749" s="360"/>
      <c r="I2749" s="360"/>
      <c r="J2749" s="359"/>
      <c r="K2749" s="359"/>
      <c r="L2749" s="359"/>
    </row>
    <row r="2750" spans="2:12">
      <c r="B2750" s="359"/>
      <c r="C2750" s="359" t="s">
        <v>27475</v>
      </c>
      <c r="D2750" s="359"/>
      <c r="E2750" s="359"/>
      <c r="F2750" s="359" t="s">
        <v>14382</v>
      </c>
      <c r="G2750" s="359" t="s">
        <v>14383</v>
      </c>
      <c r="H2750" s="359" t="s">
        <v>14381</v>
      </c>
      <c r="I2750" s="359" t="s">
        <v>14383</v>
      </c>
      <c r="J2750" s="359"/>
      <c r="K2750" s="359"/>
      <c r="L2750" s="359"/>
    </row>
    <row r="2751" spans="2:12">
      <c r="B2751" s="359"/>
      <c r="C2751" s="360"/>
      <c r="D2751" s="359"/>
      <c r="E2751" s="359"/>
      <c r="F2751" s="360"/>
      <c r="G2751" s="360"/>
      <c r="H2751" s="360"/>
      <c r="I2751" s="360"/>
      <c r="J2751" s="359"/>
      <c r="K2751" s="359"/>
      <c r="L2751" s="359"/>
    </row>
    <row r="2752" spans="2:12">
      <c r="B2752" s="359"/>
      <c r="C2752" s="360"/>
      <c r="D2752" s="359"/>
      <c r="E2752" s="359"/>
      <c r="F2752" s="359" t="s">
        <v>15246</v>
      </c>
      <c r="G2752" s="359" t="s">
        <v>15247</v>
      </c>
      <c r="H2752" s="359" t="s">
        <v>14370</v>
      </c>
      <c r="I2752" s="359" t="s">
        <v>15247</v>
      </c>
      <c r="J2752" s="359"/>
      <c r="K2752" s="359"/>
      <c r="L2752" s="359"/>
    </row>
    <row r="2753" spans="2:12">
      <c r="B2753" s="359"/>
      <c r="C2753" s="360"/>
      <c r="D2753" s="359"/>
      <c r="E2753" s="359"/>
      <c r="F2753" s="360"/>
      <c r="G2753" s="360"/>
      <c r="H2753" s="360"/>
      <c r="I2753" s="360"/>
      <c r="J2753" s="359"/>
      <c r="K2753" s="359"/>
      <c r="L2753" s="359"/>
    </row>
    <row r="2754" spans="2:12" ht="28.5">
      <c r="B2754" s="361"/>
      <c r="C2754" s="362"/>
      <c r="D2754" s="361"/>
      <c r="E2754" s="361"/>
      <c r="F2754" s="361" t="s">
        <v>14394</v>
      </c>
      <c r="G2754" s="361" t="s">
        <v>14395</v>
      </c>
      <c r="H2754" s="361" t="s">
        <v>14332</v>
      </c>
      <c r="I2754" s="361" t="s">
        <v>14395</v>
      </c>
      <c r="J2754" s="361"/>
      <c r="K2754" s="361"/>
      <c r="L2754" s="361"/>
    </row>
    <row r="2755" spans="2:12">
      <c r="B2755" s="358" t="s">
        <v>15885</v>
      </c>
      <c r="C2755" s="358" t="s">
        <v>15886</v>
      </c>
      <c r="D2755" s="358" t="s">
        <v>15887</v>
      </c>
      <c r="E2755" s="358" t="s">
        <v>15888</v>
      </c>
      <c r="F2755" s="358" t="s">
        <v>14379</v>
      </c>
      <c r="G2755" s="358" t="s">
        <v>14380</v>
      </c>
      <c r="H2755" s="358" t="s">
        <v>14378</v>
      </c>
      <c r="I2755" s="358" t="s">
        <v>14380</v>
      </c>
      <c r="J2755" s="358"/>
      <c r="K2755" s="358"/>
      <c r="L2755" s="358"/>
    </row>
    <row r="2756" spans="2:12">
      <c r="B2756" s="359"/>
      <c r="C2756" s="360"/>
      <c r="D2756" s="359"/>
      <c r="E2756" s="359"/>
      <c r="F2756" s="360"/>
      <c r="G2756" s="360"/>
      <c r="H2756" s="360"/>
      <c r="I2756" s="360"/>
      <c r="J2756" s="359"/>
      <c r="K2756" s="359"/>
      <c r="L2756" s="359"/>
    </row>
    <row r="2757" spans="2:12" ht="28.5">
      <c r="B2757" s="359"/>
      <c r="C2757" s="359" t="s">
        <v>30076</v>
      </c>
      <c r="D2757" s="359"/>
      <c r="E2757" s="359"/>
      <c r="F2757" s="359" t="s">
        <v>14382</v>
      </c>
      <c r="G2757" s="359" t="s">
        <v>14579</v>
      </c>
      <c r="H2757" s="359" t="s">
        <v>14381</v>
      </c>
      <c r="I2757" s="359" t="s">
        <v>14579</v>
      </c>
      <c r="J2757" s="359"/>
      <c r="K2757" s="359"/>
      <c r="L2757" s="359"/>
    </row>
    <row r="2758" spans="2:12">
      <c r="B2758" s="359"/>
      <c r="C2758" s="360"/>
      <c r="D2758" s="359"/>
      <c r="E2758" s="359"/>
      <c r="F2758" s="360"/>
      <c r="G2758" s="360"/>
      <c r="H2758" s="360"/>
      <c r="I2758" s="360"/>
      <c r="J2758" s="359"/>
      <c r="K2758" s="359"/>
      <c r="L2758" s="359"/>
    </row>
    <row r="2759" spans="2:12">
      <c r="B2759" s="359"/>
      <c r="C2759" s="360"/>
      <c r="D2759" s="359"/>
      <c r="E2759" s="359"/>
      <c r="F2759" s="359" t="s">
        <v>14382</v>
      </c>
      <c r="G2759" s="359" t="s">
        <v>14383</v>
      </c>
      <c r="H2759" s="359" t="s">
        <v>14370</v>
      </c>
      <c r="I2759" s="359" t="s">
        <v>14383</v>
      </c>
      <c r="J2759" s="359"/>
      <c r="K2759" s="359"/>
      <c r="L2759" s="359"/>
    </row>
    <row r="2760" spans="2:12">
      <c r="B2760" s="359"/>
      <c r="C2760" s="360"/>
      <c r="D2760" s="359"/>
      <c r="E2760" s="359"/>
      <c r="F2760" s="360"/>
      <c r="G2760" s="360"/>
      <c r="H2760" s="360"/>
      <c r="I2760" s="360"/>
      <c r="J2760" s="359"/>
      <c r="K2760" s="359"/>
      <c r="L2760" s="359"/>
    </row>
    <row r="2761" spans="2:12">
      <c r="B2761" s="359"/>
      <c r="C2761" s="360"/>
      <c r="D2761" s="359"/>
      <c r="E2761" s="359"/>
      <c r="F2761" s="359" t="s">
        <v>14460</v>
      </c>
      <c r="G2761" s="359" t="s">
        <v>14519</v>
      </c>
      <c r="H2761" s="359" t="s">
        <v>14332</v>
      </c>
      <c r="I2761" s="359" t="s">
        <v>14519</v>
      </c>
      <c r="J2761" s="359"/>
      <c r="K2761" s="359"/>
      <c r="L2761" s="359"/>
    </row>
    <row r="2762" spans="2:12">
      <c r="B2762" s="359"/>
      <c r="C2762" s="360"/>
      <c r="D2762" s="359"/>
      <c r="E2762" s="359"/>
      <c r="F2762" s="360"/>
      <c r="G2762" s="360"/>
      <c r="H2762" s="360"/>
      <c r="I2762" s="360"/>
      <c r="J2762" s="359"/>
      <c r="K2762" s="359"/>
      <c r="L2762" s="359"/>
    </row>
    <row r="2763" spans="2:12">
      <c r="B2763" s="359"/>
      <c r="C2763" s="360"/>
      <c r="D2763" s="359"/>
      <c r="E2763" s="359"/>
      <c r="F2763" s="359" t="s">
        <v>14391</v>
      </c>
      <c r="G2763" s="359" t="s">
        <v>14392</v>
      </c>
      <c r="H2763" s="360"/>
      <c r="I2763" s="359" t="s">
        <v>14392</v>
      </c>
      <c r="J2763" s="359"/>
      <c r="K2763" s="359"/>
      <c r="L2763" s="359"/>
    </row>
    <row r="2764" spans="2:12">
      <c r="B2764" s="359"/>
      <c r="C2764" s="360"/>
      <c r="D2764" s="359"/>
      <c r="E2764" s="359"/>
      <c r="F2764" s="360"/>
      <c r="G2764" s="360"/>
      <c r="H2764" s="360"/>
      <c r="I2764" s="360"/>
      <c r="J2764" s="359"/>
      <c r="K2764" s="359"/>
      <c r="L2764" s="359"/>
    </row>
    <row r="2765" spans="2:12">
      <c r="B2765" s="359"/>
      <c r="C2765" s="360"/>
      <c r="D2765" s="359"/>
      <c r="E2765" s="359"/>
      <c r="F2765" s="359" t="s">
        <v>14371</v>
      </c>
      <c r="G2765" s="359" t="s">
        <v>14372</v>
      </c>
      <c r="H2765" s="360"/>
      <c r="I2765" s="359" t="s">
        <v>14373</v>
      </c>
      <c r="J2765" s="359"/>
      <c r="K2765" s="359"/>
      <c r="L2765" s="359"/>
    </row>
    <row r="2766" spans="2:12">
      <c r="B2766" s="359"/>
      <c r="C2766" s="360"/>
      <c r="D2766" s="359"/>
      <c r="E2766" s="359"/>
      <c r="F2766" s="360"/>
      <c r="G2766" s="360"/>
      <c r="H2766" s="360"/>
      <c r="I2766" s="360"/>
      <c r="J2766" s="359"/>
      <c r="K2766" s="359"/>
      <c r="L2766" s="359"/>
    </row>
    <row r="2767" spans="2:12" ht="28.5">
      <c r="B2767" s="361"/>
      <c r="C2767" s="362"/>
      <c r="D2767" s="361"/>
      <c r="E2767" s="361"/>
      <c r="F2767" s="361" t="s">
        <v>14374</v>
      </c>
      <c r="G2767" s="361" t="s">
        <v>14373</v>
      </c>
      <c r="H2767" s="362"/>
      <c r="I2767" s="362"/>
      <c r="J2767" s="361"/>
      <c r="K2767" s="361"/>
      <c r="L2767" s="361"/>
    </row>
    <row r="2768" spans="2:12">
      <c r="B2768" s="358" t="s">
        <v>15889</v>
      </c>
      <c r="C2768" s="358" t="s">
        <v>28643</v>
      </c>
      <c r="D2768" s="358" t="s">
        <v>15890</v>
      </c>
      <c r="E2768" s="358" t="s">
        <v>15891</v>
      </c>
      <c r="F2768" s="358" t="s">
        <v>14656</v>
      </c>
      <c r="G2768" s="358" t="s">
        <v>14579</v>
      </c>
      <c r="H2768" s="358" t="s">
        <v>14378</v>
      </c>
      <c r="I2768" s="358" t="s">
        <v>14579</v>
      </c>
      <c r="J2768" s="358" t="s">
        <v>14944</v>
      </c>
      <c r="K2768" s="358"/>
      <c r="L2768" s="358"/>
    </row>
    <row r="2769" spans="2:12">
      <c r="B2769" s="359"/>
      <c r="C2769" s="360"/>
      <c r="D2769" s="359"/>
      <c r="E2769" s="359"/>
      <c r="F2769" s="360"/>
      <c r="G2769" s="360"/>
      <c r="H2769" s="360"/>
      <c r="I2769" s="360"/>
      <c r="J2769" s="359"/>
      <c r="K2769" s="359"/>
      <c r="L2769" s="359"/>
    </row>
    <row r="2770" spans="2:12">
      <c r="B2770" s="359"/>
      <c r="C2770" s="359" t="s">
        <v>28644</v>
      </c>
      <c r="D2770" s="359"/>
      <c r="E2770" s="359"/>
      <c r="F2770" s="359" t="s">
        <v>15089</v>
      </c>
      <c r="G2770" s="359" t="s">
        <v>14459</v>
      </c>
      <c r="H2770" s="359" t="s">
        <v>14341</v>
      </c>
      <c r="I2770" s="359" t="s">
        <v>14459</v>
      </c>
      <c r="J2770" s="359"/>
      <c r="K2770" s="359"/>
      <c r="L2770" s="359"/>
    </row>
    <row r="2771" spans="2:12">
      <c r="B2771" s="359"/>
      <c r="C2771" s="360"/>
      <c r="D2771" s="359"/>
      <c r="E2771" s="359"/>
      <c r="F2771" s="360"/>
      <c r="G2771" s="360"/>
      <c r="H2771" s="360"/>
      <c r="I2771" s="360"/>
      <c r="J2771" s="359"/>
      <c r="K2771" s="359"/>
      <c r="L2771" s="359"/>
    </row>
    <row r="2772" spans="2:12">
      <c r="B2772" s="359"/>
      <c r="C2772" s="360"/>
      <c r="D2772" s="359"/>
      <c r="E2772" s="359"/>
      <c r="F2772" s="359" t="s">
        <v>15089</v>
      </c>
      <c r="G2772" s="359" t="s">
        <v>14429</v>
      </c>
      <c r="H2772" s="359" t="s">
        <v>14370</v>
      </c>
      <c r="I2772" s="359" t="s">
        <v>14429</v>
      </c>
      <c r="J2772" s="359"/>
      <c r="K2772" s="359"/>
      <c r="L2772" s="359"/>
    </row>
    <row r="2773" spans="2:12">
      <c r="B2773" s="359"/>
      <c r="C2773" s="360"/>
      <c r="D2773" s="359"/>
      <c r="E2773" s="359"/>
      <c r="F2773" s="360"/>
      <c r="G2773" s="360"/>
      <c r="H2773" s="360"/>
      <c r="I2773" s="360"/>
      <c r="J2773" s="359"/>
      <c r="K2773" s="359"/>
      <c r="L2773" s="359"/>
    </row>
    <row r="2774" spans="2:12">
      <c r="B2774" s="359"/>
      <c r="C2774" s="360"/>
      <c r="D2774" s="359"/>
      <c r="E2774" s="359"/>
      <c r="F2774" s="359" t="s">
        <v>15892</v>
      </c>
      <c r="G2774" s="359" t="s">
        <v>14340</v>
      </c>
      <c r="H2774" s="359" t="s">
        <v>14332</v>
      </c>
      <c r="I2774" s="359" t="s">
        <v>14340</v>
      </c>
      <c r="J2774" s="359"/>
      <c r="K2774" s="359"/>
      <c r="L2774" s="359"/>
    </row>
    <row r="2775" spans="2:12">
      <c r="B2775" s="359"/>
      <c r="C2775" s="360"/>
      <c r="D2775" s="359"/>
      <c r="E2775" s="359"/>
      <c r="F2775" s="360"/>
      <c r="G2775" s="360"/>
      <c r="H2775" s="360"/>
      <c r="I2775" s="360"/>
      <c r="J2775" s="359"/>
      <c r="K2775" s="359"/>
      <c r="L2775" s="359"/>
    </row>
    <row r="2776" spans="2:12" ht="28.5">
      <c r="B2776" s="361"/>
      <c r="C2776" s="362"/>
      <c r="D2776" s="361"/>
      <c r="E2776" s="361"/>
      <c r="F2776" s="361" t="s">
        <v>14394</v>
      </c>
      <c r="G2776" s="361" t="s">
        <v>14395</v>
      </c>
      <c r="H2776" s="362"/>
      <c r="I2776" s="361" t="s">
        <v>14395</v>
      </c>
      <c r="J2776" s="361"/>
      <c r="K2776" s="361"/>
      <c r="L2776" s="361"/>
    </row>
    <row r="2777" spans="2:12" ht="28.5">
      <c r="B2777" s="358" t="s">
        <v>13022</v>
      </c>
      <c r="C2777" s="358" t="s">
        <v>28645</v>
      </c>
      <c r="D2777" s="358" t="s">
        <v>13023</v>
      </c>
      <c r="E2777" s="358" t="s">
        <v>13024</v>
      </c>
      <c r="F2777" s="358" t="s">
        <v>14424</v>
      </c>
      <c r="G2777" s="358" t="s">
        <v>15893</v>
      </c>
      <c r="H2777" s="358" t="s">
        <v>14381</v>
      </c>
      <c r="I2777" s="358" t="s">
        <v>15893</v>
      </c>
      <c r="J2777" s="358"/>
      <c r="K2777" s="358"/>
      <c r="L2777" s="358"/>
    </row>
    <row r="2778" spans="2:12">
      <c r="B2778" s="359"/>
      <c r="C2778" s="359"/>
      <c r="D2778" s="359"/>
      <c r="E2778" s="359"/>
      <c r="F2778" s="360"/>
      <c r="G2778" s="360"/>
      <c r="H2778" s="360"/>
      <c r="I2778" s="360"/>
      <c r="J2778" s="359"/>
      <c r="K2778" s="359"/>
      <c r="L2778" s="359"/>
    </row>
    <row r="2779" spans="2:12">
      <c r="B2779" s="359"/>
      <c r="C2779" s="359"/>
      <c r="D2779" s="359"/>
      <c r="E2779" s="359"/>
      <c r="F2779" s="359" t="s">
        <v>14420</v>
      </c>
      <c r="G2779" s="359" t="s">
        <v>14459</v>
      </c>
      <c r="H2779" s="359" t="s">
        <v>14367</v>
      </c>
      <c r="I2779" s="359" t="s">
        <v>14459</v>
      </c>
      <c r="J2779" s="359"/>
      <c r="K2779" s="359"/>
      <c r="L2779" s="359"/>
    </row>
    <row r="2780" spans="2:12">
      <c r="B2780" s="359"/>
      <c r="C2780" s="359"/>
      <c r="D2780" s="359"/>
      <c r="E2780" s="359"/>
      <c r="F2780" s="360"/>
      <c r="G2780" s="360"/>
      <c r="H2780" s="360"/>
      <c r="I2780" s="360"/>
      <c r="J2780" s="359"/>
      <c r="K2780" s="359"/>
      <c r="L2780" s="359"/>
    </row>
    <row r="2781" spans="2:12">
      <c r="B2781" s="359"/>
      <c r="C2781" s="359"/>
      <c r="D2781" s="359"/>
      <c r="E2781" s="359"/>
      <c r="F2781" s="359" t="s">
        <v>14420</v>
      </c>
      <c r="G2781" s="359" t="s">
        <v>14421</v>
      </c>
      <c r="H2781" s="359" t="s">
        <v>14332</v>
      </c>
      <c r="I2781" s="359" t="s">
        <v>14421</v>
      </c>
      <c r="J2781" s="359"/>
      <c r="K2781" s="359"/>
      <c r="L2781" s="359"/>
    </row>
    <row r="2782" spans="2:12">
      <c r="B2782" s="359"/>
      <c r="C2782" s="359"/>
      <c r="D2782" s="359"/>
      <c r="E2782" s="359"/>
      <c r="F2782" s="360"/>
      <c r="G2782" s="360"/>
      <c r="H2782" s="360"/>
      <c r="I2782" s="360"/>
      <c r="J2782" s="359"/>
      <c r="K2782" s="359"/>
      <c r="L2782" s="359"/>
    </row>
    <row r="2783" spans="2:12">
      <c r="B2783" s="359"/>
      <c r="C2783" s="359"/>
      <c r="D2783" s="359"/>
      <c r="E2783" s="359"/>
      <c r="F2783" s="359" t="s">
        <v>14420</v>
      </c>
      <c r="G2783" s="359" t="s">
        <v>14429</v>
      </c>
      <c r="H2783" s="360"/>
      <c r="I2783" s="359" t="s">
        <v>14429</v>
      </c>
      <c r="J2783" s="359"/>
      <c r="K2783" s="359"/>
      <c r="L2783" s="359"/>
    </row>
    <row r="2784" spans="2:12">
      <c r="B2784" s="359"/>
      <c r="C2784" s="359"/>
      <c r="D2784" s="359"/>
      <c r="E2784" s="359"/>
      <c r="F2784" s="360"/>
      <c r="G2784" s="360"/>
      <c r="H2784" s="360"/>
      <c r="I2784" s="360"/>
      <c r="J2784" s="359"/>
      <c r="K2784" s="359"/>
      <c r="L2784" s="359"/>
    </row>
    <row r="2785" spans="2:12">
      <c r="B2785" s="361"/>
      <c r="C2785" s="361"/>
      <c r="D2785" s="361"/>
      <c r="E2785" s="361"/>
      <c r="F2785" s="361" t="s">
        <v>14460</v>
      </c>
      <c r="G2785" s="361" t="s">
        <v>14461</v>
      </c>
      <c r="H2785" s="362"/>
      <c r="I2785" s="361" t="s">
        <v>14461</v>
      </c>
      <c r="J2785" s="361"/>
      <c r="K2785" s="361"/>
      <c r="L2785" s="361"/>
    </row>
    <row r="2786" spans="2:12" ht="28.5">
      <c r="B2786" s="358" t="s">
        <v>15894</v>
      </c>
      <c r="C2786" s="358" t="s">
        <v>15895</v>
      </c>
      <c r="D2786" s="358" t="s">
        <v>15896</v>
      </c>
      <c r="E2786" s="358" t="s">
        <v>15897</v>
      </c>
      <c r="F2786" s="358" t="s">
        <v>14420</v>
      </c>
      <c r="G2786" s="358" t="s">
        <v>14429</v>
      </c>
      <c r="H2786" s="358" t="s">
        <v>14367</v>
      </c>
      <c r="I2786" s="358" t="s">
        <v>14429</v>
      </c>
      <c r="J2786" s="358"/>
      <c r="K2786" s="358"/>
      <c r="L2786" s="358"/>
    </row>
    <row r="2787" spans="2:12">
      <c r="B2787" s="359"/>
      <c r="C2787" s="360"/>
      <c r="D2787" s="359"/>
      <c r="E2787" s="360"/>
      <c r="F2787" s="360"/>
      <c r="G2787" s="360"/>
      <c r="H2787" s="360"/>
      <c r="I2787" s="360"/>
      <c r="J2787" s="359"/>
      <c r="K2787" s="359"/>
      <c r="L2787" s="359"/>
    </row>
    <row r="2788" spans="2:12" ht="28.5">
      <c r="B2788" s="359"/>
      <c r="C2788" s="359" t="s">
        <v>15898</v>
      </c>
      <c r="D2788" s="359"/>
      <c r="E2788" s="359" t="s">
        <v>15899</v>
      </c>
      <c r="F2788" s="359" t="s">
        <v>14391</v>
      </c>
      <c r="G2788" s="359" t="s">
        <v>14392</v>
      </c>
      <c r="H2788" s="359" t="s">
        <v>14370</v>
      </c>
      <c r="I2788" s="359" t="s">
        <v>14392</v>
      </c>
      <c r="J2788" s="359"/>
      <c r="K2788" s="359"/>
      <c r="L2788" s="359"/>
    </row>
    <row r="2789" spans="2:12">
      <c r="B2789" s="359"/>
      <c r="C2789" s="360"/>
      <c r="D2789" s="359"/>
      <c r="E2789" s="360"/>
      <c r="F2789" s="360"/>
      <c r="G2789" s="360"/>
      <c r="H2789" s="360"/>
      <c r="I2789" s="360"/>
      <c r="J2789" s="359"/>
      <c r="K2789" s="359"/>
      <c r="L2789" s="359"/>
    </row>
    <row r="2790" spans="2:12" ht="28.5">
      <c r="B2790" s="359"/>
      <c r="C2790" s="359" t="s">
        <v>27476</v>
      </c>
      <c r="D2790" s="359"/>
      <c r="E2790" s="360"/>
      <c r="F2790" s="359" t="s">
        <v>14371</v>
      </c>
      <c r="G2790" s="359" t="s">
        <v>14372</v>
      </c>
      <c r="H2790" s="359" t="s">
        <v>14422</v>
      </c>
      <c r="I2790" s="359" t="s">
        <v>14373</v>
      </c>
      <c r="J2790" s="359"/>
      <c r="K2790" s="359"/>
      <c r="L2790" s="359"/>
    </row>
    <row r="2791" spans="2:12">
      <c r="B2791" s="359"/>
      <c r="C2791" s="360"/>
      <c r="D2791" s="359"/>
      <c r="E2791" s="360"/>
      <c r="F2791" s="360"/>
      <c r="G2791" s="360"/>
      <c r="H2791" s="360"/>
      <c r="I2791" s="360"/>
      <c r="J2791" s="359"/>
      <c r="K2791" s="359"/>
      <c r="L2791" s="359"/>
    </row>
    <row r="2792" spans="2:12" ht="28.5">
      <c r="B2792" s="361"/>
      <c r="C2792" s="362"/>
      <c r="D2792" s="361"/>
      <c r="E2792" s="362"/>
      <c r="F2792" s="361" t="s">
        <v>14374</v>
      </c>
      <c r="G2792" s="361" t="s">
        <v>14373</v>
      </c>
      <c r="H2792" s="362"/>
      <c r="I2792" s="362"/>
      <c r="J2792" s="361"/>
      <c r="K2792" s="361"/>
      <c r="L2792" s="361"/>
    </row>
    <row r="2793" spans="2:12" ht="28.5">
      <c r="B2793" s="358" t="s">
        <v>15900</v>
      </c>
      <c r="C2793" s="358" t="s">
        <v>15901</v>
      </c>
      <c r="D2793" s="358" t="s">
        <v>15902</v>
      </c>
      <c r="E2793" s="358" t="s">
        <v>15903</v>
      </c>
      <c r="F2793" s="358" t="s">
        <v>14420</v>
      </c>
      <c r="G2793" s="358" t="s">
        <v>14429</v>
      </c>
      <c r="H2793" s="358" t="s">
        <v>14341</v>
      </c>
      <c r="I2793" s="358" t="s">
        <v>14429</v>
      </c>
      <c r="J2793" s="358"/>
      <c r="K2793" s="358"/>
      <c r="L2793" s="358"/>
    </row>
    <row r="2794" spans="2:12">
      <c r="B2794" s="359"/>
      <c r="C2794" s="360"/>
      <c r="D2794" s="360"/>
      <c r="E2794" s="360"/>
      <c r="F2794" s="360"/>
      <c r="G2794" s="360"/>
      <c r="H2794" s="360"/>
      <c r="I2794" s="360"/>
      <c r="J2794" s="359"/>
      <c r="K2794" s="359"/>
      <c r="L2794" s="359"/>
    </row>
    <row r="2795" spans="2:12" ht="28.5">
      <c r="B2795" s="359"/>
      <c r="C2795" s="359" t="s">
        <v>15904</v>
      </c>
      <c r="D2795" s="359" t="s">
        <v>28646</v>
      </c>
      <c r="E2795" s="359" t="s">
        <v>15905</v>
      </c>
      <c r="F2795" s="359" t="s">
        <v>14339</v>
      </c>
      <c r="G2795" s="359" t="s">
        <v>14340</v>
      </c>
      <c r="H2795" s="359" t="s">
        <v>14367</v>
      </c>
      <c r="I2795" s="359" t="s">
        <v>14340</v>
      </c>
      <c r="J2795" s="359"/>
      <c r="K2795" s="359"/>
      <c r="L2795" s="359"/>
    </row>
    <row r="2796" spans="2:12">
      <c r="B2796" s="359"/>
      <c r="C2796" s="360"/>
      <c r="D2796" s="360"/>
      <c r="E2796" s="360"/>
      <c r="F2796" s="360"/>
      <c r="G2796" s="360"/>
      <c r="H2796" s="360"/>
      <c r="I2796" s="360"/>
      <c r="J2796" s="359"/>
      <c r="K2796" s="359"/>
      <c r="L2796" s="359"/>
    </row>
    <row r="2797" spans="2:12">
      <c r="B2797" s="361"/>
      <c r="C2797" s="362"/>
      <c r="D2797" s="362"/>
      <c r="E2797" s="362"/>
      <c r="F2797" s="362"/>
      <c r="G2797" s="362"/>
      <c r="H2797" s="361" t="s">
        <v>14332</v>
      </c>
      <c r="I2797" s="362"/>
      <c r="J2797" s="361"/>
      <c r="K2797" s="361"/>
      <c r="L2797" s="361"/>
    </row>
    <row r="2798" spans="2:12" ht="28.5">
      <c r="B2798" s="358" t="s">
        <v>15906</v>
      </c>
      <c r="C2798" s="358" t="s">
        <v>15907</v>
      </c>
      <c r="D2798" s="358" t="s">
        <v>15908</v>
      </c>
      <c r="E2798" s="358" t="s">
        <v>15909</v>
      </c>
      <c r="F2798" s="358" t="s">
        <v>14472</v>
      </c>
      <c r="G2798" s="358" t="s">
        <v>14473</v>
      </c>
      <c r="H2798" s="358" t="s">
        <v>8356</v>
      </c>
      <c r="I2798" s="358" t="s">
        <v>14473</v>
      </c>
      <c r="J2798" s="358"/>
      <c r="K2798" s="358"/>
      <c r="L2798" s="358"/>
    </row>
    <row r="2799" spans="2:12">
      <c r="B2799" s="361"/>
      <c r="C2799" s="361"/>
      <c r="D2799" s="361"/>
      <c r="E2799" s="361"/>
      <c r="F2799" s="361"/>
      <c r="G2799" s="361"/>
      <c r="H2799" s="361"/>
      <c r="I2799" s="361"/>
      <c r="J2799" s="361"/>
      <c r="K2799" s="361"/>
      <c r="L2799" s="361"/>
    </row>
    <row r="2800" spans="2:12">
      <c r="B2800" s="358" t="s">
        <v>15910</v>
      </c>
      <c r="C2800" s="358" t="s">
        <v>15911</v>
      </c>
      <c r="D2800" s="358" t="s">
        <v>15912</v>
      </c>
      <c r="E2800" s="358" t="s">
        <v>15913</v>
      </c>
      <c r="F2800" s="358" t="s">
        <v>14420</v>
      </c>
      <c r="G2800" s="358" t="s">
        <v>14429</v>
      </c>
      <c r="H2800" s="358" t="s">
        <v>14381</v>
      </c>
      <c r="I2800" s="358" t="s">
        <v>14429</v>
      </c>
      <c r="J2800" s="358"/>
      <c r="K2800" s="358"/>
      <c r="L2800" s="358"/>
    </row>
    <row r="2801" spans="2:12">
      <c r="B2801" s="359"/>
      <c r="C2801" s="359"/>
      <c r="D2801" s="359"/>
      <c r="E2801" s="359"/>
      <c r="F2801" s="360"/>
      <c r="G2801" s="360"/>
      <c r="H2801" s="360"/>
      <c r="I2801" s="360"/>
      <c r="J2801" s="359"/>
      <c r="K2801" s="359"/>
      <c r="L2801" s="359"/>
    </row>
    <row r="2802" spans="2:12">
      <c r="B2802" s="359"/>
      <c r="C2802" s="359"/>
      <c r="D2802" s="359"/>
      <c r="E2802" s="359"/>
      <c r="F2802" s="359" t="s">
        <v>14460</v>
      </c>
      <c r="G2802" s="359" t="s">
        <v>14519</v>
      </c>
      <c r="H2802" s="359" t="s">
        <v>14341</v>
      </c>
      <c r="I2802" s="359" t="s">
        <v>14519</v>
      </c>
      <c r="J2802" s="359"/>
      <c r="K2802" s="359"/>
      <c r="L2802" s="359"/>
    </row>
    <row r="2803" spans="2:12">
      <c r="B2803" s="359"/>
      <c r="C2803" s="359"/>
      <c r="D2803" s="359"/>
      <c r="E2803" s="359"/>
      <c r="F2803" s="360"/>
      <c r="G2803" s="360"/>
      <c r="H2803" s="360"/>
      <c r="I2803" s="360"/>
      <c r="J2803" s="359"/>
      <c r="K2803" s="359"/>
      <c r="L2803" s="359"/>
    </row>
    <row r="2804" spans="2:12">
      <c r="B2804" s="359"/>
      <c r="C2804" s="359"/>
      <c r="D2804" s="359"/>
      <c r="E2804" s="359"/>
      <c r="F2804" s="359" t="s">
        <v>14356</v>
      </c>
      <c r="G2804" s="359" t="s">
        <v>14340</v>
      </c>
      <c r="H2804" s="359" t="s">
        <v>14367</v>
      </c>
      <c r="I2804" s="359" t="s">
        <v>14340</v>
      </c>
      <c r="J2804" s="359"/>
      <c r="K2804" s="359"/>
      <c r="L2804" s="359"/>
    </row>
    <row r="2805" spans="2:12">
      <c r="B2805" s="359"/>
      <c r="C2805" s="359"/>
      <c r="D2805" s="359"/>
      <c r="E2805" s="359"/>
      <c r="F2805" s="360"/>
      <c r="G2805" s="360"/>
      <c r="H2805" s="360"/>
      <c r="I2805" s="360"/>
      <c r="J2805" s="359"/>
      <c r="K2805" s="359"/>
      <c r="L2805" s="359"/>
    </row>
    <row r="2806" spans="2:12">
      <c r="B2806" s="361"/>
      <c r="C2806" s="361"/>
      <c r="D2806" s="361"/>
      <c r="E2806" s="361"/>
      <c r="F2806" s="361" t="s">
        <v>14391</v>
      </c>
      <c r="G2806" s="361" t="s">
        <v>14392</v>
      </c>
      <c r="H2806" s="361" t="s">
        <v>14332</v>
      </c>
      <c r="I2806" s="361" t="s">
        <v>14392</v>
      </c>
      <c r="J2806" s="361"/>
      <c r="K2806" s="361"/>
      <c r="L2806" s="361"/>
    </row>
    <row r="2807" spans="2:12">
      <c r="B2807" s="358" t="s">
        <v>15914</v>
      </c>
      <c r="C2807" s="358" t="s">
        <v>15915</v>
      </c>
      <c r="D2807" s="358" t="s">
        <v>15916</v>
      </c>
      <c r="E2807" s="358" t="s">
        <v>15917</v>
      </c>
      <c r="F2807" s="358" t="s">
        <v>14386</v>
      </c>
      <c r="G2807" s="358" t="s">
        <v>14387</v>
      </c>
      <c r="H2807" s="358" t="s">
        <v>14367</v>
      </c>
      <c r="I2807" s="358" t="s">
        <v>14387</v>
      </c>
      <c r="J2807" s="358"/>
      <c r="K2807" s="358"/>
      <c r="L2807" s="358"/>
    </row>
    <row r="2808" spans="2:12">
      <c r="B2808" s="359"/>
      <c r="C2808" s="359"/>
      <c r="D2808" s="359"/>
      <c r="E2808" s="359"/>
      <c r="F2808" s="360"/>
      <c r="G2808" s="360"/>
      <c r="H2808" s="360"/>
      <c r="I2808" s="360"/>
      <c r="J2808" s="359"/>
      <c r="K2808" s="359"/>
      <c r="L2808" s="359"/>
    </row>
    <row r="2809" spans="2:12">
      <c r="B2809" s="359"/>
      <c r="C2809" s="359"/>
      <c r="D2809" s="359"/>
      <c r="E2809" s="359"/>
      <c r="F2809" s="359" t="s">
        <v>14391</v>
      </c>
      <c r="G2809" s="359" t="s">
        <v>14392</v>
      </c>
      <c r="H2809" s="359" t="s">
        <v>14422</v>
      </c>
      <c r="I2809" s="359" t="s">
        <v>14392</v>
      </c>
      <c r="J2809" s="359"/>
      <c r="K2809" s="359"/>
      <c r="L2809" s="359"/>
    </row>
    <row r="2810" spans="2:12">
      <c r="B2810" s="359"/>
      <c r="C2810" s="359"/>
      <c r="D2810" s="359"/>
      <c r="E2810" s="359"/>
      <c r="F2810" s="360"/>
      <c r="G2810" s="360"/>
      <c r="H2810" s="360"/>
      <c r="I2810" s="360"/>
      <c r="J2810" s="359"/>
      <c r="K2810" s="359"/>
      <c r="L2810" s="359"/>
    </row>
    <row r="2811" spans="2:12" ht="28.5">
      <c r="B2811" s="361"/>
      <c r="C2811" s="361"/>
      <c r="D2811" s="361"/>
      <c r="E2811" s="361"/>
      <c r="F2811" s="361" t="s">
        <v>14472</v>
      </c>
      <c r="G2811" s="361" t="s">
        <v>14473</v>
      </c>
      <c r="H2811" s="362"/>
      <c r="I2811" s="361" t="s">
        <v>14473</v>
      </c>
      <c r="J2811" s="361"/>
      <c r="K2811" s="361"/>
      <c r="L2811" s="361"/>
    </row>
    <row r="2812" spans="2:12">
      <c r="B2812" s="358" t="s">
        <v>15918</v>
      </c>
      <c r="C2812" s="358" t="s">
        <v>15919</v>
      </c>
      <c r="D2812" s="358" t="s">
        <v>15920</v>
      </c>
      <c r="E2812" s="358" t="s">
        <v>15921</v>
      </c>
      <c r="F2812" s="358" t="s">
        <v>14420</v>
      </c>
      <c r="G2812" s="358" t="s">
        <v>14429</v>
      </c>
      <c r="H2812" s="358" t="s">
        <v>14341</v>
      </c>
      <c r="I2812" s="358" t="s">
        <v>14429</v>
      </c>
      <c r="J2812" s="358"/>
      <c r="K2812" s="358"/>
      <c r="L2812" s="358"/>
    </row>
    <row r="2813" spans="2:12">
      <c r="B2813" s="359"/>
      <c r="C2813" s="359"/>
      <c r="D2813" s="359"/>
      <c r="E2813" s="359"/>
      <c r="F2813" s="360"/>
      <c r="G2813" s="360"/>
      <c r="H2813" s="360"/>
      <c r="I2813" s="360"/>
      <c r="J2813" s="359"/>
      <c r="K2813" s="359"/>
      <c r="L2813" s="359"/>
    </row>
    <row r="2814" spans="2:12">
      <c r="B2814" s="359"/>
      <c r="C2814" s="359"/>
      <c r="D2814" s="359"/>
      <c r="E2814" s="359"/>
      <c r="F2814" s="359" t="s">
        <v>14430</v>
      </c>
      <c r="G2814" s="359" t="s">
        <v>14431</v>
      </c>
      <c r="H2814" s="359" t="s">
        <v>14367</v>
      </c>
      <c r="I2814" s="359" t="s">
        <v>14431</v>
      </c>
      <c r="J2814" s="359"/>
      <c r="K2814" s="359"/>
      <c r="L2814" s="359"/>
    </row>
    <row r="2815" spans="2:12">
      <c r="B2815" s="359"/>
      <c r="C2815" s="359"/>
      <c r="D2815" s="359"/>
      <c r="E2815" s="359"/>
      <c r="F2815" s="360"/>
      <c r="G2815" s="360"/>
      <c r="H2815" s="360"/>
      <c r="I2815" s="360"/>
      <c r="J2815" s="359"/>
      <c r="K2815" s="359"/>
      <c r="L2815" s="359"/>
    </row>
    <row r="2816" spans="2:12">
      <c r="B2816" s="359"/>
      <c r="C2816" s="359"/>
      <c r="D2816" s="359"/>
      <c r="E2816" s="359"/>
      <c r="F2816" s="359" t="s">
        <v>14391</v>
      </c>
      <c r="G2816" s="359" t="s">
        <v>14392</v>
      </c>
      <c r="H2816" s="359" t="s">
        <v>14370</v>
      </c>
      <c r="I2816" s="359" t="s">
        <v>14392</v>
      </c>
      <c r="J2816" s="359"/>
      <c r="K2816" s="359"/>
      <c r="L2816" s="359"/>
    </row>
    <row r="2817" spans="2:12">
      <c r="B2817" s="359"/>
      <c r="C2817" s="359"/>
      <c r="D2817" s="359"/>
      <c r="E2817" s="359"/>
      <c r="F2817" s="360"/>
      <c r="G2817" s="360"/>
      <c r="H2817" s="360"/>
      <c r="I2817" s="360"/>
      <c r="J2817" s="359"/>
      <c r="K2817" s="359"/>
      <c r="L2817" s="359"/>
    </row>
    <row r="2818" spans="2:12" ht="28.5">
      <c r="B2818" s="361"/>
      <c r="C2818" s="361"/>
      <c r="D2818" s="361"/>
      <c r="E2818" s="361"/>
      <c r="F2818" s="361" t="s">
        <v>14394</v>
      </c>
      <c r="G2818" s="361" t="s">
        <v>14395</v>
      </c>
      <c r="H2818" s="361" t="s">
        <v>14332</v>
      </c>
      <c r="I2818" s="361" t="s">
        <v>14395</v>
      </c>
      <c r="J2818" s="361"/>
      <c r="K2818" s="361"/>
      <c r="L2818" s="361"/>
    </row>
    <row r="2819" spans="2:12" ht="28.5">
      <c r="B2819" s="358" t="s">
        <v>15922</v>
      </c>
      <c r="C2819" s="358" t="s">
        <v>15923</v>
      </c>
      <c r="D2819" s="358" t="s">
        <v>15924</v>
      </c>
      <c r="E2819" s="358" t="s">
        <v>8356</v>
      </c>
      <c r="F2819" s="358" t="s">
        <v>14420</v>
      </c>
      <c r="G2819" s="358" t="s">
        <v>14459</v>
      </c>
      <c r="H2819" s="358" t="s">
        <v>14381</v>
      </c>
      <c r="I2819" s="358" t="s">
        <v>14459</v>
      </c>
      <c r="J2819" s="358"/>
      <c r="K2819" s="358"/>
      <c r="L2819" s="358"/>
    </row>
    <row r="2820" spans="2:12">
      <c r="B2820" s="359"/>
      <c r="C2820" s="359"/>
      <c r="D2820" s="359"/>
      <c r="E2820" s="359"/>
      <c r="F2820" s="360"/>
      <c r="G2820" s="360"/>
      <c r="H2820" s="360"/>
      <c r="I2820" s="360"/>
      <c r="J2820" s="359"/>
      <c r="K2820" s="359"/>
      <c r="L2820" s="359"/>
    </row>
    <row r="2821" spans="2:12">
      <c r="B2821" s="359"/>
      <c r="C2821" s="359"/>
      <c r="D2821" s="359"/>
      <c r="E2821" s="359"/>
      <c r="F2821" s="359" t="s">
        <v>14460</v>
      </c>
      <c r="G2821" s="359" t="s">
        <v>14519</v>
      </c>
      <c r="H2821" s="359" t="s">
        <v>14341</v>
      </c>
      <c r="I2821" s="359" t="s">
        <v>14519</v>
      </c>
      <c r="J2821" s="359"/>
      <c r="K2821" s="359"/>
      <c r="L2821" s="359"/>
    </row>
    <row r="2822" spans="2:12">
      <c r="B2822" s="359"/>
      <c r="C2822" s="359"/>
      <c r="D2822" s="359"/>
      <c r="E2822" s="359"/>
      <c r="F2822" s="360"/>
      <c r="G2822" s="360"/>
      <c r="H2822" s="360"/>
      <c r="I2822" s="360"/>
      <c r="J2822" s="359"/>
      <c r="K2822" s="359"/>
      <c r="L2822" s="359"/>
    </row>
    <row r="2823" spans="2:12">
      <c r="B2823" s="359"/>
      <c r="C2823" s="359"/>
      <c r="D2823" s="359"/>
      <c r="E2823" s="359"/>
      <c r="F2823" s="359" t="s">
        <v>14430</v>
      </c>
      <c r="G2823" s="359" t="s">
        <v>14431</v>
      </c>
      <c r="H2823" s="359" t="s">
        <v>14367</v>
      </c>
      <c r="I2823" s="359" t="s">
        <v>14431</v>
      </c>
      <c r="J2823" s="359"/>
      <c r="K2823" s="359"/>
      <c r="L2823" s="359"/>
    </row>
    <row r="2824" spans="2:12">
      <c r="B2824" s="359"/>
      <c r="C2824" s="359"/>
      <c r="D2824" s="359"/>
      <c r="E2824" s="359"/>
      <c r="F2824" s="360"/>
      <c r="G2824" s="360"/>
      <c r="H2824" s="360"/>
      <c r="I2824" s="360"/>
      <c r="J2824" s="359"/>
      <c r="K2824" s="359"/>
      <c r="L2824" s="359"/>
    </row>
    <row r="2825" spans="2:12" ht="28.5">
      <c r="B2825" s="359"/>
      <c r="C2825" s="359"/>
      <c r="D2825" s="359"/>
      <c r="E2825" s="359"/>
      <c r="F2825" s="359" t="s">
        <v>14394</v>
      </c>
      <c r="G2825" s="359" t="s">
        <v>14395</v>
      </c>
      <c r="H2825" s="359" t="s">
        <v>14370</v>
      </c>
      <c r="I2825" s="359" t="s">
        <v>14395</v>
      </c>
      <c r="J2825" s="359"/>
      <c r="K2825" s="359"/>
      <c r="L2825" s="359"/>
    </row>
    <row r="2826" spans="2:12">
      <c r="B2826" s="359"/>
      <c r="C2826" s="359"/>
      <c r="D2826" s="359"/>
      <c r="E2826" s="359"/>
      <c r="F2826" s="360"/>
      <c r="G2826" s="360"/>
      <c r="H2826" s="360"/>
      <c r="I2826" s="360"/>
      <c r="J2826" s="359"/>
      <c r="K2826" s="359"/>
      <c r="L2826" s="359"/>
    </row>
    <row r="2827" spans="2:12">
      <c r="B2827" s="361"/>
      <c r="C2827" s="361"/>
      <c r="D2827" s="361"/>
      <c r="E2827" s="361"/>
      <c r="F2827" s="362"/>
      <c r="G2827" s="362"/>
      <c r="H2827" s="361" t="s">
        <v>14332</v>
      </c>
      <c r="I2827" s="362"/>
      <c r="J2827" s="361"/>
      <c r="K2827" s="361"/>
      <c r="L2827" s="361"/>
    </row>
    <row r="2828" spans="2:12" ht="28.5">
      <c r="B2828" s="358" t="s">
        <v>15925</v>
      </c>
      <c r="C2828" s="358" t="s">
        <v>15926</v>
      </c>
      <c r="D2828" s="358" t="s">
        <v>15927</v>
      </c>
      <c r="E2828" s="358" t="s">
        <v>15928</v>
      </c>
      <c r="F2828" s="358" t="s">
        <v>14391</v>
      </c>
      <c r="G2828" s="358" t="s">
        <v>14392</v>
      </c>
      <c r="H2828" s="358" t="s">
        <v>14367</v>
      </c>
      <c r="I2828" s="358" t="s">
        <v>14392</v>
      </c>
      <c r="J2828" s="358"/>
      <c r="K2828" s="358"/>
      <c r="L2828" s="358"/>
    </row>
    <row r="2829" spans="2:12">
      <c r="B2829" s="359"/>
      <c r="C2829" s="359"/>
      <c r="D2829" s="359"/>
      <c r="E2829" s="359"/>
      <c r="F2829" s="360"/>
      <c r="G2829" s="360"/>
      <c r="H2829" s="360"/>
      <c r="I2829" s="360"/>
      <c r="J2829" s="359"/>
      <c r="K2829" s="359"/>
      <c r="L2829" s="359"/>
    </row>
    <row r="2830" spans="2:12">
      <c r="B2830" s="359"/>
      <c r="C2830" s="359"/>
      <c r="D2830" s="359"/>
      <c r="E2830" s="359"/>
      <c r="F2830" s="359" t="s">
        <v>14371</v>
      </c>
      <c r="G2830" s="359" t="s">
        <v>14372</v>
      </c>
      <c r="H2830" s="359" t="s">
        <v>14370</v>
      </c>
      <c r="I2830" s="359" t="s">
        <v>14373</v>
      </c>
      <c r="J2830" s="359"/>
      <c r="K2830" s="359"/>
      <c r="L2830" s="359"/>
    </row>
    <row r="2831" spans="2:12">
      <c r="B2831" s="359"/>
      <c r="C2831" s="359"/>
      <c r="D2831" s="359"/>
      <c r="E2831" s="359"/>
      <c r="F2831" s="360"/>
      <c r="G2831" s="360"/>
      <c r="H2831" s="360"/>
      <c r="I2831" s="360"/>
      <c r="J2831" s="359"/>
      <c r="K2831" s="359"/>
      <c r="L2831" s="359"/>
    </row>
    <row r="2832" spans="2:12" ht="28.5">
      <c r="B2832" s="361"/>
      <c r="C2832" s="361"/>
      <c r="D2832" s="361"/>
      <c r="E2832" s="361"/>
      <c r="F2832" s="361" t="s">
        <v>14374</v>
      </c>
      <c r="G2832" s="361" t="s">
        <v>14373</v>
      </c>
      <c r="H2832" s="361" t="s">
        <v>14422</v>
      </c>
      <c r="I2832" s="362"/>
      <c r="J2832" s="361"/>
      <c r="K2832" s="361"/>
      <c r="L2832" s="361"/>
    </row>
    <row r="2833" spans="2:12" ht="28.5">
      <c r="B2833" s="358" t="s">
        <v>15929</v>
      </c>
      <c r="C2833" s="358" t="s">
        <v>30077</v>
      </c>
      <c r="D2833" s="358" t="s">
        <v>15930</v>
      </c>
      <c r="E2833" s="358" t="s">
        <v>15931</v>
      </c>
      <c r="F2833" s="358" t="s">
        <v>14472</v>
      </c>
      <c r="G2833" s="358" t="s">
        <v>14473</v>
      </c>
      <c r="H2833" s="358" t="s">
        <v>8356</v>
      </c>
      <c r="I2833" s="358" t="s">
        <v>14473</v>
      </c>
      <c r="J2833" s="358"/>
      <c r="K2833" s="358"/>
      <c r="L2833" s="358"/>
    </row>
    <row r="2834" spans="2:12">
      <c r="B2834" s="361"/>
      <c r="C2834" s="361"/>
      <c r="D2834" s="361"/>
      <c r="E2834" s="361"/>
      <c r="F2834" s="361"/>
      <c r="G2834" s="361"/>
      <c r="H2834" s="361"/>
      <c r="I2834" s="361"/>
      <c r="J2834" s="361"/>
      <c r="K2834" s="361"/>
      <c r="L2834" s="361"/>
    </row>
    <row r="2835" spans="2:12" ht="57">
      <c r="B2835" s="358" t="s">
        <v>15932</v>
      </c>
      <c r="C2835" s="358" t="s">
        <v>30078</v>
      </c>
      <c r="D2835" s="358" t="s">
        <v>15933</v>
      </c>
      <c r="E2835" s="358" t="s">
        <v>8356</v>
      </c>
      <c r="F2835" s="358" t="s">
        <v>14430</v>
      </c>
      <c r="G2835" s="358" t="s">
        <v>14431</v>
      </c>
      <c r="H2835" s="358" t="s">
        <v>14341</v>
      </c>
      <c r="I2835" s="358" t="s">
        <v>14431</v>
      </c>
      <c r="J2835" s="358"/>
      <c r="K2835" s="358"/>
      <c r="L2835" s="358"/>
    </row>
    <row r="2836" spans="2:12">
      <c r="B2836" s="359"/>
      <c r="C2836" s="359"/>
      <c r="D2836" s="359"/>
      <c r="E2836" s="359"/>
      <c r="F2836" s="360"/>
      <c r="G2836" s="360"/>
      <c r="H2836" s="360"/>
      <c r="I2836" s="360"/>
      <c r="J2836" s="359"/>
      <c r="K2836" s="359"/>
      <c r="L2836" s="359"/>
    </row>
    <row r="2837" spans="2:12">
      <c r="B2837" s="359"/>
      <c r="C2837" s="359"/>
      <c r="D2837" s="359"/>
      <c r="E2837" s="359"/>
      <c r="F2837" s="359" t="s">
        <v>14371</v>
      </c>
      <c r="G2837" s="359" t="s">
        <v>14372</v>
      </c>
      <c r="H2837" s="359" t="s">
        <v>14370</v>
      </c>
      <c r="I2837" s="359" t="s">
        <v>14373</v>
      </c>
      <c r="J2837" s="359"/>
      <c r="K2837" s="359"/>
      <c r="L2837" s="359"/>
    </row>
    <row r="2838" spans="2:12">
      <c r="B2838" s="359"/>
      <c r="C2838" s="359"/>
      <c r="D2838" s="359"/>
      <c r="E2838" s="359"/>
      <c r="F2838" s="360"/>
      <c r="G2838" s="360"/>
      <c r="H2838" s="360"/>
      <c r="I2838" s="360"/>
      <c r="J2838" s="359"/>
      <c r="K2838" s="359"/>
      <c r="L2838" s="359"/>
    </row>
    <row r="2839" spans="2:12" ht="28.5">
      <c r="B2839" s="361"/>
      <c r="C2839" s="361"/>
      <c r="D2839" s="361"/>
      <c r="E2839" s="361"/>
      <c r="F2839" s="361" t="s">
        <v>14374</v>
      </c>
      <c r="G2839" s="361" t="s">
        <v>14373</v>
      </c>
      <c r="H2839" s="361" t="s">
        <v>14332</v>
      </c>
      <c r="I2839" s="362"/>
      <c r="J2839" s="361"/>
      <c r="K2839" s="361"/>
      <c r="L2839" s="361"/>
    </row>
    <row r="2840" spans="2:12" ht="28.5">
      <c r="B2840" s="358" t="s">
        <v>15934</v>
      </c>
      <c r="C2840" s="358" t="s">
        <v>27477</v>
      </c>
      <c r="D2840" s="358" t="s">
        <v>15935</v>
      </c>
      <c r="E2840" s="358" t="s">
        <v>15936</v>
      </c>
      <c r="F2840" s="358" t="s">
        <v>14462</v>
      </c>
      <c r="G2840" s="358" t="s">
        <v>14463</v>
      </c>
      <c r="H2840" s="358" t="s">
        <v>8356</v>
      </c>
      <c r="I2840" s="358" t="s">
        <v>14463</v>
      </c>
      <c r="J2840" s="358"/>
      <c r="K2840" s="358"/>
      <c r="L2840" s="358"/>
    </row>
    <row r="2841" spans="2:12">
      <c r="B2841" s="361"/>
      <c r="C2841" s="361"/>
      <c r="D2841" s="361"/>
      <c r="E2841" s="361"/>
      <c r="F2841" s="361"/>
      <c r="G2841" s="361"/>
      <c r="H2841" s="361"/>
      <c r="I2841" s="361"/>
      <c r="J2841" s="361"/>
      <c r="K2841" s="361"/>
      <c r="L2841" s="361"/>
    </row>
    <row r="2842" spans="2:12">
      <c r="B2842" s="358" t="s">
        <v>15937</v>
      </c>
      <c r="C2842" s="358" t="s">
        <v>15938</v>
      </c>
      <c r="D2842" s="358" t="s">
        <v>15939</v>
      </c>
      <c r="E2842" s="358" t="s">
        <v>15940</v>
      </c>
      <c r="F2842" s="358" t="s">
        <v>14430</v>
      </c>
      <c r="G2842" s="358" t="s">
        <v>14431</v>
      </c>
      <c r="H2842" s="358" t="s">
        <v>14341</v>
      </c>
      <c r="I2842" s="358" t="s">
        <v>14431</v>
      </c>
      <c r="J2842" s="358"/>
      <c r="K2842" s="358"/>
      <c r="L2842" s="358"/>
    </row>
    <row r="2843" spans="2:12">
      <c r="B2843" s="359"/>
      <c r="C2843" s="359"/>
      <c r="D2843" s="359"/>
      <c r="E2843" s="359"/>
      <c r="F2843" s="359"/>
      <c r="G2843" s="359"/>
      <c r="H2843" s="360"/>
      <c r="I2843" s="359"/>
      <c r="J2843" s="359"/>
      <c r="K2843" s="359"/>
      <c r="L2843" s="359"/>
    </row>
    <row r="2844" spans="2:12">
      <c r="B2844" s="361"/>
      <c r="C2844" s="361"/>
      <c r="D2844" s="361"/>
      <c r="E2844" s="361"/>
      <c r="F2844" s="361"/>
      <c r="G2844" s="361"/>
      <c r="H2844" s="361" t="s">
        <v>14332</v>
      </c>
      <c r="I2844" s="361"/>
      <c r="J2844" s="361"/>
      <c r="K2844" s="361"/>
      <c r="L2844" s="361"/>
    </row>
    <row r="2845" spans="2:12">
      <c r="B2845" s="358" t="s">
        <v>15941</v>
      </c>
      <c r="C2845" s="358" t="s">
        <v>15942</v>
      </c>
      <c r="D2845" s="358" t="s">
        <v>8356</v>
      </c>
      <c r="E2845" s="358" t="s">
        <v>15943</v>
      </c>
      <c r="F2845" s="358" t="s">
        <v>14382</v>
      </c>
      <c r="G2845" s="358" t="s">
        <v>14483</v>
      </c>
      <c r="H2845" s="358" t="s">
        <v>14378</v>
      </c>
      <c r="I2845" s="358" t="s">
        <v>14483</v>
      </c>
      <c r="J2845" s="358" t="s">
        <v>15944</v>
      </c>
      <c r="K2845" s="358"/>
      <c r="L2845" s="358"/>
    </row>
    <row r="2846" spans="2:12">
      <c r="B2846" s="359"/>
      <c r="C2846" s="360"/>
      <c r="D2846" s="359"/>
      <c r="E2846" s="359"/>
      <c r="F2846" s="360"/>
      <c r="G2846" s="360"/>
      <c r="H2846" s="360"/>
      <c r="I2846" s="360"/>
      <c r="J2846" s="359"/>
      <c r="K2846" s="359"/>
      <c r="L2846" s="359"/>
    </row>
    <row r="2847" spans="2:12" ht="28.5">
      <c r="B2847" s="359"/>
      <c r="C2847" s="359" t="s">
        <v>27478</v>
      </c>
      <c r="D2847" s="359"/>
      <c r="E2847" s="359"/>
      <c r="F2847" s="359" t="s">
        <v>14382</v>
      </c>
      <c r="G2847" s="359" t="s">
        <v>14383</v>
      </c>
      <c r="H2847" s="359" t="s">
        <v>14370</v>
      </c>
      <c r="I2847" s="359" t="s">
        <v>14383</v>
      </c>
      <c r="J2847" s="359"/>
      <c r="K2847" s="359"/>
      <c r="L2847" s="359"/>
    </row>
    <row r="2848" spans="2:12">
      <c r="B2848" s="359"/>
      <c r="C2848" s="360"/>
      <c r="D2848" s="359"/>
      <c r="E2848" s="359"/>
      <c r="F2848" s="360"/>
      <c r="G2848" s="360"/>
      <c r="H2848" s="360"/>
      <c r="I2848" s="360"/>
      <c r="J2848" s="359"/>
      <c r="K2848" s="359"/>
      <c r="L2848" s="359"/>
    </row>
    <row r="2849" spans="2:12">
      <c r="B2849" s="359"/>
      <c r="C2849" s="360"/>
      <c r="D2849" s="359"/>
      <c r="E2849" s="359"/>
      <c r="F2849" s="359" t="s">
        <v>14420</v>
      </c>
      <c r="G2849" s="359" t="s">
        <v>14421</v>
      </c>
      <c r="H2849" s="359" t="s">
        <v>14332</v>
      </c>
      <c r="I2849" s="359" t="s">
        <v>14421</v>
      </c>
      <c r="J2849" s="359"/>
      <c r="K2849" s="359"/>
      <c r="L2849" s="359"/>
    </row>
    <row r="2850" spans="2:12">
      <c r="B2850" s="359"/>
      <c r="C2850" s="360"/>
      <c r="D2850" s="359"/>
      <c r="E2850" s="359"/>
      <c r="F2850" s="360"/>
      <c r="G2850" s="360"/>
      <c r="H2850" s="360"/>
      <c r="I2850" s="360"/>
      <c r="J2850" s="359"/>
      <c r="K2850" s="359"/>
      <c r="L2850" s="359"/>
    </row>
    <row r="2851" spans="2:12">
      <c r="B2851" s="359"/>
      <c r="C2851" s="360"/>
      <c r="D2851" s="359"/>
      <c r="E2851" s="359"/>
      <c r="F2851" s="359" t="s">
        <v>14391</v>
      </c>
      <c r="G2851" s="359" t="s">
        <v>14392</v>
      </c>
      <c r="H2851" s="360"/>
      <c r="I2851" s="359" t="s">
        <v>14392</v>
      </c>
      <c r="J2851" s="359"/>
      <c r="K2851" s="359"/>
      <c r="L2851" s="359"/>
    </row>
    <row r="2852" spans="2:12">
      <c r="B2852" s="359"/>
      <c r="C2852" s="360"/>
      <c r="D2852" s="359"/>
      <c r="E2852" s="359"/>
      <c r="F2852" s="360"/>
      <c r="G2852" s="360"/>
      <c r="H2852" s="360"/>
      <c r="I2852" s="360"/>
      <c r="J2852" s="359"/>
      <c r="K2852" s="359"/>
      <c r="L2852" s="359"/>
    </row>
    <row r="2853" spans="2:12">
      <c r="B2853" s="359"/>
      <c r="C2853" s="360"/>
      <c r="D2853" s="359"/>
      <c r="E2853" s="359"/>
      <c r="F2853" s="359" t="s">
        <v>14371</v>
      </c>
      <c r="G2853" s="359" t="s">
        <v>14372</v>
      </c>
      <c r="H2853" s="360"/>
      <c r="I2853" s="359" t="s">
        <v>14373</v>
      </c>
      <c r="J2853" s="359"/>
      <c r="K2853" s="359"/>
      <c r="L2853" s="359"/>
    </row>
    <row r="2854" spans="2:12">
      <c r="B2854" s="359"/>
      <c r="C2854" s="360"/>
      <c r="D2854" s="359"/>
      <c r="E2854" s="359"/>
      <c r="F2854" s="360"/>
      <c r="G2854" s="360"/>
      <c r="H2854" s="360"/>
      <c r="I2854" s="360"/>
      <c r="J2854" s="359"/>
      <c r="K2854" s="359"/>
      <c r="L2854" s="359"/>
    </row>
    <row r="2855" spans="2:12" ht="28.5">
      <c r="B2855" s="361"/>
      <c r="C2855" s="362"/>
      <c r="D2855" s="361"/>
      <c r="E2855" s="361"/>
      <c r="F2855" s="361" t="s">
        <v>14374</v>
      </c>
      <c r="G2855" s="361" t="s">
        <v>14373</v>
      </c>
      <c r="H2855" s="362"/>
      <c r="I2855" s="362"/>
      <c r="J2855" s="361"/>
      <c r="K2855" s="361"/>
      <c r="L2855" s="361"/>
    </row>
    <row r="2856" spans="2:12">
      <c r="B2856" s="358" t="s">
        <v>15945</v>
      </c>
      <c r="C2856" s="358" t="s">
        <v>15946</v>
      </c>
      <c r="D2856" s="358" t="s">
        <v>15947</v>
      </c>
      <c r="E2856" s="358" t="s">
        <v>8356</v>
      </c>
      <c r="F2856" s="358" t="s">
        <v>14420</v>
      </c>
      <c r="G2856" s="358" t="s">
        <v>14429</v>
      </c>
      <c r="H2856" s="358" t="s">
        <v>14381</v>
      </c>
      <c r="I2856" s="358" t="s">
        <v>14429</v>
      </c>
      <c r="J2856" s="358"/>
      <c r="K2856" s="358"/>
      <c r="L2856" s="358"/>
    </row>
    <row r="2857" spans="2:12">
      <c r="B2857" s="359"/>
      <c r="C2857" s="359"/>
      <c r="D2857" s="359"/>
      <c r="E2857" s="359"/>
      <c r="F2857" s="360"/>
      <c r="G2857" s="360"/>
      <c r="H2857" s="360"/>
      <c r="I2857" s="360"/>
      <c r="J2857" s="359"/>
      <c r="K2857" s="359"/>
      <c r="L2857" s="359"/>
    </row>
    <row r="2858" spans="2:12" ht="28.5">
      <c r="B2858" s="359"/>
      <c r="C2858" s="359"/>
      <c r="D2858" s="359"/>
      <c r="E2858" s="359"/>
      <c r="F2858" s="359" t="s">
        <v>14460</v>
      </c>
      <c r="G2858" s="359" t="s">
        <v>14519</v>
      </c>
      <c r="H2858" s="359" t="s">
        <v>14341</v>
      </c>
      <c r="I2858" s="359" t="s">
        <v>28647</v>
      </c>
      <c r="J2858" s="359"/>
      <c r="K2858" s="359"/>
      <c r="L2858" s="359"/>
    </row>
    <row r="2859" spans="2:12">
      <c r="B2859" s="359"/>
      <c r="C2859" s="359"/>
      <c r="D2859" s="359"/>
      <c r="E2859" s="359"/>
      <c r="F2859" s="360"/>
      <c r="G2859" s="360"/>
      <c r="H2859" s="360"/>
      <c r="I2859" s="360"/>
      <c r="J2859" s="359"/>
      <c r="K2859" s="359"/>
      <c r="L2859" s="359"/>
    </row>
    <row r="2860" spans="2:12">
      <c r="B2860" s="359"/>
      <c r="C2860" s="359"/>
      <c r="D2860" s="359"/>
      <c r="E2860" s="359"/>
      <c r="F2860" s="359" t="s">
        <v>14356</v>
      </c>
      <c r="G2860" s="359" t="s">
        <v>14340</v>
      </c>
      <c r="H2860" s="359" t="s">
        <v>14367</v>
      </c>
      <c r="I2860" s="359" t="s">
        <v>14392</v>
      </c>
      <c r="J2860" s="359"/>
      <c r="K2860" s="359"/>
      <c r="L2860" s="359"/>
    </row>
    <row r="2861" spans="2:12">
      <c r="B2861" s="359"/>
      <c r="C2861" s="359"/>
      <c r="D2861" s="359"/>
      <c r="E2861" s="359"/>
      <c r="F2861" s="360"/>
      <c r="G2861" s="360"/>
      <c r="H2861" s="360"/>
      <c r="I2861" s="360"/>
      <c r="J2861" s="359"/>
      <c r="K2861" s="359"/>
      <c r="L2861" s="359"/>
    </row>
    <row r="2862" spans="2:12">
      <c r="B2862" s="359"/>
      <c r="C2862" s="359"/>
      <c r="D2862" s="359"/>
      <c r="E2862" s="359"/>
      <c r="F2862" s="359" t="s">
        <v>14391</v>
      </c>
      <c r="G2862" s="359" t="s">
        <v>14392</v>
      </c>
      <c r="H2862" s="359" t="s">
        <v>14370</v>
      </c>
      <c r="I2862" s="359" t="s">
        <v>14373</v>
      </c>
      <c r="J2862" s="359"/>
      <c r="K2862" s="359"/>
      <c r="L2862" s="359"/>
    </row>
    <row r="2863" spans="2:12">
      <c r="B2863" s="359"/>
      <c r="C2863" s="359"/>
      <c r="D2863" s="359"/>
      <c r="E2863" s="359"/>
      <c r="F2863" s="360"/>
      <c r="G2863" s="360"/>
      <c r="H2863" s="360"/>
      <c r="I2863" s="360"/>
      <c r="J2863" s="359"/>
      <c r="K2863" s="359"/>
      <c r="L2863" s="359"/>
    </row>
    <row r="2864" spans="2:12">
      <c r="B2864" s="359"/>
      <c r="C2864" s="359"/>
      <c r="D2864" s="359"/>
      <c r="E2864" s="359"/>
      <c r="F2864" s="359" t="s">
        <v>14371</v>
      </c>
      <c r="G2864" s="359" t="s">
        <v>14372</v>
      </c>
      <c r="H2864" s="359" t="s">
        <v>14332</v>
      </c>
      <c r="I2864" s="360"/>
      <c r="J2864" s="359"/>
      <c r="K2864" s="359"/>
      <c r="L2864" s="359"/>
    </row>
    <row r="2865" spans="2:12">
      <c r="B2865" s="359"/>
      <c r="C2865" s="359"/>
      <c r="D2865" s="359"/>
      <c r="E2865" s="359"/>
      <c r="F2865" s="360"/>
      <c r="G2865" s="360"/>
      <c r="H2865" s="360"/>
      <c r="I2865" s="360"/>
      <c r="J2865" s="359"/>
      <c r="K2865" s="359"/>
      <c r="L2865" s="359"/>
    </row>
    <row r="2866" spans="2:12" ht="28.5">
      <c r="B2866" s="361"/>
      <c r="C2866" s="361"/>
      <c r="D2866" s="361"/>
      <c r="E2866" s="361"/>
      <c r="F2866" s="361" t="s">
        <v>14374</v>
      </c>
      <c r="G2866" s="361" t="s">
        <v>14373</v>
      </c>
      <c r="H2866" s="362"/>
      <c r="I2866" s="362"/>
      <c r="J2866" s="361"/>
      <c r="K2866" s="361"/>
      <c r="L2866" s="361"/>
    </row>
    <row r="2867" spans="2:12" ht="57">
      <c r="B2867" s="358" t="s">
        <v>15948</v>
      </c>
      <c r="C2867" s="358" t="s">
        <v>30079</v>
      </c>
      <c r="D2867" s="358" t="s">
        <v>15949</v>
      </c>
      <c r="E2867" s="358" t="s">
        <v>8356</v>
      </c>
      <c r="F2867" s="358" t="s">
        <v>14420</v>
      </c>
      <c r="G2867" s="358" t="s">
        <v>14421</v>
      </c>
      <c r="H2867" s="358" t="s">
        <v>14341</v>
      </c>
      <c r="I2867" s="358" t="s">
        <v>14421</v>
      </c>
      <c r="J2867" s="358"/>
      <c r="K2867" s="358"/>
      <c r="L2867" s="358"/>
    </row>
    <row r="2868" spans="2:12">
      <c r="B2868" s="359"/>
      <c r="C2868" s="359"/>
      <c r="D2868" s="359"/>
      <c r="E2868" s="359"/>
      <c r="F2868" s="360"/>
      <c r="G2868" s="360"/>
      <c r="H2868" s="360"/>
      <c r="I2868" s="360"/>
      <c r="J2868" s="359"/>
      <c r="K2868" s="359"/>
      <c r="L2868" s="359"/>
    </row>
    <row r="2869" spans="2:12">
      <c r="B2869" s="359"/>
      <c r="C2869" s="359"/>
      <c r="D2869" s="359"/>
      <c r="E2869" s="359"/>
      <c r="F2869" s="359" t="s">
        <v>14420</v>
      </c>
      <c r="G2869" s="359" t="s">
        <v>14429</v>
      </c>
      <c r="H2869" s="359" t="s">
        <v>14367</v>
      </c>
      <c r="I2869" s="359" t="s">
        <v>14429</v>
      </c>
      <c r="J2869" s="359"/>
      <c r="K2869" s="359"/>
      <c r="L2869" s="359"/>
    </row>
    <row r="2870" spans="2:12">
      <c r="B2870" s="359"/>
      <c r="C2870" s="359"/>
      <c r="D2870" s="359"/>
      <c r="E2870" s="359"/>
      <c r="F2870" s="360"/>
      <c r="G2870" s="360"/>
      <c r="H2870" s="360"/>
      <c r="I2870" s="360"/>
      <c r="J2870" s="359"/>
      <c r="K2870" s="359"/>
      <c r="L2870" s="359"/>
    </row>
    <row r="2871" spans="2:12">
      <c r="B2871" s="361"/>
      <c r="C2871" s="361"/>
      <c r="D2871" s="361"/>
      <c r="E2871" s="361"/>
      <c r="F2871" s="361" t="s">
        <v>14356</v>
      </c>
      <c r="G2871" s="361" t="s">
        <v>14340</v>
      </c>
      <c r="H2871" s="361" t="s">
        <v>14332</v>
      </c>
      <c r="I2871" s="361" t="s">
        <v>14340</v>
      </c>
      <c r="J2871" s="361"/>
      <c r="K2871" s="361"/>
      <c r="L2871" s="361"/>
    </row>
    <row r="2872" spans="2:12" ht="28.5">
      <c r="B2872" s="358" t="s">
        <v>15950</v>
      </c>
      <c r="C2872" s="358" t="s">
        <v>30080</v>
      </c>
      <c r="D2872" s="358" t="s">
        <v>15951</v>
      </c>
      <c r="E2872" s="358" t="s">
        <v>8356</v>
      </c>
      <c r="F2872" s="358" t="s">
        <v>14394</v>
      </c>
      <c r="G2872" s="358" t="s">
        <v>14395</v>
      </c>
      <c r="H2872" s="358" t="s">
        <v>14370</v>
      </c>
      <c r="I2872" s="358" t="s">
        <v>14395</v>
      </c>
      <c r="J2872" s="358"/>
      <c r="K2872" s="358"/>
      <c r="L2872" s="358"/>
    </row>
    <row r="2873" spans="2:12">
      <c r="B2873" s="361"/>
      <c r="C2873" s="361"/>
      <c r="D2873" s="361"/>
      <c r="E2873" s="361"/>
      <c r="F2873" s="361"/>
      <c r="G2873" s="361"/>
      <c r="H2873" s="361"/>
      <c r="I2873" s="361"/>
      <c r="J2873" s="361"/>
      <c r="K2873" s="361"/>
      <c r="L2873" s="361"/>
    </row>
    <row r="2874" spans="2:12" ht="42.75">
      <c r="B2874" s="358" t="s">
        <v>15952</v>
      </c>
      <c r="C2874" s="358" t="s">
        <v>15953</v>
      </c>
      <c r="D2874" s="358" t="s">
        <v>15954</v>
      </c>
      <c r="E2874" s="358" t="s">
        <v>8356</v>
      </c>
      <c r="F2874" s="358" t="s">
        <v>14418</v>
      </c>
      <c r="G2874" s="358" t="s">
        <v>14419</v>
      </c>
      <c r="H2874" s="358" t="s">
        <v>14328</v>
      </c>
      <c r="I2874" s="358" t="s">
        <v>14419</v>
      </c>
      <c r="J2874" s="358"/>
      <c r="K2874" s="358"/>
      <c r="L2874" s="358"/>
    </row>
    <row r="2875" spans="2:12">
      <c r="B2875" s="359"/>
      <c r="C2875" s="360"/>
      <c r="D2875" s="359"/>
      <c r="E2875" s="359"/>
      <c r="F2875" s="360"/>
      <c r="G2875" s="360"/>
      <c r="H2875" s="360"/>
      <c r="I2875" s="360"/>
      <c r="J2875" s="359"/>
      <c r="K2875" s="359"/>
      <c r="L2875" s="359"/>
    </row>
    <row r="2876" spans="2:12" ht="28.5">
      <c r="B2876" s="359"/>
      <c r="C2876" s="359" t="s">
        <v>15955</v>
      </c>
      <c r="D2876" s="359"/>
      <c r="E2876" s="359"/>
      <c r="F2876" s="359" t="s">
        <v>14356</v>
      </c>
      <c r="G2876" s="359" t="s">
        <v>14340</v>
      </c>
      <c r="H2876" s="359" t="s">
        <v>14341</v>
      </c>
      <c r="I2876" s="359" t="s">
        <v>14340</v>
      </c>
      <c r="J2876" s="359"/>
      <c r="K2876" s="359"/>
      <c r="L2876" s="359"/>
    </row>
    <row r="2877" spans="2:12">
      <c r="B2877" s="359"/>
      <c r="C2877" s="360"/>
      <c r="D2877" s="359"/>
      <c r="E2877" s="359"/>
      <c r="F2877" s="360"/>
      <c r="G2877" s="360"/>
      <c r="H2877" s="360"/>
      <c r="I2877" s="360"/>
      <c r="J2877" s="359"/>
      <c r="K2877" s="359"/>
      <c r="L2877" s="359"/>
    </row>
    <row r="2878" spans="2:12" ht="28.5">
      <c r="B2878" s="359"/>
      <c r="C2878" s="360"/>
      <c r="D2878" s="359"/>
      <c r="E2878" s="359"/>
      <c r="F2878" s="359" t="s">
        <v>14394</v>
      </c>
      <c r="G2878" s="359" t="s">
        <v>14395</v>
      </c>
      <c r="H2878" s="359" t="s">
        <v>14370</v>
      </c>
      <c r="I2878" s="359" t="s">
        <v>14395</v>
      </c>
      <c r="J2878" s="359"/>
      <c r="K2878" s="359"/>
      <c r="L2878" s="359"/>
    </row>
    <row r="2879" spans="2:12">
      <c r="B2879" s="359"/>
      <c r="C2879" s="360"/>
      <c r="D2879" s="359"/>
      <c r="E2879" s="359"/>
      <c r="F2879" s="360"/>
      <c r="G2879" s="360"/>
      <c r="H2879" s="360"/>
      <c r="I2879" s="360"/>
      <c r="J2879" s="359"/>
      <c r="K2879" s="359"/>
      <c r="L2879" s="359"/>
    </row>
    <row r="2880" spans="2:12">
      <c r="B2880" s="361"/>
      <c r="C2880" s="362"/>
      <c r="D2880" s="361"/>
      <c r="E2880" s="361"/>
      <c r="F2880" s="362"/>
      <c r="G2880" s="362"/>
      <c r="H2880" s="361" t="s">
        <v>14332</v>
      </c>
      <c r="I2880" s="362"/>
      <c r="J2880" s="361"/>
      <c r="K2880" s="361"/>
      <c r="L2880" s="361"/>
    </row>
    <row r="2881" spans="2:12" ht="28.5">
      <c r="B2881" s="358" t="s">
        <v>15956</v>
      </c>
      <c r="C2881" s="358" t="s">
        <v>15957</v>
      </c>
      <c r="D2881" s="358" t="s">
        <v>15958</v>
      </c>
      <c r="E2881" s="358" t="s">
        <v>15959</v>
      </c>
      <c r="F2881" s="358" t="s">
        <v>14420</v>
      </c>
      <c r="G2881" s="358" t="s">
        <v>14429</v>
      </c>
      <c r="H2881" s="358" t="s">
        <v>14367</v>
      </c>
      <c r="I2881" s="358" t="s">
        <v>14429</v>
      </c>
      <c r="J2881" s="358"/>
      <c r="K2881" s="358"/>
      <c r="L2881" s="358"/>
    </row>
    <row r="2882" spans="2:12">
      <c r="B2882" s="359"/>
      <c r="C2882" s="359"/>
      <c r="D2882" s="359"/>
      <c r="E2882" s="359"/>
      <c r="F2882" s="360"/>
      <c r="G2882" s="360"/>
      <c r="H2882" s="360"/>
      <c r="I2882" s="360"/>
      <c r="J2882" s="359"/>
      <c r="K2882" s="359"/>
      <c r="L2882" s="359"/>
    </row>
    <row r="2883" spans="2:12">
      <c r="B2883" s="359"/>
      <c r="C2883" s="359"/>
      <c r="D2883" s="359"/>
      <c r="E2883" s="359"/>
      <c r="F2883" s="359" t="s">
        <v>14371</v>
      </c>
      <c r="G2883" s="359" t="s">
        <v>14372</v>
      </c>
      <c r="H2883" s="359" t="s">
        <v>14370</v>
      </c>
      <c r="I2883" s="359" t="s">
        <v>14373</v>
      </c>
      <c r="J2883" s="359"/>
      <c r="K2883" s="359"/>
      <c r="L2883" s="359"/>
    </row>
    <row r="2884" spans="2:12">
      <c r="B2884" s="359"/>
      <c r="C2884" s="359"/>
      <c r="D2884" s="359"/>
      <c r="E2884" s="359"/>
      <c r="F2884" s="360"/>
      <c r="G2884" s="360"/>
      <c r="H2884" s="360"/>
      <c r="I2884" s="360"/>
      <c r="J2884" s="359"/>
      <c r="K2884" s="359"/>
      <c r="L2884" s="359"/>
    </row>
    <row r="2885" spans="2:12" ht="28.5">
      <c r="B2885" s="361"/>
      <c r="C2885" s="361"/>
      <c r="D2885" s="361"/>
      <c r="E2885" s="361"/>
      <c r="F2885" s="361" t="s">
        <v>14374</v>
      </c>
      <c r="G2885" s="361" t="s">
        <v>14373</v>
      </c>
      <c r="H2885" s="361" t="s">
        <v>14422</v>
      </c>
      <c r="I2885" s="362"/>
      <c r="J2885" s="361"/>
      <c r="K2885" s="361"/>
      <c r="L2885" s="361"/>
    </row>
    <row r="2886" spans="2:12" ht="28.5">
      <c r="B2886" s="358" t="s">
        <v>15960</v>
      </c>
      <c r="C2886" s="358" t="s">
        <v>27479</v>
      </c>
      <c r="D2886" s="358" t="s">
        <v>15961</v>
      </c>
      <c r="E2886" s="358" t="s">
        <v>15962</v>
      </c>
      <c r="F2886" s="358" t="s">
        <v>14382</v>
      </c>
      <c r="G2886" s="358" t="s">
        <v>14383</v>
      </c>
      <c r="H2886" s="358" t="s">
        <v>14378</v>
      </c>
      <c r="I2886" s="358" t="s">
        <v>14383</v>
      </c>
      <c r="J2886" s="358"/>
      <c r="K2886" s="358"/>
      <c r="L2886" s="358"/>
    </row>
    <row r="2887" spans="2:12">
      <c r="B2887" s="359"/>
      <c r="C2887" s="359"/>
      <c r="D2887" s="359"/>
      <c r="E2887" s="359"/>
      <c r="F2887" s="360"/>
      <c r="G2887" s="360"/>
      <c r="H2887" s="360"/>
      <c r="I2887" s="360"/>
      <c r="J2887" s="359"/>
      <c r="K2887" s="359"/>
      <c r="L2887" s="359"/>
    </row>
    <row r="2888" spans="2:12">
      <c r="B2888" s="359"/>
      <c r="C2888" s="359"/>
      <c r="D2888" s="359"/>
      <c r="E2888" s="359"/>
      <c r="F2888" s="359" t="s">
        <v>14430</v>
      </c>
      <c r="G2888" s="359" t="s">
        <v>14431</v>
      </c>
      <c r="H2888" s="359" t="s">
        <v>14341</v>
      </c>
      <c r="I2888" s="359" t="s">
        <v>14431</v>
      </c>
      <c r="J2888" s="359"/>
      <c r="K2888" s="359"/>
      <c r="L2888" s="359"/>
    </row>
    <row r="2889" spans="2:12">
      <c r="B2889" s="359"/>
      <c r="C2889" s="359"/>
      <c r="D2889" s="359"/>
      <c r="E2889" s="359"/>
      <c r="F2889" s="360"/>
      <c r="G2889" s="360"/>
      <c r="H2889" s="360"/>
      <c r="I2889" s="360"/>
      <c r="J2889" s="359"/>
      <c r="K2889" s="359"/>
      <c r="L2889" s="359"/>
    </row>
    <row r="2890" spans="2:12" ht="28.5">
      <c r="B2890" s="359"/>
      <c r="C2890" s="359"/>
      <c r="D2890" s="359"/>
      <c r="E2890" s="359"/>
      <c r="F2890" s="359" t="s">
        <v>14394</v>
      </c>
      <c r="G2890" s="359" t="s">
        <v>14395</v>
      </c>
      <c r="H2890" s="359" t="s">
        <v>14370</v>
      </c>
      <c r="I2890" s="359" t="s">
        <v>14395</v>
      </c>
      <c r="J2890" s="359"/>
      <c r="K2890" s="359"/>
      <c r="L2890" s="359"/>
    </row>
    <row r="2891" spans="2:12">
      <c r="B2891" s="359"/>
      <c r="C2891" s="359"/>
      <c r="D2891" s="359"/>
      <c r="E2891" s="359"/>
      <c r="F2891" s="360"/>
      <c r="G2891" s="360"/>
      <c r="H2891" s="360"/>
      <c r="I2891" s="360"/>
      <c r="J2891" s="359"/>
      <c r="K2891" s="359"/>
      <c r="L2891" s="359"/>
    </row>
    <row r="2892" spans="2:12">
      <c r="B2892" s="361"/>
      <c r="C2892" s="361"/>
      <c r="D2892" s="361"/>
      <c r="E2892" s="361"/>
      <c r="F2892" s="362"/>
      <c r="G2892" s="362"/>
      <c r="H2892" s="361" t="s">
        <v>14332</v>
      </c>
      <c r="I2892" s="362"/>
      <c r="J2892" s="361"/>
      <c r="K2892" s="361"/>
      <c r="L2892" s="361"/>
    </row>
    <row r="2893" spans="2:12">
      <c r="B2893" s="358" t="s">
        <v>15963</v>
      </c>
      <c r="C2893" s="358" t="s">
        <v>27480</v>
      </c>
      <c r="D2893" s="358" t="s">
        <v>15964</v>
      </c>
      <c r="E2893" s="358" t="s">
        <v>15965</v>
      </c>
      <c r="F2893" s="358" t="s">
        <v>14382</v>
      </c>
      <c r="G2893" s="358" t="s">
        <v>14383</v>
      </c>
      <c r="H2893" s="358" t="s">
        <v>14378</v>
      </c>
      <c r="I2893" s="358" t="s">
        <v>14383</v>
      </c>
      <c r="J2893" s="358"/>
      <c r="K2893" s="358"/>
      <c r="L2893" s="358"/>
    </row>
    <row r="2894" spans="2:12">
      <c r="B2894" s="359"/>
      <c r="C2894" s="359"/>
      <c r="D2894" s="359"/>
      <c r="E2894" s="359"/>
      <c r="F2894" s="360"/>
      <c r="G2894" s="360"/>
      <c r="H2894" s="360"/>
      <c r="I2894" s="360"/>
      <c r="J2894" s="359"/>
      <c r="K2894" s="359"/>
      <c r="L2894" s="359"/>
    </row>
    <row r="2895" spans="2:12" ht="28.5">
      <c r="B2895" s="359"/>
      <c r="C2895" s="359"/>
      <c r="D2895" s="359"/>
      <c r="E2895" s="359"/>
      <c r="F2895" s="359" t="s">
        <v>14460</v>
      </c>
      <c r="G2895" s="359" t="s">
        <v>14519</v>
      </c>
      <c r="H2895" s="359" t="s">
        <v>14381</v>
      </c>
      <c r="I2895" s="359" t="s">
        <v>28648</v>
      </c>
      <c r="J2895" s="359"/>
      <c r="K2895" s="359"/>
      <c r="L2895" s="359"/>
    </row>
    <row r="2896" spans="2:12">
      <c r="B2896" s="359"/>
      <c r="C2896" s="359"/>
      <c r="D2896" s="359"/>
      <c r="E2896" s="359"/>
      <c r="F2896" s="360"/>
      <c r="G2896" s="360"/>
      <c r="H2896" s="360"/>
      <c r="I2896" s="360"/>
      <c r="J2896" s="359"/>
      <c r="K2896" s="359"/>
      <c r="L2896" s="359"/>
    </row>
    <row r="2897" spans="2:12">
      <c r="B2897" s="359"/>
      <c r="C2897" s="359"/>
      <c r="D2897" s="359"/>
      <c r="E2897" s="359"/>
      <c r="F2897" s="359" t="s">
        <v>14386</v>
      </c>
      <c r="G2897" s="359" t="s">
        <v>14387</v>
      </c>
      <c r="H2897" s="359" t="s">
        <v>14370</v>
      </c>
      <c r="I2897" s="359" t="s">
        <v>14392</v>
      </c>
      <c r="J2897" s="359"/>
      <c r="K2897" s="359"/>
      <c r="L2897" s="359"/>
    </row>
    <row r="2898" spans="2:12">
      <c r="B2898" s="359"/>
      <c r="C2898" s="359"/>
      <c r="D2898" s="359"/>
      <c r="E2898" s="359"/>
      <c r="F2898" s="360"/>
      <c r="G2898" s="360"/>
      <c r="H2898" s="360"/>
      <c r="I2898" s="360"/>
      <c r="J2898" s="359"/>
      <c r="K2898" s="359"/>
      <c r="L2898" s="359"/>
    </row>
    <row r="2899" spans="2:12">
      <c r="B2899" s="359"/>
      <c r="C2899" s="359"/>
      <c r="D2899" s="359"/>
      <c r="E2899" s="359"/>
      <c r="F2899" s="359" t="s">
        <v>14391</v>
      </c>
      <c r="G2899" s="359" t="s">
        <v>14392</v>
      </c>
      <c r="H2899" s="359" t="s">
        <v>14332</v>
      </c>
      <c r="I2899" s="359" t="s">
        <v>14395</v>
      </c>
      <c r="J2899" s="359"/>
      <c r="K2899" s="359"/>
      <c r="L2899" s="359"/>
    </row>
    <row r="2900" spans="2:12">
      <c r="B2900" s="359"/>
      <c r="C2900" s="359"/>
      <c r="D2900" s="359"/>
      <c r="E2900" s="359"/>
      <c r="F2900" s="360"/>
      <c r="G2900" s="360"/>
      <c r="H2900" s="360"/>
      <c r="I2900" s="360"/>
      <c r="J2900" s="359"/>
      <c r="K2900" s="359"/>
      <c r="L2900" s="359"/>
    </row>
    <row r="2901" spans="2:12" ht="28.5">
      <c r="B2901" s="361"/>
      <c r="C2901" s="361"/>
      <c r="D2901" s="361"/>
      <c r="E2901" s="361"/>
      <c r="F2901" s="361" t="s">
        <v>14394</v>
      </c>
      <c r="G2901" s="361" t="s">
        <v>14395</v>
      </c>
      <c r="H2901" s="362"/>
      <c r="I2901" s="362"/>
      <c r="J2901" s="361"/>
      <c r="K2901" s="361"/>
      <c r="L2901" s="361"/>
    </row>
    <row r="2902" spans="2:12" ht="28.5">
      <c r="B2902" s="358" t="s">
        <v>15966</v>
      </c>
      <c r="C2902" s="358" t="s">
        <v>30081</v>
      </c>
      <c r="D2902" s="358" t="s">
        <v>15967</v>
      </c>
      <c r="E2902" s="358" t="s">
        <v>15968</v>
      </c>
      <c r="F2902" s="358" t="s">
        <v>14371</v>
      </c>
      <c r="G2902" s="358" t="s">
        <v>14372</v>
      </c>
      <c r="H2902" s="358" t="s">
        <v>14370</v>
      </c>
      <c r="I2902" s="358" t="s">
        <v>14373</v>
      </c>
      <c r="J2902" s="358"/>
      <c r="K2902" s="358"/>
      <c r="L2902" s="358"/>
    </row>
    <row r="2903" spans="2:12">
      <c r="B2903" s="359"/>
      <c r="C2903" s="359"/>
      <c r="D2903" s="359"/>
      <c r="E2903" s="359"/>
      <c r="F2903" s="360"/>
      <c r="G2903" s="360"/>
      <c r="H2903" s="360"/>
      <c r="I2903" s="359"/>
      <c r="J2903" s="359"/>
      <c r="K2903" s="359"/>
      <c r="L2903" s="359"/>
    </row>
    <row r="2904" spans="2:12" ht="28.5">
      <c r="B2904" s="361"/>
      <c r="C2904" s="361"/>
      <c r="D2904" s="361"/>
      <c r="E2904" s="361"/>
      <c r="F2904" s="361" t="s">
        <v>14374</v>
      </c>
      <c r="G2904" s="361" t="s">
        <v>14373</v>
      </c>
      <c r="H2904" s="361" t="s">
        <v>14422</v>
      </c>
      <c r="I2904" s="361"/>
      <c r="J2904" s="361"/>
      <c r="K2904" s="361"/>
      <c r="L2904" s="361"/>
    </row>
    <row r="2905" spans="2:12" ht="28.5">
      <c r="B2905" s="358" t="s">
        <v>15969</v>
      </c>
      <c r="C2905" s="358" t="s">
        <v>15970</v>
      </c>
      <c r="D2905" s="358" t="s">
        <v>15971</v>
      </c>
      <c r="E2905" s="358" t="s">
        <v>15972</v>
      </c>
      <c r="F2905" s="358" t="s">
        <v>14460</v>
      </c>
      <c r="G2905" s="358" t="s">
        <v>14519</v>
      </c>
      <c r="H2905" s="358" t="s">
        <v>14381</v>
      </c>
      <c r="I2905" s="358" t="s">
        <v>28649</v>
      </c>
      <c r="J2905" s="358"/>
      <c r="K2905" s="358"/>
      <c r="L2905" s="358"/>
    </row>
    <row r="2906" spans="2:12">
      <c r="B2906" s="359"/>
      <c r="C2906" s="359"/>
      <c r="D2906" s="359"/>
      <c r="E2906" s="359"/>
      <c r="F2906" s="360"/>
      <c r="G2906" s="360"/>
      <c r="H2906" s="360"/>
      <c r="I2906" s="360"/>
      <c r="J2906" s="359"/>
      <c r="K2906" s="359"/>
      <c r="L2906" s="359"/>
    </row>
    <row r="2907" spans="2:12">
      <c r="B2907" s="359"/>
      <c r="C2907" s="359"/>
      <c r="D2907" s="359"/>
      <c r="E2907" s="359"/>
      <c r="F2907" s="359" t="s">
        <v>14430</v>
      </c>
      <c r="G2907" s="359" t="s">
        <v>14431</v>
      </c>
      <c r="H2907" s="359" t="s">
        <v>14341</v>
      </c>
      <c r="I2907" s="359" t="s">
        <v>14392</v>
      </c>
      <c r="J2907" s="359"/>
      <c r="K2907" s="359"/>
      <c r="L2907" s="359"/>
    </row>
    <row r="2908" spans="2:12">
      <c r="B2908" s="359"/>
      <c r="C2908" s="359"/>
      <c r="D2908" s="359"/>
      <c r="E2908" s="359"/>
      <c r="F2908" s="360"/>
      <c r="G2908" s="360"/>
      <c r="H2908" s="360"/>
      <c r="I2908" s="360"/>
      <c r="J2908" s="359"/>
      <c r="K2908" s="359"/>
      <c r="L2908" s="359"/>
    </row>
    <row r="2909" spans="2:12">
      <c r="B2909" s="361"/>
      <c r="C2909" s="361"/>
      <c r="D2909" s="361"/>
      <c r="E2909" s="361"/>
      <c r="F2909" s="361" t="s">
        <v>14391</v>
      </c>
      <c r="G2909" s="361" t="s">
        <v>14392</v>
      </c>
      <c r="H2909" s="361" t="s">
        <v>14332</v>
      </c>
      <c r="I2909" s="362"/>
      <c r="J2909" s="361"/>
      <c r="K2909" s="361"/>
      <c r="L2909" s="361"/>
    </row>
    <row r="2910" spans="2:12" ht="28.5">
      <c r="B2910" s="358" t="s">
        <v>15973</v>
      </c>
      <c r="C2910" s="358" t="s">
        <v>30082</v>
      </c>
      <c r="D2910" s="358" t="s">
        <v>15974</v>
      </c>
      <c r="E2910" s="358" t="s">
        <v>15975</v>
      </c>
      <c r="F2910" s="358" t="s">
        <v>14507</v>
      </c>
      <c r="G2910" s="358" t="s">
        <v>28650</v>
      </c>
      <c r="H2910" s="358" t="s">
        <v>14381</v>
      </c>
      <c r="I2910" s="358" t="s">
        <v>28650</v>
      </c>
      <c r="J2910" s="358"/>
      <c r="K2910" s="358"/>
      <c r="L2910" s="358"/>
    </row>
    <row r="2911" spans="2:12">
      <c r="B2911" s="359"/>
      <c r="C2911" s="359"/>
      <c r="D2911" s="359"/>
      <c r="E2911" s="359"/>
      <c r="F2911" s="360"/>
      <c r="G2911" s="359"/>
      <c r="H2911" s="360"/>
      <c r="I2911" s="359"/>
      <c r="J2911" s="359"/>
      <c r="K2911" s="359"/>
      <c r="L2911" s="359"/>
    </row>
    <row r="2912" spans="2:12" ht="28.5">
      <c r="B2912" s="359"/>
      <c r="C2912" s="359"/>
      <c r="D2912" s="359"/>
      <c r="E2912" s="359"/>
      <c r="F2912" s="359" t="s">
        <v>14394</v>
      </c>
      <c r="G2912" s="359"/>
      <c r="H2912" s="359" t="s">
        <v>14370</v>
      </c>
      <c r="I2912" s="359"/>
      <c r="J2912" s="359"/>
      <c r="K2912" s="359"/>
      <c r="L2912" s="359"/>
    </row>
    <row r="2913" spans="2:12">
      <c r="B2913" s="359"/>
      <c r="C2913" s="359"/>
      <c r="D2913" s="359"/>
      <c r="E2913" s="359"/>
      <c r="F2913" s="360"/>
      <c r="G2913" s="359"/>
      <c r="H2913" s="360"/>
      <c r="I2913" s="359"/>
      <c r="J2913" s="359"/>
      <c r="K2913" s="359"/>
      <c r="L2913" s="359"/>
    </row>
    <row r="2914" spans="2:12">
      <c r="B2914" s="361"/>
      <c r="C2914" s="361"/>
      <c r="D2914" s="361"/>
      <c r="E2914" s="361"/>
      <c r="F2914" s="362"/>
      <c r="G2914" s="361"/>
      <c r="H2914" s="361" t="s">
        <v>14422</v>
      </c>
      <c r="I2914" s="361"/>
      <c r="J2914" s="361"/>
      <c r="K2914" s="361"/>
      <c r="L2914" s="361"/>
    </row>
    <row r="2915" spans="2:12" ht="42.75">
      <c r="B2915" s="358" t="s">
        <v>15976</v>
      </c>
      <c r="C2915" s="358" t="s">
        <v>27481</v>
      </c>
      <c r="D2915" s="358" t="s">
        <v>15977</v>
      </c>
      <c r="E2915" s="358" t="s">
        <v>15978</v>
      </c>
      <c r="F2915" s="358" t="s">
        <v>14443</v>
      </c>
      <c r="G2915" s="358" t="s">
        <v>14444</v>
      </c>
      <c r="H2915" s="358" t="s">
        <v>14381</v>
      </c>
      <c r="I2915" s="358" t="s">
        <v>14444</v>
      </c>
      <c r="J2915" s="358"/>
      <c r="K2915" s="358"/>
      <c r="L2915" s="358"/>
    </row>
    <row r="2916" spans="2:12">
      <c r="B2916" s="359"/>
      <c r="C2916" s="359"/>
      <c r="D2916" s="359"/>
      <c r="E2916" s="359"/>
      <c r="F2916" s="360"/>
      <c r="G2916" s="360"/>
      <c r="H2916" s="360"/>
      <c r="I2916" s="360"/>
      <c r="J2916" s="359"/>
      <c r="K2916" s="359"/>
      <c r="L2916" s="359"/>
    </row>
    <row r="2917" spans="2:12">
      <c r="B2917" s="359"/>
      <c r="C2917" s="359"/>
      <c r="D2917" s="359"/>
      <c r="E2917" s="359"/>
      <c r="F2917" s="359" t="s">
        <v>14420</v>
      </c>
      <c r="G2917" s="359" t="s">
        <v>14429</v>
      </c>
      <c r="H2917" s="359" t="s">
        <v>14341</v>
      </c>
      <c r="I2917" s="359" t="s">
        <v>14429</v>
      </c>
      <c r="J2917" s="359"/>
      <c r="K2917" s="359"/>
      <c r="L2917" s="359"/>
    </row>
    <row r="2918" spans="2:12">
      <c r="B2918" s="359"/>
      <c r="C2918" s="359"/>
      <c r="D2918" s="359"/>
      <c r="E2918" s="359"/>
      <c r="F2918" s="360"/>
      <c r="G2918" s="360"/>
      <c r="H2918" s="360"/>
      <c r="I2918" s="360"/>
      <c r="J2918" s="359"/>
      <c r="K2918" s="359"/>
      <c r="L2918" s="359"/>
    </row>
    <row r="2919" spans="2:12" ht="28.5">
      <c r="B2919" s="359"/>
      <c r="C2919" s="359"/>
      <c r="D2919" s="359"/>
      <c r="E2919" s="359"/>
      <c r="F2919" s="359" t="s">
        <v>14460</v>
      </c>
      <c r="G2919" s="359" t="s">
        <v>14519</v>
      </c>
      <c r="H2919" s="359" t="s">
        <v>14367</v>
      </c>
      <c r="I2919" s="359" t="s">
        <v>28647</v>
      </c>
      <c r="J2919" s="359"/>
      <c r="K2919" s="359"/>
      <c r="L2919" s="359"/>
    </row>
    <row r="2920" spans="2:12">
      <c r="B2920" s="359"/>
      <c r="C2920" s="359"/>
      <c r="D2920" s="359"/>
      <c r="E2920" s="359"/>
      <c r="F2920" s="360"/>
      <c r="G2920" s="360"/>
      <c r="H2920" s="360"/>
      <c r="I2920" s="360"/>
      <c r="J2920" s="359"/>
      <c r="K2920" s="359"/>
      <c r="L2920" s="359"/>
    </row>
    <row r="2921" spans="2:12">
      <c r="B2921" s="359"/>
      <c r="C2921" s="359"/>
      <c r="D2921" s="359"/>
      <c r="E2921" s="359"/>
      <c r="F2921" s="359" t="s">
        <v>14356</v>
      </c>
      <c r="G2921" s="359" t="s">
        <v>14340</v>
      </c>
      <c r="H2921" s="359" t="s">
        <v>14370</v>
      </c>
      <c r="I2921" s="359" t="s">
        <v>14392</v>
      </c>
      <c r="J2921" s="359"/>
      <c r="K2921" s="359"/>
      <c r="L2921" s="359"/>
    </row>
    <row r="2922" spans="2:12">
      <c r="B2922" s="359"/>
      <c r="C2922" s="359"/>
      <c r="D2922" s="359"/>
      <c r="E2922" s="359"/>
      <c r="F2922" s="360"/>
      <c r="G2922" s="360"/>
      <c r="H2922" s="360"/>
      <c r="I2922" s="360"/>
      <c r="J2922" s="359"/>
      <c r="K2922" s="359"/>
      <c r="L2922" s="359"/>
    </row>
    <row r="2923" spans="2:12">
      <c r="B2923" s="359"/>
      <c r="C2923" s="359"/>
      <c r="D2923" s="359"/>
      <c r="E2923" s="359"/>
      <c r="F2923" s="359" t="s">
        <v>14391</v>
      </c>
      <c r="G2923" s="359" t="s">
        <v>14392</v>
      </c>
      <c r="H2923" s="359" t="s">
        <v>14332</v>
      </c>
      <c r="I2923" s="359" t="s">
        <v>14373</v>
      </c>
      <c r="J2923" s="359"/>
      <c r="K2923" s="359"/>
      <c r="L2923" s="359"/>
    </row>
    <row r="2924" spans="2:12">
      <c r="B2924" s="359"/>
      <c r="C2924" s="359"/>
      <c r="D2924" s="359"/>
      <c r="E2924" s="359"/>
      <c r="F2924" s="360"/>
      <c r="G2924" s="360"/>
      <c r="H2924" s="360"/>
      <c r="I2924" s="360"/>
      <c r="J2924" s="359"/>
      <c r="K2924" s="359"/>
      <c r="L2924" s="359"/>
    </row>
    <row r="2925" spans="2:12">
      <c r="B2925" s="359"/>
      <c r="C2925" s="359"/>
      <c r="D2925" s="359"/>
      <c r="E2925" s="359"/>
      <c r="F2925" s="359" t="s">
        <v>14371</v>
      </c>
      <c r="G2925" s="359" t="s">
        <v>14372</v>
      </c>
      <c r="H2925" s="360"/>
      <c r="I2925" s="360"/>
      <c r="J2925" s="359"/>
      <c r="K2925" s="359"/>
      <c r="L2925" s="359"/>
    </row>
    <row r="2926" spans="2:12">
      <c r="B2926" s="359"/>
      <c r="C2926" s="359"/>
      <c r="D2926" s="359"/>
      <c r="E2926" s="359"/>
      <c r="F2926" s="360"/>
      <c r="G2926" s="360"/>
      <c r="H2926" s="360"/>
      <c r="I2926" s="360"/>
      <c r="J2926" s="359"/>
      <c r="K2926" s="359"/>
      <c r="L2926" s="359"/>
    </row>
    <row r="2927" spans="2:12" ht="28.5">
      <c r="B2927" s="361"/>
      <c r="C2927" s="361"/>
      <c r="D2927" s="361"/>
      <c r="E2927" s="361"/>
      <c r="F2927" s="361" t="s">
        <v>14374</v>
      </c>
      <c r="G2927" s="361" t="s">
        <v>14373</v>
      </c>
      <c r="H2927" s="362"/>
      <c r="I2927" s="362"/>
      <c r="J2927" s="361"/>
      <c r="K2927" s="361"/>
      <c r="L2927" s="361"/>
    </row>
    <row r="2928" spans="2:12" ht="42.75">
      <c r="B2928" s="358" t="s">
        <v>15979</v>
      </c>
      <c r="C2928" s="358" t="s">
        <v>27482</v>
      </c>
      <c r="D2928" s="358" t="s">
        <v>15980</v>
      </c>
      <c r="E2928" s="358" t="s">
        <v>15981</v>
      </c>
      <c r="F2928" s="358" t="s">
        <v>14430</v>
      </c>
      <c r="G2928" s="358" t="s">
        <v>14431</v>
      </c>
      <c r="H2928" s="358" t="s">
        <v>14341</v>
      </c>
      <c r="I2928" s="358" t="s">
        <v>14431</v>
      </c>
      <c r="J2928" s="358"/>
      <c r="K2928" s="358"/>
      <c r="L2928" s="358"/>
    </row>
    <row r="2929" spans="2:12">
      <c r="B2929" s="359"/>
      <c r="C2929" s="359"/>
      <c r="D2929" s="359"/>
      <c r="E2929" s="359"/>
      <c r="F2929" s="360"/>
      <c r="G2929" s="360"/>
      <c r="H2929" s="360"/>
      <c r="I2929" s="360"/>
      <c r="J2929" s="359"/>
      <c r="K2929" s="359"/>
      <c r="L2929" s="359"/>
    </row>
    <row r="2930" spans="2:12">
      <c r="B2930" s="359"/>
      <c r="C2930" s="359"/>
      <c r="D2930" s="359"/>
      <c r="E2930" s="359"/>
      <c r="F2930" s="359" t="s">
        <v>14391</v>
      </c>
      <c r="G2930" s="359" t="s">
        <v>14392</v>
      </c>
      <c r="H2930" s="359" t="s">
        <v>14367</v>
      </c>
      <c r="I2930" s="359" t="s">
        <v>14392</v>
      </c>
      <c r="J2930" s="359"/>
      <c r="K2930" s="359"/>
      <c r="L2930" s="359"/>
    </row>
    <row r="2931" spans="2:12">
      <c r="B2931" s="359"/>
      <c r="C2931" s="359"/>
      <c r="D2931" s="359"/>
      <c r="E2931" s="359"/>
      <c r="F2931" s="360"/>
      <c r="G2931" s="360"/>
      <c r="H2931" s="360"/>
      <c r="I2931" s="360"/>
      <c r="J2931" s="359"/>
      <c r="K2931" s="359"/>
      <c r="L2931" s="359"/>
    </row>
    <row r="2932" spans="2:12" ht="28.5">
      <c r="B2932" s="361"/>
      <c r="C2932" s="361"/>
      <c r="D2932" s="361"/>
      <c r="E2932" s="361"/>
      <c r="F2932" s="361" t="s">
        <v>14472</v>
      </c>
      <c r="G2932" s="361" t="s">
        <v>14473</v>
      </c>
      <c r="H2932" s="361" t="s">
        <v>14332</v>
      </c>
      <c r="I2932" s="361" t="s">
        <v>14473</v>
      </c>
      <c r="J2932" s="361"/>
      <c r="K2932" s="361"/>
      <c r="L2932" s="361"/>
    </row>
    <row r="2933" spans="2:12">
      <c r="B2933" s="358" t="s">
        <v>15982</v>
      </c>
      <c r="C2933" s="358" t="s">
        <v>15983</v>
      </c>
      <c r="D2933" s="358" t="s">
        <v>15984</v>
      </c>
      <c r="E2933" s="358" t="s">
        <v>15985</v>
      </c>
      <c r="F2933" s="358" t="s">
        <v>14326</v>
      </c>
      <c r="G2933" s="358" t="s">
        <v>14327</v>
      </c>
      <c r="H2933" s="358" t="s">
        <v>14328</v>
      </c>
      <c r="I2933" s="358" t="s">
        <v>14327</v>
      </c>
      <c r="J2933" s="358"/>
      <c r="K2933" s="358"/>
      <c r="L2933" s="358" t="s">
        <v>14329</v>
      </c>
    </row>
    <row r="2934" spans="2:12">
      <c r="B2934" s="359"/>
      <c r="C2934" s="359"/>
      <c r="D2934" s="359"/>
      <c r="E2934" s="359"/>
      <c r="F2934" s="360"/>
      <c r="G2934" s="360"/>
      <c r="H2934" s="360"/>
      <c r="I2934" s="360"/>
      <c r="J2934" s="359"/>
      <c r="K2934" s="359"/>
      <c r="L2934" s="359"/>
    </row>
    <row r="2935" spans="2:12">
      <c r="B2935" s="359"/>
      <c r="C2935" s="359"/>
      <c r="D2935" s="359"/>
      <c r="E2935" s="359"/>
      <c r="F2935" s="359" t="s">
        <v>14330</v>
      </c>
      <c r="G2935" s="359" t="s">
        <v>14380</v>
      </c>
      <c r="H2935" s="359" t="s">
        <v>14331</v>
      </c>
      <c r="I2935" s="359" t="s">
        <v>14380</v>
      </c>
      <c r="J2935" s="359"/>
      <c r="K2935" s="359"/>
      <c r="L2935" s="359"/>
    </row>
    <row r="2936" spans="2:12">
      <c r="B2936" s="359"/>
      <c r="C2936" s="359"/>
      <c r="D2936" s="359"/>
      <c r="E2936" s="359"/>
      <c r="F2936" s="360"/>
      <c r="G2936" s="360"/>
      <c r="H2936" s="360"/>
      <c r="I2936" s="360"/>
      <c r="J2936" s="359"/>
      <c r="K2936" s="359"/>
      <c r="L2936" s="359"/>
    </row>
    <row r="2937" spans="2:12">
      <c r="B2937" s="359"/>
      <c r="C2937" s="359"/>
      <c r="D2937" s="359"/>
      <c r="E2937" s="359"/>
      <c r="F2937" s="359" t="s">
        <v>14379</v>
      </c>
      <c r="G2937" s="359" t="s">
        <v>14340</v>
      </c>
      <c r="H2937" s="359" t="s">
        <v>14378</v>
      </c>
      <c r="I2937" s="359" t="s">
        <v>14340</v>
      </c>
      <c r="J2937" s="359"/>
      <c r="K2937" s="359"/>
      <c r="L2937" s="359"/>
    </row>
    <row r="2938" spans="2:12">
      <c r="B2938" s="359"/>
      <c r="C2938" s="359"/>
      <c r="D2938" s="359"/>
      <c r="E2938" s="359"/>
      <c r="F2938" s="360"/>
      <c r="G2938" s="360"/>
      <c r="H2938" s="360"/>
      <c r="I2938" s="360"/>
      <c r="J2938" s="359"/>
      <c r="K2938" s="359"/>
      <c r="L2938" s="359"/>
    </row>
    <row r="2939" spans="2:12">
      <c r="B2939" s="359"/>
      <c r="C2939" s="359"/>
      <c r="D2939" s="359"/>
      <c r="E2939" s="359"/>
      <c r="F2939" s="359" t="s">
        <v>14356</v>
      </c>
      <c r="G2939" s="359" t="s">
        <v>14372</v>
      </c>
      <c r="H2939" s="359" t="s">
        <v>14341</v>
      </c>
      <c r="I2939" s="359" t="s">
        <v>14372</v>
      </c>
      <c r="J2939" s="359"/>
      <c r="K2939" s="359"/>
      <c r="L2939" s="359"/>
    </row>
    <row r="2940" spans="2:12">
      <c r="B2940" s="359"/>
      <c r="C2940" s="359"/>
      <c r="D2940" s="359"/>
      <c r="E2940" s="359"/>
      <c r="F2940" s="360"/>
      <c r="G2940" s="360"/>
      <c r="H2940" s="360"/>
      <c r="I2940" s="360"/>
      <c r="J2940" s="359"/>
      <c r="K2940" s="359"/>
      <c r="L2940" s="359"/>
    </row>
    <row r="2941" spans="2:12">
      <c r="B2941" s="359"/>
      <c r="C2941" s="359"/>
      <c r="D2941" s="359"/>
      <c r="E2941" s="359"/>
      <c r="F2941" s="359" t="s">
        <v>14371</v>
      </c>
      <c r="G2941" s="360"/>
      <c r="H2941" s="359" t="s">
        <v>14370</v>
      </c>
      <c r="I2941" s="360"/>
      <c r="J2941" s="359"/>
      <c r="K2941" s="359"/>
      <c r="L2941" s="359"/>
    </row>
    <row r="2942" spans="2:12">
      <c r="B2942" s="359"/>
      <c r="C2942" s="359"/>
      <c r="D2942" s="359"/>
      <c r="E2942" s="359"/>
      <c r="F2942" s="360"/>
      <c r="G2942" s="360"/>
      <c r="H2942" s="360"/>
      <c r="I2942" s="360"/>
      <c r="J2942" s="359"/>
      <c r="K2942" s="359"/>
      <c r="L2942" s="359"/>
    </row>
    <row r="2943" spans="2:12">
      <c r="B2943" s="361"/>
      <c r="C2943" s="361"/>
      <c r="D2943" s="361"/>
      <c r="E2943" s="361"/>
      <c r="F2943" s="362"/>
      <c r="G2943" s="362"/>
      <c r="H2943" s="361" t="s">
        <v>14332</v>
      </c>
      <c r="I2943" s="362"/>
      <c r="J2943" s="361"/>
      <c r="K2943" s="361"/>
      <c r="L2943" s="361"/>
    </row>
    <row r="2944" spans="2:12" ht="28.5">
      <c r="B2944" s="358" t="s">
        <v>15986</v>
      </c>
      <c r="C2944" s="358" t="s">
        <v>15987</v>
      </c>
      <c r="D2944" s="358" t="s">
        <v>15988</v>
      </c>
      <c r="E2944" s="358" t="s">
        <v>15989</v>
      </c>
      <c r="F2944" s="358" t="s">
        <v>14420</v>
      </c>
      <c r="G2944" s="358" t="s">
        <v>14429</v>
      </c>
      <c r="H2944" s="358" t="s">
        <v>14367</v>
      </c>
      <c r="I2944" s="358" t="s">
        <v>14429</v>
      </c>
      <c r="J2944" s="358"/>
      <c r="K2944" s="358"/>
      <c r="L2944" s="358"/>
    </row>
    <row r="2945" spans="2:12">
      <c r="B2945" s="359"/>
      <c r="C2945" s="359"/>
      <c r="D2945" s="359"/>
      <c r="E2945" s="359"/>
      <c r="F2945" s="360"/>
      <c r="G2945" s="360"/>
      <c r="H2945" s="360"/>
      <c r="I2945" s="360"/>
      <c r="J2945" s="359"/>
      <c r="K2945" s="359"/>
      <c r="L2945" s="359"/>
    </row>
    <row r="2946" spans="2:12">
      <c r="B2946" s="359"/>
      <c r="C2946" s="359"/>
      <c r="D2946" s="359"/>
      <c r="E2946" s="359"/>
      <c r="F2946" s="359" t="s">
        <v>14386</v>
      </c>
      <c r="G2946" s="359" t="s">
        <v>14387</v>
      </c>
      <c r="H2946" s="359" t="s">
        <v>14422</v>
      </c>
      <c r="I2946" s="359" t="s">
        <v>14387</v>
      </c>
      <c r="J2946" s="359"/>
      <c r="K2946" s="359"/>
      <c r="L2946" s="359"/>
    </row>
    <row r="2947" spans="2:12">
      <c r="B2947" s="359"/>
      <c r="C2947" s="359"/>
      <c r="D2947" s="359"/>
      <c r="E2947" s="359"/>
      <c r="F2947" s="360"/>
      <c r="G2947" s="360"/>
      <c r="H2947" s="360"/>
      <c r="I2947" s="360"/>
      <c r="J2947" s="359"/>
      <c r="K2947" s="359"/>
      <c r="L2947" s="359"/>
    </row>
    <row r="2948" spans="2:12">
      <c r="B2948" s="361"/>
      <c r="C2948" s="361"/>
      <c r="D2948" s="361"/>
      <c r="E2948" s="361"/>
      <c r="F2948" s="361" t="s">
        <v>14391</v>
      </c>
      <c r="G2948" s="361" t="s">
        <v>14392</v>
      </c>
      <c r="H2948" s="362"/>
      <c r="I2948" s="361" t="s">
        <v>14392</v>
      </c>
      <c r="J2948" s="361"/>
      <c r="K2948" s="361"/>
      <c r="L2948" s="361"/>
    </row>
    <row r="2949" spans="2:12">
      <c r="B2949" s="358" t="s">
        <v>15990</v>
      </c>
      <c r="C2949" s="358" t="s">
        <v>15991</v>
      </c>
      <c r="D2949" s="358" t="s">
        <v>15992</v>
      </c>
      <c r="E2949" s="358" t="s">
        <v>15993</v>
      </c>
      <c r="F2949" s="358" t="s">
        <v>14356</v>
      </c>
      <c r="G2949" s="358" t="s">
        <v>14340</v>
      </c>
      <c r="H2949" s="358" t="s">
        <v>14341</v>
      </c>
      <c r="I2949" s="358" t="s">
        <v>14340</v>
      </c>
      <c r="J2949" s="358"/>
      <c r="K2949" s="358"/>
      <c r="L2949" s="358"/>
    </row>
    <row r="2950" spans="2:12">
      <c r="B2950" s="359"/>
      <c r="C2950" s="359"/>
      <c r="D2950" s="359"/>
      <c r="E2950" s="359"/>
      <c r="F2950" s="360"/>
      <c r="G2950" s="360"/>
      <c r="H2950" s="360"/>
      <c r="I2950" s="360"/>
      <c r="J2950" s="359"/>
      <c r="K2950" s="359"/>
      <c r="L2950" s="359"/>
    </row>
    <row r="2951" spans="2:12">
      <c r="B2951" s="359"/>
      <c r="C2951" s="359"/>
      <c r="D2951" s="359"/>
      <c r="E2951" s="359"/>
      <c r="F2951" s="359" t="s">
        <v>14371</v>
      </c>
      <c r="G2951" s="359" t="s">
        <v>14372</v>
      </c>
      <c r="H2951" s="359" t="s">
        <v>14370</v>
      </c>
      <c r="I2951" s="359" t="s">
        <v>14373</v>
      </c>
      <c r="J2951" s="359"/>
      <c r="K2951" s="359"/>
      <c r="L2951" s="359"/>
    </row>
    <row r="2952" spans="2:12">
      <c r="B2952" s="359"/>
      <c r="C2952" s="359"/>
      <c r="D2952" s="359"/>
      <c r="E2952" s="359"/>
      <c r="F2952" s="360"/>
      <c r="G2952" s="360"/>
      <c r="H2952" s="360"/>
      <c r="I2952" s="360"/>
      <c r="J2952" s="359"/>
      <c r="K2952" s="359"/>
      <c r="L2952" s="359"/>
    </row>
    <row r="2953" spans="2:12" ht="28.5">
      <c r="B2953" s="361"/>
      <c r="C2953" s="361"/>
      <c r="D2953" s="361"/>
      <c r="E2953" s="361"/>
      <c r="F2953" s="361" t="s">
        <v>14374</v>
      </c>
      <c r="G2953" s="361" t="s">
        <v>14373</v>
      </c>
      <c r="H2953" s="361" t="s">
        <v>14332</v>
      </c>
      <c r="I2953" s="362"/>
      <c r="J2953" s="361"/>
      <c r="K2953" s="361"/>
      <c r="L2953" s="361"/>
    </row>
    <row r="2954" spans="2:12" ht="28.5">
      <c r="B2954" s="358" t="s">
        <v>15994</v>
      </c>
      <c r="C2954" s="358" t="s">
        <v>28651</v>
      </c>
      <c r="D2954" s="358" t="s">
        <v>8356</v>
      </c>
      <c r="E2954" s="358" t="s">
        <v>8356</v>
      </c>
      <c r="F2954" s="358" t="s">
        <v>14394</v>
      </c>
      <c r="G2954" s="358" t="s">
        <v>14395</v>
      </c>
      <c r="H2954" s="358" t="s">
        <v>14370</v>
      </c>
      <c r="I2954" s="358" t="s">
        <v>14395</v>
      </c>
      <c r="J2954" s="358"/>
      <c r="K2954" s="358"/>
      <c r="L2954" s="358" t="s">
        <v>9491</v>
      </c>
    </row>
    <row r="2955" spans="2:12">
      <c r="B2955" s="361"/>
      <c r="C2955" s="361"/>
      <c r="D2955" s="361"/>
      <c r="E2955" s="361"/>
      <c r="F2955" s="361"/>
      <c r="G2955" s="361"/>
      <c r="H2955" s="361"/>
      <c r="I2955" s="361"/>
      <c r="J2955" s="361"/>
      <c r="K2955" s="361"/>
      <c r="L2955" s="361"/>
    </row>
    <row r="2956" spans="2:12" ht="28.5">
      <c r="B2956" s="358" t="s">
        <v>15995</v>
      </c>
      <c r="C2956" s="358" t="s">
        <v>30083</v>
      </c>
      <c r="D2956" s="358" t="s">
        <v>15996</v>
      </c>
      <c r="E2956" s="358" t="s">
        <v>15997</v>
      </c>
      <c r="F2956" s="358" t="s">
        <v>14391</v>
      </c>
      <c r="G2956" s="358" t="s">
        <v>14392</v>
      </c>
      <c r="H2956" s="358" t="s">
        <v>14367</v>
      </c>
      <c r="I2956" s="358" t="s">
        <v>14392</v>
      </c>
      <c r="J2956" s="358"/>
      <c r="K2956" s="358" t="s">
        <v>15394</v>
      </c>
      <c r="L2956" s="358"/>
    </row>
    <row r="2957" spans="2:12">
      <c r="B2957" s="359"/>
      <c r="C2957" s="359"/>
      <c r="D2957" s="359"/>
      <c r="E2957" s="359"/>
      <c r="F2957" s="360"/>
      <c r="G2957" s="360"/>
      <c r="H2957" s="360"/>
      <c r="I2957" s="360"/>
      <c r="J2957" s="359"/>
      <c r="K2957" s="359"/>
      <c r="L2957" s="359"/>
    </row>
    <row r="2958" spans="2:12">
      <c r="B2958" s="359"/>
      <c r="C2958" s="359"/>
      <c r="D2958" s="359"/>
      <c r="E2958" s="359"/>
      <c r="F2958" s="359" t="s">
        <v>14371</v>
      </c>
      <c r="G2958" s="359" t="s">
        <v>14372</v>
      </c>
      <c r="H2958" s="359" t="s">
        <v>14370</v>
      </c>
      <c r="I2958" s="359" t="s">
        <v>14373</v>
      </c>
      <c r="J2958" s="359"/>
      <c r="K2958" s="359"/>
      <c r="L2958" s="359"/>
    </row>
    <row r="2959" spans="2:12">
      <c r="B2959" s="359"/>
      <c r="C2959" s="359"/>
      <c r="D2959" s="359"/>
      <c r="E2959" s="359"/>
      <c r="F2959" s="360"/>
      <c r="G2959" s="360"/>
      <c r="H2959" s="360"/>
      <c r="I2959" s="360"/>
      <c r="J2959" s="359"/>
      <c r="K2959" s="359"/>
      <c r="L2959" s="359"/>
    </row>
    <row r="2960" spans="2:12" ht="28.5">
      <c r="B2960" s="361"/>
      <c r="C2960" s="361"/>
      <c r="D2960" s="361"/>
      <c r="E2960" s="361"/>
      <c r="F2960" s="361" t="s">
        <v>14374</v>
      </c>
      <c r="G2960" s="361" t="s">
        <v>14373</v>
      </c>
      <c r="H2960" s="361" t="s">
        <v>14422</v>
      </c>
      <c r="I2960" s="362"/>
      <c r="J2960" s="361"/>
      <c r="K2960" s="361"/>
      <c r="L2960" s="361"/>
    </row>
    <row r="2961" spans="2:12" ht="42.75">
      <c r="B2961" s="358" t="s">
        <v>15998</v>
      </c>
      <c r="C2961" s="358" t="s">
        <v>27483</v>
      </c>
      <c r="D2961" s="358" t="s">
        <v>15999</v>
      </c>
      <c r="E2961" s="358" t="s">
        <v>8356</v>
      </c>
      <c r="F2961" s="358" t="s">
        <v>14430</v>
      </c>
      <c r="G2961" s="358" t="s">
        <v>14431</v>
      </c>
      <c r="H2961" s="358" t="s">
        <v>14341</v>
      </c>
      <c r="I2961" s="358" t="s">
        <v>14431</v>
      </c>
      <c r="J2961" s="358"/>
      <c r="K2961" s="358"/>
      <c r="L2961" s="358"/>
    </row>
    <row r="2962" spans="2:12">
      <c r="B2962" s="359"/>
      <c r="C2962" s="360"/>
      <c r="D2962" s="359"/>
      <c r="E2962" s="359"/>
      <c r="F2962" s="360"/>
      <c r="G2962" s="360"/>
      <c r="H2962" s="360"/>
      <c r="I2962" s="360"/>
      <c r="J2962" s="359"/>
      <c r="K2962" s="359"/>
      <c r="L2962" s="359"/>
    </row>
    <row r="2963" spans="2:12" ht="42.75">
      <c r="B2963" s="359"/>
      <c r="C2963" s="359" t="s">
        <v>27484</v>
      </c>
      <c r="D2963" s="359"/>
      <c r="E2963" s="359"/>
      <c r="F2963" s="359" t="s">
        <v>14394</v>
      </c>
      <c r="G2963" s="359" t="s">
        <v>14395</v>
      </c>
      <c r="H2963" s="359" t="s">
        <v>14370</v>
      </c>
      <c r="I2963" s="359" t="s">
        <v>14395</v>
      </c>
      <c r="J2963" s="359"/>
      <c r="K2963" s="359"/>
      <c r="L2963" s="359"/>
    </row>
    <row r="2964" spans="2:12">
      <c r="B2964" s="359"/>
      <c r="C2964" s="360"/>
      <c r="D2964" s="359"/>
      <c r="E2964" s="359"/>
      <c r="F2964" s="360"/>
      <c r="G2964" s="360"/>
      <c r="H2964" s="360"/>
      <c r="I2964" s="360"/>
      <c r="J2964" s="359"/>
      <c r="K2964" s="359"/>
      <c r="L2964" s="359"/>
    </row>
    <row r="2965" spans="2:12">
      <c r="B2965" s="361"/>
      <c r="C2965" s="362"/>
      <c r="D2965" s="361"/>
      <c r="E2965" s="361"/>
      <c r="F2965" s="362"/>
      <c r="G2965" s="362"/>
      <c r="H2965" s="361" t="s">
        <v>14332</v>
      </c>
      <c r="I2965" s="362"/>
      <c r="J2965" s="361"/>
      <c r="K2965" s="361"/>
      <c r="L2965" s="361"/>
    </row>
    <row r="2966" spans="2:12">
      <c r="B2966" s="354" t="s">
        <v>16000</v>
      </c>
      <c r="C2966" s="355"/>
      <c r="D2966" s="355"/>
      <c r="E2966" s="355"/>
      <c r="F2966" s="355"/>
      <c r="G2966" s="355"/>
      <c r="H2966" s="355"/>
      <c r="I2966" s="355"/>
      <c r="J2966" s="355"/>
      <c r="K2966" s="355"/>
      <c r="L2966" s="363"/>
    </row>
    <row r="2967" spans="2:12">
      <c r="B2967" s="354" t="s">
        <v>28528</v>
      </c>
      <c r="C2967" s="355"/>
      <c r="D2967" s="355"/>
      <c r="E2967" s="355"/>
      <c r="F2967" s="355"/>
      <c r="G2967" s="355"/>
      <c r="H2967" s="355"/>
      <c r="I2967" s="355"/>
      <c r="J2967" s="355"/>
      <c r="K2967" s="355"/>
      <c r="L2967" s="363"/>
    </row>
    <row r="2968" spans="2:12">
      <c r="B2968" s="358" t="s">
        <v>16001</v>
      </c>
      <c r="C2968" s="358" t="s">
        <v>16002</v>
      </c>
      <c r="D2968" s="358" t="s">
        <v>16003</v>
      </c>
      <c r="E2968" s="358" t="s">
        <v>16004</v>
      </c>
      <c r="F2968" s="358" t="s">
        <v>14391</v>
      </c>
      <c r="G2968" s="358" t="s">
        <v>14392</v>
      </c>
      <c r="H2968" s="358" t="s">
        <v>14367</v>
      </c>
      <c r="I2968" s="358" t="s">
        <v>14392</v>
      </c>
      <c r="J2968" s="358"/>
      <c r="K2968" s="358"/>
      <c r="L2968" s="358"/>
    </row>
    <row r="2969" spans="2:12">
      <c r="B2969" s="359"/>
      <c r="C2969" s="359"/>
      <c r="D2969" s="359"/>
      <c r="E2969" s="359"/>
      <c r="F2969" s="360"/>
      <c r="G2969" s="360"/>
      <c r="H2969" s="360"/>
      <c r="I2969" s="360"/>
      <c r="J2969" s="359"/>
      <c r="K2969" s="359"/>
      <c r="L2969" s="359"/>
    </row>
    <row r="2970" spans="2:12" ht="28.5">
      <c r="B2970" s="361"/>
      <c r="C2970" s="361"/>
      <c r="D2970" s="361"/>
      <c r="E2970" s="361"/>
      <c r="F2970" s="361" t="s">
        <v>14462</v>
      </c>
      <c r="G2970" s="361" t="s">
        <v>14463</v>
      </c>
      <c r="H2970" s="361" t="s">
        <v>14422</v>
      </c>
      <c r="I2970" s="361" t="s">
        <v>14463</v>
      </c>
      <c r="J2970" s="361"/>
      <c r="K2970" s="361"/>
      <c r="L2970" s="361"/>
    </row>
    <row r="2971" spans="2:12" ht="28.5">
      <c r="B2971" s="358" t="s">
        <v>16005</v>
      </c>
      <c r="C2971" s="358" t="s">
        <v>28652</v>
      </c>
      <c r="D2971" s="358" t="s">
        <v>16006</v>
      </c>
      <c r="E2971" s="358" t="s">
        <v>16007</v>
      </c>
      <c r="F2971" s="358" t="s">
        <v>14462</v>
      </c>
      <c r="G2971" s="358" t="s">
        <v>14463</v>
      </c>
      <c r="H2971" s="358" t="s">
        <v>8356</v>
      </c>
      <c r="I2971" s="358" t="s">
        <v>14463</v>
      </c>
      <c r="J2971" s="358"/>
      <c r="K2971" s="358"/>
      <c r="L2971" s="358"/>
    </row>
    <row r="2972" spans="2:12">
      <c r="B2972" s="359"/>
      <c r="C2972" s="360"/>
      <c r="D2972" s="359"/>
      <c r="E2972" s="359"/>
      <c r="F2972" s="359"/>
      <c r="G2972" s="359"/>
      <c r="H2972" s="359"/>
      <c r="I2972" s="359"/>
      <c r="J2972" s="359"/>
      <c r="K2972" s="359"/>
      <c r="L2972" s="359"/>
    </row>
    <row r="2973" spans="2:12" ht="28.5">
      <c r="B2973" s="361"/>
      <c r="C2973" s="361" t="s">
        <v>16008</v>
      </c>
      <c r="D2973" s="361"/>
      <c r="E2973" s="361"/>
      <c r="F2973" s="361"/>
      <c r="G2973" s="361"/>
      <c r="H2973" s="361"/>
      <c r="I2973" s="361"/>
      <c r="J2973" s="361"/>
      <c r="K2973" s="361"/>
      <c r="L2973" s="361"/>
    </row>
    <row r="2974" spans="2:12">
      <c r="B2974" s="358" t="s">
        <v>16009</v>
      </c>
      <c r="C2974" s="358" t="s">
        <v>16010</v>
      </c>
      <c r="D2974" s="358" t="s">
        <v>16011</v>
      </c>
      <c r="E2974" s="358" t="s">
        <v>16012</v>
      </c>
      <c r="F2974" s="358" t="s">
        <v>14389</v>
      </c>
      <c r="G2974" s="358" t="s">
        <v>14390</v>
      </c>
      <c r="H2974" s="358" t="s">
        <v>14367</v>
      </c>
      <c r="I2974" s="358" t="s">
        <v>14390</v>
      </c>
      <c r="J2974" s="358"/>
      <c r="K2974" s="358"/>
      <c r="L2974" s="358"/>
    </row>
    <row r="2975" spans="2:12">
      <c r="B2975" s="359"/>
      <c r="C2975" s="359"/>
      <c r="D2975" s="359"/>
      <c r="E2975" s="359"/>
      <c r="F2975" s="360"/>
      <c r="G2975" s="360"/>
      <c r="H2975" s="360"/>
      <c r="I2975" s="360"/>
      <c r="J2975" s="359"/>
      <c r="K2975" s="359"/>
      <c r="L2975" s="359"/>
    </row>
    <row r="2976" spans="2:12" ht="28.5">
      <c r="B2976" s="361"/>
      <c r="C2976" s="361"/>
      <c r="D2976" s="361"/>
      <c r="E2976" s="361"/>
      <c r="F2976" s="361" t="s">
        <v>14472</v>
      </c>
      <c r="G2976" s="361" t="s">
        <v>14473</v>
      </c>
      <c r="H2976" s="361" t="s">
        <v>14422</v>
      </c>
      <c r="I2976" s="361" t="s">
        <v>14473</v>
      </c>
      <c r="J2976" s="361"/>
      <c r="K2976" s="361"/>
      <c r="L2976" s="361"/>
    </row>
    <row r="2977" spans="2:12">
      <c r="B2977" s="358" t="s">
        <v>16013</v>
      </c>
      <c r="C2977" s="358" t="s">
        <v>27485</v>
      </c>
      <c r="D2977" s="358" t="s">
        <v>16014</v>
      </c>
      <c r="E2977" s="358" t="s">
        <v>16015</v>
      </c>
      <c r="F2977" s="358" t="s">
        <v>14391</v>
      </c>
      <c r="G2977" s="358" t="s">
        <v>14392</v>
      </c>
      <c r="H2977" s="358" t="s">
        <v>14367</v>
      </c>
      <c r="I2977" s="358" t="s">
        <v>14392</v>
      </c>
      <c r="J2977" s="358"/>
      <c r="K2977" s="358"/>
      <c r="L2977" s="358"/>
    </row>
    <row r="2978" spans="2:12">
      <c r="B2978" s="359"/>
      <c r="C2978" s="359"/>
      <c r="D2978" s="359"/>
      <c r="E2978" s="359"/>
      <c r="F2978" s="359"/>
      <c r="G2978" s="359"/>
      <c r="H2978" s="360"/>
      <c r="I2978" s="359"/>
      <c r="J2978" s="359"/>
      <c r="K2978" s="359"/>
      <c r="L2978" s="359"/>
    </row>
    <row r="2979" spans="2:12">
      <c r="B2979" s="361"/>
      <c r="C2979" s="361"/>
      <c r="D2979" s="361"/>
      <c r="E2979" s="361"/>
      <c r="F2979" s="361"/>
      <c r="G2979" s="361"/>
      <c r="H2979" s="361" t="s">
        <v>14422</v>
      </c>
      <c r="I2979" s="361"/>
      <c r="J2979" s="361"/>
      <c r="K2979" s="361"/>
      <c r="L2979" s="361"/>
    </row>
    <row r="2980" spans="2:12" ht="42.75">
      <c r="B2980" s="358" t="s">
        <v>16016</v>
      </c>
      <c r="C2980" s="358" t="s">
        <v>27486</v>
      </c>
      <c r="D2980" s="358" t="s">
        <v>16017</v>
      </c>
      <c r="E2980" s="358" t="s">
        <v>16018</v>
      </c>
      <c r="F2980" s="358" t="s">
        <v>14382</v>
      </c>
      <c r="G2980" s="358" t="s">
        <v>14383</v>
      </c>
      <c r="H2980" s="358" t="s">
        <v>14341</v>
      </c>
      <c r="I2980" s="358" t="s">
        <v>14383</v>
      </c>
      <c r="J2980" s="358"/>
      <c r="K2980" s="358"/>
      <c r="L2980" s="358"/>
    </row>
    <row r="2981" spans="2:12">
      <c r="B2981" s="359"/>
      <c r="C2981" s="359"/>
      <c r="D2981" s="359"/>
      <c r="E2981" s="359"/>
      <c r="F2981" s="360"/>
      <c r="G2981" s="360"/>
      <c r="H2981" s="360"/>
      <c r="I2981" s="360"/>
      <c r="J2981" s="359"/>
      <c r="K2981" s="359"/>
      <c r="L2981" s="359"/>
    </row>
    <row r="2982" spans="2:12">
      <c r="B2982" s="359"/>
      <c r="C2982" s="359"/>
      <c r="D2982" s="359"/>
      <c r="E2982" s="359"/>
      <c r="F2982" s="359" t="s">
        <v>14430</v>
      </c>
      <c r="G2982" s="359" t="s">
        <v>14431</v>
      </c>
      <c r="H2982" s="359" t="s">
        <v>14378</v>
      </c>
      <c r="I2982" s="359" t="s">
        <v>14431</v>
      </c>
      <c r="J2982" s="359"/>
      <c r="K2982" s="359"/>
      <c r="L2982" s="359"/>
    </row>
    <row r="2983" spans="2:12">
      <c r="B2983" s="359"/>
      <c r="C2983" s="359"/>
      <c r="D2983" s="359"/>
      <c r="E2983" s="359"/>
      <c r="F2983" s="360"/>
      <c r="G2983" s="360"/>
      <c r="H2983" s="360"/>
      <c r="I2983" s="360"/>
      <c r="J2983" s="359"/>
      <c r="K2983" s="359"/>
      <c r="L2983" s="359"/>
    </row>
    <row r="2984" spans="2:12">
      <c r="B2984" s="359"/>
      <c r="C2984" s="359"/>
      <c r="D2984" s="359"/>
      <c r="E2984" s="359"/>
      <c r="F2984" s="359" t="s">
        <v>14371</v>
      </c>
      <c r="G2984" s="359" t="s">
        <v>14372</v>
      </c>
      <c r="H2984" s="359" t="s">
        <v>14370</v>
      </c>
      <c r="I2984" s="359" t="s">
        <v>14373</v>
      </c>
      <c r="J2984" s="359"/>
      <c r="K2984" s="359"/>
      <c r="L2984" s="359"/>
    </row>
    <row r="2985" spans="2:12">
      <c r="B2985" s="359"/>
      <c r="C2985" s="359"/>
      <c r="D2985" s="359"/>
      <c r="E2985" s="359"/>
      <c r="F2985" s="360"/>
      <c r="G2985" s="360"/>
      <c r="H2985" s="360"/>
      <c r="I2985" s="360"/>
      <c r="J2985" s="359"/>
      <c r="K2985" s="359"/>
      <c r="L2985" s="359"/>
    </row>
    <row r="2986" spans="2:12" ht="28.5">
      <c r="B2986" s="361"/>
      <c r="C2986" s="361"/>
      <c r="D2986" s="361"/>
      <c r="E2986" s="361"/>
      <c r="F2986" s="361" t="s">
        <v>14374</v>
      </c>
      <c r="G2986" s="361" t="s">
        <v>14373</v>
      </c>
      <c r="H2986" s="361" t="s">
        <v>14332</v>
      </c>
      <c r="I2986" s="362"/>
      <c r="J2986" s="361"/>
      <c r="K2986" s="361"/>
      <c r="L2986" s="361"/>
    </row>
    <row r="2987" spans="2:12">
      <c r="B2987" s="358" t="s">
        <v>16019</v>
      </c>
      <c r="C2987" s="358" t="s">
        <v>16020</v>
      </c>
      <c r="D2987" s="358" t="s">
        <v>16021</v>
      </c>
      <c r="E2987" s="358" t="s">
        <v>16022</v>
      </c>
      <c r="F2987" s="358" t="s">
        <v>14420</v>
      </c>
      <c r="G2987" s="358" t="s">
        <v>14429</v>
      </c>
      <c r="H2987" s="358" t="s">
        <v>14367</v>
      </c>
      <c r="I2987" s="358" t="s">
        <v>14429</v>
      </c>
      <c r="J2987" s="358"/>
      <c r="K2987" s="358"/>
      <c r="L2987" s="358"/>
    </row>
    <row r="2988" spans="2:12">
      <c r="B2988" s="359"/>
      <c r="C2988" s="359"/>
      <c r="D2988" s="359"/>
      <c r="E2988" s="359"/>
      <c r="F2988" s="360"/>
      <c r="G2988" s="360"/>
      <c r="H2988" s="360"/>
      <c r="I2988" s="360"/>
      <c r="J2988" s="359"/>
      <c r="K2988" s="359"/>
      <c r="L2988" s="359"/>
    </row>
    <row r="2989" spans="2:12" ht="28.5">
      <c r="B2989" s="361"/>
      <c r="C2989" s="361"/>
      <c r="D2989" s="361"/>
      <c r="E2989" s="361"/>
      <c r="F2989" s="361" t="s">
        <v>14472</v>
      </c>
      <c r="G2989" s="361" t="s">
        <v>14473</v>
      </c>
      <c r="H2989" s="361" t="s">
        <v>14422</v>
      </c>
      <c r="I2989" s="361" t="s">
        <v>14473</v>
      </c>
      <c r="J2989" s="361"/>
      <c r="K2989" s="361"/>
      <c r="L2989" s="361"/>
    </row>
    <row r="2990" spans="2:12">
      <c r="B2990" s="358" t="s">
        <v>16023</v>
      </c>
      <c r="C2990" s="358" t="s">
        <v>27487</v>
      </c>
      <c r="D2990" s="358" t="s">
        <v>16024</v>
      </c>
      <c r="E2990" s="358" t="s">
        <v>8356</v>
      </c>
      <c r="F2990" s="358" t="s">
        <v>14386</v>
      </c>
      <c r="G2990" s="358" t="s">
        <v>14387</v>
      </c>
      <c r="H2990" s="358" t="s">
        <v>14367</v>
      </c>
      <c r="I2990" s="358" t="s">
        <v>14387</v>
      </c>
      <c r="J2990" s="358"/>
      <c r="K2990" s="358"/>
      <c r="L2990" s="358"/>
    </row>
    <row r="2991" spans="2:12">
      <c r="B2991" s="359"/>
      <c r="C2991" s="360"/>
      <c r="D2991" s="359"/>
      <c r="E2991" s="359"/>
      <c r="F2991" s="360"/>
      <c r="G2991" s="360"/>
      <c r="H2991" s="360"/>
      <c r="I2991" s="360"/>
      <c r="J2991" s="359"/>
      <c r="K2991" s="359"/>
      <c r="L2991" s="359"/>
    </row>
    <row r="2992" spans="2:12" ht="28.5">
      <c r="B2992" s="359"/>
      <c r="C2992" s="359" t="s">
        <v>30084</v>
      </c>
      <c r="D2992" s="359"/>
      <c r="E2992" s="359"/>
      <c r="F2992" s="359" t="s">
        <v>14391</v>
      </c>
      <c r="G2992" s="359" t="s">
        <v>14392</v>
      </c>
      <c r="H2992" s="359" t="s">
        <v>14422</v>
      </c>
      <c r="I2992" s="359" t="s">
        <v>14392</v>
      </c>
      <c r="J2992" s="359"/>
      <c r="K2992" s="359"/>
      <c r="L2992" s="359"/>
    </row>
    <row r="2993" spans="2:12">
      <c r="B2993" s="359"/>
      <c r="C2993" s="360"/>
      <c r="D2993" s="359"/>
      <c r="E2993" s="359"/>
      <c r="F2993" s="360"/>
      <c r="G2993" s="360"/>
      <c r="H2993" s="360"/>
      <c r="I2993" s="360"/>
      <c r="J2993" s="359"/>
      <c r="K2993" s="359"/>
      <c r="L2993" s="359"/>
    </row>
    <row r="2994" spans="2:12" ht="28.5">
      <c r="B2994" s="361"/>
      <c r="C2994" s="362"/>
      <c r="D2994" s="361"/>
      <c r="E2994" s="361"/>
      <c r="F2994" s="361" t="s">
        <v>14472</v>
      </c>
      <c r="G2994" s="361" t="s">
        <v>14473</v>
      </c>
      <c r="H2994" s="362"/>
      <c r="I2994" s="361" t="s">
        <v>14473</v>
      </c>
      <c r="J2994" s="361"/>
      <c r="K2994" s="361"/>
      <c r="L2994" s="361"/>
    </row>
    <row r="2995" spans="2:12" ht="28.5">
      <c r="B2995" s="358" t="s">
        <v>10214</v>
      </c>
      <c r="C2995" s="358" t="s">
        <v>16025</v>
      </c>
      <c r="D2995" s="358" t="s">
        <v>16</v>
      </c>
      <c r="E2995" s="358" t="s">
        <v>8356</v>
      </c>
      <c r="F2995" s="358" t="s">
        <v>14376</v>
      </c>
      <c r="G2995" s="358" t="s">
        <v>14669</v>
      </c>
      <c r="H2995" s="358" t="s">
        <v>14381</v>
      </c>
      <c r="I2995" s="358" t="s">
        <v>14669</v>
      </c>
      <c r="J2995" s="358"/>
      <c r="K2995" s="358"/>
      <c r="L2995" s="358"/>
    </row>
    <row r="2996" spans="2:12">
      <c r="B2996" s="359"/>
      <c r="C2996" s="360"/>
      <c r="D2996" s="359"/>
      <c r="E2996" s="359"/>
      <c r="F2996" s="360"/>
      <c r="G2996" s="360"/>
      <c r="H2996" s="360"/>
      <c r="I2996" s="360"/>
      <c r="J2996" s="359"/>
      <c r="K2996" s="359"/>
      <c r="L2996" s="359"/>
    </row>
    <row r="2997" spans="2:12" ht="28.5">
      <c r="B2997" s="359"/>
      <c r="C2997" s="359" t="s">
        <v>16026</v>
      </c>
      <c r="D2997" s="359"/>
      <c r="E2997" s="359"/>
      <c r="F2997" s="359" t="s">
        <v>14889</v>
      </c>
      <c r="G2997" s="359" t="s">
        <v>14890</v>
      </c>
      <c r="H2997" s="359" t="s">
        <v>14367</v>
      </c>
      <c r="I2997" s="359" t="s">
        <v>14890</v>
      </c>
      <c r="J2997" s="359"/>
      <c r="K2997" s="359"/>
      <c r="L2997" s="359"/>
    </row>
    <row r="2998" spans="2:12">
      <c r="B2998" s="359"/>
      <c r="C2998" s="360"/>
      <c r="D2998" s="359"/>
      <c r="E2998" s="359"/>
      <c r="F2998" s="360"/>
      <c r="G2998" s="360"/>
      <c r="H2998" s="360"/>
      <c r="I2998" s="360"/>
      <c r="J2998" s="359"/>
      <c r="K2998" s="359"/>
      <c r="L2998" s="359"/>
    </row>
    <row r="2999" spans="2:12" ht="28.5">
      <c r="B2999" s="361"/>
      <c r="C2999" s="361" t="s">
        <v>16027</v>
      </c>
      <c r="D2999" s="361"/>
      <c r="E2999" s="361"/>
      <c r="F2999" s="361" t="s">
        <v>14391</v>
      </c>
      <c r="G2999" s="361" t="s">
        <v>14392</v>
      </c>
      <c r="H2999" s="361" t="s">
        <v>14332</v>
      </c>
      <c r="I2999" s="361" t="s">
        <v>14392</v>
      </c>
      <c r="J2999" s="361"/>
      <c r="K2999" s="361"/>
      <c r="L2999" s="361"/>
    </row>
    <row r="3000" spans="2:12">
      <c r="B3000" s="358" t="s">
        <v>16028</v>
      </c>
      <c r="C3000" s="358" t="s">
        <v>16029</v>
      </c>
      <c r="D3000" s="358" t="s">
        <v>16030</v>
      </c>
      <c r="E3000" s="358" t="s">
        <v>16031</v>
      </c>
      <c r="F3000" s="358" t="s">
        <v>14418</v>
      </c>
      <c r="G3000" s="358" t="s">
        <v>14419</v>
      </c>
      <c r="H3000" s="358" t="s">
        <v>14328</v>
      </c>
      <c r="I3000" s="358" t="s">
        <v>14419</v>
      </c>
      <c r="J3000" s="358"/>
      <c r="K3000" s="358"/>
      <c r="L3000" s="358"/>
    </row>
    <row r="3001" spans="2:12">
      <c r="B3001" s="359"/>
      <c r="C3001" s="359"/>
      <c r="D3001" s="359"/>
      <c r="E3001" s="359"/>
      <c r="F3001" s="360"/>
      <c r="G3001" s="360"/>
      <c r="H3001" s="360"/>
      <c r="I3001" s="360"/>
      <c r="J3001" s="359"/>
      <c r="K3001" s="359"/>
      <c r="L3001" s="359"/>
    </row>
    <row r="3002" spans="2:12">
      <c r="B3002" s="359"/>
      <c r="C3002" s="359"/>
      <c r="D3002" s="359"/>
      <c r="E3002" s="359"/>
      <c r="F3002" s="359" t="s">
        <v>14382</v>
      </c>
      <c r="G3002" s="359" t="s">
        <v>14483</v>
      </c>
      <c r="H3002" s="359" t="s">
        <v>14378</v>
      </c>
      <c r="I3002" s="359" t="s">
        <v>14483</v>
      </c>
      <c r="J3002" s="359"/>
      <c r="K3002" s="359"/>
      <c r="L3002" s="359"/>
    </row>
    <row r="3003" spans="2:12">
      <c r="B3003" s="359"/>
      <c r="C3003" s="359"/>
      <c r="D3003" s="359"/>
      <c r="E3003" s="359"/>
      <c r="F3003" s="360"/>
      <c r="G3003" s="360"/>
      <c r="H3003" s="360"/>
      <c r="I3003" s="360"/>
      <c r="J3003" s="359"/>
      <c r="K3003" s="359"/>
      <c r="L3003" s="359"/>
    </row>
    <row r="3004" spans="2:12">
      <c r="B3004" s="359"/>
      <c r="C3004" s="359"/>
      <c r="D3004" s="359"/>
      <c r="E3004" s="359"/>
      <c r="F3004" s="359" t="s">
        <v>14420</v>
      </c>
      <c r="G3004" s="359" t="s">
        <v>14429</v>
      </c>
      <c r="H3004" s="359" t="s">
        <v>14341</v>
      </c>
      <c r="I3004" s="359" t="s">
        <v>14429</v>
      </c>
      <c r="J3004" s="359"/>
      <c r="K3004" s="359"/>
      <c r="L3004" s="359"/>
    </row>
    <row r="3005" spans="2:12">
      <c r="B3005" s="359"/>
      <c r="C3005" s="359"/>
      <c r="D3005" s="359"/>
      <c r="E3005" s="359"/>
      <c r="F3005" s="360"/>
      <c r="G3005" s="360"/>
      <c r="H3005" s="360"/>
      <c r="I3005" s="360"/>
      <c r="J3005" s="359"/>
      <c r="K3005" s="359"/>
      <c r="L3005" s="359"/>
    </row>
    <row r="3006" spans="2:12">
      <c r="B3006" s="359"/>
      <c r="C3006" s="359"/>
      <c r="D3006" s="359"/>
      <c r="E3006" s="359"/>
      <c r="F3006" s="359" t="s">
        <v>14356</v>
      </c>
      <c r="G3006" s="359" t="s">
        <v>14340</v>
      </c>
      <c r="H3006" s="359" t="s">
        <v>14370</v>
      </c>
      <c r="I3006" s="359" t="s">
        <v>14340</v>
      </c>
      <c r="J3006" s="359"/>
      <c r="K3006" s="359"/>
      <c r="L3006" s="359"/>
    </row>
    <row r="3007" spans="2:12">
      <c r="B3007" s="359"/>
      <c r="C3007" s="359"/>
      <c r="D3007" s="359"/>
      <c r="E3007" s="359"/>
      <c r="F3007" s="360"/>
      <c r="G3007" s="360"/>
      <c r="H3007" s="360"/>
      <c r="I3007" s="360"/>
      <c r="J3007" s="359"/>
      <c r="K3007" s="359"/>
      <c r="L3007" s="359"/>
    </row>
    <row r="3008" spans="2:12" ht="28.5">
      <c r="B3008" s="361"/>
      <c r="C3008" s="361"/>
      <c r="D3008" s="361"/>
      <c r="E3008" s="361"/>
      <c r="F3008" s="361" t="s">
        <v>14394</v>
      </c>
      <c r="G3008" s="361" t="s">
        <v>14395</v>
      </c>
      <c r="H3008" s="361" t="s">
        <v>14332</v>
      </c>
      <c r="I3008" s="361" t="s">
        <v>14395</v>
      </c>
      <c r="J3008" s="361"/>
      <c r="K3008" s="361"/>
      <c r="L3008" s="361"/>
    </row>
    <row r="3009" spans="2:12">
      <c r="B3009" s="358" t="s">
        <v>16032</v>
      </c>
      <c r="C3009" s="358" t="s">
        <v>16033</v>
      </c>
      <c r="D3009" s="358" t="s">
        <v>16034</v>
      </c>
      <c r="E3009" s="358" t="s">
        <v>16035</v>
      </c>
      <c r="F3009" s="358" t="s">
        <v>14443</v>
      </c>
      <c r="G3009" s="358" t="s">
        <v>14444</v>
      </c>
      <c r="H3009" s="358" t="s">
        <v>14341</v>
      </c>
      <c r="I3009" s="358" t="s">
        <v>14444</v>
      </c>
      <c r="J3009" s="358"/>
      <c r="K3009" s="358"/>
      <c r="L3009" s="358"/>
    </row>
    <row r="3010" spans="2:12">
      <c r="B3010" s="359"/>
      <c r="C3010" s="359"/>
      <c r="D3010" s="359"/>
      <c r="E3010" s="359"/>
      <c r="F3010" s="360"/>
      <c r="G3010" s="360"/>
      <c r="H3010" s="360"/>
      <c r="I3010" s="360"/>
      <c r="J3010" s="359"/>
      <c r="K3010" s="359"/>
      <c r="L3010" s="359"/>
    </row>
    <row r="3011" spans="2:12">
      <c r="B3011" s="359"/>
      <c r="C3011" s="359"/>
      <c r="D3011" s="359"/>
      <c r="E3011" s="359"/>
      <c r="F3011" s="359" t="s">
        <v>14430</v>
      </c>
      <c r="G3011" s="359" t="s">
        <v>14431</v>
      </c>
      <c r="H3011" s="359" t="s">
        <v>14381</v>
      </c>
      <c r="I3011" s="359" t="s">
        <v>14431</v>
      </c>
      <c r="J3011" s="359"/>
      <c r="K3011" s="359"/>
      <c r="L3011" s="359"/>
    </row>
    <row r="3012" spans="2:12">
      <c r="B3012" s="359"/>
      <c r="C3012" s="359"/>
      <c r="D3012" s="359"/>
      <c r="E3012" s="359"/>
      <c r="F3012" s="360"/>
      <c r="G3012" s="360"/>
      <c r="H3012" s="360"/>
      <c r="I3012" s="360"/>
      <c r="J3012" s="359"/>
      <c r="K3012" s="359"/>
      <c r="L3012" s="359"/>
    </row>
    <row r="3013" spans="2:12">
      <c r="B3013" s="361"/>
      <c r="C3013" s="361"/>
      <c r="D3013" s="361"/>
      <c r="E3013" s="361"/>
      <c r="F3013" s="362"/>
      <c r="G3013" s="362"/>
      <c r="H3013" s="361" t="s">
        <v>14332</v>
      </c>
      <c r="I3013" s="362"/>
      <c r="J3013" s="361"/>
      <c r="K3013" s="361"/>
      <c r="L3013" s="361"/>
    </row>
    <row r="3014" spans="2:12">
      <c r="B3014" s="358" t="s">
        <v>16036</v>
      </c>
      <c r="C3014" s="358" t="s">
        <v>16037</v>
      </c>
      <c r="D3014" s="358" t="s">
        <v>16038</v>
      </c>
      <c r="E3014" s="358" t="s">
        <v>6795</v>
      </c>
      <c r="F3014" s="358" t="s">
        <v>14443</v>
      </c>
      <c r="G3014" s="358" t="s">
        <v>14444</v>
      </c>
      <c r="H3014" s="358" t="s">
        <v>16039</v>
      </c>
      <c r="I3014" s="358" t="s">
        <v>14444</v>
      </c>
      <c r="J3014" s="358"/>
      <c r="K3014" s="358"/>
      <c r="L3014" s="358"/>
    </row>
    <row r="3015" spans="2:12">
      <c r="B3015" s="359"/>
      <c r="C3015" s="359"/>
      <c r="D3015" s="359"/>
      <c r="E3015" s="359"/>
      <c r="F3015" s="359"/>
      <c r="G3015" s="359"/>
      <c r="H3015" s="360"/>
      <c r="I3015" s="359"/>
      <c r="J3015" s="359"/>
      <c r="K3015" s="359"/>
      <c r="L3015" s="359"/>
    </row>
    <row r="3016" spans="2:12">
      <c r="B3016" s="361"/>
      <c r="C3016" s="361"/>
      <c r="D3016" s="361"/>
      <c r="E3016" s="361"/>
      <c r="F3016" s="361"/>
      <c r="G3016" s="361"/>
      <c r="H3016" s="361" t="s">
        <v>14422</v>
      </c>
      <c r="I3016" s="361"/>
      <c r="J3016" s="361"/>
      <c r="K3016" s="361"/>
      <c r="L3016" s="361"/>
    </row>
    <row r="3017" spans="2:12" ht="42.75">
      <c r="B3017" s="358" t="s">
        <v>10216</v>
      </c>
      <c r="C3017" s="358" t="s">
        <v>16040</v>
      </c>
      <c r="D3017" s="358" t="s">
        <v>10217</v>
      </c>
      <c r="E3017" s="358" t="s">
        <v>10218</v>
      </c>
      <c r="F3017" s="358" t="s">
        <v>28653</v>
      </c>
      <c r="G3017" s="358" t="s">
        <v>14669</v>
      </c>
      <c r="H3017" s="358" t="s">
        <v>14381</v>
      </c>
      <c r="I3017" s="358" t="s">
        <v>14669</v>
      </c>
      <c r="J3017" s="358"/>
      <c r="K3017" s="358" t="s">
        <v>28654</v>
      </c>
      <c r="L3017" s="358"/>
    </row>
    <row r="3018" spans="2:12">
      <c r="B3018" s="359"/>
      <c r="C3018" s="359"/>
      <c r="D3018" s="359"/>
      <c r="E3018" s="359"/>
      <c r="F3018" s="360"/>
      <c r="G3018" s="360"/>
      <c r="H3018" s="360"/>
      <c r="I3018" s="360"/>
      <c r="J3018" s="359"/>
      <c r="K3018" s="360"/>
      <c r="L3018" s="359"/>
    </row>
    <row r="3019" spans="2:12">
      <c r="B3019" s="359"/>
      <c r="C3019" s="359"/>
      <c r="D3019" s="359"/>
      <c r="E3019" s="359"/>
      <c r="F3019" s="359" t="s">
        <v>14384</v>
      </c>
      <c r="G3019" s="359" t="s">
        <v>16042</v>
      </c>
      <c r="H3019" s="359" t="s">
        <v>14332</v>
      </c>
      <c r="I3019" s="359" t="s">
        <v>16042</v>
      </c>
      <c r="J3019" s="359"/>
      <c r="K3019" s="359" t="s">
        <v>28655</v>
      </c>
      <c r="L3019" s="359"/>
    </row>
    <row r="3020" spans="2:12">
      <c r="B3020" s="359"/>
      <c r="C3020" s="359"/>
      <c r="D3020" s="359"/>
      <c r="E3020" s="359"/>
      <c r="F3020" s="360"/>
      <c r="G3020" s="360"/>
      <c r="H3020" s="360"/>
      <c r="I3020" s="360"/>
      <c r="J3020" s="359"/>
      <c r="K3020" s="360"/>
      <c r="L3020" s="359"/>
    </row>
    <row r="3021" spans="2:12" ht="28.5">
      <c r="B3021" s="359"/>
      <c r="C3021" s="359"/>
      <c r="D3021" s="359"/>
      <c r="E3021" s="359"/>
      <c r="F3021" s="360"/>
      <c r="G3021" s="359" t="s">
        <v>16043</v>
      </c>
      <c r="H3021" s="360"/>
      <c r="I3021" s="359" t="s">
        <v>16043</v>
      </c>
      <c r="J3021" s="359"/>
      <c r="K3021" s="359" t="s">
        <v>28656</v>
      </c>
      <c r="L3021" s="359"/>
    </row>
    <row r="3022" spans="2:12">
      <c r="B3022" s="359"/>
      <c r="C3022" s="359"/>
      <c r="D3022" s="359"/>
      <c r="E3022" s="359"/>
      <c r="F3022" s="360"/>
      <c r="G3022" s="360"/>
      <c r="H3022" s="360"/>
      <c r="I3022" s="360"/>
      <c r="J3022" s="359"/>
      <c r="K3022" s="360"/>
      <c r="L3022" s="359"/>
    </row>
    <row r="3023" spans="2:12" ht="28.5">
      <c r="B3023" s="359"/>
      <c r="C3023" s="359"/>
      <c r="D3023" s="359"/>
      <c r="E3023" s="359"/>
      <c r="F3023" s="360"/>
      <c r="G3023" s="360"/>
      <c r="H3023" s="360"/>
      <c r="I3023" s="360"/>
      <c r="J3023" s="359"/>
      <c r="K3023" s="359" t="s">
        <v>28657</v>
      </c>
      <c r="L3023" s="359"/>
    </row>
    <row r="3024" spans="2:12">
      <c r="B3024" s="359"/>
      <c r="C3024" s="359"/>
      <c r="D3024" s="359"/>
      <c r="E3024" s="359"/>
      <c r="F3024" s="360"/>
      <c r="G3024" s="360"/>
      <c r="H3024" s="360"/>
      <c r="I3024" s="360"/>
      <c r="J3024" s="359"/>
      <c r="K3024" s="360"/>
      <c r="L3024" s="359"/>
    </row>
    <row r="3025" spans="2:12">
      <c r="B3025" s="361"/>
      <c r="C3025" s="361"/>
      <c r="D3025" s="361"/>
      <c r="E3025" s="361"/>
      <c r="F3025" s="362"/>
      <c r="G3025" s="362"/>
      <c r="H3025" s="362"/>
      <c r="I3025" s="362"/>
      <c r="J3025" s="361"/>
      <c r="K3025" s="361" t="s">
        <v>28658</v>
      </c>
      <c r="L3025" s="361"/>
    </row>
    <row r="3026" spans="2:12">
      <c r="B3026" s="358" t="s">
        <v>13025</v>
      </c>
      <c r="C3026" s="358" t="s">
        <v>16045</v>
      </c>
      <c r="D3026" s="358" t="s">
        <v>152</v>
      </c>
      <c r="E3026" s="358" t="s">
        <v>153</v>
      </c>
      <c r="F3026" s="358" t="s">
        <v>14424</v>
      </c>
      <c r="G3026" s="358" t="s">
        <v>16046</v>
      </c>
      <c r="H3026" s="358" t="s">
        <v>14381</v>
      </c>
      <c r="I3026" s="358" t="s">
        <v>16046</v>
      </c>
      <c r="J3026" s="358"/>
      <c r="K3026" s="358"/>
      <c r="L3026" s="358"/>
    </row>
    <row r="3027" spans="2:12">
      <c r="B3027" s="359"/>
      <c r="C3027" s="359"/>
      <c r="D3027" s="359"/>
      <c r="E3027" s="359"/>
      <c r="F3027" s="359"/>
      <c r="G3027" s="359"/>
      <c r="H3027" s="360"/>
      <c r="I3027" s="359"/>
      <c r="J3027" s="359"/>
      <c r="K3027" s="359"/>
      <c r="L3027" s="359"/>
    </row>
    <row r="3028" spans="2:12">
      <c r="B3028" s="361"/>
      <c r="C3028" s="361"/>
      <c r="D3028" s="361"/>
      <c r="E3028" s="361"/>
      <c r="F3028" s="361"/>
      <c r="G3028" s="361"/>
      <c r="H3028" s="361" t="s">
        <v>14332</v>
      </c>
      <c r="I3028" s="361"/>
      <c r="J3028" s="361"/>
      <c r="K3028" s="361"/>
      <c r="L3028" s="361"/>
    </row>
    <row r="3029" spans="2:12">
      <c r="B3029" s="358" t="s">
        <v>16047</v>
      </c>
      <c r="C3029" s="358" t="s">
        <v>16048</v>
      </c>
      <c r="D3029" s="358" t="s">
        <v>16049</v>
      </c>
      <c r="E3029" s="358" t="s">
        <v>6809</v>
      </c>
      <c r="F3029" s="358" t="s">
        <v>14391</v>
      </c>
      <c r="G3029" s="358" t="s">
        <v>14392</v>
      </c>
      <c r="H3029" s="358" t="s">
        <v>14367</v>
      </c>
      <c r="I3029" s="358" t="s">
        <v>14392</v>
      </c>
      <c r="J3029" s="358"/>
      <c r="K3029" s="358"/>
      <c r="L3029" s="358"/>
    </row>
    <row r="3030" spans="2:12">
      <c r="B3030" s="359"/>
      <c r="C3030" s="359"/>
      <c r="D3030" s="359"/>
      <c r="E3030" s="359"/>
      <c r="F3030" s="360"/>
      <c r="G3030" s="360"/>
      <c r="H3030" s="360"/>
      <c r="I3030" s="360"/>
      <c r="J3030" s="359"/>
      <c r="K3030" s="359"/>
      <c r="L3030" s="359"/>
    </row>
    <row r="3031" spans="2:12">
      <c r="B3031" s="359"/>
      <c r="C3031" s="359"/>
      <c r="D3031" s="359"/>
      <c r="E3031" s="359"/>
      <c r="F3031" s="359" t="s">
        <v>14371</v>
      </c>
      <c r="G3031" s="359" t="s">
        <v>14372</v>
      </c>
      <c r="H3031" s="359" t="s">
        <v>14370</v>
      </c>
      <c r="I3031" s="359" t="s">
        <v>14373</v>
      </c>
      <c r="J3031" s="359"/>
      <c r="K3031" s="359"/>
      <c r="L3031" s="359"/>
    </row>
    <row r="3032" spans="2:12">
      <c r="B3032" s="359"/>
      <c r="C3032" s="359"/>
      <c r="D3032" s="359"/>
      <c r="E3032" s="359"/>
      <c r="F3032" s="360"/>
      <c r="G3032" s="360"/>
      <c r="H3032" s="360"/>
      <c r="I3032" s="360"/>
      <c r="J3032" s="359"/>
      <c r="K3032" s="359"/>
      <c r="L3032" s="359"/>
    </row>
    <row r="3033" spans="2:12" ht="28.5">
      <c r="B3033" s="361"/>
      <c r="C3033" s="361"/>
      <c r="D3033" s="361"/>
      <c r="E3033" s="361"/>
      <c r="F3033" s="361" t="s">
        <v>14374</v>
      </c>
      <c r="G3033" s="361" t="s">
        <v>14373</v>
      </c>
      <c r="H3033" s="361" t="s">
        <v>14422</v>
      </c>
      <c r="I3033" s="362"/>
      <c r="J3033" s="361"/>
      <c r="K3033" s="361"/>
      <c r="L3033" s="361"/>
    </row>
    <row r="3034" spans="2:12" ht="57">
      <c r="B3034" s="358" t="s">
        <v>16050</v>
      </c>
      <c r="C3034" s="358" t="s">
        <v>16051</v>
      </c>
      <c r="D3034" s="358" t="s">
        <v>16052</v>
      </c>
      <c r="E3034" s="358" t="s">
        <v>16053</v>
      </c>
      <c r="F3034" s="358" t="s">
        <v>14507</v>
      </c>
      <c r="G3034" s="358" t="s">
        <v>16054</v>
      </c>
      <c r="H3034" s="358" t="s">
        <v>14381</v>
      </c>
      <c r="I3034" s="358" t="s">
        <v>16054</v>
      </c>
      <c r="J3034" s="358"/>
      <c r="K3034" s="358"/>
      <c r="L3034" s="358"/>
    </row>
    <row r="3035" spans="2:12">
      <c r="B3035" s="359"/>
      <c r="C3035" s="359"/>
      <c r="D3035" s="359"/>
      <c r="E3035" s="359"/>
      <c r="F3035" s="359"/>
      <c r="G3035" s="359"/>
      <c r="H3035" s="360"/>
      <c r="I3035" s="359"/>
      <c r="J3035" s="359"/>
      <c r="K3035" s="359"/>
      <c r="L3035" s="359"/>
    </row>
    <row r="3036" spans="2:12">
      <c r="B3036" s="361"/>
      <c r="C3036" s="361"/>
      <c r="D3036" s="361"/>
      <c r="E3036" s="361"/>
      <c r="F3036" s="361"/>
      <c r="G3036" s="361"/>
      <c r="H3036" s="361" t="s">
        <v>14422</v>
      </c>
      <c r="I3036" s="361"/>
      <c r="J3036" s="361"/>
      <c r="K3036" s="361"/>
      <c r="L3036" s="361"/>
    </row>
    <row r="3037" spans="2:12">
      <c r="B3037" s="358" t="s">
        <v>16055</v>
      </c>
      <c r="C3037" s="358" t="s">
        <v>16056</v>
      </c>
      <c r="D3037" s="358" t="s">
        <v>16057</v>
      </c>
      <c r="E3037" s="358" t="s">
        <v>16058</v>
      </c>
      <c r="F3037" s="358" t="s">
        <v>14326</v>
      </c>
      <c r="G3037" s="358" t="s">
        <v>14327</v>
      </c>
      <c r="H3037" s="358" t="s">
        <v>14328</v>
      </c>
      <c r="I3037" s="358" t="s">
        <v>14327</v>
      </c>
      <c r="J3037" s="358"/>
      <c r="K3037" s="358"/>
      <c r="L3037" s="358" t="s">
        <v>14329</v>
      </c>
    </row>
    <row r="3038" spans="2:12">
      <c r="B3038" s="359"/>
      <c r="C3038" s="359"/>
      <c r="D3038" s="359"/>
      <c r="E3038" s="359"/>
      <c r="F3038" s="360"/>
      <c r="G3038" s="360"/>
      <c r="H3038" s="360"/>
      <c r="I3038" s="360"/>
      <c r="J3038" s="359"/>
      <c r="K3038" s="359"/>
      <c r="L3038" s="359"/>
    </row>
    <row r="3039" spans="2:12">
      <c r="B3039" s="359"/>
      <c r="C3039" s="359"/>
      <c r="D3039" s="359"/>
      <c r="E3039" s="359"/>
      <c r="F3039" s="359" t="s">
        <v>14330</v>
      </c>
      <c r="G3039" s="359" t="s">
        <v>14380</v>
      </c>
      <c r="H3039" s="359" t="s">
        <v>14331</v>
      </c>
      <c r="I3039" s="359" t="s">
        <v>14380</v>
      </c>
      <c r="J3039" s="359"/>
      <c r="K3039" s="359"/>
      <c r="L3039" s="359"/>
    </row>
    <row r="3040" spans="2:12">
      <c r="B3040" s="359"/>
      <c r="C3040" s="359"/>
      <c r="D3040" s="359"/>
      <c r="E3040" s="359"/>
      <c r="F3040" s="360"/>
      <c r="G3040" s="360"/>
      <c r="H3040" s="360"/>
      <c r="I3040" s="360"/>
      <c r="J3040" s="359"/>
      <c r="K3040" s="359"/>
      <c r="L3040" s="359"/>
    </row>
    <row r="3041" spans="2:12">
      <c r="B3041" s="359"/>
      <c r="C3041" s="359"/>
      <c r="D3041" s="359"/>
      <c r="E3041" s="359"/>
      <c r="F3041" s="359" t="s">
        <v>14379</v>
      </c>
      <c r="G3041" s="359" t="s">
        <v>14372</v>
      </c>
      <c r="H3041" s="359" t="s">
        <v>14378</v>
      </c>
      <c r="I3041" s="359" t="s">
        <v>14372</v>
      </c>
      <c r="J3041" s="359"/>
      <c r="K3041" s="359"/>
      <c r="L3041" s="359"/>
    </row>
    <row r="3042" spans="2:12">
      <c r="B3042" s="359"/>
      <c r="C3042" s="359"/>
      <c r="D3042" s="359"/>
      <c r="E3042" s="359"/>
      <c r="F3042" s="360"/>
      <c r="G3042" s="360"/>
      <c r="H3042" s="360"/>
      <c r="I3042" s="360"/>
      <c r="J3042" s="359"/>
      <c r="K3042" s="359"/>
      <c r="L3042" s="359"/>
    </row>
    <row r="3043" spans="2:12">
      <c r="B3043" s="359"/>
      <c r="C3043" s="359"/>
      <c r="D3043" s="359"/>
      <c r="E3043" s="359"/>
      <c r="F3043" s="359" t="s">
        <v>14371</v>
      </c>
      <c r="G3043" s="360"/>
      <c r="H3043" s="359" t="s">
        <v>14370</v>
      </c>
      <c r="I3043" s="360"/>
      <c r="J3043" s="359"/>
      <c r="K3043" s="359"/>
      <c r="L3043" s="359"/>
    </row>
    <row r="3044" spans="2:12">
      <c r="B3044" s="359"/>
      <c r="C3044" s="359"/>
      <c r="D3044" s="359"/>
      <c r="E3044" s="359"/>
      <c r="F3044" s="360"/>
      <c r="G3044" s="360"/>
      <c r="H3044" s="360"/>
      <c r="I3044" s="360"/>
      <c r="J3044" s="359"/>
      <c r="K3044" s="359"/>
      <c r="L3044" s="359"/>
    </row>
    <row r="3045" spans="2:12">
      <c r="B3045" s="361"/>
      <c r="C3045" s="361"/>
      <c r="D3045" s="361"/>
      <c r="E3045" s="361"/>
      <c r="F3045" s="362"/>
      <c r="G3045" s="362"/>
      <c r="H3045" s="361" t="s">
        <v>14332</v>
      </c>
      <c r="I3045" s="362"/>
      <c r="J3045" s="361"/>
      <c r="K3045" s="361"/>
      <c r="L3045" s="361"/>
    </row>
    <row r="3046" spans="2:12">
      <c r="B3046" s="358" t="s">
        <v>16059</v>
      </c>
      <c r="C3046" s="358" t="s">
        <v>16060</v>
      </c>
      <c r="D3046" s="358" t="s">
        <v>16061</v>
      </c>
      <c r="E3046" s="358" t="s">
        <v>16062</v>
      </c>
      <c r="F3046" s="358" t="s">
        <v>14420</v>
      </c>
      <c r="G3046" s="358" t="s">
        <v>14459</v>
      </c>
      <c r="H3046" s="358" t="s">
        <v>14367</v>
      </c>
      <c r="I3046" s="358" t="s">
        <v>14459</v>
      </c>
      <c r="J3046" s="358" t="s">
        <v>14561</v>
      </c>
      <c r="K3046" s="358"/>
      <c r="L3046" s="358"/>
    </row>
    <row r="3047" spans="2:12">
      <c r="B3047" s="359"/>
      <c r="C3047" s="359"/>
      <c r="D3047" s="359"/>
      <c r="E3047" s="359"/>
      <c r="F3047" s="360"/>
      <c r="G3047" s="360"/>
      <c r="H3047" s="360"/>
      <c r="I3047" s="360"/>
      <c r="J3047" s="359"/>
      <c r="K3047" s="359"/>
      <c r="L3047" s="359"/>
    </row>
    <row r="3048" spans="2:12">
      <c r="B3048" s="359"/>
      <c r="C3048" s="359"/>
      <c r="D3048" s="359"/>
      <c r="E3048" s="359"/>
      <c r="F3048" s="359" t="s">
        <v>14420</v>
      </c>
      <c r="G3048" s="359" t="s">
        <v>14429</v>
      </c>
      <c r="H3048" s="359" t="s">
        <v>14370</v>
      </c>
      <c r="I3048" s="359" t="s">
        <v>14429</v>
      </c>
      <c r="J3048" s="359"/>
      <c r="K3048" s="359"/>
      <c r="L3048" s="359"/>
    </row>
    <row r="3049" spans="2:12">
      <c r="B3049" s="359"/>
      <c r="C3049" s="359"/>
      <c r="D3049" s="359"/>
      <c r="E3049" s="359"/>
      <c r="F3049" s="360"/>
      <c r="G3049" s="360"/>
      <c r="H3049" s="360"/>
      <c r="I3049" s="360"/>
      <c r="J3049" s="359"/>
      <c r="K3049" s="359"/>
      <c r="L3049" s="359"/>
    </row>
    <row r="3050" spans="2:12">
      <c r="B3050" s="361"/>
      <c r="C3050" s="361"/>
      <c r="D3050" s="361"/>
      <c r="E3050" s="361"/>
      <c r="F3050" s="361" t="s">
        <v>14371</v>
      </c>
      <c r="G3050" s="361" t="s">
        <v>14372</v>
      </c>
      <c r="H3050" s="361" t="s">
        <v>14422</v>
      </c>
      <c r="I3050" s="361" t="s">
        <v>14372</v>
      </c>
      <c r="J3050" s="361"/>
      <c r="K3050" s="361"/>
      <c r="L3050" s="361"/>
    </row>
    <row r="3051" spans="2:12">
      <c r="B3051" s="358" t="s">
        <v>16063</v>
      </c>
      <c r="C3051" s="358" t="s">
        <v>16064</v>
      </c>
      <c r="D3051" s="358" t="s">
        <v>16065</v>
      </c>
      <c r="E3051" s="358" t="s">
        <v>16066</v>
      </c>
      <c r="F3051" s="358" t="s">
        <v>14386</v>
      </c>
      <c r="G3051" s="358" t="s">
        <v>14387</v>
      </c>
      <c r="H3051" s="358" t="s">
        <v>14367</v>
      </c>
      <c r="I3051" s="358" t="s">
        <v>14387</v>
      </c>
      <c r="J3051" s="358" t="s">
        <v>14561</v>
      </c>
      <c r="K3051" s="358"/>
      <c r="L3051" s="358"/>
    </row>
    <row r="3052" spans="2:12">
      <c r="B3052" s="359"/>
      <c r="C3052" s="359"/>
      <c r="D3052" s="359"/>
      <c r="E3052" s="359"/>
      <c r="F3052" s="360"/>
      <c r="G3052" s="360"/>
      <c r="H3052" s="360"/>
      <c r="I3052" s="360"/>
      <c r="J3052" s="359"/>
      <c r="K3052" s="359"/>
      <c r="L3052" s="359"/>
    </row>
    <row r="3053" spans="2:12">
      <c r="B3053" s="359"/>
      <c r="C3053" s="359"/>
      <c r="D3053" s="359"/>
      <c r="E3053" s="359"/>
      <c r="F3053" s="359" t="s">
        <v>14368</v>
      </c>
      <c r="G3053" s="359" t="s">
        <v>14388</v>
      </c>
      <c r="H3053" s="359" t="s">
        <v>14370</v>
      </c>
      <c r="I3053" s="359" t="s">
        <v>14388</v>
      </c>
      <c r="J3053" s="359"/>
      <c r="K3053" s="359"/>
      <c r="L3053" s="359"/>
    </row>
    <row r="3054" spans="2:12">
      <c r="B3054" s="359"/>
      <c r="C3054" s="359"/>
      <c r="D3054" s="359"/>
      <c r="E3054" s="359"/>
      <c r="F3054" s="360"/>
      <c r="G3054" s="360"/>
      <c r="H3054" s="360"/>
      <c r="I3054" s="360"/>
      <c r="J3054" s="359"/>
      <c r="K3054" s="359"/>
      <c r="L3054" s="359"/>
    </row>
    <row r="3055" spans="2:12">
      <c r="B3055" s="359"/>
      <c r="C3055" s="359"/>
      <c r="D3055" s="359"/>
      <c r="E3055" s="359"/>
      <c r="F3055" s="359" t="s">
        <v>14389</v>
      </c>
      <c r="G3055" s="359" t="s">
        <v>14390</v>
      </c>
      <c r="H3055" s="359" t="s">
        <v>14422</v>
      </c>
      <c r="I3055" s="359" t="s">
        <v>14390</v>
      </c>
      <c r="J3055" s="359"/>
      <c r="K3055" s="359"/>
      <c r="L3055" s="359"/>
    </row>
    <row r="3056" spans="2:12">
      <c r="B3056" s="359"/>
      <c r="C3056" s="359"/>
      <c r="D3056" s="359"/>
      <c r="E3056" s="359"/>
      <c r="F3056" s="360"/>
      <c r="G3056" s="360"/>
      <c r="H3056" s="360"/>
      <c r="I3056" s="360"/>
      <c r="J3056" s="359"/>
      <c r="K3056" s="359"/>
      <c r="L3056" s="359"/>
    </row>
    <row r="3057" spans="2:12">
      <c r="B3057" s="361"/>
      <c r="C3057" s="361"/>
      <c r="D3057" s="361"/>
      <c r="E3057" s="361"/>
      <c r="F3057" s="361" t="s">
        <v>14371</v>
      </c>
      <c r="G3057" s="361" t="s">
        <v>14372</v>
      </c>
      <c r="H3057" s="362"/>
      <c r="I3057" s="361" t="s">
        <v>14372</v>
      </c>
      <c r="J3057" s="361"/>
      <c r="K3057" s="361"/>
      <c r="L3057" s="361"/>
    </row>
    <row r="3058" spans="2:12">
      <c r="B3058" s="358" t="s">
        <v>16067</v>
      </c>
      <c r="C3058" s="358" t="s">
        <v>16068</v>
      </c>
      <c r="D3058" s="358" t="s">
        <v>16069</v>
      </c>
      <c r="E3058" s="358" t="s">
        <v>16070</v>
      </c>
      <c r="F3058" s="358" t="s">
        <v>14386</v>
      </c>
      <c r="G3058" s="358" t="s">
        <v>14387</v>
      </c>
      <c r="H3058" s="358" t="s">
        <v>14367</v>
      </c>
      <c r="I3058" s="358" t="s">
        <v>14387</v>
      </c>
      <c r="J3058" s="358" t="s">
        <v>14561</v>
      </c>
      <c r="K3058" s="358"/>
      <c r="L3058" s="358"/>
    </row>
    <row r="3059" spans="2:12">
      <c r="B3059" s="359"/>
      <c r="C3059" s="359"/>
      <c r="D3059" s="359"/>
      <c r="E3059" s="359"/>
      <c r="F3059" s="360"/>
      <c r="G3059" s="360"/>
      <c r="H3059" s="360"/>
      <c r="I3059" s="360"/>
      <c r="J3059" s="359"/>
      <c r="K3059" s="359"/>
      <c r="L3059" s="359"/>
    </row>
    <row r="3060" spans="2:12">
      <c r="B3060" s="359"/>
      <c r="C3060" s="359"/>
      <c r="D3060" s="359"/>
      <c r="E3060" s="359"/>
      <c r="F3060" s="359" t="s">
        <v>14368</v>
      </c>
      <c r="G3060" s="359" t="s">
        <v>14388</v>
      </c>
      <c r="H3060" s="359" t="s">
        <v>14370</v>
      </c>
      <c r="I3060" s="359" t="s">
        <v>14388</v>
      </c>
      <c r="J3060" s="359"/>
      <c r="K3060" s="359"/>
      <c r="L3060" s="359"/>
    </row>
    <row r="3061" spans="2:12">
      <c r="B3061" s="359"/>
      <c r="C3061" s="359"/>
      <c r="D3061" s="359"/>
      <c r="E3061" s="359"/>
      <c r="F3061" s="360"/>
      <c r="G3061" s="360"/>
      <c r="H3061" s="360"/>
      <c r="I3061" s="360"/>
      <c r="J3061" s="359"/>
      <c r="K3061" s="359"/>
      <c r="L3061" s="359"/>
    </row>
    <row r="3062" spans="2:12">
      <c r="B3062" s="359"/>
      <c r="C3062" s="359"/>
      <c r="D3062" s="359"/>
      <c r="E3062" s="359"/>
      <c r="F3062" s="359" t="s">
        <v>14389</v>
      </c>
      <c r="G3062" s="359" t="s">
        <v>14390</v>
      </c>
      <c r="H3062" s="359" t="s">
        <v>14422</v>
      </c>
      <c r="I3062" s="359" t="s">
        <v>14390</v>
      </c>
      <c r="J3062" s="359"/>
      <c r="K3062" s="359"/>
      <c r="L3062" s="359"/>
    </row>
    <row r="3063" spans="2:12">
      <c r="B3063" s="359"/>
      <c r="C3063" s="359"/>
      <c r="D3063" s="359"/>
      <c r="E3063" s="359"/>
      <c r="F3063" s="360"/>
      <c r="G3063" s="360"/>
      <c r="H3063" s="360"/>
      <c r="I3063" s="360"/>
      <c r="J3063" s="359"/>
      <c r="K3063" s="359"/>
      <c r="L3063" s="359"/>
    </row>
    <row r="3064" spans="2:12">
      <c r="B3064" s="361"/>
      <c r="C3064" s="361"/>
      <c r="D3064" s="361"/>
      <c r="E3064" s="361"/>
      <c r="F3064" s="361" t="s">
        <v>14371</v>
      </c>
      <c r="G3064" s="361" t="s">
        <v>14372</v>
      </c>
      <c r="H3064" s="362"/>
      <c r="I3064" s="361" t="s">
        <v>14372</v>
      </c>
      <c r="J3064" s="361"/>
      <c r="K3064" s="361"/>
      <c r="L3064" s="361"/>
    </row>
    <row r="3065" spans="2:12">
      <c r="B3065" s="358" t="s">
        <v>16071</v>
      </c>
      <c r="C3065" s="358" t="s">
        <v>16072</v>
      </c>
      <c r="D3065" s="358" t="s">
        <v>16073</v>
      </c>
      <c r="E3065" s="358" t="s">
        <v>16074</v>
      </c>
      <c r="F3065" s="358" t="s">
        <v>14386</v>
      </c>
      <c r="G3065" s="358" t="s">
        <v>14387</v>
      </c>
      <c r="H3065" s="358" t="s">
        <v>14367</v>
      </c>
      <c r="I3065" s="358" t="s">
        <v>14387</v>
      </c>
      <c r="J3065" s="358" t="s">
        <v>14561</v>
      </c>
      <c r="K3065" s="358"/>
      <c r="L3065" s="358"/>
    </row>
    <row r="3066" spans="2:12">
      <c r="B3066" s="359"/>
      <c r="C3066" s="359"/>
      <c r="D3066" s="359"/>
      <c r="E3066" s="359"/>
      <c r="F3066" s="360"/>
      <c r="G3066" s="360"/>
      <c r="H3066" s="360"/>
      <c r="I3066" s="360"/>
      <c r="J3066" s="359"/>
      <c r="K3066" s="359"/>
      <c r="L3066" s="359"/>
    </row>
    <row r="3067" spans="2:12">
      <c r="B3067" s="359"/>
      <c r="C3067" s="359"/>
      <c r="D3067" s="359"/>
      <c r="E3067" s="359"/>
      <c r="F3067" s="359" t="s">
        <v>14368</v>
      </c>
      <c r="G3067" s="359" t="s">
        <v>14388</v>
      </c>
      <c r="H3067" s="359" t="s">
        <v>14370</v>
      </c>
      <c r="I3067" s="359" t="s">
        <v>14388</v>
      </c>
      <c r="J3067" s="359"/>
      <c r="K3067" s="359"/>
      <c r="L3067" s="359"/>
    </row>
    <row r="3068" spans="2:12">
      <c r="B3068" s="359"/>
      <c r="C3068" s="359"/>
      <c r="D3068" s="359"/>
      <c r="E3068" s="359"/>
      <c r="F3068" s="360"/>
      <c r="G3068" s="360"/>
      <c r="H3068" s="360"/>
      <c r="I3068" s="360"/>
      <c r="J3068" s="359"/>
      <c r="K3068" s="359"/>
      <c r="L3068" s="359"/>
    </row>
    <row r="3069" spans="2:12">
      <c r="B3069" s="359"/>
      <c r="C3069" s="359"/>
      <c r="D3069" s="359"/>
      <c r="E3069" s="359"/>
      <c r="F3069" s="359" t="s">
        <v>14389</v>
      </c>
      <c r="G3069" s="359" t="s">
        <v>14390</v>
      </c>
      <c r="H3069" s="359" t="s">
        <v>14422</v>
      </c>
      <c r="I3069" s="359" t="s">
        <v>14390</v>
      </c>
      <c r="J3069" s="359"/>
      <c r="K3069" s="359"/>
      <c r="L3069" s="359"/>
    </row>
    <row r="3070" spans="2:12">
      <c r="B3070" s="359"/>
      <c r="C3070" s="359"/>
      <c r="D3070" s="359"/>
      <c r="E3070" s="359"/>
      <c r="F3070" s="360"/>
      <c r="G3070" s="360"/>
      <c r="H3070" s="360"/>
      <c r="I3070" s="360"/>
      <c r="J3070" s="359"/>
      <c r="K3070" s="359"/>
      <c r="L3070" s="359"/>
    </row>
    <row r="3071" spans="2:12">
      <c r="B3071" s="361"/>
      <c r="C3071" s="361"/>
      <c r="D3071" s="361"/>
      <c r="E3071" s="361"/>
      <c r="F3071" s="361" t="s">
        <v>14371</v>
      </c>
      <c r="G3071" s="361" t="s">
        <v>14372</v>
      </c>
      <c r="H3071" s="362"/>
      <c r="I3071" s="361" t="s">
        <v>14372</v>
      </c>
      <c r="J3071" s="361"/>
      <c r="K3071" s="361"/>
      <c r="L3071" s="361"/>
    </row>
    <row r="3072" spans="2:12">
      <c r="B3072" s="358" t="s">
        <v>16075</v>
      </c>
      <c r="C3072" s="358" t="s">
        <v>16076</v>
      </c>
      <c r="D3072" s="358" t="s">
        <v>16077</v>
      </c>
      <c r="E3072" s="358" t="s">
        <v>16078</v>
      </c>
      <c r="F3072" s="358" t="s">
        <v>14356</v>
      </c>
      <c r="G3072" s="358" t="s">
        <v>14340</v>
      </c>
      <c r="H3072" s="358" t="s">
        <v>14341</v>
      </c>
      <c r="I3072" s="358" t="s">
        <v>14340</v>
      </c>
      <c r="J3072" s="358" t="s">
        <v>14561</v>
      </c>
      <c r="K3072" s="358"/>
      <c r="L3072" s="358"/>
    </row>
    <row r="3073" spans="2:12">
      <c r="B3073" s="359"/>
      <c r="C3073" s="360"/>
      <c r="D3073" s="359"/>
      <c r="E3073" s="359"/>
      <c r="F3073" s="360"/>
      <c r="G3073" s="360"/>
      <c r="H3073" s="360"/>
      <c r="I3073" s="360"/>
      <c r="J3073" s="359"/>
      <c r="K3073" s="359"/>
      <c r="L3073" s="359"/>
    </row>
    <row r="3074" spans="2:12">
      <c r="B3074" s="359"/>
      <c r="C3074" s="359" t="s">
        <v>16079</v>
      </c>
      <c r="D3074" s="359"/>
      <c r="E3074" s="359"/>
      <c r="F3074" s="359" t="s">
        <v>14371</v>
      </c>
      <c r="G3074" s="359" t="s">
        <v>14372</v>
      </c>
      <c r="H3074" s="359" t="s">
        <v>14370</v>
      </c>
      <c r="I3074" s="359" t="s">
        <v>14372</v>
      </c>
      <c r="J3074" s="359"/>
      <c r="K3074" s="359"/>
      <c r="L3074" s="359"/>
    </row>
    <row r="3075" spans="2:12">
      <c r="B3075" s="359"/>
      <c r="C3075" s="360"/>
      <c r="D3075" s="359"/>
      <c r="E3075" s="359"/>
      <c r="F3075" s="360"/>
      <c r="G3075" s="360"/>
      <c r="H3075" s="360"/>
      <c r="I3075" s="360"/>
      <c r="J3075" s="359"/>
      <c r="K3075" s="359"/>
      <c r="L3075" s="359"/>
    </row>
    <row r="3076" spans="2:12">
      <c r="B3076" s="361"/>
      <c r="C3076" s="362"/>
      <c r="D3076" s="361"/>
      <c r="E3076" s="361"/>
      <c r="F3076" s="362"/>
      <c r="G3076" s="362"/>
      <c r="H3076" s="361" t="s">
        <v>14332</v>
      </c>
      <c r="I3076" s="362"/>
      <c r="J3076" s="361"/>
      <c r="K3076" s="361"/>
      <c r="L3076" s="361"/>
    </row>
    <row r="3077" spans="2:12">
      <c r="B3077" s="358" t="s">
        <v>16080</v>
      </c>
      <c r="C3077" s="358" t="s">
        <v>16081</v>
      </c>
      <c r="D3077" s="358" t="s">
        <v>16082</v>
      </c>
      <c r="E3077" s="358" t="s">
        <v>16083</v>
      </c>
      <c r="F3077" s="358" t="s">
        <v>14356</v>
      </c>
      <c r="G3077" s="358" t="s">
        <v>14340</v>
      </c>
      <c r="H3077" s="358" t="s">
        <v>14341</v>
      </c>
      <c r="I3077" s="358" t="s">
        <v>14340</v>
      </c>
      <c r="J3077" s="358" t="s">
        <v>14561</v>
      </c>
      <c r="K3077" s="358"/>
      <c r="L3077" s="358"/>
    </row>
    <row r="3078" spans="2:12">
      <c r="B3078" s="359"/>
      <c r="C3078" s="359"/>
      <c r="D3078" s="359"/>
      <c r="E3078" s="359"/>
      <c r="F3078" s="360"/>
      <c r="G3078" s="360"/>
      <c r="H3078" s="360"/>
      <c r="I3078" s="360"/>
      <c r="J3078" s="359"/>
      <c r="K3078" s="359"/>
      <c r="L3078" s="359"/>
    </row>
    <row r="3079" spans="2:12">
      <c r="B3079" s="359"/>
      <c r="C3079" s="359"/>
      <c r="D3079" s="359"/>
      <c r="E3079" s="359"/>
      <c r="F3079" s="359" t="s">
        <v>14371</v>
      </c>
      <c r="G3079" s="359" t="s">
        <v>14372</v>
      </c>
      <c r="H3079" s="359" t="s">
        <v>14370</v>
      </c>
      <c r="I3079" s="359" t="s">
        <v>14372</v>
      </c>
      <c r="J3079" s="359"/>
      <c r="K3079" s="359"/>
      <c r="L3079" s="359"/>
    </row>
    <row r="3080" spans="2:12">
      <c r="B3080" s="359"/>
      <c r="C3080" s="359"/>
      <c r="D3080" s="359"/>
      <c r="E3080" s="359"/>
      <c r="F3080" s="360"/>
      <c r="G3080" s="360"/>
      <c r="H3080" s="360"/>
      <c r="I3080" s="360"/>
      <c r="J3080" s="359"/>
      <c r="K3080" s="359"/>
      <c r="L3080" s="359"/>
    </row>
    <row r="3081" spans="2:12">
      <c r="B3081" s="361"/>
      <c r="C3081" s="361"/>
      <c r="D3081" s="361"/>
      <c r="E3081" s="361"/>
      <c r="F3081" s="362"/>
      <c r="G3081" s="362"/>
      <c r="H3081" s="361" t="s">
        <v>14332</v>
      </c>
      <c r="I3081" s="362"/>
      <c r="J3081" s="361"/>
      <c r="K3081" s="361"/>
      <c r="L3081" s="361"/>
    </row>
    <row r="3082" spans="2:12" ht="28.5">
      <c r="B3082" s="358" t="s">
        <v>16084</v>
      </c>
      <c r="C3082" s="358" t="s">
        <v>16085</v>
      </c>
      <c r="D3082" s="358" t="s">
        <v>16086</v>
      </c>
      <c r="E3082" s="358" t="s">
        <v>16087</v>
      </c>
      <c r="F3082" s="358" t="s">
        <v>14356</v>
      </c>
      <c r="G3082" s="358" t="s">
        <v>14340</v>
      </c>
      <c r="H3082" s="358" t="s">
        <v>14341</v>
      </c>
      <c r="I3082" s="358" t="s">
        <v>14340</v>
      </c>
      <c r="J3082" s="358" t="s">
        <v>14561</v>
      </c>
      <c r="K3082" s="358" t="s">
        <v>28659</v>
      </c>
      <c r="L3082" s="358"/>
    </row>
    <row r="3083" spans="2:12">
      <c r="B3083" s="359"/>
      <c r="C3083" s="359"/>
      <c r="D3083" s="359"/>
      <c r="E3083" s="359"/>
      <c r="F3083" s="360"/>
      <c r="G3083" s="360"/>
      <c r="H3083" s="360"/>
      <c r="I3083" s="360"/>
      <c r="J3083" s="359"/>
      <c r="K3083" s="359"/>
      <c r="L3083" s="359"/>
    </row>
    <row r="3084" spans="2:12">
      <c r="B3084" s="359"/>
      <c r="C3084" s="359"/>
      <c r="D3084" s="359"/>
      <c r="E3084" s="359"/>
      <c r="F3084" s="359" t="s">
        <v>14371</v>
      </c>
      <c r="G3084" s="359" t="s">
        <v>14372</v>
      </c>
      <c r="H3084" s="359" t="s">
        <v>14370</v>
      </c>
      <c r="I3084" s="359" t="s">
        <v>14372</v>
      </c>
      <c r="J3084" s="359"/>
      <c r="K3084" s="359"/>
      <c r="L3084" s="359"/>
    </row>
    <row r="3085" spans="2:12">
      <c r="B3085" s="359"/>
      <c r="C3085" s="359"/>
      <c r="D3085" s="359"/>
      <c r="E3085" s="359"/>
      <c r="F3085" s="360"/>
      <c r="G3085" s="360"/>
      <c r="H3085" s="360"/>
      <c r="I3085" s="360"/>
      <c r="J3085" s="359"/>
      <c r="K3085" s="359"/>
      <c r="L3085" s="359"/>
    </row>
    <row r="3086" spans="2:12">
      <c r="B3086" s="361"/>
      <c r="C3086" s="361"/>
      <c r="D3086" s="361"/>
      <c r="E3086" s="361"/>
      <c r="F3086" s="362"/>
      <c r="G3086" s="362"/>
      <c r="H3086" s="361" t="s">
        <v>14332</v>
      </c>
      <c r="I3086" s="362"/>
      <c r="J3086" s="361"/>
      <c r="K3086" s="361"/>
      <c r="L3086" s="361"/>
    </row>
    <row r="3087" spans="2:12">
      <c r="B3087" s="358" t="s">
        <v>16088</v>
      </c>
      <c r="C3087" s="358" t="s">
        <v>16089</v>
      </c>
      <c r="D3087" s="358" t="s">
        <v>16090</v>
      </c>
      <c r="E3087" s="358" t="s">
        <v>16091</v>
      </c>
      <c r="F3087" s="358" t="s">
        <v>14382</v>
      </c>
      <c r="G3087" s="358" t="s">
        <v>14579</v>
      </c>
      <c r="H3087" s="358" t="s">
        <v>14378</v>
      </c>
      <c r="I3087" s="358" t="s">
        <v>14579</v>
      </c>
      <c r="J3087" s="358"/>
      <c r="K3087" s="358"/>
      <c r="L3087" s="358"/>
    </row>
    <row r="3088" spans="2:12">
      <c r="B3088" s="359"/>
      <c r="C3088" s="360"/>
      <c r="D3088" s="359"/>
      <c r="E3088" s="359"/>
      <c r="F3088" s="360"/>
      <c r="G3088" s="360"/>
      <c r="H3088" s="360"/>
      <c r="I3088" s="360"/>
      <c r="J3088" s="359"/>
      <c r="K3088" s="359"/>
      <c r="L3088" s="359"/>
    </row>
    <row r="3089" spans="2:12">
      <c r="B3089" s="359"/>
      <c r="C3089" s="359" t="s">
        <v>16092</v>
      </c>
      <c r="D3089" s="359"/>
      <c r="E3089" s="359"/>
      <c r="F3089" s="359" t="s">
        <v>14420</v>
      </c>
      <c r="G3089" s="359" t="s">
        <v>14429</v>
      </c>
      <c r="H3089" s="359" t="s">
        <v>14341</v>
      </c>
      <c r="I3089" s="359" t="s">
        <v>14429</v>
      </c>
      <c r="J3089" s="359"/>
      <c r="K3089" s="359"/>
      <c r="L3089" s="359"/>
    </row>
    <row r="3090" spans="2:12">
      <c r="B3090" s="359"/>
      <c r="C3090" s="360"/>
      <c r="D3090" s="359"/>
      <c r="E3090" s="359"/>
      <c r="F3090" s="360"/>
      <c r="G3090" s="360"/>
      <c r="H3090" s="360"/>
      <c r="I3090" s="360"/>
      <c r="J3090" s="359"/>
      <c r="K3090" s="359"/>
      <c r="L3090" s="359"/>
    </row>
    <row r="3091" spans="2:12">
      <c r="B3091" s="359"/>
      <c r="C3091" s="360"/>
      <c r="D3091" s="359"/>
      <c r="E3091" s="359"/>
      <c r="F3091" s="359" t="s">
        <v>14356</v>
      </c>
      <c r="G3091" s="359" t="s">
        <v>14340</v>
      </c>
      <c r="H3091" s="359" t="s">
        <v>14370</v>
      </c>
      <c r="I3091" s="359" t="s">
        <v>14340</v>
      </c>
      <c r="J3091" s="359"/>
      <c r="K3091" s="359"/>
      <c r="L3091" s="359"/>
    </row>
    <row r="3092" spans="2:12">
      <c r="B3092" s="359"/>
      <c r="C3092" s="360"/>
      <c r="D3092" s="359"/>
      <c r="E3092" s="359"/>
      <c r="F3092" s="360"/>
      <c r="G3092" s="360"/>
      <c r="H3092" s="360"/>
      <c r="I3092" s="360"/>
      <c r="J3092" s="359"/>
      <c r="K3092" s="359"/>
      <c r="L3092" s="359"/>
    </row>
    <row r="3093" spans="2:12">
      <c r="B3093" s="361"/>
      <c r="C3093" s="362"/>
      <c r="D3093" s="361"/>
      <c r="E3093" s="361"/>
      <c r="F3093" s="361" t="s">
        <v>14371</v>
      </c>
      <c r="G3093" s="361" t="s">
        <v>14372</v>
      </c>
      <c r="H3093" s="361" t="s">
        <v>14332</v>
      </c>
      <c r="I3093" s="361" t="s">
        <v>14372</v>
      </c>
      <c r="J3093" s="361"/>
      <c r="K3093" s="361"/>
      <c r="L3093" s="361"/>
    </row>
    <row r="3094" spans="2:12">
      <c r="B3094" s="358" t="s">
        <v>16093</v>
      </c>
      <c r="C3094" s="358" t="s">
        <v>16094</v>
      </c>
      <c r="D3094" s="358" t="s">
        <v>16095</v>
      </c>
      <c r="E3094" s="358" t="s">
        <v>16096</v>
      </c>
      <c r="F3094" s="358" t="s">
        <v>14382</v>
      </c>
      <c r="G3094" s="358" t="s">
        <v>14383</v>
      </c>
      <c r="H3094" s="358" t="s">
        <v>14378</v>
      </c>
      <c r="I3094" s="358" t="s">
        <v>14383</v>
      </c>
      <c r="J3094" s="358" t="s">
        <v>14561</v>
      </c>
      <c r="K3094" s="358"/>
      <c r="L3094" s="358"/>
    </row>
    <row r="3095" spans="2:12">
      <c r="B3095" s="359"/>
      <c r="C3095" s="359"/>
      <c r="D3095" s="359"/>
      <c r="E3095" s="359"/>
      <c r="F3095" s="360"/>
      <c r="G3095" s="360"/>
      <c r="H3095" s="360"/>
      <c r="I3095" s="360"/>
      <c r="J3095" s="359"/>
      <c r="K3095" s="359"/>
      <c r="L3095" s="359"/>
    </row>
    <row r="3096" spans="2:12">
      <c r="B3096" s="359"/>
      <c r="C3096" s="359"/>
      <c r="D3096" s="359"/>
      <c r="E3096" s="359"/>
      <c r="F3096" s="359" t="s">
        <v>14356</v>
      </c>
      <c r="G3096" s="359" t="s">
        <v>14340</v>
      </c>
      <c r="H3096" s="359" t="s">
        <v>14341</v>
      </c>
      <c r="I3096" s="359" t="s">
        <v>14340</v>
      </c>
      <c r="J3096" s="359"/>
      <c r="K3096" s="359"/>
      <c r="L3096" s="359"/>
    </row>
    <row r="3097" spans="2:12">
      <c r="B3097" s="359"/>
      <c r="C3097" s="359"/>
      <c r="D3097" s="359"/>
      <c r="E3097" s="359"/>
      <c r="F3097" s="360"/>
      <c r="G3097" s="360"/>
      <c r="H3097" s="360"/>
      <c r="I3097" s="360"/>
      <c r="J3097" s="359"/>
      <c r="K3097" s="359"/>
      <c r="L3097" s="359"/>
    </row>
    <row r="3098" spans="2:12">
      <c r="B3098" s="359"/>
      <c r="C3098" s="359"/>
      <c r="D3098" s="359"/>
      <c r="E3098" s="359"/>
      <c r="F3098" s="359" t="s">
        <v>14371</v>
      </c>
      <c r="G3098" s="359" t="s">
        <v>14372</v>
      </c>
      <c r="H3098" s="359" t="s">
        <v>14370</v>
      </c>
      <c r="I3098" s="359" t="s">
        <v>14372</v>
      </c>
      <c r="J3098" s="359"/>
      <c r="K3098" s="359"/>
      <c r="L3098" s="359"/>
    </row>
    <row r="3099" spans="2:12">
      <c r="B3099" s="359"/>
      <c r="C3099" s="359"/>
      <c r="D3099" s="359"/>
      <c r="E3099" s="359"/>
      <c r="F3099" s="360"/>
      <c r="G3099" s="360"/>
      <c r="H3099" s="360"/>
      <c r="I3099" s="360"/>
      <c r="J3099" s="359"/>
      <c r="K3099" s="359"/>
      <c r="L3099" s="359"/>
    </row>
    <row r="3100" spans="2:12">
      <c r="B3100" s="361"/>
      <c r="C3100" s="361"/>
      <c r="D3100" s="361"/>
      <c r="E3100" s="361"/>
      <c r="F3100" s="362"/>
      <c r="G3100" s="362"/>
      <c r="H3100" s="361" t="s">
        <v>14332</v>
      </c>
      <c r="I3100" s="362"/>
      <c r="J3100" s="361"/>
      <c r="K3100" s="361"/>
      <c r="L3100" s="361"/>
    </row>
    <row r="3101" spans="2:12">
      <c r="B3101" s="358" t="s">
        <v>16097</v>
      </c>
      <c r="C3101" s="358" t="s">
        <v>16098</v>
      </c>
      <c r="D3101" s="358" t="s">
        <v>16099</v>
      </c>
      <c r="E3101" s="358" t="s">
        <v>16100</v>
      </c>
      <c r="F3101" s="358" t="s">
        <v>14330</v>
      </c>
      <c r="G3101" s="358" t="s">
        <v>14483</v>
      </c>
      <c r="H3101" s="358" t="s">
        <v>14331</v>
      </c>
      <c r="I3101" s="358" t="s">
        <v>14483</v>
      </c>
      <c r="J3101" s="358"/>
      <c r="K3101" s="358" t="s">
        <v>14929</v>
      </c>
      <c r="L3101" s="358" t="s">
        <v>16101</v>
      </c>
    </row>
    <row r="3102" spans="2:12">
      <c r="B3102" s="359"/>
      <c r="C3102" s="359"/>
      <c r="D3102" s="359"/>
      <c r="E3102" s="359"/>
      <c r="F3102" s="360"/>
      <c r="G3102" s="360"/>
      <c r="H3102" s="360"/>
      <c r="I3102" s="360"/>
      <c r="J3102" s="359"/>
      <c r="K3102" s="359"/>
      <c r="L3102" s="359"/>
    </row>
    <row r="3103" spans="2:12">
      <c r="B3103" s="359"/>
      <c r="C3103" s="359"/>
      <c r="D3103" s="359"/>
      <c r="E3103" s="359"/>
      <c r="F3103" s="359" t="s">
        <v>14382</v>
      </c>
      <c r="G3103" s="359" t="s">
        <v>14340</v>
      </c>
      <c r="H3103" s="359" t="s">
        <v>14378</v>
      </c>
      <c r="I3103" s="359" t="s">
        <v>14340</v>
      </c>
      <c r="J3103" s="359"/>
      <c r="K3103" s="359"/>
      <c r="L3103" s="359"/>
    </row>
    <row r="3104" spans="2:12">
      <c r="B3104" s="359"/>
      <c r="C3104" s="359"/>
      <c r="D3104" s="359"/>
      <c r="E3104" s="359"/>
      <c r="F3104" s="360"/>
      <c r="G3104" s="360"/>
      <c r="H3104" s="360"/>
      <c r="I3104" s="360"/>
      <c r="J3104" s="359"/>
      <c r="K3104" s="359"/>
      <c r="L3104" s="359"/>
    </row>
    <row r="3105" spans="2:12">
      <c r="B3105" s="359"/>
      <c r="C3105" s="359"/>
      <c r="D3105" s="359"/>
      <c r="E3105" s="359"/>
      <c r="F3105" s="359" t="s">
        <v>14356</v>
      </c>
      <c r="G3105" s="360"/>
      <c r="H3105" s="359" t="s">
        <v>14341</v>
      </c>
      <c r="I3105" s="360"/>
      <c r="J3105" s="359"/>
      <c r="K3105" s="359"/>
      <c r="L3105" s="359"/>
    </row>
    <row r="3106" spans="2:12">
      <c r="B3106" s="359"/>
      <c r="C3106" s="359"/>
      <c r="D3106" s="359"/>
      <c r="E3106" s="359"/>
      <c r="F3106" s="360"/>
      <c r="G3106" s="360"/>
      <c r="H3106" s="360"/>
      <c r="I3106" s="360"/>
      <c r="J3106" s="359"/>
      <c r="K3106" s="359"/>
      <c r="L3106" s="359"/>
    </row>
    <row r="3107" spans="2:12">
      <c r="B3107" s="361"/>
      <c r="C3107" s="361"/>
      <c r="D3107" s="361"/>
      <c r="E3107" s="361"/>
      <c r="F3107" s="362"/>
      <c r="G3107" s="362"/>
      <c r="H3107" s="361" t="s">
        <v>14332</v>
      </c>
      <c r="I3107" s="362"/>
      <c r="J3107" s="361"/>
      <c r="K3107" s="361"/>
      <c r="L3107" s="361"/>
    </row>
    <row r="3108" spans="2:12" ht="42.75">
      <c r="B3108" s="358" t="s">
        <v>16102</v>
      </c>
      <c r="C3108" s="358" t="s">
        <v>16103</v>
      </c>
      <c r="D3108" s="358" t="s">
        <v>16104</v>
      </c>
      <c r="E3108" s="358" t="s">
        <v>16105</v>
      </c>
      <c r="F3108" s="358" t="s">
        <v>14382</v>
      </c>
      <c r="G3108" s="358" t="s">
        <v>14383</v>
      </c>
      <c r="H3108" s="358" t="s">
        <v>14378</v>
      </c>
      <c r="I3108" s="358" t="s">
        <v>14383</v>
      </c>
      <c r="J3108" s="358" t="s">
        <v>14355</v>
      </c>
      <c r="K3108" s="358" t="s">
        <v>28614</v>
      </c>
      <c r="L3108" s="358"/>
    </row>
    <row r="3109" spans="2:12">
      <c r="B3109" s="359"/>
      <c r="C3109" s="360"/>
      <c r="D3109" s="359"/>
      <c r="E3109" s="359"/>
      <c r="F3109" s="360"/>
      <c r="G3109" s="360"/>
      <c r="H3109" s="360"/>
      <c r="I3109" s="360"/>
      <c r="J3109" s="360"/>
      <c r="K3109" s="359"/>
      <c r="L3109" s="359"/>
    </row>
    <row r="3110" spans="2:12">
      <c r="B3110" s="359"/>
      <c r="C3110" s="359" t="s">
        <v>16106</v>
      </c>
      <c r="D3110" s="359"/>
      <c r="E3110" s="359"/>
      <c r="F3110" s="359" t="s">
        <v>14420</v>
      </c>
      <c r="G3110" s="359" t="s">
        <v>14459</v>
      </c>
      <c r="H3110" s="359" t="s">
        <v>14341</v>
      </c>
      <c r="I3110" s="359" t="s">
        <v>14459</v>
      </c>
      <c r="J3110" s="359" t="s">
        <v>15176</v>
      </c>
      <c r="K3110" s="359"/>
      <c r="L3110" s="359"/>
    </row>
    <row r="3111" spans="2:12">
      <c r="B3111" s="359"/>
      <c r="C3111" s="360"/>
      <c r="D3111" s="359"/>
      <c r="E3111" s="359"/>
      <c r="F3111" s="360"/>
      <c r="G3111" s="360"/>
      <c r="H3111" s="360"/>
      <c r="I3111" s="360"/>
      <c r="J3111" s="360"/>
      <c r="K3111" s="359"/>
      <c r="L3111" s="359"/>
    </row>
    <row r="3112" spans="2:12">
      <c r="B3112" s="359"/>
      <c r="C3112" s="360"/>
      <c r="D3112" s="359"/>
      <c r="E3112" s="359"/>
      <c r="F3112" s="359" t="s">
        <v>14339</v>
      </c>
      <c r="G3112" s="359" t="s">
        <v>14340</v>
      </c>
      <c r="H3112" s="359" t="s">
        <v>14370</v>
      </c>
      <c r="I3112" s="359" t="s">
        <v>14340</v>
      </c>
      <c r="J3112" s="360"/>
      <c r="K3112" s="359"/>
      <c r="L3112" s="359"/>
    </row>
    <row r="3113" spans="2:12">
      <c r="B3113" s="359"/>
      <c r="C3113" s="360"/>
      <c r="D3113" s="359"/>
      <c r="E3113" s="359"/>
      <c r="F3113" s="360"/>
      <c r="G3113" s="360"/>
      <c r="H3113" s="360"/>
      <c r="I3113" s="360"/>
      <c r="J3113" s="360"/>
      <c r="K3113" s="359"/>
      <c r="L3113" s="359"/>
    </row>
    <row r="3114" spans="2:12">
      <c r="B3114" s="361"/>
      <c r="C3114" s="362"/>
      <c r="D3114" s="361"/>
      <c r="E3114" s="361"/>
      <c r="F3114" s="361" t="s">
        <v>14371</v>
      </c>
      <c r="G3114" s="361" t="s">
        <v>14372</v>
      </c>
      <c r="H3114" s="361" t="s">
        <v>14332</v>
      </c>
      <c r="I3114" s="361" t="s">
        <v>14372</v>
      </c>
      <c r="J3114" s="362"/>
      <c r="K3114" s="361"/>
      <c r="L3114" s="361"/>
    </row>
    <row r="3115" spans="2:12" ht="42.75">
      <c r="B3115" s="358" t="s">
        <v>16107</v>
      </c>
      <c r="C3115" s="358" t="s">
        <v>16108</v>
      </c>
      <c r="D3115" s="358" t="s">
        <v>16109</v>
      </c>
      <c r="E3115" s="358" t="s">
        <v>16110</v>
      </c>
      <c r="F3115" s="358" t="s">
        <v>14356</v>
      </c>
      <c r="G3115" s="358" t="s">
        <v>14340</v>
      </c>
      <c r="H3115" s="358" t="s">
        <v>14341</v>
      </c>
      <c r="I3115" s="358" t="s">
        <v>14340</v>
      </c>
      <c r="J3115" s="358" t="s">
        <v>14355</v>
      </c>
      <c r="K3115" s="358" t="s">
        <v>28582</v>
      </c>
      <c r="L3115" s="358"/>
    </row>
    <row r="3116" spans="2:12">
      <c r="B3116" s="359"/>
      <c r="C3116" s="359"/>
      <c r="D3116" s="359"/>
      <c r="E3116" s="359"/>
      <c r="F3116" s="360"/>
      <c r="G3116" s="360"/>
      <c r="H3116" s="360"/>
      <c r="I3116" s="360"/>
      <c r="J3116" s="359"/>
      <c r="K3116" s="359"/>
      <c r="L3116" s="359"/>
    </row>
    <row r="3117" spans="2:12">
      <c r="B3117" s="359"/>
      <c r="C3117" s="359"/>
      <c r="D3117" s="359"/>
      <c r="E3117" s="359"/>
      <c r="F3117" s="359" t="s">
        <v>14368</v>
      </c>
      <c r="G3117" s="359" t="s">
        <v>14388</v>
      </c>
      <c r="H3117" s="359" t="s">
        <v>14367</v>
      </c>
      <c r="I3117" s="359" t="s">
        <v>14388</v>
      </c>
      <c r="J3117" s="359"/>
      <c r="K3117" s="359"/>
      <c r="L3117" s="359"/>
    </row>
    <row r="3118" spans="2:12">
      <c r="B3118" s="359"/>
      <c r="C3118" s="359"/>
      <c r="D3118" s="359"/>
      <c r="E3118" s="359"/>
      <c r="F3118" s="360"/>
      <c r="G3118" s="360"/>
      <c r="H3118" s="360"/>
      <c r="I3118" s="360"/>
      <c r="J3118" s="359"/>
      <c r="K3118" s="359"/>
      <c r="L3118" s="359"/>
    </row>
    <row r="3119" spans="2:12">
      <c r="B3119" s="359"/>
      <c r="C3119" s="359"/>
      <c r="D3119" s="359"/>
      <c r="E3119" s="359"/>
      <c r="F3119" s="359" t="s">
        <v>14371</v>
      </c>
      <c r="G3119" s="359" t="s">
        <v>14372</v>
      </c>
      <c r="H3119" s="359" t="s">
        <v>14370</v>
      </c>
      <c r="I3119" s="359" t="s">
        <v>14372</v>
      </c>
      <c r="J3119" s="359"/>
      <c r="K3119" s="359"/>
      <c r="L3119" s="359"/>
    </row>
    <row r="3120" spans="2:12">
      <c r="B3120" s="359"/>
      <c r="C3120" s="359"/>
      <c r="D3120" s="359"/>
      <c r="E3120" s="359"/>
      <c r="F3120" s="360"/>
      <c r="G3120" s="360"/>
      <c r="H3120" s="360"/>
      <c r="I3120" s="360"/>
      <c r="J3120" s="359"/>
      <c r="K3120" s="359"/>
      <c r="L3120" s="359"/>
    </row>
    <row r="3121" spans="2:12">
      <c r="B3121" s="361"/>
      <c r="C3121" s="361"/>
      <c r="D3121" s="361"/>
      <c r="E3121" s="361"/>
      <c r="F3121" s="362"/>
      <c r="G3121" s="362"/>
      <c r="H3121" s="361" t="s">
        <v>14332</v>
      </c>
      <c r="I3121" s="362"/>
      <c r="J3121" s="361"/>
      <c r="K3121" s="361"/>
      <c r="L3121" s="361"/>
    </row>
    <row r="3122" spans="2:12" ht="42.75">
      <c r="B3122" s="358" t="s">
        <v>16111</v>
      </c>
      <c r="C3122" s="358" t="s">
        <v>16112</v>
      </c>
      <c r="D3122" s="358" t="s">
        <v>8356</v>
      </c>
      <c r="E3122" s="358" t="s">
        <v>16113</v>
      </c>
      <c r="F3122" s="358" t="s">
        <v>14356</v>
      </c>
      <c r="G3122" s="358" t="s">
        <v>14340</v>
      </c>
      <c r="H3122" s="358" t="s">
        <v>14341</v>
      </c>
      <c r="I3122" s="358" t="s">
        <v>14340</v>
      </c>
      <c r="J3122" s="358" t="s">
        <v>14355</v>
      </c>
      <c r="K3122" s="358" t="s">
        <v>28582</v>
      </c>
      <c r="L3122" s="358"/>
    </row>
    <row r="3123" spans="2:12">
      <c r="B3123" s="359"/>
      <c r="C3123" s="359"/>
      <c r="D3123" s="359"/>
      <c r="E3123" s="359"/>
      <c r="F3123" s="360"/>
      <c r="G3123" s="360"/>
      <c r="H3123" s="360"/>
      <c r="I3123" s="360"/>
      <c r="J3123" s="359"/>
      <c r="K3123" s="359"/>
      <c r="L3123" s="359"/>
    </row>
    <row r="3124" spans="2:12">
      <c r="B3124" s="359"/>
      <c r="C3124" s="359"/>
      <c r="D3124" s="359"/>
      <c r="E3124" s="359"/>
      <c r="F3124" s="359" t="s">
        <v>14371</v>
      </c>
      <c r="G3124" s="359" t="s">
        <v>14372</v>
      </c>
      <c r="H3124" s="359" t="s">
        <v>14370</v>
      </c>
      <c r="I3124" s="359" t="s">
        <v>14372</v>
      </c>
      <c r="J3124" s="359"/>
      <c r="K3124" s="359"/>
      <c r="L3124" s="359"/>
    </row>
    <row r="3125" spans="2:12">
      <c r="B3125" s="359"/>
      <c r="C3125" s="359"/>
      <c r="D3125" s="359"/>
      <c r="E3125" s="359"/>
      <c r="F3125" s="360"/>
      <c r="G3125" s="360"/>
      <c r="H3125" s="360"/>
      <c r="I3125" s="360"/>
      <c r="J3125" s="359"/>
      <c r="K3125" s="359"/>
      <c r="L3125" s="359"/>
    </row>
    <row r="3126" spans="2:12">
      <c r="B3126" s="361"/>
      <c r="C3126" s="361"/>
      <c r="D3126" s="361"/>
      <c r="E3126" s="361"/>
      <c r="F3126" s="362"/>
      <c r="G3126" s="362"/>
      <c r="H3126" s="361" t="s">
        <v>14332</v>
      </c>
      <c r="I3126" s="362"/>
      <c r="J3126" s="361"/>
      <c r="K3126" s="361"/>
      <c r="L3126" s="361"/>
    </row>
    <row r="3127" spans="2:12" ht="42.75">
      <c r="B3127" s="358" t="s">
        <v>16114</v>
      </c>
      <c r="C3127" s="358" t="s">
        <v>16115</v>
      </c>
      <c r="D3127" s="358" t="s">
        <v>16116</v>
      </c>
      <c r="E3127" s="358" t="s">
        <v>16117</v>
      </c>
      <c r="F3127" s="358" t="s">
        <v>14420</v>
      </c>
      <c r="G3127" s="358" t="s">
        <v>14459</v>
      </c>
      <c r="H3127" s="358" t="s">
        <v>14341</v>
      </c>
      <c r="I3127" s="358" t="s">
        <v>14459</v>
      </c>
      <c r="J3127" s="358" t="s">
        <v>14355</v>
      </c>
      <c r="K3127" s="358" t="s">
        <v>28614</v>
      </c>
      <c r="L3127" s="358"/>
    </row>
    <row r="3128" spans="2:12">
      <c r="B3128" s="359"/>
      <c r="C3128" s="360"/>
      <c r="D3128" s="359"/>
      <c r="E3128" s="359"/>
      <c r="F3128" s="360"/>
      <c r="G3128" s="360"/>
      <c r="H3128" s="360"/>
      <c r="I3128" s="360"/>
      <c r="J3128" s="360"/>
      <c r="K3128" s="359"/>
      <c r="L3128" s="359"/>
    </row>
    <row r="3129" spans="2:12">
      <c r="B3129" s="359"/>
      <c r="C3129" s="359" t="s">
        <v>16118</v>
      </c>
      <c r="D3129" s="359"/>
      <c r="E3129" s="359"/>
      <c r="F3129" s="359" t="s">
        <v>14420</v>
      </c>
      <c r="G3129" s="359" t="s">
        <v>14429</v>
      </c>
      <c r="H3129" s="359" t="s">
        <v>14367</v>
      </c>
      <c r="I3129" s="359" t="s">
        <v>14429</v>
      </c>
      <c r="J3129" s="359" t="s">
        <v>15176</v>
      </c>
      <c r="K3129" s="359"/>
      <c r="L3129" s="359"/>
    </row>
    <row r="3130" spans="2:12">
      <c r="B3130" s="359"/>
      <c r="C3130" s="360"/>
      <c r="D3130" s="359"/>
      <c r="E3130" s="359"/>
      <c r="F3130" s="360"/>
      <c r="G3130" s="360"/>
      <c r="H3130" s="360"/>
      <c r="I3130" s="360"/>
      <c r="J3130" s="360"/>
      <c r="K3130" s="359"/>
      <c r="L3130" s="359"/>
    </row>
    <row r="3131" spans="2:12">
      <c r="B3131" s="361"/>
      <c r="C3131" s="362"/>
      <c r="D3131" s="361"/>
      <c r="E3131" s="361"/>
      <c r="F3131" s="361" t="s">
        <v>14339</v>
      </c>
      <c r="G3131" s="361" t="s">
        <v>14340</v>
      </c>
      <c r="H3131" s="361" t="s">
        <v>14332</v>
      </c>
      <c r="I3131" s="361" t="s">
        <v>14340</v>
      </c>
      <c r="J3131" s="362"/>
      <c r="K3131" s="361"/>
      <c r="L3131" s="361"/>
    </row>
    <row r="3132" spans="2:12">
      <c r="B3132" s="358" t="s">
        <v>16119</v>
      </c>
      <c r="C3132" s="358" t="s">
        <v>16120</v>
      </c>
      <c r="D3132" s="358" t="s">
        <v>16121</v>
      </c>
      <c r="E3132" s="358" t="s">
        <v>16122</v>
      </c>
      <c r="F3132" s="358" t="s">
        <v>14356</v>
      </c>
      <c r="G3132" s="358" t="s">
        <v>14340</v>
      </c>
      <c r="H3132" s="358" t="s">
        <v>14341</v>
      </c>
      <c r="I3132" s="358" t="s">
        <v>14340</v>
      </c>
      <c r="J3132" s="358" t="s">
        <v>14355</v>
      </c>
      <c r="K3132" s="358"/>
      <c r="L3132" s="358"/>
    </row>
    <row r="3133" spans="2:12">
      <c r="B3133" s="359"/>
      <c r="C3133" s="359"/>
      <c r="D3133" s="359"/>
      <c r="E3133" s="359"/>
      <c r="F3133" s="360"/>
      <c r="G3133" s="360"/>
      <c r="H3133" s="360"/>
      <c r="I3133" s="360"/>
      <c r="J3133" s="359"/>
      <c r="K3133" s="359"/>
      <c r="L3133" s="359"/>
    </row>
    <row r="3134" spans="2:12">
      <c r="B3134" s="359"/>
      <c r="C3134" s="359"/>
      <c r="D3134" s="359"/>
      <c r="E3134" s="359"/>
      <c r="F3134" s="359" t="s">
        <v>14368</v>
      </c>
      <c r="G3134" s="359" t="s">
        <v>14388</v>
      </c>
      <c r="H3134" s="359" t="s">
        <v>14367</v>
      </c>
      <c r="I3134" s="359" t="s">
        <v>14388</v>
      </c>
      <c r="J3134" s="359"/>
      <c r="K3134" s="359"/>
      <c r="L3134" s="359"/>
    </row>
    <row r="3135" spans="2:12">
      <c r="B3135" s="359"/>
      <c r="C3135" s="359"/>
      <c r="D3135" s="359"/>
      <c r="E3135" s="359"/>
      <c r="F3135" s="360"/>
      <c r="G3135" s="360"/>
      <c r="H3135" s="360"/>
      <c r="I3135" s="360"/>
      <c r="J3135" s="359"/>
      <c r="K3135" s="359"/>
      <c r="L3135" s="359"/>
    </row>
    <row r="3136" spans="2:12">
      <c r="B3136" s="361"/>
      <c r="C3136" s="361"/>
      <c r="D3136" s="361"/>
      <c r="E3136" s="361"/>
      <c r="F3136" s="362"/>
      <c r="G3136" s="362"/>
      <c r="H3136" s="361" t="s">
        <v>14332</v>
      </c>
      <c r="I3136" s="362"/>
      <c r="J3136" s="361"/>
      <c r="K3136" s="361"/>
      <c r="L3136" s="361"/>
    </row>
    <row r="3137" spans="2:12">
      <c r="B3137" s="358" t="s">
        <v>16123</v>
      </c>
      <c r="C3137" s="358" t="s">
        <v>16124</v>
      </c>
      <c r="D3137" s="358" t="s">
        <v>16125</v>
      </c>
      <c r="E3137" s="358" t="s">
        <v>16126</v>
      </c>
      <c r="F3137" s="358" t="s">
        <v>14339</v>
      </c>
      <c r="G3137" s="358" t="s">
        <v>14340</v>
      </c>
      <c r="H3137" s="358" t="s">
        <v>14341</v>
      </c>
      <c r="I3137" s="358" t="s">
        <v>14340</v>
      </c>
      <c r="J3137" s="358" t="s">
        <v>14355</v>
      </c>
      <c r="K3137" s="358"/>
      <c r="L3137" s="358"/>
    </row>
    <row r="3138" spans="2:12">
      <c r="B3138" s="359"/>
      <c r="C3138" s="359"/>
      <c r="D3138" s="359"/>
      <c r="E3138" s="359"/>
      <c r="F3138" s="360"/>
      <c r="G3138" s="360"/>
      <c r="H3138" s="360"/>
      <c r="I3138" s="360"/>
      <c r="J3138" s="359"/>
      <c r="K3138" s="359"/>
      <c r="L3138" s="359"/>
    </row>
    <row r="3139" spans="2:12">
      <c r="B3139" s="359"/>
      <c r="C3139" s="359"/>
      <c r="D3139" s="359"/>
      <c r="E3139" s="359"/>
      <c r="F3139" s="359" t="s">
        <v>14368</v>
      </c>
      <c r="G3139" s="359" t="s">
        <v>14388</v>
      </c>
      <c r="H3139" s="359" t="s">
        <v>14367</v>
      </c>
      <c r="I3139" s="359" t="s">
        <v>14388</v>
      </c>
      <c r="J3139" s="359"/>
      <c r="K3139" s="359"/>
      <c r="L3139" s="359"/>
    </row>
    <row r="3140" spans="2:12">
      <c r="B3140" s="359"/>
      <c r="C3140" s="359"/>
      <c r="D3140" s="359"/>
      <c r="E3140" s="359"/>
      <c r="F3140" s="360"/>
      <c r="G3140" s="360"/>
      <c r="H3140" s="360"/>
      <c r="I3140" s="360"/>
      <c r="J3140" s="359"/>
      <c r="K3140" s="359"/>
      <c r="L3140" s="359"/>
    </row>
    <row r="3141" spans="2:12">
      <c r="B3141" s="361"/>
      <c r="C3141" s="361"/>
      <c r="D3141" s="361"/>
      <c r="E3141" s="361"/>
      <c r="F3141" s="362"/>
      <c r="G3141" s="362"/>
      <c r="H3141" s="361" t="s">
        <v>14332</v>
      </c>
      <c r="I3141" s="362"/>
      <c r="J3141" s="361"/>
      <c r="K3141" s="361"/>
      <c r="L3141" s="361"/>
    </row>
    <row r="3142" spans="2:12">
      <c r="B3142" s="358" t="s">
        <v>16127</v>
      </c>
      <c r="C3142" s="358" t="s">
        <v>16128</v>
      </c>
      <c r="D3142" s="358" t="s">
        <v>16129</v>
      </c>
      <c r="E3142" s="358" t="s">
        <v>16130</v>
      </c>
      <c r="F3142" s="358" t="s">
        <v>14420</v>
      </c>
      <c r="G3142" s="358" t="s">
        <v>14459</v>
      </c>
      <c r="H3142" s="358" t="s">
        <v>14341</v>
      </c>
      <c r="I3142" s="358" t="s">
        <v>14459</v>
      </c>
      <c r="J3142" s="358"/>
      <c r="K3142" s="358"/>
      <c r="L3142" s="358"/>
    </row>
    <row r="3143" spans="2:12">
      <c r="B3143" s="359"/>
      <c r="C3143" s="359"/>
      <c r="D3143" s="359"/>
      <c r="E3143" s="359"/>
      <c r="F3143" s="360"/>
      <c r="G3143" s="360"/>
      <c r="H3143" s="360"/>
      <c r="I3143" s="360"/>
      <c r="J3143" s="359"/>
      <c r="K3143" s="359"/>
      <c r="L3143" s="359"/>
    </row>
    <row r="3144" spans="2:12">
      <c r="B3144" s="359"/>
      <c r="C3144" s="359"/>
      <c r="D3144" s="359"/>
      <c r="E3144" s="359"/>
      <c r="F3144" s="359" t="s">
        <v>14339</v>
      </c>
      <c r="G3144" s="359" t="s">
        <v>14340</v>
      </c>
      <c r="H3144" s="359" t="s">
        <v>14367</v>
      </c>
      <c r="I3144" s="359" t="s">
        <v>14340</v>
      </c>
      <c r="J3144" s="359"/>
      <c r="K3144" s="359"/>
      <c r="L3144" s="359"/>
    </row>
    <row r="3145" spans="2:12">
      <c r="B3145" s="359"/>
      <c r="C3145" s="359"/>
      <c r="D3145" s="359"/>
      <c r="E3145" s="359"/>
      <c r="F3145" s="360"/>
      <c r="G3145" s="360"/>
      <c r="H3145" s="360"/>
      <c r="I3145" s="360"/>
      <c r="J3145" s="359"/>
      <c r="K3145" s="359"/>
      <c r="L3145" s="359"/>
    </row>
    <row r="3146" spans="2:12">
      <c r="B3146" s="361"/>
      <c r="C3146" s="361"/>
      <c r="D3146" s="361"/>
      <c r="E3146" s="361"/>
      <c r="F3146" s="362"/>
      <c r="G3146" s="362"/>
      <c r="H3146" s="361" t="s">
        <v>14332</v>
      </c>
      <c r="I3146" s="362"/>
      <c r="J3146" s="361"/>
      <c r="K3146" s="361"/>
      <c r="L3146" s="361"/>
    </row>
    <row r="3147" spans="2:12">
      <c r="B3147" s="358" t="s">
        <v>16131</v>
      </c>
      <c r="C3147" s="358" t="s">
        <v>28660</v>
      </c>
      <c r="D3147" s="358" t="s">
        <v>8356</v>
      </c>
      <c r="E3147" s="358" t="s">
        <v>8356</v>
      </c>
      <c r="F3147" s="358" t="s">
        <v>14339</v>
      </c>
      <c r="G3147" s="358" t="s">
        <v>14340</v>
      </c>
      <c r="H3147" s="358" t="s">
        <v>14341</v>
      </c>
      <c r="I3147" s="358" t="s">
        <v>14340</v>
      </c>
      <c r="J3147" s="358" t="s">
        <v>14355</v>
      </c>
      <c r="K3147" s="358"/>
      <c r="L3147" s="358" t="s">
        <v>10376</v>
      </c>
    </row>
    <row r="3148" spans="2:12">
      <c r="B3148" s="359"/>
      <c r="C3148" s="359"/>
      <c r="D3148" s="359"/>
      <c r="E3148" s="359"/>
      <c r="F3148" s="360"/>
      <c r="G3148" s="360"/>
      <c r="H3148" s="360"/>
      <c r="I3148" s="360"/>
      <c r="J3148" s="359"/>
      <c r="K3148" s="359"/>
      <c r="L3148" s="359"/>
    </row>
    <row r="3149" spans="2:12">
      <c r="B3149" s="359"/>
      <c r="C3149" s="359"/>
      <c r="D3149" s="359"/>
      <c r="E3149" s="359"/>
      <c r="F3149" s="359" t="s">
        <v>14368</v>
      </c>
      <c r="G3149" s="359" t="s">
        <v>14388</v>
      </c>
      <c r="H3149" s="359" t="s">
        <v>14367</v>
      </c>
      <c r="I3149" s="359" t="s">
        <v>14388</v>
      </c>
      <c r="J3149" s="359"/>
      <c r="K3149" s="359"/>
      <c r="L3149" s="359"/>
    </row>
    <row r="3150" spans="2:12">
      <c r="B3150" s="359"/>
      <c r="C3150" s="359"/>
      <c r="D3150" s="359"/>
      <c r="E3150" s="359"/>
      <c r="F3150" s="360"/>
      <c r="G3150" s="360"/>
      <c r="H3150" s="360"/>
      <c r="I3150" s="360"/>
      <c r="J3150" s="359"/>
      <c r="K3150" s="359"/>
      <c r="L3150" s="359"/>
    </row>
    <row r="3151" spans="2:12">
      <c r="B3151" s="361"/>
      <c r="C3151" s="361"/>
      <c r="D3151" s="361"/>
      <c r="E3151" s="361"/>
      <c r="F3151" s="362"/>
      <c r="G3151" s="362"/>
      <c r="H3151" s="361" t="s">
        <v>14332</v>
      </c>
      <c r="I3151" s="362"/>
      <c r="J3151" s="361"/>
      <c r="K3151" s="361"/>
      <c r="L3151" s="361"/>
    </row>
    <row r="3152" spans="2:12" ht="71.25">
      <c r="B3152" s="358" t="s">
        <v>16132</v>
      </c>
      <c r="C3152" s="358" t="s">
        <v>28661</v>
      </c>
      <c r="D3152" s="358" t="s">
        <v>16133</v>
      </c>
      <c r="E3152" s="358" t="s">
        <v>16134</v>
      </c>
      <c r="F3152" s="358" t="s">
        <v>14339</v>
      </c>
      <c r="G3152" s="358" t="s">
        <v>14340</v>
      </c>
      <c r="H3152" s="358" t="s">
        <v>14341</v>
      </c>
      <c r="I3152" s="358" t="s">
        <v>14340</v>
      </c>
      <c r="J3152" s="358"/>
      <c r="K3152" s="358" t="s">
        <v>28662</v>
      </c>
      <c r="L3152" s="358" t="s">
        <v>10376</v>
      </c>
    </row>
    <row r="3153" spans="2:12">
      <c r="B3153" s="359"/>
      <c r="C3153" s="359"/>
      <c r="D3153" s="359"/>
      <c r="E3153" s="359"/>
      <c r="F3153" s="359"/>
      <c r="G3153" s="359"/>
      <c r="H3153" s="360"/>
      <c r="I3153" s="359"/>
      <c r="J3153" s="359"/>
      <c r="K3153" s="360"/>
      <c r="L3153" s="359"/>
    </row>
    <row r="3154" spans="2:12">
      <c r="B3154" s="359"/>
      <c r="C3154" s="359"/>
      <c r="D3154" s="359"/>
      <c r="E3154" s="359"/>
      <c r="F3154" s="359"/>
      <c r="G3154" s="359"/>
      <c r="H3154" s="359" t="s">
        <v>14332</v>
      </c>
      <c r="I3154" s="359"/>
      <c r="J3154" s="359"/>
      <c r="K3154" s="359" t="s">
        <v>28663</v>
      </c>
      <c r="L3154" s="359"/>
    </row>
    <row r="3155" spans="2:12">
      <c r="B3155" s="359"/>
      <c r="C3155" s="359"/>
      <c r="D3155" s="359"/>
      <c r="E3155" s="359"/>
      <c r="F3155" s="359"/>
      <c r="G3155" s="359"/>
      <c r="H3155" s="360"/>
      <c r="I3155" s="359"/>
      <c r="J3155" s="359"/>
      <c r="K3155" s="360"/>
      <c r="L3155" s="359"/>
    </row>
    <row r="3156" spans="2:12" ht="42.75">
      <c r="B3156" s="359"/>
      <c r="C3156" s="359"/>
      <c r="D3156" s="359"/>
      <c r="E3156" s="359"/>
      <c r="F3156" s="359"/>
      <c r="G3156" s="359"/>
      <c r="H3156" s="360"/>
      <c r="I3156" s="359"/>
      <c r="J3156" s="359"/>
      <c r="K3156" s="359" t="s">
        <v>28664</v>
      </c>
      <c r="L3156" s="359"/>
    </row>
    <row r="3157" spans="2:12">
      <c r="B3157" s="359"/>
      <c r="C3157" s="359"/>
      <c r="D3157" s="359"/>
      <c r="E3157" s="359"/>
      <c r="F3157" s="359"/>
      <c r="G3157" s="359"/>
      <c r="H3157" s="360"/>
      <c r="I3157" s="359"/>
      <c r="J3157" s="359"/>
      <c r="K3157" s="360"/>
      <c r="L3157" s="359"/>
    </row>
    <row r="3158" spans="2:12">
      <c r="B3158" s="361"/>
      <c r="C3158" s="361"/>
      <c r="D3158" s="361"/>
      <c r="E3158" s="361"/>
      <c r="F3158" s="361"/>
      <c r="G3158" s="361"/>
      <c r="H3158" s="362"/>
      <c r="I3158" s="361"/>
      <c r="J3158" s="361"/>
      <c r="K3158" s="361" t="s">
        <v>28663</v>
      </c>
      <c r="L3158" s="361"/>
    </row>
    <row r="3159" spans="2:12">
      <c r="B3159" s="358" t="s">
        <v>16135</v>
      </c>
      <c r="C3159" s="358" t="s">
        <v>16136</v>
      </c>
      <c r="D3159" s="358" t="s">
        <v>16137</v>
      </c>
      <c r="E3159" s="358" t="s">
        <v>16138</v>
      </c>
      <c r="F3159" s="358" t="s">
        <v>16139</v>
      </c>
      <c r="G3159" s="358" t="s">
        <v>14327</v>
      </c>
      <c r="H3159" s="358" t="s">
        <v>14328</v>
      </c>
      <c r="I3159" s="358" t="s">
        <v>14327</v>
      </c>
      <c r="J3159" s="358"/>
      <c r="K3159" s="358"/>
      <c r="L3159" s="358" t="s">
        <v>14329</v>
      </c>
    </row>
    <row r="3160" spans="2:12">
      <c r="B3160" s="359"/>
      <c r="C3160" s="360"/>
      <c r="D3160" s="359"/>
      <c r="E3160" s="359"/>
      <c r="F3160" s="360"/>
      <c r="G3160" s="360"/>
      <c r="H3160" s="360"/>
      <c r="I3160" s="360"/>
      <c r="J3160" s="359"/>
      <c r="K3160" s="359"/>
      <c r="L3160" s="359"/>
    </row>
    <row r="3161" spans="2:12">
      <c r="B3161" s="359"/>
      <c r="C3161" s="359" t="s">
        <v>16140</v>
      </c>
      <c r="D3161" s="359"/>
      <c r="E3161" s="359"/>
      <c r="F3161" s="359" t="s">
        <v>14330</v>
      </c>
      <c r="G3161" s="359" t="s">
        <v>14483</v>
      </c>
      <c r="H3161" s="359" t="s">
        <v>14331</v>
      </c>
      <c r="I3161" s="359" t="s">
        <v>14483</v>
      </c>
      <c r="J3161" s="359"/>
      <c r="K3161" s="359"/>
      <c r="L3161" s="359"/>
    </row>
    <row r="3162" spans="2:12">
      <c r="B3162" s="359"/>
      <c r="C3162" s="360"/>
      <c r="D3162" s="359"/>
      <c r="E3162" s="359"/>
      <c r="F3162" s="360"/>
      <c r="G3162" s="360"/>
      <c r="H3162" s="360"/>
      <c r="I3162" s="360"/>
      <c r="J3162" s="359"/>
      <c r="K3162" s="359"/>
      <c r="L3162" s="359"/>
    </row>
    <row r="3163" spans="2:12">
      <c r="B3163" s="359"/>
      <c r="C3163" s="360"/>
      <c r="D3163" s="359"/>
      <c r="E3163" s="359"/>
      <c r="F3163" s="359" t="s">
        <v>14382</v>
      </c>
      <c r="G3163" s="359" t="s">
        <v>14372</v>
      </c>
      <c r="H3163" s="359" t="s">
        <v>14378</v>
      </c>
      <c r="I3163" s="359" t="s">
        <v>14373</v>
      </c>
      <c r="J3163" s="359"/>
      <c r="K3163" s="359"/>
      <c r="L3163" s="359"/>
    </row>
    <row r="3164" spans="2:12">
      <c r="B3164" s="359"/>
      <c r="C3164" s="360"/>
      <c r="D3164" s="359"/>
      <c r="E3164" s="359"/>
      <c r="F3164" s="360"/>
      <c r="G3164" s="360"/>
      <c r="H3164" s="360"/>
      <c r="I3164" s="360"/>
      <c r="J3164" s="359"/>
      <c r="K3164" s="359"/>
      <c r="L3164" s="359"/>
    </row>
    <row r="3165" spans="2:12">
      <c r="B3165" s="359"/>
      <c r="C3165" s="360"/>
      <c r="D3165" s="359"/>
      <c r="E3165" s="359"/>
      <c r="F3165" s="359" t="s">
        <v>14371</v>
      </c>
      <c r="G3165" s="359" t="s">
        <v>14373</v>
      </c>
      <c r="H3165" s="359" t="s">
        <v>14370</v>
      </c>
      <c r="I3165" s="360"/>
      <c r="J3165" s="359"/>
      <c r="K3165" s="359"/>
      <c r="L3165" s="359"/>
    </row>
    <row r="3166" spans="2:12">
      <c r="B3166" s="359"/>
      <c r="C3166" s="360"/>
      <c r="D3166" s="359"/>
      <c r="E3166" s="359"/>
      <c r="F3166" s="360"/>
      <c r="G3166" s="360"/>
      <c r="H3166" s="360"/>
      <c r="I3166" s="360"/>
      <c r="J3166" s="359"/>
      <c r="K3166" s="359"/>
      <c r="L3166" s="359"/>
    </row>
    <row r="3167" spans="2:12" ht="28.5">
      <c r="B3167" s="361"/>
      <c r="C3167" s="362"/>
      <c r="D3167" s="361"/>
      <c r="E3167" s="361"/>
      <c r="F3167" s="361" t="s">
        <v>14374</v>
      </c>
      <c r="G3167" s="362"/>
      <c r="H3167" s="361" t="s">
        <v>14332</v>
      </c>
      <c r="I3167" s="362"/>
      <c r="J3167" s="361"/>
      <c r="K3167" s="361"/>
      <c r="L3167" s="361"/>
    </row>
    <row r="3168" spans="2:12">
      <c r="B3168" s="358" t="s">
        <v>16141</v>
      </c>
      <c r="C3168" s="358" t="s">
        <v>16142</v>
      </c>
      <c r="D3168" s="358" t="s">
        <v>16143</v>
      </c>
      <c r="E3168" s="358" t="s">
        <v>16144</v>
      </c>
      <c r="F3168" s="358" t="s">
        <v>14505</v>
      </c>
      <c r="G3168" s="358" t="s">
        <v>14506</v>
      </c>
      <c r="H3168" s="358" t="s">
        <v>14328</v>
      </c>
      <c r="I3168" s="358" t="s">
        <v>14506</v>
      </c>
      <c r="J3168" s="358"/>
      <c r="K3168" s="358"/>
      <c r="L3168" s="358"/>
    </row>
    <row r="3169" spans="2:12">
      <c r="B3169" s="359"/>
      <c r="C3169" s="360"/>
      <c r="D3169" s="359"/>
      <c r="E3169" s="359"/>
      <c r="F3169" s="360"/>
      <c r="G3169" s="360"/>
      <c r="H3169" s="360"/>
      <c r="I3169" s="360"/>
      <c r="J3169" s="359"/>
      <c r="K3169" s="359"/>
      <c r="L3169" s="359"/>
    </row>
    <row r="3170" spans="2:12">
      <c r="B3170" s="359"/>
      <c r="C3170" s="359" t="s">
        <v>16145</v>
      </c>
      <c r="D3170" s="359"/>
      <c r="E3170" s="359"/>
      <c r="F3170" s="359" t="s">
        <v>14420</v>
      </c>
      <c r="G3170" s="359" t="s">
        <v>14459</v>
      </c>
      <c r="H3170" s="359" t="s">
        <v>14367</v>
      </c>
      <c r="I3170" s="359" t="s">
        <v>14459</v>
      </c>
      <c r="J3170" s="359"/>
      <c r="K3170" s="359"/>
      <c r="L3170" s="359"/>
    </row>
    <row r="3171" spans="2:12">
      <c r="B3171" s="359"/>
      <c r="C3171" s="360"/>
      <c r="D3171" s="359"/>
      <c r="E3171" s="359"/>
      <c r="F3171" s="360"/>
      <c r="G3171" s="360"/>
      <c r="H3171" s="360"/>
      <c r="I3171" s="360"/>
      <c r="J3171" s="359"/>
      <c r="K3171" s="359"/>
      <c r="L3171" s="359"/>
    </row>
    <row r="3172" spans="2:12">
      <c r="B3172" s="359"/>
      <c r="C3172" s="360"/>
      <c r="D3172" s="359"/>
      <c r="E3172" s="359"/>
      <c r="F3172" s="359" t="s">
        <v>14371</v>
      </c>
      <c r="G3172" s="359" t="s">
        <v>14372</v>
      </c>
      <c r="H3172" s="359" t="s">
        <v>14370</v>
      </c>
      <c r="I3172" s="359" t="s">
        <v>14373</v>
      </c>
      <c r="J3172" s="359"/>
      <c r="K3172" s="359"/>
      <c r="L3172" s="359"/>
    </row>
    <row r="3173" spans="2:12">
      <c r="B3173" s="359"/>
      <c r="C3173" s="360"/>
      <c r="D3173" s="359"/>
      <c r="E3173" s="359"/>
      <c r="F3173" s="360"/>
      <c r="G3173" s="360"/>
      <c r="H3173" s="360"/>
      <c r="I3173" s="360"/>
      <c r="J3173" s="359"/>
      <c r="K3173" s="359"/>
      <c r="L3173" s="359"/>
    </row>
    <row r="3174" spans="2:12" ht="28.5">
      <c r="B3174" s="361"/>
      <c r="C3174" s="362"/>
      <c r="D3174" s="361"/>
      <c r="E3174" s="361"/>
      <c r="F3174" s="361" t="s">
        <v>14374</v>
      </c>
      <c r="G3174" s="361" t="s">
        <v>14373</v>
      </c>
      <c r="H3174" s="361" t="s">
        <v>14332</v>
      </c>
      <c r="I3174" s="362"/>
      <c r="J3174" s="361"/>
      <c r="K3174" s="361"/>
      <c r="L3174" s="361"/>
    </row>
    <row r="3175" spans="2:12" ht="114">
      <c r="B3175" s="358" t="s">
        <v>10219</v>
      </c>
      <c r="C3175" s="358" t="s">
        <v>16146</v>
      </c>
      <c r="D3175" s="358" t="s">
        <v>228</v>
      </c>
      <c r="E3175" s="358" t="s">
        <v>229</v>
      </c>
      <c r="F3175" s="358" t="s">
        <v>14376</v>
      </c>
      <c r="G3175" s="358" t="s">
        <v>14669</v>
      </c>
      <c r="H3175" s="358" t="s">
        <v>14378</v>
      </c>
      <c r="I3175" s="358" t="s">
        <v>14669</v>
      </c>
      <c r="J3175" s="358"/>
      <c r="K3175" s="358" t="s">
        <v>28665</v>
      </c>
      <c r="L3175" s="358"/>
    </row>
    <row r="3176" spans="2:12">
      <c r="B3176" s="359"/>
      <c r="C3176" s="359"/>
      <c r="D3176" s="359"/>
      <c r="E3176" s="359"/>
      <c r="F3176" s="360"/>
      <c r="G3176" s="360"/>
      <c r="H3176" s="360"/>
      <c r="I3176" s="360"/>
      <c r="J3176" s="359"/>
      <c r="K3176" s="359"/>
      <c r="L3176" s="359"/>
    </row>
    <row r="3177" spans="2:12">
      <c r="B3177" s="359"/>
      <c r="C3177" s="359"/>
      <c r="D3177" s="359"/>
      <c r="E3177" s="359"/>
      <c r="F3177" s="359" t="s">
        <v>14426</v>
      </c>
      <c r="G3177" s="359" t="s">
        <v>14427</v>
      </c>
      <c r="H3177" s="359" t="s">
        <v>14381</v>
      </c>
      <c r="I3177" s="359" t="s">
        <v>14427</v>
      </c>
      <c r="J3177" s="359"/>
      <c r="K3177" s="359"/>
      <c r="L3177" s="359"/>
    </row>
    <row r="3178" spans="2:12">
      <c r="B3178" s="359"/>
      <c r="C3178" s="359"/>
      <c r="D3178" s="359"/>
      <c r="E3178" s="359"/>
      <c r="F3178" s="360"/>
      <c r="G3178" s="360"/>
      <c r="H3178" s="360"/>
      <c r="I3178" s="360"/>
      <c r="J3178" s="359"/>
      <c r="K3178" s="359"/>
      <c r="L3178" s="359"/>
    </row>
    <row r="3179" spans="2:12">
      <c r="B3179" s="359"/>
      <c r="C3179" s="359"/>
      <c r="D3179" s="359"/>
      <c r="E3179" s="359"/>
      <c r="F3179" s="359" t="s">
        <v>14379</v>
      </c>
      <c r="G3179" s="359" t="s">
        <v>14380</v>
      </c>
      <c r="H3179" s="359" t="s">
        <v>14341</v>
      </c>
      <c r="I3179" s="359" t="s">
        <v>14380</v>
      </c>
      <c r="J3179" s="359"/>
      <c r="K3179" s="359"/>
      <c r="L3179" s="359"/>
    </row>
    <row r="3180" spans="2:12">
      <c r="B3180" s="359"/>
      <c r="C3180" s="359"/>
      <c r="D3180" s="359"/>
      <c r="E3180" s="359"/>
      <c r="F3180" s="360"/>
      <c r="G3180" s="360"/>
      <c r="H3180" s="360"/>
      <c r="I3180" s="360"/>
      <c r="J3180" s="359"/>
      <c r="K3180" s="359"/>
      <c r="L3180" s="359"/>
    </row>
    <row r="3181" spans="2:12">
      <c r="B3181" s="359"/>
      <c r="C3181" s="359"/>
      <c r="D3181" s="359"/>
      <c r="E3181" s="359"/>
      <c r="F3181" s="359" t="s">
        <v>14382</v>
      </c>
      <c r="G3181" s="359" t="s">
        <v>14383</v>
      </c>
      <c r="H3181" s="359" t="s">
        <v>14332</v>
      </c>
      <c r="I3181" s="359" t="s">
        <v>14383</v>
      </c>
      <c r="J3181" s="359"/>
      <c r="K3181" s="359"/>
      <c r="L3181" s="359"/>
    </row>
    <row r="3182" spans="2:12">
      <c r="B3182" s="359"/>
      <c r="C3182" s="359"/>
      <c r="D3182" s="359"/>
      <c r="E3182" s="359"/>
      <c r="F3182" s="360"/>
      <c r="G3182" s="360"/>
      <c r="H3182" s="360"/>
      <c r="I3182" s="360"/>
      <c r="J3182" s="359"/>
      <c r="K3182" s="359"/>
      <c r="L3182" s="359"/>
    </row>
    <row r="3183" spans="2:12">
      <c r="B3183" s="359"/>
      <c r="C3183" s="359"/>
      <c r="D3183" s="359"/>
      <c r="E3183" s="359"/>
      <c r="F3183" s="359" t="s">
        <v>14356</v>
      </c>
      <c r="G3183" s="359" t="s">
        <v>14340</v>
      </c>
      <c r="H3183" s="360"/>
      <c r="I3183" s="359" t="s">
        <v>14340</v>
      </c>
      <c r="J3183" s="359"/>
      <c r="K3183" s="359"/>
      <c r="L3183" s="359"/>
    </row>
    <row r="3184" spans="2:12">
      <c r="B3184" s="359"/>
      <c r="C3184" s="359"/>
      <c r="D3184" s="359"/>
      <c r="E3184" s="359"/>
      <c r="F3184" s="360"/>
      <c r="G3184" s="360"/>
      <c r="H3184" s="360"/>
      <c r="I3184" s="360"/>
      <c r="J3184" s="359"/>
      <c r="K3184" s="359"/>
      <c r="L3184" s="359"/>
    </row>
    <row r="3185" spans="2:12">
      <c r="B3185" s="361"/>
      <c r="C3185" s="361"/>
      <c r="D3185" s="361"/>
      <c r="E3185" s="361"/>
      <c r="F3185" s="361" t="s">
        <v>14391</v>
      </c>
      <c r="G3185" s="361" t="s">
        <v>14392</v>
      </c>
      <c r="H3185" s="362"/>
      <c r="I3185" s="361" t="s">
        <v>14392</v>
      </c>
      <c r="J3185" s="361"/>
      <c r="K3185" s="361"/>
      <c r="L3185" s="361"/>
    </row>
    <row r="3186" spans="2:12">
      <c r="B3186" s="358" t="s">
        <v>16147</v>
      </c>
      <c r="C3186" s="358" t="s">
        <v>28666</v>
      </c>
      <c r="D3186" s="358" t="s">
        <v>16148</v>
      </c>
      <c r="E3186" s="358" t="s">
        <v>16149</v>
      </c>
      <c r="F3186" s="358" t="s">
        <v>14420</v>
      </c>
      <c r="G3186" s="358" t="s">
        <v>14429</v>
      </c>
      <c r="H3186" s="358" t="s">
        <v>14367</v>
      </c>
      <c r="I3186" s="358" t="s">
        <v>14429</v>
      </c>
      <c r="J3186" s="358"/>
      <c r="K3186" s="358"/>
      <c r="L3186" s="358"/>
    </row>
    <row r="3187" spans="2:12">
      <c r="B3187" s="359"/>
      <c r="C3187" s="359"/>
      <c r="D3187" s="359"/>
      <c r="E3187" s="359"/>
      <c r="F3187" s="360"/>
      <c r="G3187" s="360"/>
      <c r="H3187" s="360"/>
      <c r="I3187" s="360"/>
      <c r="J3187" s="359"/>
      <c r="K3187" s="359"/>
      <c r="L3187" s="359"/>
    </row>
    <row r="3188" spans="2:12">
      <c r="B3188" s="359"/>
      <c r="C3188" s="359"/>
      <c r="D3188" s="359"/>
      <c r="E3188" s="359"/>
      <c r="F3188" s="359" t="s">
        <v>14371</v>
      </c>
      <c r="G3188" s="359" t="s">
        <v>14372</v>
      </c>
      <c r="H3188" s="359" t="s">
        <v>14370</v>
      </c>
      <c r="I3188" s="359" t="s">
        <v>14373</v>
      </c>
      <c r="J3188" s="359"/>
      <c r="K3188" s="359"/>
      <c r="L3188" s="359"/>
    </row>
    <row r="3189" spans="2:12">
      <c r="B3189" s="359"/>
      <c r="C3189" s="359"/>
      <c r="D3189" s="359"/>
      <c r="E3189" s="359"/>
      <c r="F3189" s="360"/>
      <c r="G3189" s="360"/>
      <c r="H3189" s="360"/>
      <c r="I3189" s="360"/>
      <c r="J3189" s="359"/>
      <c r="K3189" s="359"/>
      <c r="L3189" s="359"/>
    </row>
    <row r="3190" spans="2:12" ht="28.5">
      <c r="B3190" s="361"/>
      <c r="C3190" s="361"/>
      <c r="D3190" s="361"/>
      <c r="E3190" s="361"/>
      <c r="F3190" s="361" t="s">
        <v>14374</v>
      </c>
      <c r="G3190" s="361" t="s">
        <v>14373</v>
      </c>
      <c r="H3190" s="361" t="s">
        <v>14422</v>
      </c>
      <c r="I3190" s="362"/>
      <c r="J3190" s="361"/>
      <c r="K3190" s="361"/>
      <c r="L3190" s="361"/>
    </row>
    <row r="3191" spans="2:12">
      <c r="B3191" s="358" t="s">
        <v>16150</v>
      </c>
      <c r="C3191" s="358" t="s">
        <v>16151</v>
      </c>
      <c r="D3191" s="358" t="s">
        <v>16152</v>
      </c>
      <c r="E3191" s="358" t="s">
        <v>16153</v>
      </c>
      <c r="F3191" s="358" t="s">
        <v>14420</v>
      </c>
      <c r="G3191" s="358" t="s">
        <v>14429</v>
      </c>
      <c r="H3191" s="358" t="s">
        <v>14341</v>
      </c>
      <c r="I3191" s="358" t="s">
        <v>14429</v>
      </c>
      <c r="J3191" s="358"/>
      <c r="K3191" s="358"/>
      <c r="L3191" s="358"/>
    </row>
    <row r="3192" spans="2:12">
      <c r="B3192" s="359"/>
      <c r="C3192" s="360"/>
      <c r="D3192" s="359"/>
      <c r="E3192" s="359"/>
      <c r="F3192" s="360"/>
      <c r="G3192" s="360"/>
      <c r="H3192" s="360"/>
      <c r="I3192" s="360"/>
      <c r="J3192" s="359"/>
      <c r="K3192" s="359"/>
      <c r="L3192" s="359"/>
    </row>
    <row r="3193" spans="2:12">
      <c r="B3193" s="359"/>
      <c r="C3193" s="359" t="s">
        <v>16154</v>
      </c>
      <c r="D3193" s="359"/>
      <c r="E3193" s="359"/>
      <c r="F3193" s="359" t="s">
        <v>14389</v>
      </c>
      <c r="G3193" s="359" t="s">
        <v>14390</v>
      </c>
      <c r="H3193" s="359" t="s">
        <v>14367</v>
      </c>
      <c r="I3193" s="359" t="s">
        <v>14390</v>
      </c>
      <c r="J3193" s="359"/>
      <c r="K3193" s="359"/>
      <c r="L3193" s="359"/>
    </row>
    <row r="3194" spans="2:12">
      <c r="B3194" s="359"/>
      <c r="C3194" s="360"/>
      <c r="D3194" s="359"/>
      <c r="E3194" s="359"/>
      <c r="F3194" s="360"/>
      <c r="G3194" s="360"/>
      <c r="H3194" s="360"/>
      <c r="I3194" s="360"/>
      <c r="J3194" s="359"/>
      <c r="K3194" s="359"/>
      <c r="L3194" s="359"/>
    </row>
    <row r="3195" spans="2:12">
      <c r="B3195" s="361"/>
      <c r="C3195" s="361" t="s">
        <v>16155</v>
      </c>
      <c r="D3195" s="361"/>
      <c r="E3195" s="361"/>
      <c r="F3195" s="361" t="s">
        <v>14430</v>
      </c>
      <c r="G3195" s="361" t="s">
        <v>14431</v>
      </c>
      <c r="H3195" s="361" t="s">
        <v>14332</v>
      </c>
      <c r="I3195" s="361" t="s">
        <v>14431</v>
      </c>
      <c r="J3195" s="361"/>
      <c r="K3195" s="361"/>
      <c r="L3195" s="361"/>
    </row>
    <row r="3196" spans="2:12">
      <c r="B3196" s="358" t="s">
        <v>16156</v>
      </c>
      <c r="C3196" s="358" t="s">
        <v>16157</v>
      </c>
      <c r="D3196" s="358" t="s">
        <v>16158</v>
      </c>
      <c r="E3196" s="358" t="s">
        <v>16159</v>
      </c>
      <c r="F3196" s="358" t="s">
        <v>14386</v>
      </c>
      <c r="G3196" s="358" t="s">
        <v>14387</v>
      </c>
      <c r="H3196" s="358" t="s">
        <v>14367</v>
      </c>
      <c r="I3196" s="358" t="s">
        <v>14387</v>
      </c>
      <c r="J3196" s="358"/>
      <c r="K3196" s="358"/>
      <c r="L3196" s="358"/>
    </row>
    <row r="3197" spans="2:12">
      <c r="B3197" s="359"/>
      <c r="C3197" s="360"/>
      <c r="D3197" s="359"/>
      <c r="E3197" s="359"/>
      <c r="F3197" s="360"/>
      <c r="G3197" s="360"/>
      <c r="H3197" s="360"/>
      <c r="I3197" s="360"/>
      <c r="J3197" s="359"/>
      <c r="K3197" s="359"/>
      <c r="L3197" s="359"/>
    </row>
    <row r="3198" spans="2:12">
      <c r="B3198" s="359"/>
      <c r="C3198" s="359" t="s">
        <v>16160</v>
      </c>
      <c r="D3198" s="359"/>
      <c r="E3198" s="359"/>
      <c r="F3198" s="359" t="s">
        <v>14389</v>
      </c>
      <c r="G3198" s="359" t="s">
        <v>14390</v>
      </c>
      <c r="H3198" s="359" t="s">
        <v>14422</v>
      </c>
      <c r="I3198" s="359" t="s">
        <v>14390</v>
      </c>
      <c r="J3198" s="359"/>
      <c r="K3198" s="359"/>
      <c r="L3198" s="359"/>
    </row>
    <row r="3199" spans="2:12">
      <c r="B3199" s="359"/>
      <c r="C3199" s="360"/>
      <c r="D3199" s="359"/>
      <c r="E3199" s="359"/>
      <c r="F3199" s="360"/>
      <c r="G3199" s="360"/>
      <c r="H3199" s="360"/>
      <c r="I3199" s="360"/>
      <c r="J3199" s="359"/>
      <c r="K3199" s="359"/>
      <c r="L3199" s="359"/>
    </row>
    <row r="3200" spans="2:12" ht="28.5">
      <c r="B3200" s="361"/>
      <c r="C3200" s="361" t="s">
        <v>16161</v>
      </c>
      <c r="D3200" s="361"/>
      <c r="E3200" s="361"/>
      <c r="F3200" s="361" t="s">
        <v>14472</v>
      </c>
      <c r="G3200" s="361" t="s">
        <v>14473</v>
      </c>
      <c r="H3200" s="362"/>
      <c r="I3200" s="361" t="s">
        <v>14473</v>
      </c>
      <c r="J3200" s="361"/>
      <c r="K3200" s="361"/>
      <c r="L3200" s="361"/>
    </row>
    <row r="3201" spans="2:12">
      <c r="B3201" s="358" t="s">
        <v>10220</v>
      </c>
      <c r="C3201" s="358" t="s">
        <v>16162</v>
      </c>
      <c r="D3201" s="358" t="s">
        <v>222</v>
      </c>
      <c r="E3201" s="358" t="s">
        <v>223</v>
      </c>
      <c r="F3201" s="358" t="s">
        <v>14376</v>
      </c>
      <c r="G3201" s="358" t="s">
        <v>14669</v>
      </c>
      <c r="H3201" s="358" t="s">
        <v>14341</v>
      </c>
      <c r="I3201" s="358" t="s">
        <v>14669</v>
      </c>
      <c r="J3201" s="358"/>
      <c r="K3201" s="358"/>
      <c r="L3201" s="358"/>
    </row>
    <row r="3202" spans="2:12">
      <c r="B3202" s="359"/>
      <c r="C3202" s="359"/>
      <c r="D3202" s="359"/>
      <c r="E3202" s="359"/>
      <c r="F3202" s="360"/>
      <c r="G3202" s="360"/>
      <c r="H3202" s="360"/>
      <c r="I3202" s="360"/>
      <c r="J3202" s="359"/>
      <c r="K3202" s="359"/>
      <c r="L3202" s="359"/>
    </row>
    <row r="3203" spans="2:12">
      <c r="B3203" s="359"/>
      <c r="C3203" s="359"/>
      <c r="D3203" s="359"/>
      <c r="E3203" s="359"/>
      <c r="F3203" s="359" t="s">
        <v>14889</v>
      </c>
      <c r="G3203" s="359" t="s">
        <v>14890</v>
      </c>
      <c r="H3203" s="359" t="s">
        <v>14381</v>
      </c>
      <c r="I3203" s="359" t="s">
        <v>14890</v>
      </c>
      <c r="J3203" s="359"/>
      <c r="K3203" s="359"/>
      <c r="L3203" s="359"/>
    </row>
    <row r="3204" spans="2:12">
      <c r="B3204" s="359"/>
      <c r="C3204" s="359"/>
      <c r="D3204" s="359"/>
      <c r="E3204" s="359"/>
      <c r="F3204" s="360"/>
      <c r="G3204" s="360"/>
      <c r="H3204" s="360"/>
      <c r="I3204" s="360"/>
      <c r="J3204" s="359"/>
      <c r="K3204" s="359"/>
      <c r="L3204" s="359"/>
    </row>
    <row r="3205" spans="2:12">
      <c r="B3205" s="359"/>
      <c r="C3205" s="359"/>
      <c r="D3205" s="359"/>
      <c r="E3205" s="359"/>
      <c r="F3205" s="359" t="s">
        <v>14420</v>
      </c>
      <c r="G3205" s="359" t="s">
        <v>14459</v>
      </c>
      <c r="H3205" s="359" t="s">
        <v>14367</v>
      </c>
      <c r="I3205" s="359" t="s">
        <v>14459</v>
      </c>
      <c r="J3205" s="359"/>
      <c r="K3205" s="359"/>
      <c r="L3205" s="359"/>
    </row>
    <row r="3206" spans="2:12">
      <c r="B3206" s="359"/>
      <c r="C3206" s="359"/>
      <c r="D3206" s="359"/>
      <c r="E3206" s="359"/>
      <c r="F3206" s="360"/>
      <c r="G3206" s="360"/>
      <c r="H3206" s="360"/>
      <c r="I3206" s="360"/>
      <c r="J3206" s="359"/>
      <c r="K3206" s="359"/>
      <c r="L3206" s="359"/>
    </row>
    <row r="3207" spans="2:12">
      <c r="B3207" s="359"/>
      <c r="C3207" s="359"/>
      <c r="D3207" s="359"/>
      <c r="E3207" s="359"/>
      <c r="F3207" s="359" t="s">
        <v>14420</v>
      </c>
      <c r="G3207" s="359" t="s">
        <v>14421</v>
      </c>
      <c r="H3207" s="359" t="s">
        <v>14332</v>
      </c>
      <c r="I3207" s="359" t="s">
        <v>14421</v>
      </c>
      <c r="J3207" s="359"/>
      <c r="K3207" s="359"/>
      <c r="L3207" s="359"/>
    </row>
    <row r="3208" spans="2:12">
      <c r="B3208" s="359"/>
      <c r="C3208" s="359"/>
      <c r="D3208" s="359"/>
      <c r="E3208" s="359"/>
      <c r="F3208" s="360"/>
      <c r="G3208" s="360"/>
      <c r="H3208" s="360"/>
      <c r="I3208" s="360"/>
      <c r="J3208" s="359"/>
      <c r="K3208" s="359"/>
      <c r="L3208" s="359"/>
    </row>
    <row r="3209" spans="2:12">
      <c r="B3209" s="359"/>
      <c r="C3209" s="359"/>
      <c r="D3209" s="359"/>
      <c r="E3209" s="359"/>
      <c r="F3209" s="359" t="s">
        <v>14420</v>
      </c>
      <c r="G3209" s="359" t="s">
        <v>14429</v>
      </c>
      <c r="H3209" s="360"/>
      <c r="I3209" s="359" t="s">
        <v>14429</v>
      </c>
      <c r="J3209" s="359"/>
      <c r="K3209" s="359"/>
      <c r="L3209" s="359"/>
    </row>
    <row r="3210" spans="2:12">
      <c r="B3210" s="359"/>
      <c r="C3210" s="359"/>
      <c r="D3210" s="359"/>
      <c r="E3210" s="359"/>
      <c r="F3210" s="360"/>
      <c r="G3210" s="360"/>
      <c r="H3210" s="360"/>
      <c r="I3210" s="360"/>
      <c r="J3210" s="359"/>
      <c r="K3210" s="359"/>
      <c r="L3210" s="359"/>
    </row>
    <row r="3211" spans="2:12">
      <c r="B3211" s="361"/>
      <c r="C3211" s="361"/>
      <c r="D3211" s="361"/>
      <c r="E3211" s="361"/>
      <c r="F3211" s="361" t="s">
        <v>14356</v>
      </c>
      <c r="G3211" s="361" t="s">
        <v>14340</v>
      </c>
      <c r="H3211" s="362"/>
      <c r="I3211" s="361" t="s">
        <v>14340</v>
      </c>
      <c r="J3211" s="361"/>
      <c r="K3211" s="361"/>
      <c r="L3211" s="361"/>
    </row>
    <row r="3212" spans="2:12">
      <c r="B3212" s="358" t="s">
        <v>16163</v>
      </c>
      <c r="C3212" s="358" t="s">
        <v>16164</v>
      </c>
      <c r="D3212" s="358" t="s">
        <v>16165</v>
      </c>
      <c r="E3212" s="358" t="s">
        <v>16166</v>
      </c>
      <c r="F3212" s="358" t="s">
        <v>15138</v>
      </c>
      <c r="G3212" s="358" t="s">
        <v>16167</v>
      </c>
      <c r="H3212" s="358" t="s">
        <v>14328</v>
      </c>
      <c r="I3212" s="358" t="s">
        <v>16167</v>
      </c>
      <c r="J3212" s="358" t="s">
        <v>14561</v>
      </c>
      <c r="K3212" s="358"/>
      <c r="L3212" s="358"/>
    </row>
    <row r="3213" spans="2:12">
      <c r="B3213" s="359"/>
      <c r="C3213" s="360"/>
      <c r="D3213" s="359"/>
      <c r="E3213" s="359"/>
      <c r="F3213" s="360"/>
      <c r="G3213" s="360"/>
      <c r="H3213" s="360"/>
      <c r="I3213" s="360"/>
      <c r="J3213" s="359"/>
      <c r="K3213" s="359"/>
      <c r="L3213" s="359"/>
    </row>
    <row r="3214" spans="2:12">
      <c r="B3214" s="359"/>
      <c r="C3214" s="359" t="s">
        <v>16168</v>
      </c>
      <c r="D3214" s="359"/>
      <c r="E3214" s="359"/>
      <c r="F3214" s="359" t="s">
        <v>14420</v>
      </c>
      <c r="G3214" s="359" t="s">
        <v>14429</v>
      </c>
      <c r="H3214" s="359" t="s">
        <v>14367</v>
      </c>
      <c r="I3214" s="359" t="s">
        <v>14429</v>
      </c>
      <c r="J3214" s="359"/>
      <c r="K3214" s="359"/>
      <c r="L3214" s="359"/>
    </row>
    <row r="3215" spans="2:12">
      <c r="B3215" s="359"/>
      <c r="C3215" s="360"/>
      <c r="D3215" s="359"/>
      <c r="E3215" s="359"/>
      <c r="F3215" s="360"/>
      <c r="G3215" s="360"/>
      <c r="H3215" s="360"/>
      <c r="I3215" s="360"/>
      <c r="J3215" s="359"/>
      <c r="K3215" s="359"/>
      <c r="L3215" s="359"/>
    </row>
    <row r="3216" spans="2:12">
      <c r="B3216" s="361"/>
      <c r="C3216" s="362"/>
      <c r="D3216" s="361"/>
      <c r="E3216" s="361"/>
      <c r="F3216" s="362"/>
      <c r="G3216" s="362"/>
      <c r="H3216" s="361" t="s">
        <v>14332</v>
      </c>
      <c r="I3216" s="362"/>
      <c r="J3216" s="361"/>
      <c r="K3216" s="361"/>
      <c r="L3216" s="361"/>
    </row>
    <row r="3217" spans="2:12" ht="85.5">
      <c r="B3217" s="358" t="s">
        <v>16169</v>
      </c>
      <c r="C3217" s="358" t="s">
        <v>30085</v>
      </c>
      <c r="D3217" s="358" t="s">
        <v>8356</v>
      </c>
      <c r="E3217" s="358" t="s">
        <v>8356</v>
      </c>
      <c r="F3217" s="358" t="s">
        <v>14356</v>
      </c>
      <c r="G3217" s="358" t="s">
        <v>14340</v>
      </c>
      <c r="H3217" s="358" t="s">
        <v>14341</v>
      </c>
      <c r="I3217" s="358" t="s">
        <v>14340</v>
      </c>
      <c r="J3217" s="358"/>
      <c r="K3217" s="358" t="s">
        <v>28607</v>
      </c>
      <c r="L3217" s="358"/>
    </row>
    <row r="3218" spans="2:12">
      <c r="B3218" s="359"/>
      <c r="C3218" s="359"/>
      <c r="D3218" s="359"/>
      <c r="E3218" s="359"/>
      <c r="F3218" s="359"/>
      <c r="G3218" s="359"/>
      <c r="H3218" s="360"/>
      <c r="I3218" s="359"/>
      <c r="J3218" s="359"/>
      <c r="K3218" s="360"/>
      <c r="L3218" s="359"/>
    </row>
    <row r="3219" spans="2:12" ht="42.75">
      <c r="B3219" s="361"/>
      <c r="C3219" s="361"/>
      <c r="D3219" s="361"/>
      <c r="E3219" s="361"/>
      <c r="F3219" s="361"/>
      <c r="G3219" s="361"/>
      <c r="H3219" s="361" t="s">
        <v>14332</v>
      </c>
      <c r="I3219" s="361"/>
      <c r="J3219" s="361"/>
      <c r="K3219" s="361" t="s">
        <v>28667</v>
      </c>
      <c r="L3219" s="361"/>
    </row>
    <row r="3220" spans="2:12" ht="42.75">
      <c r="B3220" s="358" t="s">
        <v>16170</v>
      </c>
      <c r="C3220" s="358" t="s">
        <v>30086</v>
      </c>
      <c r="D3220" s="358" t="s">
        <v>16171</v>
      </c>
      <c r="E3220" s="358" t="s">
        <v>16172</v>
      </c>
      <c r="F3220" s="358" t="s">
        <v>14386</v>
      </c>
      <c r="G3220" s="358" t="s">
        <v>14387</v>
      </c>
      <c r="H3220" s="358" t="s">
        <v>14367</v>
      </c>
      <c r="I3220" s="358" t="s">
        <v>14387</v>
      </c>
      <c r="J3220" s="358"/>
      <c r="K3220" s="358" t="s">
        <v>28668</v>
      </c>
      <c r="L3220" s="358"/>
    </row>
    <row r="3221" spans="2:12">
      <c r="B3221" s="359"/>
      <c r="C3221" s="359"/>
      <c r="D3221" s="359"/>
      <c r="E3221" s="359"/>
      <c r="F3221" s="360"/>
      <c r="G3221" s="360"/>
      <c r="H3221" s="360"/>
      <c r="I3221" s="360"/>
      <c r="J3221" s="359"/>
      <c r="K3221" s="359"/>
      <c r="L3221" s="359"/>
    </row>
    <row r="3222" spans="2:12">
      <c r="B3222" s="359"/>
      <c r="C3222" s="359"/>
      <c r="D3222" s="359"/>
      <c r="E3222" s="359"/>
      <c r="F3222" s="359" t="s">
        <v>14368</v>
      </c>
      <c r="G3222" s="359" t="s">
        <v>14388</v>
      </c>
      <c r="H3222" s="359" t="s">
        <v>14422</v>
      </c>
      <c r="I3222" s="359" t="s">
        <v>14388</v>
      </c>
      <c r="J3222" s="359"/>
      <c r="K3222" s="359"/>
      <c r="L3222" s="359"/>
    </row>
    <row r="3223" spans="2:12">
      <c r="B3223" s="359"/>
      <c r="C3223" s="359"/>
      <c r="D3223" s="359"/>
      <c r="E3223" s="359"/>
      <c r="F3223" s="360"/>
      <c r="G3223" s="360"/>
      <c r="H3223" s="360"/>
      <c r="I3223" s="360"/>
      <c r="J3223" s="359"/>
      <c r="K3223" s="359"/>
      <c r="L3223" s="359"/>
    </row>
    <row r="3224" spans="2:12">
      <c r="B3224" s="361"/>
      <c r="C3224" s="361"/>
      <c r="D3224" s="361"/>
      <c r="E3224" s="361"/>
      <c r="F3224" s="361" t="s">
        <v>14389</v>
      </c>
      <c r="G3224" s="361" t="s">
        <v>14390</v>
      </c>
      <c r="H3224" s="362"/>
      <c r="I3224" s="361" t="s">
        <v>14390</v>
      </c>
      <c r="J3224" s="361"/>
      <c r="K3224" s="361"/>
      <c r="L3224" s="361"/>
    </row>
    <row r="3225" spans="2:12">
      <c r="B3225" s="358" t="s">
        <v>16173</v>
      </c>
      <c r="C3225" s="358" t="s">
        <v>28669</v>
      </c>
      <c r="D3225" s="358" t="s">
        <v>16174</v>
      </c>
      <c r="E3225" s="358" t="s">
        <v>16175</v>
      </c>
      <c r="F3225" s="358" t="s">
        <v>14420</v>
      </c>
      <c r="G3225" s="358" t="s">
        <v>14429</v>
      </c>
      <c r="H3225" s="358" t="s">
        <v>14367</v>
      </c>
      <c r="I3225" s="358" t="s">
        <v>14429</v>
      </c>
      <c r="J3225" s="358"/>
      <c r="K3225" s="358"/>
      <c r="L3225" s="358"/>
    </row>
    <row r="3226" spans="2:12">
      <c r="B3226" s="359"/>
      <c r="C3226" s="359"/>
      <c r="D3226" s="359"/>
      <c r="E3226" s="359"/>
      <c r="F3226" s="359"/>
      <c r="G3226" s="359"/>
      <c r="H3226" s="360"/>
      <c r="I3226" s="359"/>
      <c r="J3226" s="359"/>
      <c r="K3226" s="359"/>
      <c r="L3226" s="359"/>
    </row>
    <row r="3227" spans="2:12">
      <c r="B3227" s="361"/>
      <c r="C3227" s="361"/>
      <c r="D3227" s="361"/>
      <c r="E3227" s="361"/>
      <c r="F3227" s="361"/>
      <c r="G3227" s="361"/>
      <c r="H3227" s="361" t="s">
        <v>14422</v>
      </c>
      <c r="I3227" s="361"/>
      <c r="J3227" s="361"/>
      <c r="K3227" s="361"/>
      <c r="L3227" s="361"/>
    </row>
    <row r="3228" spans="2:12" ht="42.75">
      <c r="B3228" s="358" t="s">
        <v>10221</v>
      </c>
      <c r="C3228" s="358" t="s">
        <v>16176</v>
      </c>
      <c r="D3228" s="358" t="s">
        <v>89</v>
      </c>
      <c r="E3228" s="358" t="s">
        <v>90</v>
      </c>
      <c r="F3228" s="358" t="s">
        <v>14376</v>
      </c>
      <c r="G3228" s="358" t="s">
        <v>14669</v>
      </c>
      <c r="H3228" s="358" t="s">
        <v>14381</v>
      </c>
      <c r="I3228" s="358" t="s">
        <v>14669</v>
      </c>
      <c r="J3228" s="358"/>
      <c r="K3228" s="358" t="s">
        <v>28590</v>
      </c>
      <c r="L3228" s="358"/>
    </row>
    <row r="3229" spans="2:12">
      <c r="B3229" s="359"/>
      <c r="C3229" s="360"/>
      <c r="D3229" s="359"/>
      <c r="E3229" s="359"/>
      <c r="F3229" s="360"/>
      <c r="G3229" s="360"/>
      <c r="H3229" s="360"/>
      <c r="I3229" s="360"/>
      <c r="J3229" s="359"/>
      <c r="K3229" s="359"/>
      <c r="L3229" s="359"/>
    </row>
    <row r="3230" spans="2:12">
      <c r="B3230" s="359"/>
      <c r="C3230" s="359" t="s">
        <v>16177</v>
      </c>
      <c r="D3230" s="359"/>
      <c r="E3230" s="359"/>
      <c r="F3230" s="359" t="s">
        <v>14420</v>
      </c>
      <c r="G3230" s="359" t="s">
        <v>14421</v>
      </c>
      <c r="H3230" s="359" t="s">
        <v>14367</v>
      </c>
      <c r="I3230" s="359" t="s">
        <v>14421</v>
      </c>
      <c r="J3230" s="359"/>
      <c r="K3230" s="359"/>
      <c r="L3230" s="359"/>
    </row>
    <row r="3231" spans="2:12">
      <c r="B3231" s="359"/>
      <c r="C3231" s="360"/>
      <c r="D3231" s="359"/>
      <c r="E3231" s="359"/>
      <c r="F3231" s="360"/>
      <c r="G3231" s="360"/>
      <c r="H3231" s="360"/>
      <c r="I3231" s="360"/>
      <c r="J3231" s="359"/>
      <c r="K3231" s="359"/>
      <c r="L3231" s="359"/>
    </row>
    <row r="3232" spans="2:12">
      <c r="B3232" s="361"/>
      <c r="C3232" s="362"/>
      <c r="D3232" s="361"/>
      <c r="E3232" s="361"/>
      <c r="F3232" s="361" t="s">
        <v>14420</v>
      </c>
      <c r="G3232" s="361" t="s">
        <v>14429</v>
      </c>
      <c r="H3232" s="361" t="s">
        <v>14332</v>
      </c>
      <c r="I3232" s="361" t="s">
        <v>14429</v>
      </c>
      <c r="J3232" s="361"/>
      <c r="K3232" s="361"/>
      <c r="L3232" s="361"/>
    </row>
    <row r="3233" spans="2:12">
      <c r="B3233" s="358" t="s">
        <v>10223</v>
      </c>
      <c r="C3233" s="358" t="s">
        <v>16178</v>
      </c>
      <c r="D3233" s="358" t="s">
        <v>10224</v>
      </c>
      <c r="E3233" s="358" t="s">
        <v>10225</v>
      </c>
      <c r="F3233" s="358" t="s">
        <v>14376</v>
      </c>
      <c r="G3233" s="358" t="s">
        <v>14669</v>
      </c>
      <c r="H3233" s="358" t="s">
        <v>14378</v>
      </c>
      <c r="I3233" s="358" t="s">
        <v>14669</v>
      </c>
      <c r="J3233" s="358"/>
      <c r="K3233" s="358"/>
      <c r="L3233" s="358"/>
    </row>
    <row r="3234" spans="2:12">
      <c r="B3234" s="359"/>
      <c r="C3234" s="359"/>
      <c r="D3234" s="359"/>
      <c r="E3234" s="359"/>
      <c r="F3234" s="360"/>
      <c r="G3234" s="360"/>
      <c r="H3234" s="360"/>
      <c r="I3234" s="360"/>
      <c r="J3234" s="359"/>
      <c r="K3234" s="359"/>
      <c r="L3234" s="359"/>
    </row>
    <row r="3235" spans="2:12">
      <c r="B3235" s="359"/>
      <c r="C3235" s="359"/>
      <c r="D3235" s="359"/>
      <c r="E3235" s="359"/>
      <c r="F3235" s="359" t="s">
        <v>14379</v>
      </c>
      <c r="G3235" s="359" t="s">
        <v>14380</v>
      </c>
      <c r="H3235" s="359" t="s">
        <v>14341</v>
      </c>
      <c r="I3235" s="359" t="s">
        <v>14380</v>
      </c>
      <c r="J3235" s="359"/>
      <c r="K3235" s="359"/>
      <c r="L3235" s="359"/>
    </row>
    <row r="3236" spans="2:12">
      <c r="B3236" s="359"/>
      <c r="C3236" s="359"/>
      <c r="D3236" s="359"/>
      <c r="E3236" s="359"/>
      <c r="F3236" s="360"/>
      <c r="G3236" s="360"/>
      <c r="H3236" s="360"/>
      <c r="I3236" s="360"/>
      <c r="J3236" s="359"/>
      <c r="K3236" s="359"/>
      <c r="L3236" s="359"/>
    </row>
    <row r="3237" spans="2:12">
      <c r="B3237" s="359"/>
      <c r="C3237" s="359"/>
      <c r="D3237" s="359"/>
      <c r="E3237" s="359"/>
      <c r="F3237" s="359" t="s">
        <v>14420</v>
      </c>
      <c r="G3237" s="359" t="s">
        <v>14421</v>
      </c>
      <c r="H3237" s="359" t="s">
        <v>14381</v>
      </c>
      <c r="I3237" s="359" t="s">
        <v>14421</v>
      </c>
      <c r="J3237" s="359"/>
      <c r="K3237" s="359"/>
      <c r="L3237" s="359"/>
    </row>
    <row r="3238" spans="2:12">
      <c r="B3238" s="359"/>
      <c r="C3238" s="359"/>
      <c r="D3238" s="359"/>
      <c r="E3238" s="359"/>
      <c r="F3238" s="360"/>
      <c r="G3238" s="360"/>
      <c r="H3238" s="360"/>
      <c r="I3238" s="360"/>
      <c r="J3238" s="359"/>
      <c r="K3238" s="359"/>
      <c r="L3238" s="359"/>
    </row>
    <row r="3239" spans="2:12">
      <c r="B3239" s="359"/>
      <c r="C3239" s="359"/>
      <c r="D3239" s="359"/>
      <c r="E3239" s="359"/>
      <c r="F3239" s="359" t="s">
        <v>14420</v>
      </c>
      <c r="G3239" s="359" t="s">
        <v>14429</v>
      </c>
      <c r="H3239" s="359" t="s">
        <v>14332</v>
      </c>
      <c r="I3239" s="359" t="s">
        <v>14429</v>
      </c>
      <c r="J3239" s="359"/>
      <c r="K3239" s="359"/>
      <c r="L3239" s="359"/>
    </row>
    <row r="3240" spans="2:12">
      <c r="B3240" s="359"/>
      <c r="C3240" s="359"/>
      <c r="D3240" s="359"/>
      <c r="E3240" s="359"/>
      <c r="F3240" s="360"/>
      <c r="G3240" s="360"/>
      <c r="H3240" s="360"/>
      <c r="I3240" s="360"/>
      <c r="J3240" s="359"/>
      <c r="K3240" s="359"/>
      <c r="L3240" s="359"/>
    </row>
    <row r="3241" spans="2:12">
      <c r="B3241" s="361"/>
      <c r="C3241" s="361"/>
      <c r="D3241" s="361"/>
      <c r="E3241" s="361"/>
      <c r="F3241" s="361" t="s">
        <v>14356</v>
      </c>
      <c r="G3241" s="361" t="s">
        <v>14340</v>
      </c>
      <c r="H3241" s="362"/>
      <c r="I3241" s="361" t="s">
        <v>14340</v>
      </c>
      <c r="J3241" s="361"/>
      <c r="K3241" s="361"/>
      <c r="L3241" s="361"/>
    </row>
    <row r="3242" spans="2:12" ht="42.75">
      <c r="B3242" s="358" t="s">
        <v>16179</v>
      </c>
      <c r="C3242" s="358" t="s">
        <v>16180</v>
      </c>
      <c r="D3242" s="358" t="s">
        <v>16181</v>
      </c>
      <c r="E3242" s="358" t="s">
        <v>16182</v>
      </c>
      <c r="F3242" s="358" t="s">
        <v>14391</v>
      </c>
      <c r="G3242" s="358" t="s">
        <v>14392</v>
      </c>
      <c r="H3242" s="358" t="s">
        <v>14367</v>
      </c>
      <c r="I3242" s="358" t="s">
        <v>14392</v>
      </c>
      <c r="J3242" s="358"/>
      <c r="K3242" s="358"/>
      <c r="L3242" s="358"/>
    </row>
    <row r="3243" spans="2:12">
      <c r="B3243" s="359"/>
      <c r="C3243" s="359"/>
      <c r="D3243" s="359"/>
      <c r="E3243" s="359"/>
      <c r="F3243" s="359"/>
      <c r="G3243" s="359"/>
      <c r="H3243" s="360"/>
      <c r="I3243" s="359"/>
      <c r="J3243" s="359"/>
      <c r="K3243" s="359"/>
      <c r="L3243" s="359"/>
    </row>
    <row r="3244" spans="2:12">
      <c r="B3244" s="361"/>
      <c r="C3244" s="361"/>
      <c r="D3244" s="361"/>
      <c r="E3244" s="361"/>
      <c r="F3244" s="361"/>
      <c r="G3244" s="361"/>
      <c r="H3244" s="361" t="s">
        <v>14422</v>
      </c>
      <c r="I3244" s="361"/>
      <c r="J3244" s="361"/>
      <c r="K3244" s="361"/>
      <c r="L3244" s="361"/>
    </row>
    <row r="3245" spans="2:12" ht="57">
      <c r="B3245" s="358" t="s">
        <v>16183</v>
      </c>
      <c r="C3245" s="358" t="s">
        <v>16184</v>
      </c>
      <c r="D3245" s="358" t="s">
        <v>16185</v>
      </c>
      <c r="E3245" s="358" t="s">
        <v>8356</v>
      </c>
      <c r="F3245" s="358" t="s">
        <v>14386</v>
      </c>
      <c r="G3245" s="358" t="s">
        <v>14387</v>
      </c>
      <c r="H3245" s="358" t="s">
        <v>14367</v>
      </c>
      <c r="I3245" s="358" t="s">
        <v>14387</v>
      </c>
      <c r="J3245" s="358"/>
      <c r="K3245" s="358"/>
      <c r="L3245" s="358"/>
    </row>
    <row r="3246" spans="2:12">
      <c r="B3246" s="359"/>
      <c r="C3246" s="359"/>
      <c r="D3246" s="359"/>
      <c r="E3246" s="359"/>
      <c r="F3246" s="359"/>
      <c r="G3246" s="359"/>
      <c r="H3246" s="360"/>
      <c r="I3246" s="359"/>
      <c r="J3246" s="359"/>
      <c r="K3246" s="359"/>
      <c r="L3246" s="359"/>
    </row>
    <row r="3247" spans="2:12">
      <c r="B3247" s="361"/>
      <c r="C3247" s="361"/>
      <c r="D3247" s="361"/>
      <c r="E3247" s="361"/>
      <c r="F3247" s="361"/>
      <c r="G3247" s="361"/>
      <c r="H3247" s="361" t="s">
        <v>14422</v>
      </c>
      <c r="I3247" s="361"/>
      <c r="J3247" s="361"/>
      <c r="K3247" s="361"/>
      <c r="L3247" s="361"/>
    </row>
    <row r="3248" spans="2:12" ht="42.75">
      <c r="B3248" s="358" t="s">
        <v>16186</v>
      </c>
      <c r="C3248" s="358" t="s">
        <v>16187</v>
      </c>
      <c r="D3248" s="358" t="s">
        <v>16188</v>
      </c>
      <c r="E3248" s="358" t="s">
        <v>8356</v>
      </c>
      <c r="F3248" s="358" t="s">
        <v>14814</v>
      </c>
      <c r="G3248" s="358" t="s">
        <v>14815</v>
      </c>
      <c r="H3248" s="358" t="s">
        <v>14381</v>
      </c>
      <c r="I3248" s="358" t="s">
        <v>14815</v>
      </c>
      <c r="J3248" s="358"/>
      <c r="K3248" s="358"/>
      <c r="L3248" s="358"/>
    </row>
    <row r="3249" spans="2:12">
      <c r="B3249" s="359"/>
      <c r="C3249" s="359"/>
      <c r="D3249" s="359"/>
      <c r="E3249" s="359"/>
      <c r="F3249" s="360"/>
      <c r="G3249" s="360"/>
      <c r="H3249" s="360"/>
      <c r="I3249" s="360"/>
      <c r="J3249" s="359"/>
      <c r="K3249" s="359"/>
      <c r="L3249" s="359"/>
    </row>
    <row r="3250" spans="2:12" ht="28.5">
      <c r="B3250" s="359"/>
      <c r="C3250" s="359"/>
      <c r="D3250" s="359"/>
      <c r="E3250" s="359"/>
      <c r="F3250" s="359" t="s">
        <v>14394</v>
      </c>
      <c r="G3250" s="359" t="s">
        <v>14395</v>
      </c>
      <c r="H3250" s="359" t="s">
        <v>14370</v>
      </c>
      <c r="I3250" s="359" t="s">
        <v>14395</v>
      </c>
      <c r="J3250" s="359"/>
      <c r="K3250" s="359"/>
      <c r="L3250" s="359"/>
    </row>
    <row r="3251" spans="2:12">
      <c r="B3251" s="359"/>
      <c r="C3251" s="359"/>
      <c r="D3251" s="359"/>
      <c r="E3251" s="359"/>
      <c r="F3251" s="360"/>
      <c r="G3251" s="360"/>
      <c r="H3251" s="360"/>
      <c r="I3251" s="360"/>
      <c r="J3251" s="359"/>
      <c r="K3251" s="359"/>
      <c r="L3251" s="359"/>
    </row>
    <row r="3252" spans="2:12">
      <c r="B3252" s="361"/>
      <c r="C3252" s="361"/>
      <c r="D3252" s="361"/>
      <c r="E3252" s="361"/>
      <c r="F3252" s="362"/>
      <c r="G3252" s="362"/>
      <c r="H3252" s="361" t="s">
        <v>14332</v>
      </c>
      <c r="I3252" s="362"/>
      <c r="J3252" s="361"/>
      <c r="K3252" s="361"/>
      <c r="L3252" s="361"/>
    </row>
    <row r="3253" spans="2:12" ht="28.5">
      <c r="B3253" s="358" t="s">
        <v>16189</v>
      </c>
      <c r="C3253" s="358" t="s">
        <v>16190</v>
      </c>
      <c r="D3253" s="358" t="s">
        <v>16191</v>
      </c>
      <c r="E3253" s="358" t="s">
        <v>16192</v>
      </c>
      <c r="F3253" s="358" t="s">
        <v>14430</v>
      </c>
      <c r="G3253" s="358" t="s">
        <v>14431</v>
      </c>
      <c r="H3253" s="358" t="s">
        <v>14341</v>
      </c>
      <c r="I3253" s="358" t="s">
        <v>14431</v>
      </c>
      <c r="J3253" s="358"/>
      <c r="K3253" s="358"/>
      <c r="L3253" s="358"/>
    </row>
    <row r="3254" spans="2:12">
      <c r="B3254" s="359"/>
      <c r="C3254" s="359"/>
      <c r="D3254" s="359"/>
      <c r="E3254" s="359"/>
      <c r="F3254" s="360"/>
      <c r="G3254" s="360"/>
      <c r="H3254" s="360"/>
      <c r="I3254" s="360"/>
      <c r="J3254" s="359"/>
      <c r="K3254" s="359"/>
      <c r="L3254" s="359"/>
    </row>
    <row r="3255" spans="2:12" ht="28.5">
      <c r="B3255" s="361"/>
      <c r="C3255" s="361"/>
      <c r="D3255" s="361"/>
      <c r="E3255" s="361"/>
      <c r="F3255" s="361" t="s">
        <v>14472</v>
      </c>
      <c r="G3255" s="361" t="s">
        <v>14473</v>
      </c>
      <c r="H3255" s="361" t="s">
        <v>14332</v>
      </c>
      <c r="I3255" s="361" t="s">
        <v>14473</v>
      </c>
      <c r="J3255" s="361"/>
      <c r="K3255" s="361"/>
      <c r="L3255" s="361"/>
    </row>
    <row r="3256" spans="2:12" ht="42.75">
      <c r="B3256" s="358" t="s">
        <v>16193</v>
      </c>
      <c r="C3256" s="358" t="s">
        <v>27488</v>
      </c>
      <c r="D3256" s="358" t="s">
        <v>16194</v>
      </c>
      <c r="E3256" s="358" t="s">
        <v>16195</v>
      </c>
      <c r="F3256" s="358" t="s">
        <v>14391</v>
      </c>
      <c r="G3256" s="358" t="s">
        <v>14392</v>
      </c>
      <c r="H3256" s="358" t="s">
        <v>14367</v>
      </c>
      <c r="I3256" s="358" t="s">
        <v>14392</v>
      </c>
      <c r="J3256" s="358"/>
      <c r="K3256" s="358"/>
      <c r="L3256" s="358"/>
    </row>
    <row r="3257" spans="2:12">
      <c r="B3257" s="359"/>
      <c r="C3257" s="359"/>
      <c r="D3257" s="359"/>
      <c r="E3257" s="359"/>
      <c r="F3257" s="359"/>
      <c r="G3257" s="359"/>
      <c r="H3257" s="360"/>
      <c r="I3257" s="359"/>
      <c r="J3257" s="359"/>
      <c r="K3257" s="359"/>
      <c r="L3257" s="359"/>
    </row>
    <row r="3258" spans="2:12">
      <c r="B3258" s="361"/>
      <c r="C3258" s="361"/>
      <c r="D3258" s="361"/>
      <c r="E3258" s="361"/>
      <c r="F3258" s="361"/>
      <c r="G3258" s="361"/>
      <c r="H3258" s="361" t="s">
        <v>14422</v>
      </c>
      <c r="I3258" s="361"/>
      <c r="J3258" s="361"/>
      <c r="K3258" s="361"/>
      <c r="L3258" s="361"/>
    </row>
    <row r="3259" spans="2:12" ht="42.75">
      <c r="B3259" s="358" t="s">
        <v>16196</v>
      </c>
      <c r="C3259" s="358" t="s">
        <v>16197</v>
      </c>
      <c r="D3259" s="358" t="s">
        <v>16198</v>
      </c>
      <c r="E3259" s="358" t="s">
        <v>8356</v>
      </c>
      <c r="F3259" s="358" t="s">
        <v>14391</v>
      </c>
      <c r="G3259" s="358" t="s">
        <v>14392</v>
      </c>
      <c r="H3259" s="358" t="s">
        <v>14367</v>
      </c>
      <c r="I3259" s="358" t="s">
        <v>14392</v>
      </c>
      <c r="J3259" s="358"/>
      <c r="K3259" s="358"/>
      <c r="L3259" s="358"/>
    </row>
    <row r="3260" spans="2:12">
      <c r="B3260" s="359"/>
      <c r="C3260" s="359"/>
      <c r="D3260" s="359"/>
      <c r="E3260" s="359"/>
      <c r="F3260" s="359"/>
      <c r="G3260" s="359"/>
      <c r="H3260" s="360"/>
      <c r="I3260" s="359"/>
      <c r="J3260" s="359"/>
      <c r="K3260" s="359"/>
      <c r="L3260" s="359"/>
    </row>
    <row r="3261" spans="2:12">
      <c r="B3261" s="361"/>
      <c r="C3261" s="361"/>
      <c r="D3261" s="361"/>
      <c r="E3261" s="361"/>
      <c r="F3261" s="361"/>
      <c r="G3261" s="361"/>
      <c r="H3261" s="361" t="s">
        <v>14422</v>
      </c>
      <c r="I3261" s="361"/>
      <c r="J3261" s="361"/>
      <c r="K3261" s="361"/>
      <c r="L3261" s="361"/>
    </row>
    <row r="3262" spans="2:12" ht="156.75">
      <c r="B3262" s="358" t="s">
        <v>16199</v>
      </c>
      <c r="C3262" s="358" t="s">
        <v>16200</v>
      </c>
      <c r="D3262" s="358" t="s">
        <v>16201</v>
      </c>
      <c r="E3262" s="358" t="s">
        <v>8356</v>
      </c>
      <c r="F3262" s="358" t="s">
        <v>14386</v>
      </c>
      <c r="G3262" s="358" t="s">
        <v>14387</v>
      </c>
      <c r="H3262" s="358" t="s">
        <v>14367</v>
      </c>
      <c r="I3262" s="358" t="s">
        <v>14387</v>
      </c>
      <c r="J3262" s="358"/>
      <c r="K3262" s="358"/>
      <c r="L3262" s="358"/>
    </row>
    <row r="3263" spans="2:12">
      <c r="B3263" s="359"/>
      <c r="C3263" s="359"/>
      <c r="D3263" s="359"/>
      <c r="E3263" s="359"/>
      <c r="F3263" s="359"/>
      <c r="G3263" s="359"/>
      <c r="H3263" s="360"/>
      <c r="I3263" s="359"/>
      <c r="J3263" s="359"/>
      <c r="K3263" s="359"/>
      <c r="L3263" s="359"/>
    </row>
    <row r="3264" spans="2:12">
      <c r="B3264" s="361"/>
      <c r="C3264" s="361"/>
      <c r="D3264" s="361"/>
      <c r="E3264" s="361"/>
      <c r="F3264" s="361"/>
      <c r="G3264" s="361"/>
      <c r="H3264" s="361" t="s">
        <v>14422</v>
      </c>
      <c r="I3264" s="361"/>
      <c r="J3264" s="361"/>
      <c r="K3264" s="361"/>
      <c r="L3264" s="361"/>
    </row>
    <row r="3265" spans="2:12" ht="42.75">
      <c r="B3265" s="358" t="s">
        <v>16202</v>
      </c>
      <c r="C3265" s="358" t="s">
        <v>16203</v>
      </c>
      <c r="D3265" s="358" t="s">
        <v>16204</v>
      </c>
      <c r="E3265" s="358" t="s">
        <v>8356</v>
      </c>
      <c r="F3265" s="358" t="s">
        <v>14420</v>
      </c>
      <c r="G3265" s="358" t="s">
        <v>14459</v>
      </c>
      <c r="H3265" s="358" t="s">
        <v>14367</v>
      </c>
      <c r="I3265" s="358" t="s">
        <v>14459</v>
      </c>
      <c r="J3265" s="358"/>
      <c r="K3265" s="358"/>
      <c r="L3265" s="358"/>
    </row>
    <row r="3266" spans="2:12">
      <c r="B3266" s="359"/>
      <c r="C3266" s="359"/>
      <c r="D3266" s="359"/>
      <c r="E3266" s="359"/>
      <c r="F3266" s="359"/>
      <c r="G3266" s="359"/>
      <c r="H3266" s="360"/>
      <c r="I3266" s="359"/>
      <c r="J3266" s="359"/>
      <c r="K3266" s="359"/>
      <c r="L3266" s="359"/>
    </row>
    <row r="3267" spans="2:12">
      <c r="B3267" s="361"/>
      <c r="C3267" s="361"/>
      <c r="D3267" s="361"/>
      <c r="E3267" s="361"/>
      <c r="F3267" s="361"/>
      <c r="G3267" s="361"/>
      <c r="H3267" s="361" t="s">
        <v>14422</v>
      </c>
      <c r="I3267" s="361"/>
      <c r="J3267" s="361"/>
      <c r="K3267" s="361"/>
      <c r="L3267" s="361"/>
    </row>
    <row r="3268" spans="2:12" ht="57">
      <c r="B3268" s="358" t="s">
        <v>16205</v>
      </c>
      <c r="C3268" s="358" t="s">
        <v>28670</v>
      </c>
      <c r="D3268" s="358" t="s">
        <v>16206</v>
      </c>
      <c r="E3268" s="358" t="s">
        <v>16207</v>
      </c>
      <c r="F3268" s="358" t="s">
        <v>14386</v>
      </c>
      <c r="G3268" s="358" t="s">
        <v>14387</v>
      </c>
      <c r="H3268" s="358" t="s">
        <v>14367</v>
      </c>
      <c r="I3268" s="358" t="s">
        <v>14387</v>
      </c>
      <c r="J3268" s="358"/>
      <c r="K3268" s="358"/>
      <c r="L3268" s="358"/>
    </row>
    <row r="3269" spans="2:12">
      <c r="B3269" s="359"/>
      <c r="C3269" s="359"/>
      <c r="D3269" s="359"/>
      <c r="E3269" s="359"/>
      <c r="F3269" s="360"/>
      <c r="G3269" s="360"/>
      <c r="H3269" s="360"/>
      <c r="I3269" s="360"/>
      <c r="J3269" s="359"/>
      <c r="K3269" s="359"/>
      <c r="L3269" s="359"/>
    </row>
    <row r="3270" spans="2:12">
      <c r="B3270" s="359"/>
      <c r="C3270" s="359"/>
      <c r="D3270" s="359"/>
      <c r="E3270" s="359"/>
      <c r="F3270" s="359" t="s">
        <v>14389</v>
      </c>
      <c r="G3270" s="359" t="s">
        <v>14390</v>
      </c>
      <c r="H3270" s="359" t="s">
        <v>14422</v>
      </c>
      <c r="I3270" s="359" t="s">
        <v>14390</v>
      </c>
      <c r="J3270" s="359"/>
      <c r="K3270" s="359"/>
      <c r="L3270" s="359"/>
    </row>
    <row r="3271" spans="2:12">
      <c r="B3271" s="359"/>
      <c r="C3271" s="359"/>
      <c r="D3271" s="359"/>
      <c r="E3271" s="359"/>
      <c r="F3271" s="360"/>
      <c r="G3271" s="360"/>
      <c r="H3271" s="360"/>
      <c r="I3271" s="360"/>
      <c r="J3271" s="359"/>
      <c r="K3271" s="359"/>
      <c r="L3271" s="359"/>
    </row>
    <row r="3272" spans="2:12">
      <c r="B3272" s="361"/>
      <c r="C3272" s="361"/>
      <c r="D3272" s="361"/>
      <c r="E3272" s="361"/>
      <c r="F3272" s="361" t="s">
        <v>14391</v>
      </c>
      <c r="G3272" s="361" t="s">
        <v>14392</v>
      </c>
      <c r="H3272" s="362"/>
      <c r="I3272" s="361" t="s">
        <v>14392</v>
      </c>
      <c r="J3272" s="361"/>
      <c r="K3272" s="361"/>
      <c r="L3272" s="361"/>
    </row>
    <row r="3273" spans="2:12" ht="42.75">
      <c r="B3273" s="358" t="s">
        <v>16208</v>
      </c>
      <c r="C3273" s="358" t="s">
        <v>28671</v>
      </c>
      <c r="D3273" s="358" t="s">
        <v>16209</v>
      </c>
      <c r="E3273" s="358" t="s">
        <v>8356</v>
      </c>
      <c r="F3273" s="358" t="s">
        <v>14391</v>
      </c>
      <c r="G3273" s="358" t="s">
        <v>14392</v>
      </c>
      <c r="H3273" s="358" t="s">
        <v>14367</v>
      </c>
      <c r="I3273" s="358" t="s">
        <v>14392</v>
      </c>
      <c r="J3273" s="358"/>
      <c r="K3273" s="358"/>
      <c r="L3273" s="358"/>
    </row>
    <row r="3274" spans="2:12">
      <c r="B3274" s="359"/>
      <c r="C3274" s="359"/>
      <c r="D3274" s="359"/>
      <c r="E3274" s="359"/>
      <c r="F3274" s="359"/>
      <c r="G3274" s="359"/>
      <c r="H3274" s="360"/>
      <c r="I3274" s="359"/>
      <c r="J3274" s="359"/>
      <c r="K3274" s="359"/>
      <c r="L3274" s="359"/>
    </row>
    <row r="3275" spans="2:12">
      <c r="B3275" s="361"/>
      <c r="C3275" s="361"/>
      <c r="D3275" s="361"/>
      <c r="E3275" s="361"/>
      <c r="F3275" s="361"/>
      <c r="G3275" s="361"/>
      <c r="H3275" s="361" t="s">
        <v>14422</v>
      </c>
      <c r="I3275" s="361"/>
      <c r="J3275" s="361"/>
      <c r="K3275" s="361"/>
      <c r="L3275" s="361"/>
    </row>
    <row r="3276" spans="2:12">
      <c r="B3276" s="358" t="s">
        <v>16210</v>
      </c>
      <c r="C3276" s="358" t="s">
        <v>27489</v>
      </c>
      <c r="D3276" s="358" t="s">
        <v>16211</v>
      </c>
      <c r="E3276" s="358" t="s">
        <v>8356</v>
      </c>
      <c r="F3276" s="358" t="s">
        <v>14391</v>
      </c>
      <c r="G3276" s="358" t="s">
        <v>14392</v>
      </c>
      <c r="H3276" s="358" t="s">
        <v>14367</v>
      </c>
      <c r="I3276" s="358" t="s">
        <v>14392</v>
      </c>
      <c r="J3276" s="358"/>
      <c r="K3276" s="358"/>
      <c r="L3276" s="358"/>
    </row>
    <row r="3277" spans="2:12">
      <c r="B3277" s="359"/>
      <c r="C3277" s="359"/>
      <c r="D3277" s="359"/>
      <c r="E3277" s="359"/>
      <c r="F3277" s="360"/>
      <c r="G3277" s="360"/>
      <c r="H3277" s="360"/>
      <c r="I3277" s="360"/>
      <c r="J3277" s="359"/>
      <c r="K3277" s="359"/>
      <c r="L3277" s="359"/>
    </row>
    <row r="3278" spans="2:12" ht="28.5">
      <c r="B3278" s="361"/>
      <c r="C3278" s="361"/>
      <c r="D3278" s="361"/>
      <c r="E3278" s="361"/>
      <c r="F3278" s="361" t="s">
        <v>14472</v>
      </c>
      <c r="G3278" s="361" t="s">
        <v>14473</v>
      </c>
      <c r="H3278" s="361" t="s">
        <v>14422</v>
      </c>
      <c r="I3278" s="361" t="s">
        <v>14473</v>
      </c>
      <c r="J3278" s="361"/>
      <c r="K3278" s="361"/>
      <c r="L3278" s="361"/>
    </row>
    <row r="3279" spans="2:12" ht="71.25">
      <c r="B3279" s="358" t="s">
        <v>16212</v>
      </c>
      <c r="C3279" s="358" t="s">
        <v>16213</v>
      </c>
      <c r="D3279" s="358" t="s">
        <v>16214</v>
      </c>
      <c r="E3279" s="358" t="s">
        <v>16215</v>
      </c>
      <c r="F3279" s="358" t="s">
        <v>14391</v>
      </c>
      <c r="G3279" s="358" t="s">
        <v>14392</v>
      </c>
      <c r="H3279" s="358" t="s">
        <v>14367</v>
      </c>
      <c r="I3279" s="358" t="s">
        <v>14392</v>
      </c>
      <c r="J3279" s="358"/>
      <c r="K3279" s="358"/>
      <c r="L3279" s="358"/>
    </row>
    <row r="3280" spans="2:12">
      <c r="B3280" s="359"/>
      <c r="C3280" s="359"/>
      <c r="D3280" s="359"/>
      <c r="E3280" s="359"/>
      <c r="F3280" s="359"/>
      <c r="G3280" s="359"/>
      <c r="H3280" s="360"/>
      <c r="I3280" s="359"/>
      <c r="J3280" s="359"/>
      <c r="K3280" s="359"/>
      <c r="L3280" s="359"/>
    </row>
    <row r="3281" spans="2:12">
      <c r="B3281" s="361"/>
      <c r="C3281" s="361"/>
      <c r="D3281" s="361"/>
      <c r="E3281" s="361"/>
      <c r="F3281" s="361"/>
      <c r="G3281" s="361"/>
      <c r="H3281" s="361" t="s">
        <v>14422</v>
      </c>
      <c r="I3281" s="361"/>
      <c r="J3281" s="361"/>
      <c r="K3281" s="361"/>
      <c r="L3281" s="361"/>
    </row>
    <row r="3282" spans="2:12">
      <c r="B3282" s="358" t="s">
        <v>16216</v>
      </c>
      <c r="C3282" s="358" t="s">
        <v>16217</v>
      </c>
      <c r="D3282" s="358" t="s">
        <v>16218</v>
      </c>
      <c r="E3282" s="358" t="s">
        <v>16219</v>
      </c>
      <c r="F3282" s="358" t="s">
        <v>14430</v>
      </c>
      <c r="G3282" s="358" t="s">
        <v>14431</v>
      </c>
      <c r="H3282" s="358" t="s">
        <v>14341</v>
      </c>
      <c r="I3282" s="358" t="s">
        <v>14431</v>
      </c>
      <c r="J3282" s="358"/>
      <c r="K3282" s="358"/>
      <c r="L3282" s="358"/>
    </row>
    <row r="3283" spans="2:12">
      <c r="B3283" s="359"/>
      <c r="C3283" s="359"/>
      <c r="D3283" s="359"/>
      <c r="E3283" s="359"/>
      <c r="F3283" s="359"/>
      <c r="G3283" s="359"/>
      <c r="H3283" s="360"/>
      <c r="I3283" s="359"/>
      <c r="J3283" s="359"/>
      <c r="K3283" s="359"/>
      <c r="L3283" s="359"/>
    </row>
    <row r="3284" spans="2:12">
      <c r="B3284" s="361"/>
      <c r="C3284" s="361"/>
      <c r="D3284" s="361"/>
      <c r="E3284" s="361"/>
      <c r="F3284" s="361"/>
      <c r="G3284" s="361"/>
      <c r="H3284" s="361" t="s">
        <v>14332</v>
      </c>
      <c r="I3284" s="361"/>
      <c r="J3284" s="361"/>
      <c r="K3284" s="361"/>
      <c r="L3284" s="361"/>
    </row>
    <row r="3285" spans="2:12" ht="57">
      <c r="B3285" s="358" t="s">
        <v>16220</v>
      </c>
      <c r="C3285" s="358" t="s">
        <v>28672</v>
      </c>
      <c r="D3285" s="358" t="s">
        <v>16221</v>
      </c>
      <c r="E3285" s="358" t="s">
        <v>16222</v>
      </c>
      <c r="F3285" s="358" t="s">
        <v>14391</v>
      </c>
      <c r="G3285" s="358" t="s">
        <v>14392</v>
      </c>
      <c r="H3285" s="358" t="s">
        <v>14367</v>
      </c>
      <c r="I3285" s="358" t="s">
        <v>14392</v>
      </c>
      <c r="J3285" s="358"/>
      <c r="K3285" s="358"/>
      <c r="L3285" s="358"/>
    </row>
    <row r="3286" spans="2:12">
      <c r="B3286" s="359"/>
      <c r="C3286" s="359"/>
      <c r="D3286" s="359"/>
      <c r="E3286" s="359"/>
      <c r="F3286" s="359"/>
      <c r="G3286" s="359"/>
      <c r="H3286" s="360"/>
      <c r="I3286" s="359"/>
      <c r="J3286" s="359"/>
      <c r="K3286" s="359"/>
      <c r="L3286" s="359"/>
    </row>
    <row r="3287" spans="2:12">
      <c r="B3287" s="361"/>
      <c r="C3287" s="361"/>
      <c r="D3287" s="361"/>
      <c r="E3287" s="361"/>
      <c r="F3287" s="361"/>
      <c r="G3287" s="361"/>
      <c r="H3287" s="361" t="s">
        <v>14422</v>
      </c>
      <c r="I3287" s="361"/>
      <c r="J3287" s="361"/>
      <c r="K3287" s="361"/>
      <c r="L3287" s="361"/>
    </row>
    <row r="3288" spans="2:12" ht="42.75">
      <c r="B3288" s="358" t="s">
        <v>16223</v>
      </c>
      <c r="C3288" s="358" t="s">
        <v>16224</v>
      </c>
      <c r="D3288" s="358" t="s">
        <v>16225</v>
      </c>
      <c r="E3288" s="358" t="s">
        <v>8356</v>
      </c>
      <c r="F3288" s="358" t="s">
        <v>14430</v>
      </c>
      <c r="G3288" s="358" t="s">
        <v>14431</v>
      </c>
      <c r="H3288" s="358" t="s">
        <v>14341</v>
      </c>
      <c r="I3288" s="358" t="s">
        <v>14431</v>
      </c>
      <c r="J3288" s="358"/>
      <c r="K3288" s="358"/>
      <c r="L3288" s="358"/>
    </row>
    <row r="3289" spans="2:12">
      <c r="B3289" s="359"/>
      <c r="C3289" s="359"/>
      <c r="D3289" s="359"/>
      <c r="E3289" s="359"/>
      <c r="F3289" s="360"/>
      <c r="G3289" s="360"/>
      <c r="H3289" s="360"/>
      <c r="I3289" s="360"/>
      <c r="J3289" s="359"/>
      <c r="K3289" s="359"/>
      <c r="L3289" s="359"/>
    </row>
    <row r="3290" spans="2:12" ht="28.5">
      <c r="B3290" s="361"/>
      <c r="C3290" s="361"/>
      <c r="D3290" s="361"/>
      <c r="E3290" s="361"/>
      <c r="F3290" s="361" t="s">
        <v>14472</v>
      </c>
      <c r="G3290" s="361" t="s">
        <v>14473</v>
      </c>
      <c r="H3290" s="361" t="s">
        <v>14332</v>
      </c>
      <c r="I3290" s="361" t="s">
        <v>14473</v>
      </c>
      <c r="J3290" s="361"/>
      <c r="K3290" s="361"/>
      <c r="L3290" s="361"/>
    </row>
    <row r="3291" spans="2:12">
      <c r="B3291" s="358" t="s">
        <v>16226</v>
      </c>
      <c r="C3291" s="358" t="s">
        <v>16227</v>
      </c>
      <c r="D3291" s="358" t="s">
        <v>16228</v>
      </c>
      <c r="E3291" s="358" t="s">
        <v>8356</v>
      </c>
      <c r="F3291" s="358" t="s">
        <v>14356</v>
      </c>
      <c r="G3291" s="358" t="s">
        <v>14340</v>
      </c>
      <c r="H3291" s="358" t="s">
        <v>14341</v>
      </c>
      <c r="I3291" s="358" t="s">
        <v>14340</v>
      </c>
      <c r="J3291" s="358"/>
      <c r="K3291" s="358"/>
      <c r="L3291" s="358"/>
    </row>
    <row r="3292" spans="2:12">
      <c r="B3292" s="359"/>
      <c r="C3292" s="359"/>
      <c r="D3292" s="359"/>
      <c r="E3292" s="359"/>
      <c r="F3292" s="360"/>
      <c r="G3292" s="360"/>
      <c r="H3292" s="360"/>
      <c r="I3292" s="360"/>
      <c r="J3292" s="359"/>
      <c r="K3292" s="359"/>
      <c r="L3292" s="359"/>
    </row>
    <row r="3293" spans="2:12" ht="28.5">
      <c r="B3293" s="359"/>
      <c r="C3293" s="359"/>
      <c r="D3293" s="359"/>
      <c r="E3293" s="359"/>
      <c r="F3293" s="359" t="s">
        <v>14394</v>
      </c>
      <c r="G3293" s="359" t="s">
        <v>14395</v>
      </c>
      <c r="H3293" s="359" t="s">
        <v>14370</v>
      </c>
      <c r="I3293" s="359" t="s">
        <v>14395</v>
      </c>
      <c r="J3293" s="359"/>
      <c r="K3293" s="359"/>
      <c r="L3293" s="359"/>
    </row>
    <row r="3294" spans="2:12">
      <c r="B3294" s="359"/>
      <c r="C3294" s="359"/>
      <c r="D3294" s="359"/>
      <c r="E3294" s="359"/>
      <c r="F3294" s="360"/>
      <c r="G3294" s="360"/>
      <c r="H3294" s="360"/>
      <c r="I3294" s="360"/>
      <c r="J3294" s="359"/>
      <c r="K3294" s="359"/>
      <c r="L3294" s="359"/>
    </row>
    <row r="3295" spans="2:12">
      <c r="B3295" s="361"/>
      <c r="C3295" s="361"/>
      <c r="D3295" s="361"/>
      <c r="E3295" s="361"/>
      <c r="F3295" s="362"/>
      <c r="G3295" s="362"/>
      <c r="H3295" s="361" t="s">
        <v>14332</v>
      </c>
      <c r="I3295" s="362"/>
      <c r="J3295" s="361"/>
      <c r="K3295" s="361"/>
      <c r="L3295" s="361"/>
    </row>
    <row r="3296" spans="2:12" ht="71.25">
      <c r="B3296" s="358" t="s">
        <v>16229</v>
      </c>
      <c r="C3296" s="358" t="s">
        <v>27490</v>
      </c>
      <c r="D3296" s="358" t="s">
        <v>16230</v>
      </c>
      <c r="E3296" s="358" t="s">
        <v>8356</v>
      </c>
      <c r="F3296" s="358" t="s">
        <v>14386</v>
      </c>
      <c r="G3296" s="358" t="s">
        <v>14387</v>
      </c>
      <c r="H3296" s="358" t="s">
        <v>14367</v>
      </c>
      <c r="I3296" s="358" t="s">
        <v>14387</v>
      </c>
      <c r="J3296" s="358"/>
      <c r="K3296" s="358"/>
      <c r="L3296" s="358"/>
    </row>
    <row r="3297" spans="2:12">
      <c r="B3297" s="359"/>
      <c r="C3297" s="359"/>
      <c r="D3297" s="359"/>
      <c r="E3297" s="359"/>
      <c r="F3297" s="360"/>
      <c r="G3297" s="360"/>
      <c r="H3297" s="360"/>
      <c r="I3297" s="360"/>
      <c r="J3297" s="359"/>
      <c r="K3297" s="359"/>
      <c r="L3297" s="359"/>
    </row>
    <row r="3298" spans="2:12">
      <c r="B3298" s="361"/>
      <c r="C3298" s="361"/>
      <c r="D3298" s="361"/>
      <c r="E3298" s="361"/>
      <c r="F3298" s="361" t="s">
        <v>14391</v>
      </c>
      <c r="G3298" s="361" t="s">
        <v>14392</v>
      </c>
      <c r="H3298" s="361" t="s">
        <v>14422</v>
      </c>
      <c r="I3298" s="361" t="s">
        <v>14392</v>
      </c>
      <c r="J3298" s="361"/>
      <c r="K3298" s="361"/>
      <c r="L3298" s="361"/>
    </row>
    <row r="3299" spans="2:12" ht="57">
      <c r="B3299" s="358" t="s">
        <v>16231</v>
      </c>
      <c r="C3299" s="358" t="s">
        <v>28673</v>
      </c>
      <c r="D3299" s="358" t="s">
        <v>16232</v>
      </c>
      <c r="E3299" s="358" t="s">
        <v>16233</v>
      </c>
      <c r="F3299" s="358" t="s">
        <v>14391</v>
      </c>
      <c r="G3299" s="358" t="s">
        <v>14392</v>
      </c>
      <c r="H3299" s="358" t="s">
        <v>14367</v>
      </c>
      <c r="I3299" s="358" t="s">
        <v>14392</v>
      </c>
      <c r="J3299" s="358"/>
      <c r="K3299" s="358"/>
      <c r="L3299" s="358"/>
    </row>
    <row r="3300" spans="2:12">
      <c r="B3300" s="359"/>
      <c r="C3300" s="359"/>
      <c r="D3300" s="359"/>
      <c r="E3300" s="359"/>
      <c r="F3300" s="359"/>
      <c r="G3300" s="359"/>
      <c r="H3300" s="360"/>
      <c r="I3300" s="359"/>
      <c r="J3300" s="359"/>
      <c r="K3300" s="359"/>
      <c r="L3300" s="359"/>
    </row>
    <row r="3301" spans="2:12">
      <c r="B3301" s="361"/>
      <c r="C3301" s="361"/>
      <c r="D3301" s="361"/>
      <c r="E3301" s="361"/>
      <c r="F3301" s="361"/>
      <c r="G3301" s="361"/>
      <c r="H3301" s="361" t="s">
        <v>14422</v>
      </c>
      <c r="I3301" s="361"/>
      <c r="J3301" s="361"/>
      <c r="K3301" s="361"/>
      <c r="L3301" s="361"/>
    </row>
    <row r="3302" spans="2:12" ht="28.5">
      <c r="B3302" s="358" t="s">
        <v>16234</v>
      </c>
      <c r="C3302" s="358" t="s">
        <v>16235</v>
      </c>
      <c r="D3302" s="358" t="s">
        <v>16236</v>
      </c>
      <c r="E3302" s="358" t="s">
        <v>16237</v>
      </c>
      <c r="F3302" s="358" t="s">
        <v>14420</v>
      </c>
      <c r="G3302" s="358" t="s">
        <v>14459</v>
      </c>
      <c r="H3302" s="358" t="s">
        <v>14367</v>
      </c>
      <c r="I3302" s="358" t="s">
        <v>14459</v>
      </c>
      <c r="J3302" s="358"/>
      <c r="K3302" s="358"/>
      <c r="L3302" s="358"/>
    </row>
    <row r="3303" spans="2:12">
      <c r="B3303" s="359"/>
      <c r="C3303" s="359"/>
      <c r="D3303" s="359"/>
      <c r="E3303" s="359"/>
      <c r="F3303" s="360"/>
      <c r="G3303" s="360"/>
      <c r="H3303" s="360"/>
      <c r="I3303" s="360"/>
      <c r="J3303" s="359"/>
      <c r="K3303" s="359"/>
      <c r="L3303" s="359"/>
    </row>
    <row r="3304" spans="2:12" ht="28.5">
      <c r="B3304" s="359"/>
      <c r="C3304" s="359"/>
      <c r="D3304" s="359"/>
      <c r="E3304" s="359"/>
      <c r="F3304" s="359" t="s">
        <v>14394</v>
      </c>
      <c r="G3304" s="359" t="s">
        <v>14395</v>
      </c>
      <c r="H3304" s="359" t="s">
        <v>14370</v>
      </c>
      <c r="I3304" s="359" t="s">
        <v>14395</v>
      </c>
      <c r="J3304" s="359"/>
      <c r="K3304" s="359"/>
      <c r="L3304" s="359"/>
    </row>
    <row r="3305" spans="2:12">
      <c r="B3305" s="359"/>
      <c r="C3305" s="359"/>
      <c r="D3305" s="359"/>
      <c r="E3305" s="359"/>
      <c r="F3305" s="360"/>
      <c r="G3305" s="360"/>
      <c r="H3305" s="360"/>
      <c r="I3305" s="360"/>
      <c r="J3305" s="359"/>
      <c r="K3305" s="359"/>
      <c r="L3305" s="359"/>
    </row>
    <row r="3306" spans="2:12">
      <c r="B3306" s="361"/>
      <c r="C3306" s="361"/>
      <c r="D3306" s="361"/>
      <c r="E3306" s="361"/>
      <c r="F3306" s="362"/>
      <c r="G3306" s="362"/>
      <c r="H3306" s="361" t="s">
        <v>14422</v>
      </c>
      <c r="I3306" s="362"/>
      <c r="J3306" s="361"/>
      <c r="K3306" s="361"/>
      <c r="L3306" s="361"/>
    </row>
    <row r="3307" spans="2:12" ht="42.75">
      <c r="B3307" s="358" t="s">
        <v>16238</v>
      </c>
      <c r="C3307" s="358" t="s">
        <v>27491</v>
      </c>
      <c r="D3307" s="358" t="s">
        <v>16239</v>
      </c>
      <c r="E3307" s="358" t="s">
        <v>8356</v>
      </c>
      <c r="F3307" s="358" t="s">
        <v>14389</v>
      </c>
      <c r="G3307" s="358" t="s">
        <v>14390</v>
      </c>
      <c r="H3307" s="358" t="s">
        <v>14367</v>
      </c>
      <c r="I3307" s="358" t="s">
        <v>14390</v>
      </c>
      <c r="J3307" s="358"/>
      <c r="K3307" s="358"/>
      <c r="L3307" s="358"/>
    </row>
    <row r="3308" spans="2:12">
      <c r="B3308" s="359"/>
      <c r="C3308" s="359"/>
      <c r="D3308" s="359"/>
      <c r="E3308" s="359"/>
      <c r="F3308" s="360"/>
      <c r="G3308" s="360"/>
      <c r="H3308" s="360"/>
      <c r="I3308" s="360"/>
      <c r="J3308" s="359"/>
      <c r="K3308" s="359"/>
      <c r="L3308" s="359"/>
    </row>
    <row r="3309" spans="2:12">
      <c r="B3309" s="359"/>
      <c r="C3309" s="359"/>
      <c r="D3309" s="359"/>
      <c r="E3309" s="359"/>
      <c r="F3309" s="359" t="s">
        <v>14391</v>
      </c>
      <c r="G3309" s="359" t="s">
        <v>14392</v>
      </c>
      <c r="H3309" s="359" t="s">
        <v>14422</v>
      </c>
      <c r="I3309" s="359" t="s">
        <v>14392</v>
      </c>
      <c r="J3309" s="359"/>
      <c r="K3309" s="359"/>
      <c r="L3309" s="359"/>
    </row>
    <row r="3310" spans="2:12">
      <c r="B3310" s="359"/>
      <c r="C3310" s="359"/>
      <c r="D3310" s="359"/>
      <c r="E3310" s="359"/>
      <c r="F3310" s="360"/>
      <c r="G3310" s="360"/>
      <c r="H3310" s="360"/>
      <c r="I3310" s="360"/>
      <c r="J3310" s="359"/>
      <c r="K3310" s="359"/>
      <c r="L3310" s="359"/>
    </row>
    <row r="3311" spans="2:12" ht="28.5">
      <c r="B3311" s="361"/>
      <c r="C3311" s="361"/>
      <c r="D3311" s="361"/>
      <c r="E3311" s="361"/>
      <c r="F3311" s="361" t="s">
        <v>14462</v>
      </c>
      <c r="G3311" s="361" t="s">
        <v>14463</v>
      </c>
      <c r="H3311" s="362"/>
      <c r="I3311" s="361" t="s">
        <v>14463</v>
      </c>
      <c r="J3311" s="361"/>
      <c r="K3311" s="361"/>
      <c r="L3311" s="361"/>
    </row>
    <row r="3312" spans="2:12" ht="28.5">
      <c r="B3312" s="358" t="s">
        <v>16240</v>
      </c>
      <c r="C3312" s="358" t="s">
        <v>16241</v>
      </c>
      <c r="D3312" s="358" t="s">
        <v>16242</v>
      </c>
      <c r="E3312" s="358" t="s">
        <v>8356</v>
      </c>
      <c r="F3312" s="358" t="s">
        <v>14382</v>
      </c>
      <c r="G3312" s="358" t="s">
        <v>14483</v>
      </c>
      <c r="H3312" s="358" t="s">
        <v>14378</v>
      </c>
      <c r="I3312" s="358" t="s">
        <v>14483</v>
      </c>
      <c r="J3312" s="358"/>
      <c r="K3312" s="358"/>
      <c r="L3312" s="358"/>
    </row>
    <row r="3313" spans="2:12">
      <c r="B3313" s="359"/>
      <c r="C3313" s="359"/>
      <c r="D3313" s="359"/>
      <c r="E3313" s="359"/>
      <c r="F3313" s="360"/>
      <c r="G3313" s="360"/>
      <c r="H3313" s="360"/>
      <c r="I3313" s="360"/>
      <c r="J3313" s="359"/>
      <c r="K3313" s="359"/>
      <c r="L3313" s="359"/>
    </row>
    <row r="3314" spans="2:12" ht="28.5">
      <c r="B3314" s="359"/>
      <c r="C3314" s="359"/>
      <c r="D3314" s="359"/>
      <c r="E3314" s="359"/>
      <c r="F3314" s="359" t="s">
        <v>14384</v>
      </c>
      <c r="G3314" s="359" t="s">
        <v>14385</v>
      </c>
      <c r="H3314" s="359" t="s">
        <v>14381</v>
      </c>
      <c r="I3314" s="359" t="s">
        <v>28674</v>
      </c>
      <c r="J3314" s="359"/>
      <c r="K3314" s="359"/>
      <c r="L3314" s="359"/>
    </row>
    <row r="3315" spans="2:12">
      <c r="B3315" s="359"/>
      <c r="C3315" s="359"/>
      <c r="D3315" s="359"/>
      <c r="E3315" s="359"/>
      <c r="F3315" s="360"/>
      <c r="G3315" s="360"/>
      <c r="H3315" s="360"/>
      <c r="I3315" s="360"/>
      <c r="J3315" s="359"/>
      <c r="K3315" s="359"/>
      <c r="L3315" s="359"/>
    </row>
    <row r="3316" spans="2:12">
      <c r="B3316" s="359"/>
      <c r="C3316" s="359"/>
      <c r="D3316" s="359"/>
      <c r="E3316" s="359"/>
      <c r="F3316" s="359" t="s">
        <v>14420</v>
      </c>
      <c r="G3316" s="359" t="s">
        <v>14429</v>
      </c>
      <c r="H3316" s="359" t="s">
        <v>14332</v>
      </c>
      <c r="I3316" s="359" t="s">
        <v>14387</v>
      </c>
      <c r="J3316" s="359"/>
      <c r="K3316" s="359"/>
      <c r="L3316" s="359"/>
    </row>
    <row r="3317" spans="2:12">
      <c r="B3317" s="359"/>
      <c r="C3317" s="359"/>
      <c r="D3317" s="359"/>
      <c r="E3317" s="359"/>
      <c r="F3317" s="360"/>
      <c r="G3317" s="360"/>
      <c r="H3317" s="360"/>
      <c r="I3317" s="360"/>
      <c r="J3317" s="359"/>
      <c r="K3317" s="359"/>
      <c r="L3317" s="359"/>
    </row>
    <row r="3318" spans="2:12">
      <c r="B3318" s="359"/>
      <c r="C3318" s="359"/>
      <c r="D3318" s="359"/>
      <c r="E3318" s="359"/>
      <c r="F3318" s="359" t="s">
        <v>14386</v>
      </c>
      <c r="G3318" s="359" t="s">
        <v>14387</v>
      </c>
      <c r="H3318" s="360"/>
      <c r="I3318" s="359" t="s">
        <v>14388</v>
      </c>
      <c r="J3318" s="359"/>
      <c r="K3318" s="359"/>
      <c r="L3318" s="359"/>
    </row>
    <row r="3319" spans="2:12">
      <c r="B3319" s="359"/>
      <c r="C3319" s="359"/>
      <c r="D3319" s="359"/>
      <c r="E3319" s="359"/>
      <c r="F3319" s="360"/>
      <c r="G3319" s="360"/>
      <c r="H3319" s="360"/>
      <c r="I3319" s="360"/>
      <c r="J3319" s="359"/>
      <c r="K3319" s="359"/>
      <c r="L3319" s="359"/>
    </row>
    <row r="3320" spans="2:12">
      <c r="B3320" s="359"/>
      <c r="C3320" s="359"/>
      <c r="D3320" s="359"/>
      <c r="E3320" s="359"/>
      <c r="F3320" s="359" t="s">
        <v>14368</v>
      </c>
      <c r="G3320" s="359" t="s">
        <v>14388</v>
      </c>
      <c r="H3320" s="360"/>
      <c r="I3320" s="359" t="s">
        <v>14392</v>
      </c>
      <c r="J3320" s="359"/>
      <c r="K3320" s="359"/>
      <c r="L3320" s="359"/>
    </row>
    <row r="3321" spans="2:12">
      <c r="B3321" s="359"/>
      <c r="C3321" s="359"/>
      <c r="D3321" s="359"/>
      <c r="E3321" s="359"/>
      <c r="F3321" s="360"/>
      <c r="G3321" s="360"/>
      <c r="H3321" s="360"/>
      <c r="I3321" s="360"/>
      <c r="J3321" s="359"/>
      <c r="K3321" s="359"/>
      <c r="L3321" s="359"/>
    </row>
    <row r="3322" spans="2:12">
      <c r="B3322" s="361"/>
      <c r="C3322" s="361"/>
      <c r="D3322" s="361"/>
      <c r="E3322" s="361"/>
      <c r="F3322" s="361" t="s">
        <v>14391</v>
      </c>
      <c r="G3322" s="361" t="s">
        <v>14392</v>
      </c>
      <c r="H3322" s="362"/>
      <c r="I3322" s="362"/>
      <c r="J3322" s="361"/>
      <c r="K3322" s="361"/>
      <c r="L3322" s="361"/>
    </row>
    <row r="3323" spans="2:12" ht="71.25">
      <c r="B3323" s="358" t="s">
        <v>16243</v>
      </c>
      <c r="C3323" s="358" t="s">
        <v>28675</v>
      </c>
      <c r="D3323" s="358" t="s">
        <v>16244</v>
      </c>
      <c r="E3323" s="358" t="s">
        <v>8356</v>
      </c>
      <c r="F3323" s="358" t="s">
        <v>14430</v>
      </c>
      <c r="G3323" s="358" t="s">
        <v>14431</v>
      </c>
      <c r="H3323" s="358" t="s">
        <v>14341</v>
      </c>
      <c r="I3323" s="358" t="s">
        <v>14431</v>
      </c>
      <c r="J3323" s="358"/>
      <c r="K3323" s="358"/>
      <c r="L3323" s="358"/>
    </row>
    <row r="3324" spans="2:12">
      <c r="B3324" s="359"/>
      <c r="C3324" s="359"/>
      <c r="D3324" s="359"/>
      <c r="E3324" s="359"/>
      <c r="F3324" s="360"/>
      <c r="G3324" s="360"/>
      <c r="H3324" s="360"/>
      <c r="I3324" s="360"/>
      <c r="J3324" s="359"/>
      <c r="K3324" s="359"/>
      <c r="L3324" s="359"/>
    </row>
    <row r="3325" spans="2:12">
      <c r="B3325" s="359"/>
      <c r="C3325" s="359"/>
      <c r="D3325" s="359"/>
      <c r="E3325" s="359"/>
      <c r="F3325" s="359" t="s">
        <v>14391</v>
      </c>
      <c r="G3325" s="359" t="s">
        <v>14392</v>
      </c>
      <c r="H3325" s="359" t="s">
        <v>14367</v>
      </c>
      <c r="I3325" s="359" t="s">
        <v>14392</v>
      </c>
      <c r="J3325" s="359"/>
      <c r="K3325" s="359"/>
      <c r="L3325" s="359"/>
    </row>
    <row r="3326" spans="2:12">
      <c r="B3326" s="359"/>
      <c r="C3326" s="359"/>
      <c r="D3326" s="359"/>
      <c r="E3326" s="359"/>
      <c r="F3326" s="360"/>
      <c r="G3326" s="360"/>
      <c r="H3326" s="360"/>
      <c r="I3326" s="360"/>
      <c r="J3326" s="359"/>
      <c r="K3326" s="359"/>
      <c r="L3326" s="359"/>
    </row>
    <row r="3327" spans="2:12">
      <c r="B3327" s="361"/>
      <c r="C3327" s="361"/>
      <c r="D3327" s="361"/>
      <c r="E3327" s="361"/>
      <c r="F3327" s="362"/>
      <c r="G3327" s="362"/>
      <c r="H3327" s="361" t="s">
        <v>14332</v>
      </c>
      <c r="I3327" s="362"/>
      <c r="J3327" s="361"/>
      <c r="K3327" s="361"/>
      <c r="L3327" s="361"/>
    </row>
    <row r="3328" spans="2:12">
      <c r="B3328" s="358" t="s">
        <v>16245</v>
      </c>
      <c r="C3328" s="358" t="s">
        <v>16246</v>
      </c>
      <c r="D3328" s="358" t="s">
        <v>16247</v>
      </c>
      <c r="E3328" s="358" t="s">
        <v>16248</v>
      </c>
      <c r="F3328" s="358" t="s">
        <v>14356</v>
      </c>
      <c r="G3328" s="358" t="s">
        <v>14340</v>
      </c>
      <c r="H3328" s="358" t="s">
        <v>14341</v>
      </c>
      <c r="I3328" s="358" t="s">
        <v>14340</v>
      </c>
      <c r="J3328" s="358"/>
      <c r="K3328" s="358"/>
      <c r="L3328" s="358"/>
    </row>
    <row r="3329" spans="2:12">
      <c r="B3329" s="359"/>
      <c r="C3329" s="359"/>
      <c r="D3329" s="359"/>
      <c r="E3329" s="359"/>
      <c r="F3329" s="360"/>
      <c r="G3329" s="360"/>
      <c r="H3329" s="360"/>
      <c r="I3329" s="360"/>
      <c r="J3329" s="359"/>
      <c r="K3329" s="359"/>
      <c r="L3329" s="359"/>
    </row>
    <row r="3330" spans="2:12">
      <c r="B3330" s="359"/>
      <c r="C3330" s="359"/>
      <c r="D3330" s="359"/>
      <c r="E3330" s="359"/>
      <c r="F3330" s="359" t="s">
        <v>14368</v>
      </c>
      <c r="G3330" s="359" t="s">
        <v>14388</v>
      </c>
      <c r="H3330" s="359" t="s">
        <v>14367</v>
      </c>
      <c r="I3330" s="359" t="s">
        <v>14388</v>
      </c>
      <c r="J3330" s="359"/>
      <c r="K3330" s="359"/>
      <c r="L3330" s="359"/>
    </row>
    <row r="3331" spans="2:12">
      <c r="B3331" s="359"/>
      <c r="C3331" s="359"/>
      <c r="D3331" s="359"/>
      <c r="E3331" s="359"/>
      <c r="F3331" s="360"/>
      <c r="G3331" s="360"/>
      <c r="H3331" s="360"/>
      <c r="I3331" s="360"/>
      <c r="J3331" s="359"/>
      <c r="K3331" s="359"/>
      <c r="L3331" s="359"/>
    </row>
    <row r="3332" spans="2:12">
      <c r="B3332" s="361"/>
      <c r="C3332" s="361"/>
      <c r="D3332" s="361"/>
      <c r="E3332" s="361"/>
      <c r="F3332" s="362"/>
      <c r="G3332" s="362"/>
      <c r="H3332" s="361" t="s">
        <v>14332</v>
      </c>
      <c r="I3332" s="362"/>
      <c r="J3332" s="361"/>
      <c r="K3332" s="361"/>
      <c r="L3332" s="361"/>
    </row>
    <row r="3333" spans="2:12">
      <c r="B3333" s="358" t="s">
        <v>16249</v>
      </c>
      <c r="C3333" s="358" t="s">
        <v>16250</v>
      </c>
      <c r="D3333" s="358" t="s">
        <v>16251</v>
      </c>
      <c r="E3333" s="358" t="s">
        <v>16252</v>
      </c>
      <c r="F3333" s="358" t="s">
        <v>14389</v>
      </c>
      <c r="G3333" s="358" t="s">
        <v>14390</v>
      </c>
      <c r="H3333" s="358" t="s">
        <v>14341</v>
      </c>
      <c r="I3333" s="358" t="s">
        <v>14390</v>
      </c>
      <c r="J3333" s="358"/>
      <c r="K3333" s="358"/>
      <c r="L3333" s="358"/>
    </row>
    <row r="3334" spans="2:12">
      <c r="B3334" s="359"/>
      <c r="C3334" s="359"/>
      <c r="D3334" s="359"/>
      <c r="E3334" s="359"/>
      <c r="F3334" s="360"/>
      <c r="G3334" s="360"/>
      <c r="H3334" s="360"/>
      <c r="I3334" s="360"/>
      <c r="J3334" s="359"/>
      <c r="K3334" s="359"/>
      <c r="L3334" s="359"/>
    </row>
    <row r="3335" spans="2:12">
      <c r="B3335" s="359"/>
      <c r="C3335" s="359"/>
      <c r="D3335" s="359"/>
      <c r="E3335" s="359"/>
      <c r="F3335" s="359" t="s">
        <v>14430</v>
      </c>
      <c r="G3335" s="359" t="s">
        <v>14431</v>
      </c>
      <c r="H3335" s="359" t="s">
        <v>14367</v>
      </c>
      <c r="I3335" s="359" t="s">
        <v>14431</v>
      </c>
      <c r="J3335" s="359"/>
      <c r="K3335" s="359"/>
      <c r="L3335" s="359"/>
    </row>
    <row r="3336" spans="2:12">
      <c r="B3336" s="359"/>
      <c r="C3336" s="359"/>
      <c r="D3336" s="359"/>
      <c r="E3336" s="359"/>
      <c r="F3336" s="360"/>
      <c r="G3336" s="360"/>
      <c r="H3336" s="360"/>
      <c r="I3336" s="360"/>
      <c r="J3336" s="359"/>
      <c r="K3336" s="359"/>
      <c r="L3336" s="359"/>
    </row>
    <row r="3337" spans="2:12">
      <c r="B3337" s="361"/>
      <c r="C3337" s="361"/>
      <c r="D3337" s="361"/>
      <c r="E3337" s="361"/>
      <c r="F3337" s="361" t="s">
        <v>14391</v>
      </c>
      <c r="G3337" s="361" t="s">
        <v>14392</v>
      </c>
      <c r="H3337" s="361" t="s">
        <v>14332</v>
      </c>
      <c r="I3337" s="361" t="s">
        <v>14392</v>
      </c>
      <c r="J3337" s="361"/>
      <c r="K3337" s="361"/>
      <c r="L3337" s="361"/>
    </row>
    <row r="3338" spans="2:12" ht="42.75">
      <c r="B3338" s="358" t="s">
        <v>16253</v>
      </c>
      <c r="C3338" s="358" t="s">
        <v>30087</v>
      </c>
      <c r="D3338" s="358" t="s">
        <v>16254</v>
      </c>
      <c r="E3338" s="358" t="s">
        <v>8356</v>
      </c>
      <c r="F3338" s="358" t="s">
        <v>14389</v>
      </c>
      <c r="G3338" s="358" t="s">
        <v>14390</v>
      </c>
      <c r="H3338" s="358" t="s">
        <v>14367</v>
      </c>
      <c r="I3338" s="358" t="s">
        <v>14390</v>
      </c>
      <c r="J3338" s="358"/>
      <c r="K3338" s="358"/>
      <c r="L3338" s="358"/>
    </row>
    <row r="3339" spans="2:12">
      <c r="B3339" s="359"/>
      <c r="C3339" s="359"/>
      <c r="D3339" s="359"/>
      <c r="E3339" s="359"/>
      <c r="F3339" s="360"/>
      <c r="G3339" s="360"/>
      <c r="H3339" s="360"/>
      <c r="I3339" s="360"/>
      <c r="J3339" s="359"/>
      <c r="K3339" s="359"/>
      <c r="L3339" s="359"/>
    </row>
    <row r="3340" spans="2:12">
      <c r="B3340" s="359"/>
      <c r="C3340" s="359"/>
      <c r="D3340" s="359"/>
      <c r="E3340" s="359"/>
      <c r="F3340" s="359" t="s">
        <v>14391</v>
      </c>
      <c r="G3340" s="359" t="s">
        <v>14392</v>
      </c>
      <c r="H3340" s="359" t="s">
        <v>14422</v>
      </c>
      <c r="I3340" s="359" t="s">
        <v>14392</v>
      </c>
      <c r="J3340" s="359"/>
      <c r="K3340" s="359"/>
      <c r="L3340" s="359"/>
    </row>
    <row r="3341" spans="2:12">
      <c r="B3341" s="359"/>
      <c r="C3341" s="359"/>
      <c r="D3341" s="359"/>
      <c r="E3341" s="359"/>
      <c r="F3341" s="360"/>
      <c r="G3341" s="360"/>
      <c r="H3341" s="360"/>
      <c r="I3341" s="360"/>
      <c r="J3341" s="359"/>
      <c r="K3341" s="359"/>
      <c r="L3341" s="359"/>
    </row>
    <row r="3342" spans="2:12" ht="28.5">
      <c r="B3342" s="361"/>
      <c r="C3342" s="361"/>
      <c r="D3342" s="361"/>
      <c r="E3342" s="361"/>
      <c r="F3342" s="361" t="s">
        <v>14472</v>
      </c>
      <c r="G3342" s="361" t="s">
        <v>14473</v>
      </c>
      <c r="H3342" s="362"/>
      <c r="I3342" s="361" t="s">
        <v>14473</v>
      </c>
      <c r="J3342" s="361"/>
      <c r="K3342" s="361"/>
      <c r="L3342" s="361"/>
    </row>
    <row r="3343" spans="2:12" ht="28.5">
      <c r="B3343" s="358" t="s">
        <v>16255</v>
      </c>
      <c r="C3343" s="358" t="s">
        <v>30088</v>
      </c>
      <c r="D3343" s="358" t="s">
        <v>16256</v>
      </c>
      <c r="E3343" s="358" t="s">
        <v>16257</v>
      </c>
      <c r="F3343" s="358" t="s">
        <v>14420</v>
      </c>
      <c r="G3343" s="358" t="s">
        <v>14429</v>
      </c>
      <c r="H3343" s="358" t="s">
        <v>14367</v>
      </c>
      <c r="I3343" s="358" t="s">
        <v>14429</v>
      </c>
      <c r="J3343" s="358"/>
      <c r="K3343" s="358"/>
      <c r="L3343" s="358"/>
    </row>
    <row r="3344" spans="2:12">
      <c r="B3344" s="359"/>
      <c r="C3344" s="359"/>
      <c r="D3344" s="359"/>
      <c r="E3344" s="359"/>
      <c r="F3344" s="360"/>
      <c r="G3344" s="360"/>
      <c r="H3344" s="360"/>
      <c r="I3344" s="360"/>
      <c r="J3344" s="359"/>
      <c r="K3344" s="359"/>
      <c r="L3344" s="359"/>
    </row>
    <row r="3345" spans="2:12">
      <c r="B3345" s="359"/>
      <c r="C3345" s="359"/>
      <c r="D3345" s="359"/>
      <c r="E3345" s="359"/>
      <c r="F3345" s="359" t="s">
        <v>14386</v>
      </c>
      <c r="G3345" s="359" t="s">
        <v>14387</v>
      </c>
      <c r="H3345" s="359" t="s">
        <v>14370</v>
      </c>
      <c r="I3345" s="359" t="s">
        <v>14387</v>
      </c>
      <c r="J3345" s="359"/>
      <c r="K3345" s="359"/>
      <c r="L3345" s="359"/>
    </row>
    <row r="3346" spans="2:12">
      <c r="B3346" s="359"/>
      <c r="C3346" s="359"/>
      <c r="D3346" s="359"/>
      <c r="E3346" s="359"/>
      <c r="F3346" s="360"/>
      <c r="G3346" s="360"/>
      <c r="H3346" s="360"/>
      <c r="I3346" s="360"/>
      <c r="J3346" s="359"/>
      <c r="K3346" s="359"/>
      <c r="L3346" s="359"/>
    </row>
    <row r="3347" spans="2:12">
      <c r="B3347" s="359"/>
      <c r="C3347" s="359"/>
      <c r="D3347" s="359"/>
      <c r="E3347" s="359"/>
      <c r="F3347" s="359" t="s">
        <v>14391</v>
      </c>
      <c r="G3347" s="359" t="s">
        <v>14392</v>
      </c>
      <c r="H3347" s="359" t="s">
        <v>14422</v>
      </c>
      <c r="I3347" s="359" t="s">
        <v>14392</v>
      </c>
      <c r="J3347" s="359"/>
      <c r="K3347" s="359"/>
      <c r="L3347" s="359"/>
    </row>
    <row r="3348" spans="2:12">
      <c r="B3348" s="359"/>
      <c r="C3348" s="359"/>
      <c r="D3348" s="359"/>
      <c r="E3348" s="359"/>
      <c r="F3348" s="360"/>
      <c r="G3348" s="360"/>
      <c r="H3348" s="360"/>
      <c r="I3348" s="360"/>
      <c r="J3348" s="359"/>
      <c r="K3348" s="359"/>
      <c r="L3348" s="359"/>
    </row>
    <row r="3349" spans="2:12">
      <c r="B3349" s="359"/>
      <c r="C3349" s="359"/>
      <c r="D3349" s="359"/>
      <c r="E3349" s="359"/>
      <c r="F3349" s="359" t="s">
        <v>14371</v>
      </c>
      <c r="G3349" s="359" t="s">
        <v>14372</v>
      </c>
      <c r="H3349" s="360"/>
      <c r="I3349" s="359" t="s">
        <v>14373</v>
      </c>
      <c r="J3349" s="359"/>
      <c r="K3349" s="359"/>
      <c r="L3349" s="359"/>
    </row>
    <row r="3350" spans="2:12">
      <c r="B3350" s="359"/>
      <c r="C3350" s="359"/>
      <c r="D3350" s="359"/>
      <c r="E3350" s="359"/>
      <c r="F3350" s="360"/>
      <c r="G3350" s="360"/>
      <c r="H3350" s="360"/>
      <c r="I3350" s="360"/>
      <c r="J3350" s="359"/>
      <c r="K3350" s="359"/>
      <c r="L3350" s="359"/>
    </row>
    <row r="3351" spans="2:12" ht="28.5">
      <c r="B3351" s="361"/>
      <c r="C3351" s="361"/>
      <c r="D3351" s="361"/>
      <c r="E3351" s="361"/>
      <c r="F3351" s="361" t="s">
        <v>14374</v>
      </c>
      <c r="G3351" s="361" t="s">
        <v>14373</v>
      </c>
      <c r="H3351" s="362"/>
      <c r="I3351" s="362"/>
      <c r="J3351" s="361"/>
      <c r="K3351" s="361"/>
      <c r="L3351" s="361"/>
    </row>
    <row r="3352" spans="2:12">
      <c r="B3352" s="358" t="s">
        <v>16258</v>
      </c>
      <c r="C3352" s="358" t="s">
        <v>28676</v>
      </c>
      <c r="D3352" s="358" t="s">
        <v>16259</v>
      </c>
      <c r="E3352" s="358" t="s">
        <v>16260</v>
      </c>
      <c r="F3352" s="358" t="s">
        <v>14489</v>
      </c>
      <c r="G3352" s="358" t="s">
        <v>14478</v>
      </c>
      <c r="H3352" s="358" t="s">
        <v>14479</v>
      </c>
      <c r="I3352" s="358" t="s">
        <v>14478</v>
      </c>
      <c r="J3352" s="358"/>
      <c r="K3352" s="358"/>
      <c r="L3352" s="358"/>
    </row>
    <row r="3353" spans="2:12">
      <c r="B3353" s="359"/>
      <c r="C3353" s="359"/>
      <c r="D3353" s="359"/>
      <c r="E3353" s="359"/>
      <c r="F3353" s="360"/>
      <c r="G3353" s="360"/>
      <c r="H3353" s="360"/>
      <c r="I3353" s="360"/>
      <c r="J3353" s="359"/>
      <c r="K3353" s="359"/>
      <c r="L3353" s="359"/>
    </row>
    <row r="3354" spans="2:12">
      <c r="B3354" s="359"/>
      <c r="C3354" s="359"/>
      <c r="D3354" s="359"/>
      <c r="E3354" s="359"/>
      <c r="F3354" s="359" t="s">
        <v>14420</v>
      </c>
      <c r="G3354" s="359" t="s">
        <v>14429</v>
      </c>
      <c r="H3354" s="359" t="s">
        <v>14381</v>
      </c>
      <c r="I3354" s="359" t="s">
        <v>14429</v>
      </c>
      <c r="J3354" s="359"/>
      <c r="K3354" s="359"/>
      <c r="L3354" s="359"/>
    </row>
    <row r="3355" spans="2:12">
      <c r="B3355" s="359"/>
      <c r="C3355" s="359"/>
      <c r="D3355" s="359"/>
      <c r="E3355" s="359"/>
      <c r="F3355" s="360"/>
      <c r="G3355" s="360"/>
      <c r="H3355" s="360"/>
      <c r="I3355" s="360"/>
      <c r="J3355" s="359"/>
      <c r="K3355" s="359"/>
      <c r="L3355" s="359"/>
    </row>
    <row r="3356" spans="2:12">
      <c r="B3356" s="359"/>
      <c r="C3356" s="359"/>
      <c r="D3356" s="359"/>
      <c r="E3356" s="359"/>
      <c r="F3356" s="359" t="s">
        <v>14386</v>
      </c>
      <c r="G3356" s="359" t="s">
        <v>14387</v>
      </c>
      <c r="H3356" s="359" t="s">
        <v>14367</v>
      </c>
      <c r="I3356" s="359" t="s">
        <v>14387</v>
      </c>
      <c r="J3356" s="359"/>
      <c r="K3356" s="359"/>
      <c r="L3356" s="359"/>
    </row>
    <row r="3357" spans="2:12">
      <c r="B3357" s="359"/>
      <c r="C3357" s="359"/>
      <c r="D3357" s="359"/>
      <c r="E3357" s="359"/>
      <c r="F3357" s="360"/>
      <c r="G3357" s="360"/>
      <c r="H3357" s="360"/>
      <c r="I3357" s="360"/>
      <c r="J3357" s="359"/>
      <c r="K3357" s="359"/>
      <c r="L3357" s="359"/>
    </row>
    <row r="3358" spans="2:12">
      <c r="B3358" s="359"/>
      <c r="C3358" s="359"/>
      <c r="D3358" s="359"/>
      <c r="E3358" s="359"/>
      <c r="F3358" s="359" t="s">
        <v>14368</v>
      </c>
      <c r="G3358" s="359" t="s">
        <v>14388</v>
      </c>
      <c r="H3358" s="359" t="s">
        <v>14332</v>
      </c>
      <c r="I3358" s="359" t="s">
        <v>14388</v>
      </c>
      <c r="J3358" s="359"/>
      <c r="K3358" s="359"/>
      <c r="L3358" s="359"/>
    </row>
    <row r="3359" spans="2:12">
      <c r="B3359" s="359"/>
      <c r="C3359" s="359"/>
      <c r="D3359" s="359"/>
      <c r="E3359" s="359"/>
      <c r="F3359" s="360"/>
      <c r="G3359" s="360"/>
      <c r="H3359" s="360"/>
      <c r="I3359" s="360"/>
      <c r="J3359" s="359"/>
      <c r="K3359" s="359"/>
      <c r="L3359" s="359"/>
    </row>
    <row r="3360" spans="2:12">
      <c r="B3360" s="359"/>
      <c r="C3360" s="359"/>
      <c r="D3360" s="359"/>
      <c r="E3360" s="359"/>
      <c r="F3360" s="359" t="s">
        <v>14389</v>
      </c>
      <c r="G3360" s="359" t="s">
        <v>14390</v>
      </c>
      <c r="H3360" s="360"/>
      <c r="I3360" s="359" t="s">
        <v>14390</v>
      </c>
      <c r="J3360" s="359"/>
      <c r="K3360" s="359"/>
      <c r="L3360" s="359"/>
    </row>
    <row r="3361" spans="2:12">
      <c r="B3361" s="359"/>
      <c r="C3361" s="359"/>
      <c r="D3361" s="359"/>
      <c r="E3361" s="359"/>
      <c r="F3361" s="360"/>
      <c r="G3361" s="360"/>
      <c r="H3361" s="360"/>
      <c r="I3361" s="360"/>
      <c r="J3361" s="359"/>
      <c r="K3361" s="359"/>
      <c r="L3361" s="359"/>
    </row>
    <row r="3362" spans="2:12">
      <c r="B3362" s="359"/>
      <c r="C3362" s="359"/>
      <c r="D3362" s="359"/>
      <c r="E3362" s="359"/>
      <c r="F3362" s="359" t="s">
        <v>14814</v>
      </c>
      <c r="G3362" s="359" t="s">
        <v>14815</v>
      </c>
      <c r="H3362" s="360"/>
      <c r="I3362" s="359" t="s">
        <v>14815</v>
      </c>
      <c r="J3362" s="359"/>
      <c r="K3362" s="359"/>
      <c r="L3362" s="359"/>
    </row>
    <row r="3363" spans="2:12">
      <c r="B3363" s="359"/>
      <c r="C3363" s="359"/>
      <c r="D3363" s="359"/>
      <c r="E3363" s="359"/>
      <c r="F3363" s="360"/>
      <c r="G3363" s="360"/>
      <c r="H3363" s="360"/>
      <c r="I3363" s="360"/>
      <c r="J3363" s="359"/>
      <c r="K3363" s="359"/>
      <c r="L3363" s="359"/>
    </row>
    <row r="3364" spans="2:12">
      <c r="B3364" s="361"/>
      <c r="C3364" s="361"/>
      <c r="D3364" s="361"/>
      <c r="E3364" s="361"/>
      <c r="F3364" s="361" t="s">
        <v>14391</v>
      </c>
      <c r="G3364" s="361" t="s">
        <v>14392</v>
      </c>
      <c r="H3364" s="362"/>
      <c r="I3364" s="361" t="s">
        <v>14392</v>
      </c>
      <c r="J3364" s="361"/>
      <c r="K3364" s="361"/>
      <c r="L3364" s="361"/>
    </row>
    <row r="3365" spans="2:12">
      <c r="B3365" s="358" t="s">
        <v>16261</v>
      </c>
      <c r="C3365" s="358" t="s">
        <v>28677</v>
      </c>
      <c r="D3365" s="358" t="s">
        <v>16262</v>
      </c>
      <c r="E3365" s="358" t="s">
        <v>16263</v>
      </c>
      <c r="F3365" s="358" t="s">
        <v>14489</v>
      </c>
      <c r="G3365" s="358" t="s">
        <v>14478</v>
      </c>
      <c r="H3365" s="358" t="s">
        <v>14479</v>
      </c>
      <c r="I3365" s="358" t="s">
        <v>14478</v>
      </c>
      <c r="J3365" s="358"/>
      <c r="K3365" s="358"/>
      <c r="L3365" s="358"/>
    </row>
    <row r="3366" spans="2:12">
      <c r="B3366" s="359"/>
      <c r="C3366" s="359"/>
      <c r="D3366" s="359"/>
      <c r="E3366" s="359"/>
      <c r="F3366" s="360"/>
      <c r="G3366" s="360"/>
      <c r="H3366" s="360"/>
      <c r="I3366" s="360"/>
      <c r="J3366" s="359"/>
      <c r="K3366" s="359"/>
      <c r="L3366" s="359"/>
    </row>
    <row r="3367" spans="2:12">
      <c r="B3367" s="359"/>
      <c r="C3367" s="359"/>
      <c r="D3367" s="359"/>
      <c r="E3367" s="359"/>
      <c r="F3367" s="359" t="s">
        <v>14420</v>
      </c>
      <c r="G3367" s="359" t="s">
        <v>14429</v>
      </c>
      <c r="H3367" s="359" t="s">
        <v>14381</v>
      </c>
      <c r="I3367" s="359" t="s">
        <v>14429</v>
      </c>
      <c r="J3367" s="359"/>
      <c r="K3367" s="359"/>
      <c r="L3367" s="359"/>
    </row>
    <row r="3368" spans="2:12">
      <c r="B3368" s="359"/>
      <c r="C3368" s="359"/>
      <c r="D3368" s="359"/>
      <c r="E3368" s="359"/>
      <c r="F3368" s="360"/>
      <c r="G3368" s="360"/>
      <c r="H3368" s="360"/>
      <c r="I3368" s="360"/>
      <c r="J3368" s="359"/>
      <c r="K3368" s="359"/>
      <c r="L3368" s="359"/>
    </row>
    <row r="3369" spans="2:12">
      <c r="B3369" s="359"/>
      <c r="C3369" s="359"/>
      <c r="D3369" s="359"/>
      <c r="E3369" s="359"/>
      <c r="F3369" s="359" t="s">
        <v>14386</v>
      </c>
      <c r="G3369" s="359" t="s">
        <v>14387</v>
      </c>
      <c r="H3369" s="359" t="s">
        <v>14367</v>
      </c>
      <c r="I3369" s="359" t="s">
        <v>14387</v>
      </c>
      <c r="J3369" s="359"/>
      <c r="K3369" s="359"/>
      <c r="L3369" s="359"/>
    </row>
    <row r="3370" spans="2:12">
      <c r="B3370" s="359"/>
      <c r="C3370" s="359"/>
      <c r="D3370" s="359"/>
      <c r="E3370" s="359"/>
      <c r="F3370" s="360"/>
      <c r="G3370" s="360"/>
      <c r="H3370" s="360"/>
      <c r="I3370" s="360"/>
      <c r="J3370" s="359"/>
      <c r="K3370" s="359"/>
      <c r="L3370" s="359"/>
    </row>
    <row r="3371" spans="2:12">
      <c r="B3371" s="359"/>
      <c r="C3371" s="359"/>
      <c r="D3371" s="359"/>
      <c r="E3371" s="359"/>
      <c r="F3371" s="359" t="s">
        <v>14368</v>
      </c>
      <c r="G3371" s="359" t="s">
        <v>14388</v>
      </c>
      <c r="H3371" s="359" t="s">
        <v>14332</v>
      </c>
      <c r="I3371" s="359" t="s">
        <v>14388</v>
      </c>
      <c r="J3371" s="359"/>
      <c r="K3371" s="359"/>
      <c r="L3371" s="359"/>
    </row>
    <row r="3372" spans="2:12">
      <c r="B3372" s="359"/>
      <c r="C3372" s="359"/>
      <c r="D3372" s="359"/>
      <c r="E3372" s="359"/>
      <c r="F3372" s="360"/>
      <c r="G3372" s="360"/>
      <c r="H3372" s="360"/>
      <c r="I3372" s="360"/>
      <c r="J3372" s="359"/>
      <c r="K3372" s="359"/>
      <c r="L3372" s="359"/>
    </row>
    <row r="3373" spans="2:12">
      <c r="B3373" s="359"/>
      <c r="C3373" s="359"/>
      <c r="D3373" s="359"/>
      <c r="E3373" s="359"/>
      <c r="F3373" s="359" t="s">
        <v>14389</v>
      </c>
      <c r="G3373" s="359" t="s">
        <v>14390</v>
      </c>
      <c r="H3373" s="360"/>
      <c r="I3373" s="359" t="s">
        <v>14390</v>
      </c>
      <c r="J3373" s="359"/>
      <c r="K3373" s="359"/>
      <c r="L3373" s="359"/>
    </row>
    <row r="3374" spans="2:12">
      <c r="B3374" s="359"/>
      <c r="C3374" s="359"/>
      <c r="D3374" s="359"/>
      <c r="E3374" s="359"/>
      <c r="F3374" s="360"/>
      <c r="G3374" s="360"/>
      <c r="H3374" s="360"/>
      <c r="I3374" s="360"/>
      <c r="J3374" s="359"/>
      <c r="K3374" s="359"/>
      <c r="L3374" s="359"/>
    </row>
    <row r="3375" spans="2:12">
      <c r="B3375" s="359"/>
      <c r="C3375" s="359"/>
      <c r="D3375" s="359"/>
      <c r="E3375" s="359"/>
      <c r="F3375" s="359" t="s">
        <v>14814</v>
      </c>
      <c r="G3375" s="359" t="s">
        <v>14815</v>
      </c>
      <c r="H3375" s="360"/>
      <c r="I3375" s="359" t="s">
        <v>14815</v>
      </c>
      <c r="J3375" s="359"/>
      <c r="K3375" s="359"/>
      <c r="L3375" s="359"/>
    </row>
    <row r="3376" spans="2:12">
      <c r="B3376" s="359"/>
      <c r="C3376" s="359"/>
      <c r="D3376" s="359"/>
      <c r="E3376" s="359"/>
      <c r="F3376" s="360"/>
      <c r="G3376" s="360"/>
      <c r="H3376" s="360"/>
      <c r="I3376" s="360"/>
      <c r="J3376" s="359"/>
      <c r="K3376" s="359"/>
      <c r="L3376" s="359"/>
    </row>
    <row r="3377" spans="2:12">
      <c r="B3377" s="361"/>
      <c r="C3377" s="361"/>
      <c r="D3377" s="361"/>
      <c r="E3377" s="361"/>
      <c r="F3377" s="361" t="s">
        <v>14391</v>
      </c>
      <c r="G3377" s="361" t="s">
        <v>14392</v>
      </c>
      <c r="H3377" s="362"/>
      <c r="I3377" s="361" t="s">
        <v>14392</v>
      </c>
      <c r="J3377" s="361"/>
      <c r="K3377" s="361"/>
      <c r="L3377" s="361"/>
    </row>
    <row r="3378" spans="2:12">
      <c r="B3378" s="358" t="s">
        <v>16264</v>
      </c>
      <c r="C3378" s="358" t="s">
        <v>16265</v>
      </c>
      <c r="D3378" s="358" t="s">
        <v>8356</v>
      </c>
      <c r="E3378" s="358" t="s">
        <v>16266</v>
      </c>
      <c r="F3378" s="358" t="s">
        <v>14420</v>
      </c>
      <c r="G3378" s="358" t="s">
        <v>14429</v>
      </c>
      <c r="H3378" s="358" t="s">
        <v>14367</v>
      </c>
      <c r="I3378" s="358" t="s">
        <v>14429</v>
      </c>
      <c r="J3378" s="358"/>
      <c r="K3378" s="358"/>
      <c r="L3378" s="358"/>
    </row>
    <row r="3379" spans="2:12">
      <c r="B3379" s="359"/>
      <c r="C3379" s="360"/>
      <c r="D3379" s="359"/>
      <c r="E3379" s="359"/>
      <c r="F3379" s="360"/>
      <c r="G3379" s="360"/>
      <c r="H3379" s="360"/>
      <c r="I3379" s="360"/>
      <c r="J3379" s="359"/>
      <c r="K3379" s="359"/>
      <c r="L3379" s="359"/>
    </row>
    <row r="3380" spans="2:12" ht="28.5">
      <c r="B3380" s="359"/>
      <c r="C3380" s="359" t="s">
        <v>27492</v>
      </c>
      <c r="D3380" s="359"/>
      <c r="E3380" s="359"/>
      <c r="F3380" s="359" t="s">
        <v>14371</v>
      </c>
      <c r="G3380" s="359" t="s">
        <v>14372</v>
      </c>
      <c r="H3380" s="359" t="s">
        <v>14370</v>
      </c>
      <c r="I3380" s="359" t="s">
        <v>14373</v>
      </c>
      <c r="J3380" s="359"/>
      <c r="K3380" s="359"/>
      <c r="L3380" s="359"/>
    </row>
    <row r="3381" spans="2:12">
      <c r="B3381" s="359"/>
      <c r="C3381" s="360"/>
      <c r="D3381" s="359"/>
      <c r="E3381" s="359"/>
      <c r="F3381" s="360"/>
      <c r="G3381" s="360"/>
      <c r="H3381" s="360"/>
      <c r="I3381" s="360"/>
      <c r="J3381" s="359"/>
      <c r="K3381" s="359"/>
      <c r="L3381" s="359"/>
    </row>
    <row r="3382" spans="2:12" ht="28.5">
      <c r="B3382" s="361"/>
      <c r="C3382" s="362"/>
      <c r="D3382" s="361"/>
      <c r="E3382" s="361"/>
      <c r="F3382" s="361" t="s">
        <v>14374</v>
      </c>
      <c r="G3382" s="361" t="s">
        <v>14373</v>
      </c>
      <c r="H3382" s="361" t="s">
        <v>14422</v>
      </c>
      <c r="I3382" s="362"/>
      <c r="J3382" s="361"/>
      <c r="K3382" s="361"/>
      <c r="L3382" s="361"/>
    </row>
    <row r="3383" spans="2:12">
      <c r="B3383" s="358" t="s">
        <v>16267</v>
      </c>
      <c r="C3383" s="358" t="s">
        <v>16268</v>
      </c>
      <c r="D3383" s="358" t="s">
        <v>16269</v>
      </c>
      <c r="E3383" s="358" t="s">
        <v>1768</v>
      </c>
      <c r="F3383" s="358" t="s">
        <v>14420</v>
      </c>
      <c r="G3383" s="358" t="s">
        <v>14429</v>
      </c>
      <c r="H3383" s="358" t="s">
        <v>14341</v>
      </c>
      <c r="I3383" s="358" t="s">
        <v>14429</v>
      </c>
      <c r="J3383" s="358" t="s">
        <v>14561</v>
      </c>
      <c r="K3383" s="358"/>
      <c r="L3383" s="358"/>
    </row>
    <row r="3384" spans="2:12">
      <c r="B3384" s="359"/>
      <c r="C3384" s="359"/>
      <c r="D3384" s="359"/>
      <c r="E3384" s="359"/>
      <c r="F3384" s="360"/>
      <c r="G3384" s="360"/>
      <c r="H3384" s="360"/>
      <c r="I3384" s="360"/>
      <c r="J3384" s="359"/>
      <c r="K3384" s="359"/>
      <c r="L3384" s="359"/>
    </row>
    <row r="3385" spans="2:12">
      <c r="B3385" s="359"/>
      <c r="C3385" s="359"/>
      <c r="D3385" s="359"/>
      <c r="E3385" s="359"/>
      <c r="F3385" s="359" t="s">
        <v>14430</v>
      </c>
      <c r="G3385" s="359" t="s">
        <v>14431</v>
      </c>
      <c r="H3385" s="359" t="s">
        <v>14367</v>
      </c>
      <c r="I3385" s="359" t="s">
        <v>14431</v>
      </c>
      <c r="J3385" s="359"/>
      <c r="K3385" s="359"/>
      <c r="L3385" s="359"/>
    </row>
    <row r="3386" spans="2:12">
      <c r="B3386" s="359"/>
      <c r="C3386" s="359"/>
      <c r="D3386" s="359"/>
      <c r="E3386" s="359"/>
      <c r="F3386" s="360"/>
      <c r="G3386" s="360"/>
      <c r="H3386" s="360"/>
      <c r="I3386" s="360"/>
      <c r="J3386" s="359"/>
      <c r="K3386" s="359"/>
      <c r="L3386" s="359"/>
    </row>
    <row r="3387" spans="2:12">
      <c r="B3387" s="361"/>
      <c r="C3387" s="361"/>
      <c r="D3387" s="361"/>
      <c r="E3387" s="361"/>
      <c r="F3387" s="362"/>
      <c r="G3387" s="362"/>
      <c r="H3387" s="361" t="s">
        <v>14332</v>
      </c>
      <c r="I3387" s="362"/>
      <c r="J3387" s="361"/>
      <c r="K3387" s="361"/>
      <c r="L3387" s="361"/>
    </row>
    <row r="3388" spans="2:12">
      <c r="B3388" s="358" t="s">
        <v>16270</v>
      </c>
      <c r="C3388" s="358" t="s">
        <v>28678</v>
      </c>
      <c r="D3388" s="358" t="s">
        <v>16271</v>
      </c>
      <c r="E3388" s="358" t="s">
        <v>1968</v>
      </c>
      <c r="F3388" s="358" t="s">
        <v>14420</v>
      </c>
      <c r="G3388" s="358" t="s">
        <v>14429</v>
      </c>
      <c r="H3388" s="358" t="s">
        <v>14367</v>
      </c>
      <c r="I3388" s="358" t="s">
        <v>14429</v>
      </c>
      <c r="J3388" s="358" t="s">
        <v>14561</v>
      </c>
      <c r="K3388" s="358"/>
      <c r="L3388" s="358" t="s">
        <v>10376</v>
      </c>
    </row>
    <row r="3389" spans="2:12">
      <c r="B3389" s="359"/>
      <c r="C3389" s="360"/>
      <c r="D3389" s="359"/>
      <c r="E3389" s="359"/>
      <c r="F3389" s="359"/>
      <c r="G3389" s="359"/>
      <c r="H3389" s="360"/>
      <c r="I3389" s="359"/>
      <c r="J3389" s="359"/>
      <c r="K3389" s="359"/>
      <c r="L3389" s="359"/>
    </row>
    <row r="3390" spans="2:12">
      <c r="B3390" s="361"/>
      <c r="C3390" s="361" t="s">
        <v>16272</v>
      </c>
      <c r="D3390" s="361"/>
      <c r="E3390" s="361"/>
      <c r="F3390" s="361"/>
      <c r="G3390" s="361"/>
      <c r="H3390" s="361" t="s">
        <v>14422</v>
      </c>
      <c r="I3390" s="361"/>
      <c r="J3390" s="361"/>
      <c r="K3390" s="361"/>
      <c r="L3390" s="361"/>
    </row>
    <row r="3391" spans="2:12" ht="42.75">
      <c r="B3391" s="358" t="s">
        <v>16273</v>
      </c>
      <c r="C3391" s="358" t="s">
        <v>16274</v>
      </c>
      <c r="D3391" s="358" t="s">
        <v>16275</v>
      </c>
      <c r="E3391" s="358" t="s">
        <v>16276</v>
      </c>
      <c r="F3391" s="358" t="s">
        <v>14394</v>
      </c>
      <c r="G3391" s="358" t="s">
        <v>14395</v>
      </c>
      <c r="H3391" s="358" t="s">
        <v>14370</v>
      </c>
      <c r="I3391" s="358" t="s">
        <v>14395</v>
      </c>
      <c r="J3391" s="358"/>
      <c r="K3391" s="358"/>
      <c r="L3391" s="358"/>
    </row>
    <row r="3392" spans="2:12">
      <c r="B3392" s="361"/>
      <c r="C3392" s="361"/>
      <c r="D3392" s="361"/>
      <c r="E3392" s="361"/>
      <c r="F3392" s="361"/>
      <c r="G3392" s="361"/>
      <c r="H3392" s="361"/>
      <c r="I3392" s="361"/>
      <c r="J3392" s="361"/>
      <c r="K3392" s="361"/>
      <c r="L3392" s="361"/>
    </row>
    <row r="3393" spans="2:12" ht="42.75">
      <c r="B3393" s="358" t="s">
        <v>16277</v>
      </c>
      <c r="C3393" s="358" t="s">
        <v>28679</v>
      </c>
      <c r="D3393" s="358" t="s">
        <v>16278</v>
      </c>
      <c r="E3393" s="358" t="s">
        <v>16279</v>
      </c>
      <c r="F3393" s="358" t="s">
        <v>14472</v>
      </c>
      <c r="G3393" s="358" t="s">
        <v>14473</v>
      </c>
      <c r="H3393" s="358" t="s">
        <v>8356</v>
      </c>
      <c r="I3393" s="358" t="s">
        <v>14473</v>
      </c>
      <c r="J3393" s="358"/>
      <c r="K3393" s="358"/>
      <c r="L3393" s="358"/>
    </row>
    <row r="3394" spans="2:12">
      <c r="B3394" s="361"/>
      <c r="C3394" s="361"/>
      <c r="D3394" s="361"/>
      <c r="E3394" s="361"/>
      <c r="F3394" s="361"/>
      <c r="G3394" s="361"/>
      <c r="H3394" s="361"/>
      <c r="I3394" s="361"/>
      <c r="J3394" s="361"/>
      <c r="K3394" s="361"/>
      <c r="L3394" s="361"/>
    </row>
    <row r="3395" spans="2:12" ht="28.5">
      <c r="B3395" s="358" t="s">
        <v>16280</v>
      </c>
      <c r="C3395" s="358" t="s">
        <v>16281</v>
      </c>
      <c r="D3395" s="358" t="s">
        <v>16282</v>
      </c>
      <c r="E3395" s="358" t="s">
        <v>16283</v>
      </c>
      <c r="F3395" s="358" t="s">
        <v>14462</v>
      </c>
      <c r="G3395" s="358" t="s">
        <v>14463</v>
      </c>
      <c r="H3395" s="358" t="s">
        <v>8356</v>
      </c>
      <c r="I3395" s="358" t="s">
        <v>14463</v>
      </c>
      <c r="J3395" s="358"/>
      <c r="K3395" s="358"/>
      <c r="L3395" s="358"/>
    </row>
    <row r="3396" spans="2:12">
      <c r="B3396" s="361"/>
      <c r="C3396" s="361"/>
      <c r="D3396" s="361"/>
      <c r="E3396" s="361"/>
      <c r="F3396" s="361"/>
      <c r="G3396" s="361"/>
      <c r="H3396" s="361"/>
      <c r="I3396" s="361"/>
      <c r="J3396" s="361"/>
      <c r="K3396" s="361"/>
      <c r="L3396" s="361"/>
    </row>
    <row r="3397" spans="2:12">
      <c r="B3397" s="358" t="s">
        <v>16284</v>
      </c>
      <c r="C3397" s="358" t="s">
        <v>16285</v>
      </c>
      <c r="D3397" s="358" t="s">
        <v>16286</v>
      </c>
      <c r="E3397" s="358" t="s">
        <v>16287</v>
      </c>
      <c r="F3397" s="358" t="s">
        <v>14391</v>
      </c>
      <c r="G3397" s="358" t="s">
        <v>14392</v>
      </c>
      <c r="H3397" s="358" t="s">
        <v>14367</v>
      </c>
      <c r="I3397" s="358" t="s">
        <v>14392</v>
      </c>
      <c r="J3397" s="358"/>
      <c r="K3397" s="358"/>
      <c r="L3397" s="358"/>
    </row>
    <row r="3398" spans="2:12">
      <c r="B3398" s="359"/>
      <c r="C3398" s="359"/>
      <c r="D3398" s="359"/>
      <c r="E3398" s="359"/>
      <c r="F3398" s="360"/>
      <c r="G3398" s="360"/>
      <c r="H3398" s="360"/>
      <c r="I3398" s="360"/>
      <c r="J3398" s="359"/>
      <c r="K3398" s="359"/>
      <c r="L3398" s="359"/>
    </row>
    <row r="3399" spans="2:12" ht="28.5">
      <c r="B3399" s="359"/>
      <c r="C3399" s="359"/>
      <c r="D3399" s="359"/>
      <c r="E3399" s="359"/>
      <c r="F3399" s="359" t="s">
        <v>14394</v>
      </c>
      <c r="G3399" s="359" t="s">
        <v>14395</v>
      </c>
      <c r="H3399" s="359" t="s">
        <v>14370</v>
      </c>
      <c r="I3399" s="359" t="s">
        <v>14395</v>
      </c>
      <c r="J3399" s="359"/>
      <c r="K3399" s="359"/>
      <c r="L3399" s="359"/>
    </row>
    <row r="3400" spans="2:12">
      <c r="B3400" s="359"/>
      <c r="C3400" s="359"/>
      <c r="D3400" s="359"/>
      <c r="E3400" s="359"/>
      <c r="F3400" s="360"/>
      <c r="G3400" s="360"/>
      <c r="H3400" s="360"/>
      <c r="I3400" s="360"/>
      <c r="J3400" s="359"/>
      <c r="K3400" s="359"/>
      <c r="L3400" s="359"/>
    </row>
    <row r="3401" spans="2:12">
      <c r="B3401" s="361"/>
      <c r="C3401" s="361"/>
      <c r="D3401" s="361"/>
      <c r="E3401" s="361"/>
      <c r="F3401" s="362"/>
      <c r="G3401" s="362"/>
      <c r="H3401" s="361" t="s">
        <v>14422</v>
      </c>
      <c r="I3401" s="362"/>
      <c r="J3401" s="361"/>
      <c r="K3401" s="361"/>
      <c r="L3401" s="361"/>
    </row>
    <row r="3402" spans="2:12">
      <c r="B3402" s="358" t="s">
        <v>16288</v>
      </c>
      <c r="C3402" s="358" t="s">
        <v>16289</v>
      </c>
      <c r="D3402" s="358" t="s">
        <v>16290</v>
      </c>
      <c r="E3402" s="358" t="s">
        <v>16291</v>
      </c>
      <c r="F3402" s="358" t="s">
        <v>14391</v>
      </c>
      <c r="G3402" s="358" t="s">
        <v>14392</v>
      </c>
      <c r="H3402" s="358" t="s">
        <v>14367</v>
      </c>
      <c r="I3402" s="358" t="s">
        <v>14392</v>
      </c>
      <c r="J3402" s="358"/>
      <c r="K3402" s="358"/>
      <c r="L3402" s="358"/>
    </row>
    <row r="3403" spans="2:12">
      <c r="B3403" s="359"/>
      <c r="C3403" s="359"/>
      <c r="D3403" s="359"/>
      <c r="E3403" s="359"/>
      <c r="F3403" s="360"/>
      <c r="G3403" s="360"/>
      <c r="H3403" s="360"/>
      <c r="I3403" s="360"/>
      <c r="J3403" s="359"/>
      <c r="K3403" s="359"/>
      <c r="L3403" s="359"/>
    </row>
    <row r="3404" spans="2:12" ht="28.5">
      <c r="B3404" s="359"/>
      <c r="C3404" s="359"/>
      <c r="D3404" s="359"/>
      <c r="E3404" s="359"/>
      <c r="F3404" s="359" t="s">
        <v>14394</v>
      </c>
      <c r="G3404" s="359" t="s">
        <v>14395</v>
      </c>
      <c r="H3404" s="359" t="s">
        <v>14370</v>
      </c>
      <c r="I3404" s="359" t="s">
        <v>14395</v>
      </c>
      <c r="J3404" s="359"/>
      <c r="K3404" s="359"/>
      <c r="L3404" s="359"/>
    </row>
    <row r="3405" spans="2:12">
      <c r="B3405" s="359"/>
      <c r="C3405" s="359"/>
      <c r="D3405" s="359"/>
      <c r="E3405" s="359"/>
      <c r="F3405" s="360"/>
      <c r="G3405" s="360"/>
      <c r="H3405" s="360"/>
      <c r="I3405" s="360"/>
      <c r="J3405" s="359"/>
      <c r="K3405" s="359"/>
      <c r="L3405" s="359"/>
    </row>
    <row r="3406" spans="2:12">
      <c r="B3406" s="361"/>
      <c r="C3406" s="361"/>
      <c r="D3406" s="361"/>
      <c r="E3406" s="361"/>
      <c r="F3406" s="362"/>
      <c r="G3406" s="362"/>
      <c r="H3406" s="361" t="s">
        <v>14422</v>
      </c>
      <c r="I3406" s="362"/>
      <c r="J3406" s="361"/>
      <c r="K3406" s="361"/>
      <c r="L3406" s="361"/>
    </row>
    <row r="3407" spans="2:12" ht="28.5">
      <c r="B3407" s="358" t="s">
        <v>16292</v>
      </c>
      <c r="C3407" s="358" t="s">
        <v>16293</v>
      </c>
      <c r="D3407" s="358" t="s">
        <v>16294</v>
      </c>
      <c r="E3407" s="358" t="s">
        <v>8356</v>
      </c>
      <c r="F3407" s="358" t="s">
        <v>14462</v>
      </c>
      <c r="G3407" s="358" t="s">
        <v>14463</v>
      </c>
      <c r="H3407" s="358" t="s">
        <v>8356</v>
      </c>
      <c r="I3407" s="358" t="s">
        <v>14463</v>
      </c>
      <c r="J3407" s="358"/>
      <c r="K3407" s="358"/>
      <c r="L3407" s="358"/>
    </row>
    <row r="3408" spans="2:12">
      <c r="B3408" s="361"/>
      <c r="C3408" s="361"/>
      <c r="D3408" s="361"/>
      <c r="E3408" s="361"/>
      <c r="F3408" s="361"/>
      <c r="G3408" s="361"/>
      <c r="H3408" s="361"/>
      <c r="I3408" s="361"/>
      <c r="J3408" s="361"/>
      <c r="K3408" s="361"/>
      <c r="L3408" s="361"/>
    </row>
    <row r="3409" spans="2:12" ht="42.75">
      <c r="B3409" s="358" t="s">
        <v>16295</v>
      </c>
      <c r="C3409" s="358" t="s">
        <v>16296</v>
      </c>
      <c r="D3409" s="358" t="s">
        <v>16297</v>
      </c>
      <c r="E3409" s="358" t="s">
        <v>16298</v>
      </c>
      <c r="F3409" s="358" t="s">
        <v>14391</v>
      </c>
      <c r="G3409" s="358" t="s">
        <v>14392</v>
      </c>
      <c r="H3409" s="358" t="s">
        <v>14367</v>
      </c>
      <c r="I3409" s="358" t="s">
        <v>14392</v>
      </c>
      <c r="J3409" s="358"/>
      <c r="K3409" s="358"/>
      <c r="L3409" s="358"/>
    </row>
    <row r="3410" spans="2:12">
      <c r="B3410" s="359"/>
      <c r="C3410" s="359"/>
      <c r="D3410" s="359"/>
      <c r="E3410" s="359"/>
      <c r="F3410" s="359"/>
      <c r="G3410" s="359"/>
      <c r="H3410" s="360"/>
      <c r="I3410" s="359"/>
      <c r="J3410" s="359"/>
      <c r="K3410" s="359"/>
      <c r="L3410" s="359"/>
    </row>
    <row r="3411" spans="2:12">
      <c r="B3411" s="361"/>
      <c r="C3411" s="361"/>
      <c r="D3411" s="361"/>
      <c r="E3411" s="361"/>
      <c r="F3411" s="361"/>
      <c r="G3411" s="361"/>
      <c r="H3411" s="361" t="s">
        <v>14422</v>
      </c>
      <c r="I3411" s="361"/>
      <c r="J3411" s="361"/>
      <c r="K3411" s="361"/>
      <c r="L3411" s="361"/>
    </row>
    <row r="3412" spans="2:12" ht="28.5">
      <c r="B3412" s="358" t="s">
        <v>16299</v>
      </c>
      <c r="C3412" s="358" t="s">
        <v>27493</v>
      </c>
      <c r="D3412" s="358" t="s">
        <v>16300</v>
      </c>
      <c r="E3412" s="358" t="s">
        <v>16301</v>
      </c>
      <c r="F3412" s="358" t="s">
        <v>14430</v>
      </c>
      <c r="G3412" s="358" t="s">
        <v>14431</v>
      </c>
      <c r="H3412" s="358" t="s">
        <v>14341</v>
      </c>
      <c r="I3412" s="358" t="s">
        <v>14431</v>
      </c>
      <c r="J3412" s="358"/>
      <c r="K3412" s="358"/>
      <c r="L3412" s="358"/>
    </row>
    <row r="3413" spans="2:12">
      <c r="B3413" s="359"/>
      <c r="C3413" s="359"/>
      <c r="D3413" s="359"/>
      <c r="E3413" s="359"/>
      <c r="F3413" s="360"/>
      <c r="G3413" s="360"/>
      <c r="H3413" s="360"/>
      <c r="I3413" s="360"/>
      <c r="J3413" s="359"/>
      <c r="K3413" s="359"/>
      <c r="L3413" s="359"/>
    </row>
    <row r="3414" spans="2:12">
      <c r="B3414" s="359"/>
      <c r="C3414" s="359"/>
      <c r="D3414" s="359"/>
      <c r="E3414" s="359"/>
      <c r="F3414" s="359" t="s">
        <v>14391</v>
      </c>
      <c r="G3414" s="359" t="s">
        <v>14392</v>
      </c>
      <c r="H3414" s="359" t="s">
        <v>14367</v>
      </c>
      <c r="I3414" s="359" t="s">
        <v>14392</v>
      </c>
      <c r="J3414" s="359"/>
      <c r="K3414" s="359"/>
      <c r="L3414" s="359"/>
    </row>
    <row r="3415" spans="2:12">
      <c r="B3415" s="359"/>
      <c r="C3415" s="359"/>
      <c r="D3415" s="359"/>
      <c r="E3415" s="359"/>
      <c r="F3415" s="360"/>
      <c r="G3415" s="360"/>
      <c r="H3415" s="360"/>
      <c r="I3415" s="360"/>
      <c r="J3415" s="359"/>
      <c r="K3415" s="359"/>
      <c r="L3415" s="359"/>
    </row>
    <row r="3416" spans="2:12" ht="28.5">
      <c r="B3416" s="359"/>
      <c r="C3416" s="359"/>
      <c r="D3416" s="359"/>
      <c r="E3416" s="359"/>
      <c r="F3416" s="359" t="s">
        <v>14394</v>
      </c>
      <c r="G3416" s="359" t="s">
        <v>14395</v>
      </c>
      <c r="H3416" s="359" t="s">
        <v>14370</v>
      </c>
      <c r="I3416" s="359" t="s">
        <v>14395</v>
      </c>
      <c r="J3416" s="359"/>
      <c r="K3416" s="359"/>
      <c r="L3416" s="359"/>
    </row>
    <row r="3417" spans="2:12">
      <c r="B3417" s="359"/>
      <c r="C3417" s="359"/>
      <c r="D3417" s="359"/>
      <c r="E3417" s="359"/>
      <c r="F3417" s="360"/>
      <c r="G3417" s="360"/>
      <c r="H3417" s="360"/>
      <c r="I3417" s="360"/>
      <c r="J3417" s="359"/>
      <c r="K3417" s="359"/>
      <c r="L3417" s="359"/>
    </row>
    <row r="3418" spans="2:12">
      <c r="B3418" s="361"/>
      <c r="C3418" s="361"/>
      <c r="D3418" s="361"/>
      <c r="E3418" s="361"/>
      <c r="F3418" s="362"/>
      <c r="G3418" s="362"/>
      <c r="H3418" s="361" t="s">
        <v>14332</v>
      </c>
      <c r="I3418" s="362"/>
      <c r="J3418" s="361"/>
      <c r="K3418" s="361"/>
      <c r="L3418" s="361"/>
    </row>
    <row r="3419" spans="2:12" ht="28.5">
      <c r="B3419" s="358" t="s">
        <v>16302</v>
      </c>
      <c r="C3419" s="358" t="s">
        <v>16303</v>
      </c>
      <c r="D3419" s="358" t="s">
        <v>16304</v>
      </c>
      <c r="E3419" s="358" t="s">
        <v>16305</v>
      </c>
      <c r="F3419" s="358" t="s">
        <v>14462</v>
      </c>
      <c r="G3419" s="358" t="s">
        <v>14463</v>
      </c>
      <c r="H3419" s="358" t="s">
        <v>8356</v>
      </c>
      <c r="I3419" s="358" t="s">
        <v>14463</v>
      </c>
      <c r="J3419" s="358"/>
      <c r="K3419" s="358"/>
      <c r="L3419" s="358"/>
    </row>
    <row r="3420" spans="2:12">
      <c r="B3420" s="361"/>
      <c r="C3420" s="361"/>
      <c r="D3420" s="361"/>
      <c r="E3420" s="361"/>
      <c r="F3420" s="361"/>
      <c r="G3420" s="361"/>
      <c r="H3420" s="361"/>
      <c r="I3420" s="361"/>
      <c r="J3420" s="361"/>
      <c r="K3420" s="361"/>
      <c r="L3420" s="361"/>
    </row>
    <row r="3421" spans="2:12">
      <c r="B3421" s="358" t="s">
        <v>16306</v>
      </c>
      <c r="C3421" s="358" t="s">
        <v>16307</v>
      </c>
      <c r="D3421" s="358" t="s">
        <v>16308</v>
      </c>
      <c r="E3421" s="358" t="s">
        <v>8356</v>
      </c>
      <c r="F3421" s="358" t="s">
        <v>14389</v>
      </c>
      <c r="G3421" s="358" t="s">
        <v>14390</v>
      </c>
      <c r="H3421" s="358" t="s">
        <v>14341</v>
      </c>
      <c r="I3421" s="358" t="s">
        <v>14390</v>
      </c>
      <c r="J3421" s="358"/>
      <c r="K3421" s="358"/>
      <c r="L3421" s="358"/>
    </row>
    <row r="3422" spans="2:12">
      <c r="B3422" s="359"/>
      <c r="C3422" s="359"/>
      <c r="D3422" s="359"/>
      <c r="E3422" s="359"/>
      <c r="F3422" s="360"/>
      <c r="G3422" s="360"/>
      <c r="H3422" s="360"/>
      <c r="I3422" s="360"/>
      <c r="J3422" s="359"/>
      <c r="K3422" s="359"/>
      <c r="L3422" s="359"/>
    </row>
    <row r="3423" spans="2:12">
      <c r="B3423" s="359"/>
      <c r="C3423" s="359"/>
      <c r="D3423" s="359"/>
      <c r="E3423" s="359"/>
      <c r="F3423" s="359" t="s">
        <v>14430</v>
      </c>
      <c r="G3423" s="359" t="s">
        <v>14431</v>
      </c>
      <c r="H3423" s="359" t="s">
        <v>14367</v>
      </c>
      <c r="I3423" s="359" t="s">
        <v>14431</v>
      </c>
      <c r="J3423" s="359"/>
      <c r="K3423" s="359"/>
      <c r="L3423" s="359"/>
    </row>
    <row r="3424" spans="2:12">
      <c r="B3424" s="359"/>
      <c r="C3424" s="359"/>
      <c r="D3424" s="359"/>
      <c r="E3424" s="359"/>
      <c r="F3424" s="360"/>
      <c r="G3424" s="360"/>
      <c r="H3424" s="360"/>
      <c r="I3424" s="360"/>
      <c r="J3424" s="359"/>
      <c r="K3424" s="359"/>
      <c r="L3424" s="359"/>
    </row>
    <row r="3425" spans="2:12">
      <c r="B3425" s="359"/>
      <c r="C3425" s="359"/>
      <c r="D3425" s="359"/>
      <c r="E3425" s="359"/>
      <c r="F3425" s="359" t="s">
        <v>14391</v>
      </c>
      <c r="G3425" s="359" t="s">
        <v>14392</v>
      </c>
      <c r="H3425" s="359" t="s">
        <v>14370</v>
      </c>
      <c r="I3425" s="359" t="s">
        <v>14392</v>
      </c>
      <c r="J3425" s="359"/>
      <c r="K3425" s="359"/>
      <c r="L3425" s="359"/>
    </row>
    <row r="3426" spans="2:12">
      <c r="B3426" s="359"/>
      <c r="C3426" s="359"/>
      <c r="D3426" s="359"/>
      <c r="E3426" s="359"/>
      <c r="F3426" s="360"/>
      <c r="G3426" s="360"/>
      <c r="H3426" s="360"/>
      <c r="I3426" s="360"/>
      <c r="J3426" s="359"/>
      <c r="K3426" s="359"/>
      <c r="L3426" s="359"/>
    </row>
    <row r="3427" spans="2:12" ht="28.5">
      <c r="B3427" s="361"/>
      <c r="C3427" s="361"/>
      <c r="D3427" s="361"/>
      <c r="E3427" s="361"/>
      <c r="F3427" s="361" t="s">
        <v>14394</v>
      </c>
      <c r="G3427" s="361" t="s">
        <v>14395</v>
      </c>
      <c r="H3427" s="361" t="s">
        <v>14332</v>
      </c>
      <c r="I3427" s="361" t="s">
        <v>14395</v>
      </c>
      <c r="J3427" s="361"/>
      <c r="K3427" s="361"/>
      <c r="L3427" s="361"/>
    </row>
    <row r="3428" spans="2:12">
      <c r="B3428" s="358" t="s">
        <v>16309</v>
      </c>
      <c r="C3428" s="358" t="s">
        <v>16310</v>
      </c>
      <c r="D3428" s="358" t="s">
        <v>16311</v>
      </c>
      <c r="E3428" s="358" t="s">
        <v>16312</v>
      </c>
      <c r="F3428" s="358" t="s">
        <v>14391</v>
      </c>
      <c r="G3428" s="358" t="s">
        <v>14392</v>
      </c>
      <c r="H3428" s="358" t="s">
        <v>14367</v>
      </c>
      <c r="I3428" s="358" t="s">
        <v>14392</v>
      </c>
      <c r="J3428" s="358"/>
      <c r="K3428" s="358"/>
      <c r="L3428" s="358"/>
    </row>
    <row r="3429" spans="2:12">
      <c r="B3429" s="359"/>
      <c r="C3429" s="359"/>
      <c r="D3429" s="359"/>
      <c r="E3429" s="359"/>
      <c r="F3429" s="360"/>
      <c r="G3429" s="360"/>
      <c r="H3429" s="360"/>
      <c r="I3429" s="360"/>
      <c r="J3429" s="359"/>
      <c r="K3429" s="359"/>
      <c r="L3429" s="359"/>
    </row>
    <row r="3430" spans="2:12" ht="28.5">
      <c r="B3430" s="359"/>
      <c r="C3430" s="359"/>
      <c r="D3430" s="359"/>
      <c r="E3430" s="359"/>
      <c r="F3430" s="359" t="s">
        <v>14394</v>
      </c>
      <c r="G3430" s="359" t="s">
        <v>14395</v>
      </c>
      <c r="H3430" s="359" t="s">
        <v>14370</v>
      </c>
      <c r="I3430" s="359" t="s">
        <v>14395</v>
      </c>
      <c r="J3430" s="359"/>
      <c r="K3430" s="359"/>
      <c r="L3430" s="359"/>
    </row>
    <row r="3431" spans="2:12">
      <c r="B3431" s="359"/>
      <c r="C3431" s="359"/>
      <c r="D3431" s="359"/>
      <c r="E3431" s="359"/>
      <c r="F3431" s="360"/>
      <c r="G3431" s="360"/>
      <c r="H3431" s="360"/>
      <c r="I3431" s="360"/>
      <c r="J3431" s="359"/>
      <c r="K3431" s="359"/>
      <c r="L3431" s="359"/>
    </row>
    <row r="3432" spans="2:12">
      <c r="B3432" s="361"/>
      <c r="C3432" s="361"/>
      <c r="D3432" s="361"/>
      <c r="E3432" s="361"/>
      <c r="F3432" s="362"/>
      <c r="G3432" s="362"/>
      <c r="H3432" s="361" t="s">
        <v>14422</v>
      </c>
      <c r="I3432" s="362"/>
      <c r="J3432" s="361"/>
      <c r="K3432" s="361"/>
      <c r="L3432" s="361"/>
    </row>
    <row r="3433" spans="2:12">
      <c r="B3433" s="358" t="s">
        <v>16313</v>
      </c>
      <c r="C3433" s="358" t="s">
        <v>16314</v>
      </c>
      <c r="D3433" s="358" t="s">
        <v>16315</v>
      </c>
      <c r="E3433" s="358" t="s">
        <v>16316</v>
      </c>
      <c r="F3433" s="358" t="s">
        <v>14420</v>
      </c>
      <c r="G3433" s="358" t="s">
        <v>14429</v>
      </c>
      <c r="H3433" s="358" t="s">
        <v>14381</v>
      </c>
      <c r="I3433" s="358" t="s">
        <v>14429</v>
      </c>
      <c r="J3433" s="358"/>
      <c r="K3433" s="358"/>
      <c r="L3433" s="358"/>
    </row>
    <row r="3434" spans="2:12">
      <c r="B3434" s="359"/>
      <c r="C3434" s="359"/>
      <c r="D3434" s="359"/>
      <c r="E3434" s="359"/>
      <c r="F3434" s="360"/>
      <c r="G3434" s="360"/>
      <c r="H3434" s="360"/>
      <c r="I3434" s="360"/>
      <c r="J3434" s="359"/>
      <c r="K3434" s="359"/>
      <c r="L3434" s="359"/>
    </row>
    <row r="3435" spans="2:12" ht="28.5">
      <c r="B3435" s="359"/>
      <c r="C3435" s="359"/>
      <c r="D3435" s="359"/>
      <c r="E3435" s="359"/>
      <c r="F3435" s="359" t="s">
        <v>14460</v>
      </c>
      <c r="G3435" s="359" t="s">
        <v>28680</v>
      </c>
      <c r="H3435" s="359" t="s">
        <v>14367</v>
      </c>
      <c r="I3435" s="359" t="s">
        <v>28681</v>
      </c>
      <c r="J3435" s="359"/>
      <c r="K3435" s="359"/>
      <c r="L3435" s="359"/>
    </row>
    <row r="3436" spans="2:12">
      <c r="B3436" s="359"/>
      <c r="C3436" s="359"/>
      <c r="D3436" s="359"/>
      <c r="E3436" s="359"/>
      <c r="F3436" s="360"/>
      <c r="G3436" s="360"/>
      <c r="H3436" s="360"/>
      <c r="I3436" s="360"/>
      <c r="J3436" s="359"/>
      <c r="K3436" s="359"/>
      <c r="L3436" s="359"/>
    </row>
    <row r="3437" spans="2:12">
      <c r="B3437" s="359"/>
      <c r="C3437" s="359"/>
      <c r="D3437" s="359"/>
      <c r="E3437" s="359"/>
      <c r="F3437" s="359" t="s">
        <v>14371</v>
      </c>
      <c r="G3437" s="359" t="s">
        <v>14373</v>
      </c>
      <c r="H3437" s="359" t="s">
        <v>14370</v>
      </c>
      <c r="I3437" s="360"/>
      <c r="J3437" s="359"/>
      <c r="K3437" s="359"/>
      <c r="L3437" s="359"/>
    </row>
    <row r="3438" spans="2:12">
      <c r="B3438" s="359"/>
      <c r="C3438" s="359"/>
      <c r="D3438" s="359"/>
      <c r="E3438" s="359"/>
      <c r="F3438" s="360"/>
      <c r="G3438" s="360"/>
      <c r="H3438" s="360"/>
      <c r="I3438" s="360"/>
      <c r="J3438" s="359"/>
      <c r="K3438" s="359"/>
      <c r="L3438" s="359"/>
    </row>
    <row r="3439" spans="2:12" ht="28.5">
      <c r="B3439" s="361"/>
      <c r="C3439" s="361"/>
      <c r="D3439" s="361"/>
      <c r="E3439" s="361"/>
      <c r="F3439" s="361" t="s">
        <v>14374</v>
      </c>
      <c r="G3439" s="362"/>
      <c r="H3439" s="361" t="s">
        <v>14422</v>
      </c>
      <c r="I3439" s="362"/>
      <c r="J3439" s="361"/>
      <c r="K3439" s="361"/>
      <c r="L3439" s="361"/>
    </row>
    <row r="3440" spans="2:12">
      <c r="B3440" s="358" t="s">
        <v>16317</v>
      </c>
      <c r="C3440" s="358" t="s">
        <v>27494</v>
      </c>
      <c r="D3440" s="358" t="s">
        <v>16318</v>
      </c>
      <c r="E3440" s="358" t="s">
        <v>16319</v>
      </c>
      <c r="F3440" s="358" t="s">
        <v>14356</v>
      </c>
      <c r="G3440" s="358" t="s">
        <v>14340</v>
      </c>
      <c r="H3440" s="358" t="s">
        <v>14341</v>
      </c>
      <c r="I3440" s="358" t="s">
        <v>14340</v>
      </c>
      <c r="J3440" s="358"/>
      <c r="K3440" s="358"/>
      <c r="L3440" s="358"/>
    </row>
    <row r="3441" spans="2:12">
      <c r="B3441" s="359"/>
      <c r="C3441" s="359"/>
      <c r="D3441" s="359"/>
      <c r="E3441" s="359"/>
      <c r="F3441" s="360"/>
      <c r="G3441" s="360"/>
      <c r="H3441" s="360"/>
      <c r="I3441" s="360"/>
      <c r="J3441" s="359"/>
      <c r="K3441" s="359"/>
      <c r="L3441" s="359"/>
    </row>
    <row r="3442" spans="2:12">
      <c r="B3442" s="359"/>
      <c r="C3442" s="359"/>
      <c r="D3442" s="359"/>
      <c r="E3442" s="359"/>
      <c r="F3442" s="359" t="s">
        <v>14391</v>
      </c>
      <c r="G3442" s="359" t="s">
        <v>14392</v>
      </c>
      <c r="H3442" s="359" t="s">
        <v>14367</v>
      </c>
      <c r="I3442" s="359" t="s">
        <v>14392</v>
      </c>
      <c r="J3442" s="359"/>
      <c r="K3442" s="359"/>
      <c r="L3442" s="359"/>
    </row>
    <row r="3443" spans="2:12">
      <c r="B3443" s="359"/>
      <c r="C3443" s="359"/>
      <c r="D3443" s="359"/>
      <c r="E3443" s="359"/>
      <c r="F3443" s="360"/>
      <c r="G3443" s="360"/>
      <c r="H3443" s="360"/>
      <c r="I3443" s="360"/>
      <c r="J3443" s="359"/>
      <c r="K3443" s="359"/>
      <c r="L3443" s="359"/>
    </row>
    <row r="3444" spans="2:12" ht="28.5">
      <c r="B3444" s="361"/>
      <c r="C3444" s="361"/>
      <c r="D3444" s="361"/>
      <c r="E3444" s="361"/>
      <c r="F3444" s="361" t="s">
        <v>14472</v>
      </c>
      <c r="G3444" s="361" t="s">
        <v>14473</v>
      </c>
      <c r="H3444" s="361" t="s">
        <v>14332</v>
      </c>
      <c r="I3444" s="361" t="s">
        <v>14473</v>
      </c>
      <c r="J3444" s="361"/>
      <c r="K3444" s="361"/>
      <c r="L3444" s="361"/>
    </row>
    <row r="3445" spans="2:12" ht="42.75">
      <c r="B3445" s="358" t="s">
        <v>16320</v>
      </c>
      <c r="C3445" s="358" t="s">
        <v>30089</v>
      </c>
      <c r="D3445" s="358" t="s">
        <v>16321</v>
      </c>
      <c r="E3445" s="358" t="s">
        <v>16322</v>
      </c>
      <c r="F3445" s="358" t="s">
        <v>14462</v>
      </c>
      <c r="G3445" s="358" t="s">
        <v>14463</v>
      </c>
      <c r="H3445" s="358" t="s">
        <v>8356</v>
      </c>
      <c r="I3445" s="358"/>
      <c r="J3445" s="358"/>
      <c r="K3445" s="358"/>
      <c r="L3445" s="358"/>
    </row>
    <row r="3446" spans="2:12">
      <c r="B3446" s="361"/>
      <c r="C3446" s="361"/>
      <c r="D3446" s="361"/>
      <c r="E3446" s="361"/>
      <c r="F3446" s="361"/>
      <c r="G3446" s="361"/>
      <c r="H3446" s="361"/>
      <c r="I3446" s="361"/>
      <c r="J3446" s="361"/>
      <c r="K3446" s="361"/>
      <c r="L3446" s="361"/>
    </row>
    <row r="3447" spans="2:12" ht="28.5">
      <c r="B3447" s="358" t="s">
        <v>16323</v>
      </c>
      <c r="C3447" s="358" t="s">
        <v>30090</v>
      </c>
      <c r="D3447" s="358" t="s">
        <v>16324</v>
      </c>
      <c r="E3447" s="358" t="s">
        <v>16325</v>
      </c>
      <c r="F3447" s="358" t="s">
        <v>14391</v>
      </c>
      <c r="G3447" s="358" t="s">
        <v>14392</v>
      </c>
      <c r="H3447" s="358" t="s">
        <v>14367</v>
      </c>
      <c r="I3447" s="358" t="s">
        <v>14392</v>
      </c>
      <c r="J3447" s="358"/>
      <c r="K3447" s="358"/>
      <c r="L3447" s="358"/>
    </row>
    <row r="3448" spans="2:12">
      <c r="B3448" s="359"/>
      <c r="C3448" s="359"/>
      <c r="D3448" s="359"/>
      <c r="E3448" s="359"/>
      <c r="F3448" s="360"/>
      <c r="G3448" s="360"/>
      <c r="H3448" s="360"/>
      <c r="I3448" s="360"/>
      <c r="J3448" s="359"/>
      <c r="K3448" s="359"/>
      <c r="L3448" s="359"/>
    </row>
    <row r="3449" spans="2:12" ht="28.5">
      <c r="B3449" s="361"/>
      <c r="C3449" s="361"/>
      <c r="D3449" s="361"/>
      <c r="E3449" s="361"/>
      <c r="F3449" s="361" t="s">
        <v>14462</v>
      </c>
      <c r="G3449" s="361" t="s">
        <v>14463</v>
      </c>
      <c r="H3449" s="361" t="s">
        <v>14422</v>
      </c>
      <c r="I3449" s="361" t="s">
        <v>14463</v>
      </c>
      <c r="J3449" s="361"/>
      <c r="K3449" s="361"/>
      <c r="L3449" s="361"/>
    </row>
    <row r="3450" spans="2:12" ht="28.5">
      <c r="B3450" s="358" t="s">
        <v>16326</v>
      </c>
      <c r="C3450" s="358" t="s">
        <v>27495</v>
      </c>
      <c r="D3450" s="358" t="s">
        <v>16327</v>
      </c>
      <c r="E3450" s="358" t="s">
        <v>16328</v>
      </c>
      <c r="F3450" s="358" t="s">
        <v>14430</v>
      </c>
      <c r="G3450" s="358" t="s">
        <v>14431</v>
      </c>
      <c r="H3450" s="358" t="s">
        <v>14341</v>
      </c>
      <c r="I3450" s="358" t="s">
        <v>14431</v>
      </c>
      <c r="J3450" s="358"/>
      <c r="K3450" s="358"/>
      <c r="L3450" s="358"/>
    </row>
    <row r="3451" spans="2:12">
      <c r="B3451" s="359"/>
      <c r="C3451" s="359"/>
      <c r="D3451" s="359"/>
      <c r="E3451" s="359"/>
      <c r="F3451" s="360"/>
      <c r="G3451" s="360"/>
      <c r="H3451" s="360"/>
      <c r="I3451" s="360"/>
      <c r="J3451" s="359"/>
      <c r="K3451" s="359"/>
      <c r="L3451" s="359"/>
    </row>
    <row r="3452" spans="2:12" ht="28.5">
      <c r="B3452" s="361"/>
      <c r="C3452" s="361"/>
      <c r="D3452" s="361"/>
      <c r="E3452" s="361"/>
      <c r="F3452" s="361" t="s">
        <v>14472</v>
      </c>
      <c r="G3452" s="361" t="s">
        <v>14473</v>
      </c>
      <c r="H3452" s="361" t="s">
        <v>14332</v>
      </c>
      <c r="I3452" s="361" t="s">
        <v>14473</v>
      </c>
      <c r="J3452" s="361"/>
      <c r="K3452" s="361"/>
      <c r="L3452" s="361"/>
    </row>
    <row r="3453" spans="2:12" ht="28.5">
      <c r="B3453" s="358" t="s">
        <v>16329</v>
      </c>
      <c r="C3453" s="358" t="s">
        <v>27496</v>
      </c>
      <c r="D3453" s="358" t="s">
        <v>16330</v>
      </c>
      <c r="E3453" s="358" t="s">
        <v>8356</v>
      </c>
      <c r="F3453" s="358" t="s">
        <v>14426</v>
      </c>
      <c r="G3453" s="358" t="s">
        <v>14427</v>
      </c>
      <c r="H3453" s="358" t="s">
        <v>14381</v>
      </c>
      <c r="I3453" s="358" t="s">
        <v>14427</v>
      </c>
      <c r="J3453" s="358"/>
      <c r="K3453" s="358"/>
      <c r="L3453" s="358"/>
    </row>
    <row r="3454" spans="2:12">
      <c r="B3454" s="359"/>
      <c r="C3454" s="359"/>
      <c r="D3454" s="359"/>
      <c r="E3454" s="359"/>
      <c r="F3454" s="360"/>
      <c r="G3454" s="360"/>
      <c r="H3454" s="360"/>
      <c r="I3454" s="360"/>
      <c r="J3454" s="359"/>
      <c r="K3454" s="359"/>
      <c r="L3454" s="359"/>
    </row>
    <row r="3455" spans="2:12">
      <c r="B3455" s="359"/>
      <c r="C3455" s="359"/>
      <c r="D3455" s="359"/>
      <c r="E3455" s="359"/>
      <c r="F3455" s="359" t="s">
        <v>14420</v>
      </c>
      <c r="G3455" s="359" t="s">
        <v>14429</v>
      </c>
      <c r="H3455" s="359" t="s">
        <v>14367</v>
      </c>
      <c r="I3455" s="359" t="s">
        <v>14429</v>
      </c>
      <c r="J3455" s="359"/>
      <c r="K3455" s="359"/>
      <c r="L3455" s="359"/>
    </row>
    <row r="3456" spans="2:12">
      <c r="B3456" s="359"/>
      <c r="C3456" s="359"/>
      <c r="D3456" s="359"/>
      <c r="E3456" s="359"/>
      <c r="F3456" s="360"/>
      <c r="G3456" s="360"/>
      <c r="H3456" s="360"/>
      <c r="I3456" s="360"/>
      <c r="J3456" s="359"/>
      <c r="K3456" s="359"/>
      <c r="L3456" s="359"/>
    </row>
    <row r="3457" spans="2:12">
      <c r="B3457" s="359"/>
      <c r="C3457" s="359"/>
      <c r="D3457" s="359"/>
      <c r="E3457" s="359"/>
      <c r="F3457" s="359" t="s">
        <v>14386</v>
      </c>
      <c r="G3457" s="359" t="s">
        <v>14387</v>
      </c>
      <c r="H3457" s="359" t="s">
        <v>14370</v>
      </c>
      <c r="I3457" s="359" t="s">
        <v>14387</v>
      </c>
      <c r="J3457" s="359"/>
      <c r="K3457" s="359"/>
      <c r="L3457" s="359"/>
    </row>
    <row r="3458" spans="2:12">
      <c r="B3458" s="359"/>
      <c r="C3458" s="359"/>
      <c r="D3458" s="359"/>
      <c r="E3458" s="359"/>
      <c r="F3458" s="360"/>
      <c r="G3458" s="360"/>
      <c r="H3458" s="360"/>
      <c r="I3458" s="360"/>
      <c r="J3458" s="359"/>
      <c r="K3458" s="359"/>
      <c r="L3458" s="359"/>
    </row>
    <row r="3459" spans="2:12">
      <c r="B3459" s="359"/>
      <c r="C3459" s="359"/>
      <c r="D3459" s="359"/>
      <c r="E3459" s="359"/>
      <c r="F3459" s="359" t="s">
        <v>14391</v>
      </c>
      <c r="G3459" s="359" t="s">
        <v>14392</v>
      </c>
      <c r="H3459" s="359" t="s">
        <v>14422</v>
      </c>
      <c r="I3459" s="359" t="s">
        <v>14392</v>
      </c>
      <c r="J3459" s="359"/>
      <c r="K3459" s="359"/>
      <c r="L3459" s="359"/>
    </row>
    <row r="3460" spans="2:12">
      <c r="B3460" s="359"/>
      <c r="C3460" s="359"/>
      <c r="D3460" s="359"/>
      <c r="E3460" s="359"/>
      <c r="F3460" s="360"/>
      <c r="G3460" s="360"/>
      <c r="H3460" s="360"/>
      <c r="I3460" s="360"/>
      <c r="J3460" s="359"/>
      <c r="K3460" s="359"/>
      <c r="L3460" s="359"/>
    </row>
    <row r="3461" spans="2:12" ht="28.5">
      <c r="B3461" s="361"/>
      <c r="C3461" s="361"/>
      <c r="D3461" s="361"/>
      <c r="E3461" s="361"/>
      <c r="F3461" s="361" t="s">
        <v>14394</v>
      </c>
      <c r="G3461" s="361" t="s">
        <v>14395</v>
      </c>
      <c r="H3461" s="362"/>
      <c r="I3461" s="361" t="s">
        <v>14395</v>
      </c>
      <c r="J3461" s="361"/>
      <c r="K3461" s="361"/>
      <c r="L3461" s="361"/>
    </row>
    <row r="3462" spans="2:12">
      <c r="B3462" s="358" t="s">
        <v>16331</v>
      </c>
      <c r="C3462" s="358" t="s">
        <v>16332</v>
      </c>
      <c r="D3462" s="358" t="s">
        <v>8356</v>
      </c>
      <c r="E3462" s="358" t="s">
        <v>16333</v>
      </c>
      <c r="F3462" s="358" t="s">
        <v>14371</v>
      </c>
      <c r="G3462" s="358" t="s">
        <v>14372</v>
      </c>
      <c r="H3462" s="358" t="s">
        <v>14370</v>
      </c>
      <c r="I3462" s="358" t="s">
        <v>14373</v>
      </c>
      <c r="J3462" s="358"/>
      <c r="K3462" s="358"/>
      <c r="L3462" s="358"/>
    </row>
    <row r="3463" spans="2:12">
      <c r="B3463" s="359"/>
      <c r="C3463" s="360"/>
      <c r="D3463" s="359"/>
      <c r="E3463" s="359"/>
      <c r="F3463" s="360"/>
      <c r="G3463" s="360"/>
      <c r="H3463" s="360"/>
      <c r="I3463" s="359"/>
      <c r="J3463" s="359"/>
      <c r="K3463" s="359"/>
      <c r="L3463" s="359"/>
    </row>
    <row r="3464" spans="2:12" ht="28.5">
      <c r="B3464" s="361"/>
      <c r="C3464" s="361" t="s">
        <v>16334</v>
      </c>
      <c r="D3464" s="361"/>
      <c r="E3464" s="361"/>
      <c r="F3464" s="361" t="s">
        <v>14374</v>
      </c>
      <c r="G3464" s="361" t="s">
        <v>14373</v>
      </c>
      <c r="H3464" s="361" t="s">
        <v>14422</v>
      </c>
      <c r="I3464" s="361"/>
      <c r="J3464" s="361"/>
      <c r="K3464" s="361"/>
      <c r="L3464" s="361"/>
    </row>
    <row r="3465" spans="2:12" ht="28.5">
      <c r="B3465" s="358" t="s">
        <v>16335</v>
      </c>
      <c r="C3465" s="358" t="s">
        <v>30091</v>
      </c>
      <c r="D3465" s="358" t="s">
        <v>16336</v>
      </c>
      <c r="E3465" s="358" t="s">
        <v>16337</v>
      </c>
      <c r="F3465" s="358" t="s">
        <v>14386</v>
      </c>
      <c r="G3465" s="358" t="s">
        <v>14387</v>
      </c>
      <c r="H3465" s="358" t="s">
        <v>14367</v>
      </c>
      <c r="I3465" s="358" t="s">
        <v>14387</v>
      </c>
      <c r="J3465" s="358"/>
      <c r="K3465" s="358"/>
      <c r="L3465" s="358"/>
    </row>
    <row r="3466" spans="2:12">
      <c r="B3466" s="359"/>
      <c r="C3466" s="359"/>
      <c r="D3466" s="359"/>
      <c r="E3466" s="359"/>
      <c r="F3466" s="360"/>
      <c r="G3466" s="360"/>
      <c r="H3466" s="360"/>
      <c r="I3466" s="360"/>
      <c r="J3466" s="359"/>
      <c r="K3466" s="359"/>
      <c r="L3466" s="359"/>
    </row>
    <row r="3467" spans="2:12">
      <c r="B3467" s="359"/>
      <c r="C3467" s="359"/>
      <c r="D3467" s="359"/>
      <c r="E3467" s="359"/>
      <c r="F3467" s="359" t="s">
        <v>14368</v>
      </c>
      <c r="G3467" s="359" t="s">
        <v>14388</v>
      </c>
      <c r="H3467" s="359" t="s">
        <v>14370</v>
      </c>
      <c r="I3467" s="359" t="s">
        <v>14388</v>
      </c>
      <c r="J3467" s="359"/>
      <c r="K3467" s="359"/>
      <c r="L3467" s="359"/>
    </row>
    <row r="3468" spans="2:12">
      <c r="B3468" s="359"/>
      <c r="C3468" s="359"/>
      <c r="D3468" s="359"/>
      <c r="E3468" s="359"/>
      <c r="F3468" s="360"/>
      <c r="G3468" s="360"/>
      <c r="H3468" s="360"/>
      <c r="I3468" s="360"/>
      <c r="J3468" s="359"/>
      <c r="K3468" s="359"/>
      <c r="L3468" s="359"/>
    </row>
    <row r="3469" spans="2:12">
      <c r="B3469" s="359"/>
      <c r="C3469" s="359"/>
      <c r="D3469" s="359"/>
      <c r="E3469" s="359"/>
      <c r="F3469" s="359" t="s">
        <v>14389</v>
      </c>
      <c r="G3469" s="359" t="s">
        <v>14390</v>
      </c>
      <c r="H3469" s="359" t="s">
        <v>14422</v>
      </c>
      <c r="I3469" s="359" t="s">
        <v>14390</v>
      </c>
      <c r="J3469" s="359"/>
      <c r="K3469" s="359"/>
      <c r="L3469" s="359"/>
    </row>
    <row r="3470" spans="2:12">
      <c r="B3470" s="359"/>
      <c r="C3470" s="359"/>
      <c r="D3470" s="359"/>
      <c r="E3470" s="359"/>
      <c r="F3470" s="360"/>
      <c r="G3470" s="360"/>
      <c r="H3470" s="360"/>
      <c r="I3470" s="360"/>
      <c r="J3470" s="359"/>
      <c r="K3470" s="359"/>
      <c r="L3470" s="359"/>
    </row>
    <row r="3471" spans="2:12">
      <c r="B3471" s="359"/>
      <c r="C3471" s="359"/>
      <c r="D3471" s="359"/>
      <c r="E3471" s="359"/>
      <c r="F3471" s="359" t="s">
        <v>14391</v>
      </c>
      <c r="G3471" s="359" t="s">
        <v>14392</v>
      </c>
      <c r="H3471" s="360"/>
      <c r="I3471" s="359" t="s">
        <v>14392</v>
      </c>
      <c r="J3471" s="359"/>
      <c r="K3471" s="359"/>
      <c r="L3471" s="359"/>
    </row>
    <row r="3472" spans="2:12">
      <c r="B3472" s="359"/>
      <c r="C3472" s="359"/>
      <c r="D3472" s="359"/>
      <c r="E3472" s="359"/>
      <c r="F3472" s="360"/>
      <c r="G3472" s="360"/>
      <c r="H3472" s="360"/>
      <c r="I3472" s="360"/>
      <c r="J3472" s="359"/>
      <c r="K3472" s="359"/>
      <c r="L3472" s="359"/>
    </row>
    <row r="3473" spans="2:12">
      <c r="B3473" s="359"/>
      <c r="C3473" s="359"/>
      <c r="D3473" s="359"/>
      <c r="E3473" s="359"/>
      <c r="F3473" s="359" t="s">
        <v>14371</v>
      </c>
      <c r="G3473" s="359" t="s">
        <v>14372</v>
      </c>
      <c r="H3473" s="360"/>
      <c r="I3473" s="359" t="s">
        <v>14373</v>
      </c>
      <c r="J3473" s="359"/>
      <c r="K3473" s="359"/>
      <c r="L3473" s="359"/>
    </row>
    <row r="3474" spans="2:12">
      <c r="B3474" s="359"/>
      <c r="C3474" s="359"/>
      <c r="D3474" s="359"/>
      <c r="E3474" s="359"/>
      <c r="F3474" s="360"/>
      <c r="G3474" s="360"/>
      <c r="H3474" s="360"/>
      <c r="I3474" s="360"/>
      <c r="J3474" s="359"/>
      <c r="K3474" s="359"/>
      <c r="L3474" s="359"/>
    </row>
    <row r="3475" spans="2:12" ht="28.5">
      <c r="B3475" s="361"/>
      <c r="C3475" s="361"/>
      <c r="D3475" s="361"/>
      <c r="E3475" s="361"/>
      <c r="F3475" s="361" t="s">
        <v>14374</v>
      </c>
      <c r="G3475" s="361" t="s">
        <v>14373</v>
      </c>
      <c r="H3475" s="362"/>
      <c r="I3475" s="362"/>
      <c r="J3475" s="361"/>
      <c r="K3475" s="361"/>
      <c r="L3475" s="361"/>
    </row>
    <row r="3476" spans="2:12">
      <c r="B3476" s="358" t="s">
        <v>16338</v>
      </c>
      <c r="C3476" s="358" t="s">
        <v>16339</v>
      </c>
      <c r="D3476" s="358" t="s">
        <v>8356</v>
      </c>
      <c r="E3476" s="358" t="s">
        <v>16340</v>
      </c>
      <c r="F3476" s="358" t="s">
        <v>14420</v>
      </c>
      <c r="G3476" s="358" t="s">
        <v>14429</v>
      </c>
      <c r="H3476" s="358" t="s">
        <v>14367</v>
      </c>
      <c r="I3476" s="358" t="s">
        <v>14429</v>
      </c>
      <c r="J3476" s="358"/>
      <c r="K3476" s="358" t="s">
        <v>14552</v>
      </c>
      <c r="L3476" s="358"/>
    </row>
    <row r="3477" spans="2:12">
      <c r="B3477" s="359"/>
      <c r="C3477" s="360"/>
      <c r="D3477" s="359"/>
      <c r="E3477" s="359"/>
      <c r="F3477" s="360"/>
      <c r="G3477" s="360"/>
      <c r="H3477" s="360"/>
      <c r="I3477" s="360"/>
      <c r="J3477" s="359"/>
      <c r="K3477" s="359"/>
      <c r="L3477" s="359"/>
    </row>
    <row r="3478" spans="2:12" ht="28.5">
      <c r="B3478" s="359"/>
      <c r="C3478" s="359" t="s">
        <v>16341</v>
      </c>
      <c r="D3478" s="359"/>
      <c r="E3478" s="359"/>
      <c r="F3478" s="359" t="s">
        <v>14371</v>
      </c>
      <c r="G3478" s="359" t="s">
        <v>14372</v>
      </c>
      <c r="H3478" s="359" t="s">
        <v>14370</v>
      </c>
      <c r="I3478" s="359" t="s">
        <v>14373</v>
      </c>
      <c r="J3478" s="359"/>
      <c r="K3478" s="359"/>
      <c r="L3478" s="359"/>
    </row>
    <row r="3479" spans="2:12">
      <c r="B3479" s="359"/>
      <c r="C3479" s="360"/>
      <c r="D3479" s="359"/>
      <c r="E3479" s="359"/>
      <c r="F3479" s="360"/>
      <c r="G3479" s="360"/>
      <c r="H3479" s="360"/>
      <c r="I3479" s="360"/>
      <c r="J3479" s="359"/>
      <c r="K3479" s="359"/>
      <c r="L3479" s="359"/>
    </row>
    <row r="3480" spans="2:12" ht="28.5">
      <c r="B3480" s="361"/>
      <c r="C3480" s="362"/>
      <c r="D3480" s="361"/>
      <c r="E3480" s="361"/>
      <c r="F3480" s="361" t="s">
        <v>14374</v>
      </c>
      <c r="G3480" s="361" t="s">
        <v>14373</v>
      </c>
      <c r="H3480" s="361" t="s">
        <v>14422</v>
      </c>
      <c r="I3480" s="362"/>
      <c r="J3480" s="361"/>
      <c r="K3480" s="361"/>
      <c r="L3480" s="361"/>
    </row>
    <row r="3481" spans="2:12">
      <c r="B3481" s="358" t="s">
        <v>16342</v>
      </c>
      <c r="C3481" s="358" t="s">
        <v>16343</v>
      </c>
      <c r="D3481" s="358" t="s">
        <v>8356</v>
      </c>
      <c r="E3481" s="358" t="s">
        <v>16344</v>
      </c>
      <c r="F3481" s="358" t="s">
        <v>14371</v>
      </c>
      <c r="G3481" s="358" t="s">
        <v>14372</v>
      </c>
      <c r="H3481" s="358" t="s">
        <v>14370</v>
      </c>
      <c r="I3481" s="358" t="s">
        <v>14373</v>
      </c>
      <c r="J3481" s="358"/>
      <c r="K3481" s="358"/>
      <c r="L3481" s="358"/>
    </row>
    <row r="3482" spans="2:12">
      <c r="B3482" s="359"/>
      <c r="C3482" s="360"/>
      <c r="D3482" s="359"/>
      <c r="E3482" s="359"/>
      <c r="F3482" s="360"/>
      <c r="G3482" s="360"/>
      <c r="H3482" s="360"/>
      <c r="I3482" s="359"/>
      <c r="J3482" s="359"/>
      <c r="K3482" s="359"/>
      <c r="L3482" s="359"/>
    </row>
    <row r="3483" spans="2:12" ht="28.5">
      <c r="B3483" s="361"/>
      <c r="C3483" s="361" t="s">
        <v>16345</v>
      </c>
      <c r="D3483" s="361"/>
      <c r="E3483" s="361"/>
      <c r="F3483" s="361" t="s">
        <v>14374</v>
      </c>
      <c r="G3483" s="361" t="s">
        <v>14373</v>
      </c>
      <c r="H3483" s="361" t="s">
        <v>14422</v>
      </c>
      <c r="I3483" s="361"/>
      <c r="J3483" s="361"/>
      <c r="K3483" s="361"/>
      <c r="L3483" s="361"/>
    </row>
    <row r="3484" spans="2:12" ht="57">
      <c r="B3484" s="358" t="s">
        <v>16346</v>
      </c>
      <c r="C3484" s="358" t="s">
        <v>16347</v>
      </c>
      <c r="D3484" s="358" t="s">
        <v>16348</v>
      </c>
      <c r="E3484" s="358" t="s">
        <v>16349</v>
      </c>
      <c r="F3484" s="358" t="s">
        <v>14430</v>
      </c>
      <c r="G3484" s="358" t="s">
        <v>14431</v>
      </c>
      <c r="H3484" s="358" t="s">
        <v>14341</v>
      </c>
      <c r="I3484" s="358" t="s">
        <v>14431</v>
      </c>
      <c r="J3484" s="358"/>
      <c r="K3484" s="358"/>
      <c r="L3484" s="358"/>
    </row>
    <row r="3485" spans="2:12">
      <c r="B3485" s="359"/>
      <c r="C3485" s="359"/>
      <c r="D3485" s="359"/>
      <c r="E3485" s="359"/>
      <c r="F3485" s="359"/>
      <c r="G3485" s="359"/>
      <c r="H3485" s="360"/>
      <c r="I3485" s="359"/>
      <c r="J3485" s="359"/>
      <c r="K3485" s="359"/>
      <c r="L3485" s="359"/>
    </row>
    <row r="3486" spans="2:12">
      <c r="B3486" s="361"/>
      <c r="C3486" s="361"/>
      <c r="D3486" s="361"/>
      <c r="E3486" s="361"/>
      <c r="F3486" s="361"/>
      <c r="G3486" s="361"/>
      <c r="H3486" s="361" t="s">
        <v>14332</v>
      </c>
      <c r="I3486" s="361"/>
      <c r="J3486" s="361"/>
      <c r="K3486" s="361"/>
      <c r="L3486" s="361"/>
    </row>
    <row r="3487" spans="2:12" ht="28.5">
      <c r="B3487" s="358" t="s">
        <v>16350</v>
      </c>
      <c r="C3487" s="358" t="s">
        <v>30092</v>
      </c>
      <c r="D3487" s="358" t="s">
        <v>16351</v>
      </c>
      <c r="E3487" s="358" t="s">
        <v>16352</v>
      </c>
      <c r="F3487" s="358" t="s">
        <v>14386</v>
      </c>
      <c r="G3487" s="358" t="s">
        <v>14387</v>
      </c>
      <c r="H3487" s="358" t="s">
        <v>14367</v>
      </c>
      <c r="I3487" s="358" t="s">
        <v>14387</v>
      </c>
      <c r="J3487" s="358"/>
      <c r="K3487" s="358"/>
      <c r="L3487" s="358"/>
    </row>
    <row r="3488" spans="2:12">
      <c r="B3488" s="359"/>
      <c r="C3488" s="360"/>
      <c r="D3488" s="359"/>
      <c r="E3488" s="359"/>
      <c r="F3488" s="360"/>
      <c r="G3488" s="360"/>
      <c r="H3488" s="360"/>
      <c r="I3488" s="360"/>
      <c r="J3488" s="359"/>
      <c r="K3488" s="359"/>
      <c r="L3488" s="359"/>
    </row>
    <row r="3489" spans="2:12" ht="28.5">
      <c r="B3489" s="359"/>
      <c r="C3489" s="359" t="s">
        <v>16353</v>
      </c>
      <c r="D3489" s="359"/>
      <c r="E3489" s="359"/>
      <c r="F3489" s="359" t="s">
        <v>14391</v>
      </c>
      <c r="G3489" s="359" t="s">
        <v>14392</v>
      </c>
      <c r="H3489" s="359" t="s">
        <v>14370</v>
      </c>
      <c r="I3489" s="359" t="s">
        <v>14392</v>
      </c>
      <c r="J3489" s="359"/>
      <c r="K3489" s="359"/>
      <c r="L3489" s="359"/>
    </row>
    <row r="3490" spans="2:12">
      <c r="B3490" s="359"/>
      <c r="C3490" s="360"/>
      <c r="D3490" s="359"/>
      <c r="E3490" s="359"/>
      <c r="F3490" s="360"/>
      <c r="G3490" s="360"/>
      <c r="H3490" s="360"/>
      <c r="I3490" s="360"/>
      <c r="J3490" s="359"/>
      <c r="K3490" s="359"/>
      <c r="L3490" s="359"/>
    </row>
    <row r="3491" spans="2:12">
      <c r="B3491" s="359"/>
      <c r="C3491" s="359" t="s">
        <v>16354</v>
      </c>
      <c r="D3491" s="359"/>
      <c r="E3491" s="359"/>
      <c r="F3491" s="359" t="s">
        <v>14371</v>
      </c>
      <c r="G3491" s="359" t="s">
        <v>14372</v>
      </c>
      <c r="H3491" s="359" t="s">
        <v>14422</v>
      </c>
      <c r="I3491" s="359" t="s">
        <v>14373</v>
      </c>
      <c r="J3491" s="359"/>
      <c r="K3491" s="359"/>
      <c r="L3491" s="359"/>
    </row>
    <row r="3492" spans="2:12">
      <c r="B3492" s="359"/>
      <c r="C3492" s="360"/>
      <c r="D3492" s="359"/>
      <c r="E3492" s="359"/>
      <c r="F3492" s="360"/>
      <c r="G3492" s="360"/>
      <c r="H3492" s="360"/>
      <c r="I3492" s="360"/>
      <c r="J3492" s="359"/>
      <c r="K3492" s="359"/>
      <c r="L3492" s="359"/>
    </row>
    <row r="3493" spans="2:12" ht="28.5">
      <c r="B3493" s="361"/>
      <c r="C3493" s="362"/>
      <c r="D3493" s="361"/>
      <c r="E3493" s="361"/>
      <c r="F3493" s="361" t="s">
        <v>14374</v>
      </c>
      <c r="G3493" s="361" t="s">
        <v>14373</v>
      </c>
      <c r="H3493" s="362"/>
      <c r="I3493" s="362"/>
      <c r="J3493" s="361"/>
      <c r="K3493" s="361"/>
      <c r="L3493" s="361"/>
    </row>
    <row r="3494" spans="2:12" ht="28.5">
      <c r="B3494" s="358" t="s">
        <v>16355</v>
      </c>
      <c r="C3494" s="358" t="s">
        <v>16356</v>
      </c>
      <c r="D3494" s="358" t="s">
        <v>16357</v>
      </c>
      <c r="E3494" s="358" t="s">
        <v>16358</v>
      </c>
      <c r="F3494" s="358" t="s">
        <v>14472</v>
      </c>
      <c r="G3494" s="358" t="s">
        <v>14473</v>
      </c>
      <c r="H3494" s="358" t="s">
        <v>8356</v>
      </c>
      <c r="I3494" s="358" t="s">
        <v>14473</v>
      </c>
      <c r="J3494" s="358"/>
      <c r="K3494" s="358"/>
      <c r="L3494" s="358"/>
    </row>
    <row r="3495" spans="2:12">
      <c r="B3495" s="361"/>
      <c r="C3495" s="361"/>
      <c r="D3495" s="361"/>
      <c r="E3495" s="361"/>
      <c r="F3495" s="361"/>
      <c r="G3495" s="361"/>
      <c r="H3495" s="361"/>
      <c r="I3495" s="361"/>
      <c r="J3495" s="361"/>
      <c r="K3495" s="361"/>
      <c r="L3495" s="361"/>
    </row>
    <row r="3496" spans="2:12" ht="42.75">
      <c r="B3496" s="358" t="s">
        <v>16359</v>
      </c>
      <c r="C3496" s="358" t="s">
        <v>16360</v>
      </c>
      <c r="D3496" s="358" t="s">
        <v>16361</v>
      </c>
      <c r="E3496" s="358" t="s">
        <v>8356</v>
      </c>
      <c r="F3496" s="358" t="s">
        <v>16362</v>
      </c>
      <c r="G3496" s="358" t="s">
        <v>16363</v>
      </c>
      <c r="H3496" s="358" t="s">
        <v>14328</v>
      </c>
      <c r="I3496" s="358" t="s">
        <v>16363</v>
      </c>
      <c r="J3496" s="358"/>
      <c r="K3496" s="358"/>
      <c r="L3496" s="358"/>
    </row>
    <row r="3497" spans="2:12">
      <c r="B3497" s="359"/>
      <c r="C3497" s="359"/>
      <c r="D3497" s="359"/>
      <c r="E3497" s="359"/>
      <c r="F3497" s="360"/>
      <c r="G3497" s="360"/>
      <c r="H3497" s="360"/>
      <c r="I3497" s="360"/>
      <c r="J3497" s="359"/>
      <c r="K3497" s="359"/>
      <c r="L3497" s="359"/>
    </row>
    <row r="3498" spans="2:12" ht="28.5">
      <c r="B3498" s="361"/>
      <c r="C3498" s="361"/>
      <c r="D3498" s="361"/>
      <c r="E3498" s="361"/>
      <c r="F3498" s="361" t="s">
        <v>14462</v>
      </c>
      <c r="G3498" s="361" t="s">
        <v>14463</v>
      </c>
      <c r="H3498" s="361" t="s">
        <v>14332</v>
      </c>
      <c r="I3498" s="361" t="s">
        <v>14463</v>
      </c>
      <c r="J3498" s="361"/>
      <c r="K3498" s="361"/>
      <c r="L3498" s="361"/>
    </row>
    <row r="3499" spans="2:12">
      <c r="B3499" s="358" t="s">
        <v>16364</v>
      </c>
      <c r="C3499" s="358" t="s">
        <v>27497</v>
      </c>
      <c r="D3499" s="358" t="s">
        <v>16365</v>
      </c>
      <c r="E3499" s="358" t="s">
        <v>16366</v>
      </c>
      <c r="F3499" s="358" t="s">
        <v>14420</v>
      </c>
      <c r="G3499" s="358" t="s">
        <v>14429</v>
      </c>
      <c r="H3499" s="358" t="s">
        <v>14341</v>
      </c>
      <c r="I3499" s="358" t="s">
        <v>14429</v>
      </c>
      <c r="J3499" s="358"/>
      <c r="K3499" s="358"/>
      <c r="L3499" s="358"/>
    </row>
    <row r="3500" spans="2:12">
      <c r="B3500" s="359"/>
      <c r="C3500" s="359"/>
      <c r="D3500" s="359"/>
      <c r="E3500" s="359"/>
      <c r="F3500" s="360"/>
      <c r="G3500" s="360"/>
      <c r="H3500" s="360"/>
      <c r="I3500" s="360"/>
      <c r="J3500" s="359"/>
      <c r="K3500" s="359"/>
      <c r="L3500" s="359"/>
    </row>
    <row r="3501" spans="2:12">
      <c r="B3501" s="359"/>
      <c r="C3501" s="359"/>
      <c r="D3501" s="359"/>
      <c r="E3501" s="359"/>
      <c r="F3501" s="359" t="s">
        <v>14368</v>
      </c>
      <c r="G3501" s="359" t="s">
        <v>14388</v>
      </c>
      <c r="H3501" s="359" t="s">
        <v>14367</v>
      </c>
      <c r="I3501" s="359" t="s">
        <v>14388</v>
      </c>
      <c r="J3501" s="359"/>
      <c r="K3501" s="359"/>
      <c r="L3501" s="359"/>
    </row>
    <row r="3502" spans="2:12">
      <c r="B3502" s="359"/>
      <c r="C3502" s="359"/>
      <c r="D3502" s="359"/>
      <c r="E3502" s="359"/>
      <c r="F3502" s="360"/>
      <c r="G3502" s="360"/>
      <c r="H3502" s="360"/>
      <c r="I3502" s="360"/>
      <c r="J3502" s="359"/>
      <c r="K3502" s="359"/>
      <c r="L3502" s="359"/>
    </row>
    <row r="3503" spans="2:12">
      <c r="B3503" s="361"/>
      <c r="C3503" s="361"/>
      <c r="D3503" s="361"/>
      <c r="E3503" s="361"/>
      <c r="F3503" s="361" t="s">
        <v>14430</v>
      </c>
      <c r="G3503" s="361" t="s">
        <v>14431</v>
      </c>
      <c r="H3503" s="361" t="s">
        <v>14332</v>
      </c>
      <c r="I3503" s="361" t="s">
        <v>14431</v>
      </c>
      <c r="J3503" s="361"/>
      <c r="K3503" s="361"/>
      <c r="L3503" s="361"/>
    </row>
    <row r="3504" spans="2:12" ht="42.75">
      <c r="B3504" s="358" t="s">
        <v>16367</v>
      </c>
      <c r="C3504" s="358" t="s">
        <v>27498</v>
      </c>
      <c r="D3504" s="358" t="s">
        <v>16368</v>
      </c>
      <c r="E3504" s="358" t="s">
        <v>8356</v>
      </c>
      <c r="F3504" s="358" t="s">
        <v>14430</v>
      </c>
      <c r="G3504" s="358" t="s">
        <v>14431</v>
      </c>
      <c r="H3504" s="358" t="s">
        <v>14341</v>
      </c>
      <c r="I3504" s="358" t="s">
        <v>14431</v>
      </c>
      <c r="J3504" s="358"/>
      <c r="K3504" s="358"/>
      <c r="L3504" s="358"/>
    </row>
    <row r="3505" spans="2:12">
      <c r="B3505" s="359"/>
      <c r="C3505" s="359"/>
      <c r="D3505" s="359"/>
      <c r="E3505" s="359"/>
      <c r="F3505" s="360"/>
      <c r="G3505" s="360"/>
      <c r="H3505" s="360"/>
      <c r="I3505" s="360"/>
      <c r="J3505" s="359"/>
      <c r="K3505" s="359"/>
      <c r="L3505" s="359"/>
    </row>
    <row r="3506" spans="2:12">
      <c r="B3506" s="359"/>
      <c r="C3506" s="359"/>
      <c r="D3506" s="359"/>
      <c r="E3506" s="359"/>
      <c r="F3506" s="359" t="s">
        <v>14371</v>
      </c>
      <c r="G3506" s="359" t="s">
        <v>14372</v>
      </c>
      <c r="H3506" s="359" t="s">
        <v>14370</v>
      </c>
      <c r="I3506" s="359" t="s">
        <v>14373</v>
      </c>
      <c r="J3506" s="359"/>
      <c r="K3506" s="359"/>
      <c r="L3506" s="359"/>
    </row>
    <row r="3507" spans="2:12">
      <c r="B3507" s="359"/>
      <c r="C3507" s="359"/>
      <c r="D3507" s="359"/>
      <c r="E3507" s="359"/>
      <c r="F3507" s="360"/>
      <c r="G3507" s="360"/>
      <c r="H3507" s="360"/>
      <c r="I3507" s="360"/>
      <c r="J3507" s="359"/>
      <c r="K3507" s="359"/>
      <c r="L3507" s="359"/>
    </row>
    <row r="3508" spans="2:12" ht="28.5">
      <c r="B3508" s="361"/>
      <c r="C3508" s="361"/>
      <c r="D3508" s="361"/>
      <c r="E3508" s="361"/>
      <c r="F3508" s="361" t="s">
        <v>14374</v>
      </c>
      <c r="G3508" s="361" t="s">
        <v>14373</v>
      </c>
      <c r="H3508" s="361" t="s">
        <v>14332</v>
      </c>
      <c r="I3508" s="362"/>
      <c r="J3508" s="361"/>
      <c r="K3508" s="361"/>
      <c r="L3508" s="361"/>
    </row>
    <row r="3509" spans="2:12" ht="28.5">
      <c r="B3509" s="358" t="s">
        <v>16369</v>
      </c>
      <c r="C3509" s="358" t="s">
        <v>16370</v>
      </c>
      <c r="D3509" s="358" t="s">
        <v>16371</v>
      </c>
      <c r="E3509" s="358" t="s">
        <v>8356</v>
      </c>
      <c r="F3509" s="358" t="s">
        <v>14507</v>
      </c>
      <c r="G3509" s="358" t="s">
        <v>16042</v>
      </c>
      <c r="H3509" s="358" t="s">
        <v>14381</v>
      </c>
      <c r="I3509" s="358" t="s">
        <v>16042</v>
      </c>
      <c r="J3509" s="358"/>
      <c r="K3509" s="358"/>
      <c r="L3509" s="358"/>
    </row>
    <row r="3510" spans="2:12">
      <c r="B3510" s="359"/>
      <c r="C3510" s="360"/>
      <c r="D3510" s="359"/>
      <c r="E3510" s="359"/>
      <c r="F3510" s="360"/>
      <c r="G3510" s="360"/>
      <c r="H3510" s="360"/>
      <c r="I3510" s="360"/>
      <c r="J3510" s="359"/>
      <c r="K3510" s="359"/>
      <c r="L3510" s="359"/>
    </row>
    <row r="3511" spans="2:12" ht="28.5">
      <c r="B3511" s="359"/>
      <c r="C3511" s="359" t="s">
        <v>16372</v>
      </c>
      <c r="D3511" s="359"/>
      <c r="E3511" s="359"/>
      <c r="F3511" s="359" t="s">
        <v>14389</v>
      </c>
      <c r="G3511" s="359" t="s">
        <v>14390</v>
      </c>
      <c r="H3511" s="359" t="s">
        <v>14367</v>
      </c>
      <c r="I3511" s="359" t="s">
        <v>14390</v>
      </c>
      <c r="J3511" s="359"/>
      <c r="K3511" s="359"/>
      <c r="L3511" s="359"/>
    </row>
    <row r="3512" spans="2:12">
      <c r="B3512" s="359"/>
      <c r="C3512" s="360"/>
      <c r="D3512" s="359"/>
      <c r="E3512" s="359"/>
      <c r="F3512" s="360"/>
      <c r="G3512" s="360"/>
      <c r="H3512" s="360"/>
      <c r="I3512" s="360"/>
      <c r="J3512" s="359"/>
      <c r="K3512" s="359"/>
      <c r="L3512" s="359"/>
    </row>
    <row r="3513" spans="2:12" ht="28.5">
      <c r="B3513" s="359"/>
      <c r="C3513" s="359" t="s">
        <v>16373</v>
      </c>
      <c r="D3513" s="359"/>
      <c r="E3513" s="359"/>
      <c r="F3513" s="359" t="s">
        <v>14391</v>
      </c>
      <c r="G3513" s="359" t="s">
        <v>14392</v>
      </c>
      <c r="H3513" s="359" t="s">
        <v>14370</v>
      </c>
      <c r="I3513" s="359" t="s">
        <v>14392</v>
      </c>
      <c r="J3513" s="359"/>
      <c r="K3513" s="359"/>
      <c r="L3513" s="359"/>
    </row>
    <row r="3514" spans="2:12">
      <c r="B3514" s="359"/>
      <c r="C3514" s="360"/>
      <c r="D3514" s="359"/>
      <c r="E3514" s="359"/>
      <c r="F3514" s="360"/>
      <c r="G3514" s="360"/>
      <c r="H3514" s="360"/>
      <c r="I3514" s="360"/>
      <c r="J3514" s="359"/>
      <c r="K3514" s="359"/>
      <c r="L3514" s="359"/>
    </row>
    <row r="3515" spans="2:12">
      <c r="B3515" s="359"/>
      <c r="C3515" s="360"/>
      <c r="D3515" s="359"/>
      <c r="E3515" s="359"/>
      <c r="F3515" s="359" t="s">
        <v>14371</v>
      </c>
      <c r="G3515" s="359" t="s">
        <v>14372</v>
      </c>
      <c r="H3515" s="359" t="s">
        <v>14422</v>
      </c>
      <c r="I3515" s="359" t="s">
        <v>14373</v>
      </c>
      <c r="J3515" s="359"/>
      <c r="K3515" s="359"/>
      <c r="L3515" s="359"/>
    </row>
    <row r="3516" spans="2:12">
      <c r="B3516" s="359"/>
      <c r="C3516" s="360"/>
      <c r="D3516" s="359"/>
      <c r="E3516" s="359"/>
      <c r="F3516" s="360"/>
      <c r="G3516" s="360"/>
      <c r="H3516" s="360"/>
      <c r="I3516" s="360"/>
      <c r="J3516" s="359"/>
      <c r="K3516" s="359"/>
      <c r="L3516" s="359"/>
    </row>
    <row r="3517" spans="2:12" ht="28.5">
      <c r="B3517" s="361"/>
      <c r="C3517" s="362"/>
      <c r="D3517" s="361"/>
      <c r="E3517" s="361"/>
      <c r="F3517" s="361" t="s">
        <v>14374</v>
      </c>
      <c r="G3517" s="361" t="s">
        <v>14373</v>
      </c>
      <c r="H3517" s="362"/>
      <c r="I3517" s="362"/>
      <c r="J3517" s="361"/>
      <c r="K3517" s="361"/>
      <c r="L3517" s="361"/>
    </row>
    <row r="3518" spans="2:12" ht="42.75">
      <c r="B3518" s="358" t="s">
        <v>16374</v>
      </c>
      <c r="C3518" s="358" t="s">
        <v>16375</v>
      </c>
      <c r="D3518" s="358" t="s">
        <v>16376</v>
      </c>
      <c r="E3518" s="358" t="s">
        <v>16377</v>
      </c>
      <c r="F3518" s="358" t="s">
        <v>16362</v>
      </c>
      <c r="G3518" s="358" t="s">
        <v>16363</v>
      </c>
      <c r="H3518" s="358" t="s">
        <v>14328</v>
      </c>
      <c r="I3518" s="358" t="s">
        <v>16363</v>
      </c>
      <c r="J3518" s="358"/>
      <c r="K3518" s="358"/>
      <c r="L3518" s="358"/>
    </row>
    <row r="3519" spans="2:12">
      <c r="B3519" s="359"/>
      <c r="C3519" s="360"/>
      <c r="D3519" s="359"/>
      <c r="E3519" s="359"/>
      <c r="F3519" s="360"/>
      <c r="G3519" s="360"/>
      <c r="H3519" s="360"/>
      <c r="I3519" s="360"/>
      <c r="J3519" s="359"/>
      <c r="K3519" s="359"/>
      <c r="L3519" s="359"/>
    </row>
    <row r="3520" spans="2:12" ht="42.75">
      <c r="B3520" s="359"/>
      <c r="C3520" s="359" t="s">
        <v>16378</v>
      </c>
      <c r="D3520" s="359"/>
      <c r="E3520" s="359"/>
      <c r="F3520" s="359" t="s">
        <v>14443</v>
      </c>
      <c r="G3520" s="359" t="s">
        <v>14444</v>
      </c>
      <c r="H3520" s="359" t="s">
        <v>14381</v>
      </c>
      <c r="I3520" s="359" t="s">
        <v>14444</v>
      </c>
      <c r="J3520" s="359"/>
      <c r="K3520" s="359"/>
      <c r="L3520" s="359"/>
    </row>
    <row r="3521" spans="2:12">
      <c r="B3521" s="359"/>
      <c r="C3521" s="360"/>
      <c r="D3521" s="359"/>
      <c r="E3521" s="359"/>
      <c r="F3521" s="360"/>
      <c r="G3521" s="360"/>
      <c r="H3521" s="360"/>
      <c r="I3521" s="360"/>
      <c r="J3521" s="359"/>
      <c r="K3521" s="359"/>
      <c r="L3521" s="359"/>
    </row>
    <row r="3522" spans="2:12">
      <c r="B3522" s="361"/>
      <c r="C3522" s="362"/>
      <c r="D3522" s="361"/>
      <c r="E3522" s="361"/>
      <c r="F3522" s="362"/>
      <c r="G3522" s="362"/>
      <c r="H3522" s="361" t="s">
        <v>14332</v>
      </c>
      <c r="I3522" s="362"/>
      <c r="J3522" s="361"/>
      <c r="K3522" s="361"/>
      <c r="L3522" s="361"/>
    </row>
    <row r="3523" spans="2:12">
      <c r="B3523" s="358" t="s">
        <v>16379</v>
      </c>
      <c r="C3523" s="358" t="s">
        <v>16380</v>
      </c>
      <c r="D3523" s="358" t="s">
        <v>16381</v>
      </c>
      <c r="E3523" s="358" t="s">
        <v>16382</v>
      </c>
      <c r="F3523" s="358" t="s">
        <v>14389</v>
      </c>
      <c r="G3523" s="358" t="s">
        <v>14390</v>
      </c>
      <c r="H3523" s="358" t="s">
        <v>14367</v>
      </c>
      <c r="I3523" s="358" t="s">
        <v>14390</v>
      </c>
      <c r="J3523" s="358"/>
      <c r="K3523" s="358"/>
      <c r="L3523" s="358"/>
    </row>
    <row r="3524" spans="2:12">
      <c r="B3524" s="359"/>
      <c r="C3524" s="359"/>
      <c r="D3524" s="359"/>
      <c r="E3524" s="359"/>
      <c r="F3524" s="359"/>
      <c r="G3524" s="359"/>
      <c r="H3524" s="360"/>
      <c r="I3524" s="359"/>
      <c r="J3524" s="359"/>
      <c r="K3524" s="359"/>
      <c r="L3524" s="359"/>
    </row>
    <row r="3525" spans="2:12">
      <c r="B3525" s="361"/>
      <c r="C3525" s="361"/>
      <c r="D3525" s="361"/>
      <c r="E3525" s="361"/>
      <c r="F3525" s="361"/>
      <c r="G3525" s="361"/>
      <c r="H3525" s="361" t="s">
        <v>14422</v>
      </c>
      <c r="I3525" s="361"/>
      <c r="J3525" s="361"/>
      <c r="K3525" s="361"/>
      <c r="L3525" s="361"/>
    </row>
    <row r="3526" spans="2:12" ht="57">
      <c r="B3526" s="358" t="s">
        <v>16383</v>
      </c>
      <c r="C3526" s="358" t="s">
        <v>16384</v>
      </c>
      <c r="D3526" s="358" t="s">
        <v>16385</v>
      </c>
      <c r="E3526" s="358" t="s">
        <v>8356</v>
      </c>
      <c r="F3526" s="358" t="s">
        <v>16362</v>
      </c>
      <c r="G3526" s="358" t="s">
        <v>16363</v>
      </c>
      <c r="H3526" s="358" t="s">
        <v>14328</v>
      </c>
      <c r="I3526" s="358" t="s">
        <v>16363</v>
      </c>
      <c r="J3526" s="358"/>
      <c r="K3526" s="358"/>
      <c r="L3526" s="358"/>
    </row>
    <row r="3527" spans="2:12">
      <c r="B3527" s="359"/>
      <c r="C3527" s="360"/>
      <c r="D3527" s="359"/>
      <c r="E3527" s="359"/>
      <c r="F3527" s="360"/>
      <c r="G3527" s="360"/>
      <c r="H3527" s="360"/>
      <c r="I3527" s="360"/>
      <c r="J3527" s="359"/>
      <c r="K3527" s="359"/>
      <c r="L3527" s="359"/>
    </row>
    <row r="3528" spans="2:12" ht="42.75">
      <c r="B3528" s="359"/>
      <c r="C3528" s="359" t="s">
        <v>28682</v>
      </c>
      <c r="D3528" s="359"/>
      <c r="E3528" s="359"/>
      <c r="F3528" s="359" t="s">
        <v>14443</v>
      </c>
      <c r="G3528" s="359" t="s">
        <v>14444</v>
      </c>
      <c r="H3528" s="359" t="s">
        <v>14381</v>
      </c>
      <c r="I3528" s="359" t="s">
        <v>14444</v>
      </c>
      <c r="J3528" s="359"/>
      <c r="K3528" s="359"/>
      <c r="L3528" s="359"/>
    </row>
    <row r="3529" spans="2:12">
      <c r="B3529" s="359"/>
      <c r="C3529" s="360"/>
      <c r="D3529" s="359"/>
      <c r="E3529" s="359"/>
      <c r="F3529" s="360"/>
      <c r="G3529" s="360"/>
      <c r="H3529" s="360"/>
      <c r="I3529" s="360"/>
      <c r="J3529" s="359"/>
      <c r="K3529" s="359"/>
      <c r="L3529" s="359"/>
    </row>
    <row r="3530" spans="2:12">
      <c r="B3530" s="361"/>
      <c r="C3530" s="362"/>
      <c r="D3530" s="361"/>
      <c r="E3530" s="361"/>
      <c r="F3530" s="362"/>
      <c r="G3530" s="362"/>
      <c r="H3530" s="361" t="s">
        <v>14332</v>
      </c>
      <c r="I3530" s="362"/>
      <c r="J3530" s="361"/>
      <c r="K3530" s="361"/>
      <c r="L3530" s="361"/>
    </row>
    <row r="3531" spans="2:12">
      <c r="B3531" s="354" t="s">
        <v>28574</v>
      </c>
      <c r="C3531" s="355"/>
      <c r="D3531" s="355"/>
      <c r="E3531" s="355"/>
      <c r="F3531" s="355"/>
      <c r="G3531" s="355"/>
      <c r="H3531" s="355"/>
      <c r="I3531" s="355"/>
      <c r="J3531" s="355"/>
      <c r="K3531" s="355"/>
      <c r="L3531" s="363"/>
    </row>
    <row r="3532" spans="2:12">
      <c r="B3532" s="358" t="s">
        <v>16386</v>
      </c>
      <c r="C3532" s="358" t="s">
        <v>16387</v>
      </c>
      <c r="D3532" s="358" t="s">
        <v>8356</v>
      </c>
      <c r="E3532" s="358" t="s">
        <v>16388</v>
      </c>
      <c r="F3532" s="358" t="s">
        <v>14371</v>
      </c>
      <c r="G3532" s="358" t="s">
        <v>14372</v>
      </c>
      <c r="H3532" s="358" t="s">
        <v>14370</v>
      </c>
      <c r="I3532" s="358" t="s">
        <v>14373</v>
      </c>
      <c r="J3532" s="358"/>
      <c r="K3532" s="358" t="s">
        <v>14557</v>
      </c>
      <c r="L3532" s="358"/>
    </row>
    <row r="3533" spans="2:12">
      <c r="B3533" s="359"/>
      <c r="C3533" s="360"/>
      <c r="D3533" s="359"/>
      <c r="E3533" s="359"/>
      <c r="F3533" s="360"/>
      <c r="G3533" s="360"/>
      <c r="H3533" s="360"/>
      <c r="I3533" s="359"/>
      <c r="J3533" s="359"/>
      <c r="K3533" s="360"/>
      <c r="L3533" s="359"/>
    </row>
    <row r="3534" spans="2:12" ht="28.5">
      <c r="B3534" s="361"/>
      <c r="C3534" s="361" t="s">
        <v>16389</v>
      </c>
      <c r="D3534" s="361"/>
      <c r="E3534" s="361"/>
      <c r="F3534" s="361" t="s">
        <v>14374</v>
      </c>
      <c r="G3534" s="361" t="s">
        <v>14373</v>
      </c>
      <c r="H3534" s="361" t="s">
        <v>14422</v>
      </c>
      <c r="I3534" s="361"/>
      <c r="J3534" s="361"/>
      <c r="K3534" s="361" t="s">
        <v>14557</v>
      </c>
      <c r="L3534" s="361"/>
    </row>
    <row r="3535" spans="2:12">
      <c r="B3535" s="354" t="s">
        <v>28528</v>
      </c>
      <c r="C3535" s="355"/>
      <c r="D3535" s="355"/>
      <c r="E3535" s="355"/>
      <c r="F3535" s="355"/>
      <c r="G3535" s="355"/>
      <c r="H3535" s="355"/>
      <c r="I3535" s="355"/>
      <c r="J3535" s="355"/>
      <c r="K3535" s="355"/>
      <c r="L3535" s="363"/>
    </row>
    <row r="3536" spans="2:12">
      <c r="B3536" s="358" t="s">
        <v>16390</v>
      </c>
      <c r="C3536" s="358" t="s">
        <v>16391</v>
      </c>
      <c r="D3536" s="358" t="s">
        <v>16392</v>
      </c>
      <c r="E3536" s="358" t="s">
        <v>16393</v>
      </c>
      <c r="F3536" s="358" t="s">
        <v>14420</v>
      </c>
      <c r="G3536" s="358" t="s">
        <v>14429</v>
      </c>
      <c r="H3536" s="358" t="s">
        <v>14341</v>
      </c>
      <c r="I3536" s="358" t="s">
        <v>14429</v>
      </c>
      <c r="J3536" s="358"/>
      <c r="K3536" s="358"/>
      <c r="L3536" s="358"/>
    </row>
    <row r="3537" spans="2:12">
      <c r="B3537" s="359"/>
      <c r="C3537" s="359"/>
      <c r="D3537" s="359"/>
      <c r="E3537" s="359"/>
      <c r="F3537" s="360"/>
      <c r="G3537" s="360"/>
      <c r="H3537" s="360"/>
      <c r="I3537" s="360"/>
      <c r="J3537" s="359"/>
      <c r="K3537" s="359"/>
      <c r="L3537" s="359"/>
    </row>
    <row r="3538" spans="2:12">
      <c r="B3538" s="359"/>
      <c r="C3538" s="359"/>
      <c r="D3538" s="359"/>
      <c r="E3538" s="359"/>
      <c r="F3538" s="359" t="s">
        <v>14356</v>
      </c>
      <c r="G3538" s="359" t="s">
        <v>14340</v>
      </c>
      <c r="H3538" s="359" t="s">
        <v>14367</v>
      </c>
      <c r="I3538" s="359" t="s">
        <v>14340</v>
      </c>
      <c r="J3538" s="359"/>
      <c r="K3538" s="359"/>
      <c r="L3538" s="359"/>
    </row>
    <row r="3539" spans="2:12">
      <c r="B3539" s="359"/>
      <c r="C3539" s="359"/>
      <c r="D3539" s="359"/>
      <c r="E3539" s="359"/>
      <c r="F3539" s="360"/>
      <c r="G3539" s="360"/>
      <c r="H3539" s="360"/>
      <c r="I3539" s="360"/>
      <c r="J3539" s="359"/>
      <c r="K3539" s="359"/>
      <c r="L3539" s="359"/>
    </row>
    <row r="3540" spans="2:12">
      <c r="B3540" s="359"/>
      <c r="C3540" s="359"/>
      <c r="D3540" s="359"/>
      <c r="E3540" s="359"/>
      <c r="F3540" s="359" t="s">
        <v>14391</v>
      </c>
      <c r="G3540" s="359" t="s">
        <v>14392</v>
      </c>
      <c r="H3540" s="359" t="s">
        <v>14332</v>
      </c>
      <c r="I3540" s="359" t="s">
        <v>14392</v>
      </c>
      <c r="J3540" s="359"/>
      <c r="K3540" s="359"/>
      <c r="L3540" s="359"/>
    </row>
    <row r="3541" spans="2:12">
      <c r="B3541" s="359"/>
      <c r="C3541" s="359"/>
      <c r="D3541" s="359"/>
      <c r="E3541" s="359"/>
      <c r="F3541" s="360"/>
      <c r="G3541" s="360"/>
      <c r="H3541" s="360"/>
      <c r="I3541" s="360"/>
      <c r="J3541" s="359"/>
      <c r="K3541" s="359"/>
      <c r="L3541" s="359"/>
    </row>
    <row r="3542" spans="2:12" ht="28.5">
      <c r="B3542" s="361"/>
      <c r="C3542" s="361"/>
      <c r="D3542" s="361"/>
      <c r="E3542" s="361"/>
      <c r="F3542" s="361" t="s">
        <v>14472</v>
      </c>
      <c r="G3542" s="361" t="s">
        <v>14473</v>
      </c>
      <c r="H3542" s="362"/>
      <c r="I3542" s="361" t="s">
        <v>14473</v>
      </c>
      <c r="J3542" s="361"/>
      <c r="K3542" s="361"/>
      <c r="L3542" s="361"/>
    </row>
    <row r="3543" spans="2:12">
      <c r="B3543" s="358" t="s">
        <v>16394</v>
      </c>
      <c r="C3543" s="358" t="s">
        <v>16395</v>
      </c>
      <c r="D3543" s="358" t="s">
        <v>16396</v>
      </c>
      <c r="E3543" s="358" t="s">
        <v>16397</v>
      </c>
      <c r="F3543" s="358" t="s">
        <v>14933</v>
      </c>
      <c r="G3543" s="358" t="s">
        <v>14928</v>
      </c>
      <c r="H3543" s="358" t="s">
        <v>14479</v>
      </c>
      <c r="I3543" s="358" t="s">
        <v>14928</v>
      </c>
      <c r="J3543" s="358"/>
      <c r="K3543" s="358" t="s">
        <v>14557</v>
      </c>
      <c r="L3543" s="358" t="s">
        <v>14329</v>
      </c>
    </row>
    <row r="3544" spans="2:12">
      <c r="B3544" s="359"/>
      <c r="C3544" s="359"/>
      <c r="D3544" s="359"/>
      <c r="E3544" s="359"/>
      <c r="F3544" s="360"/>
      <c r="G3544" s="360"/>
      <c r="H3544" s="360"/>
      <c r="I3544" s="360"/>
      <c r="J3544" s="359"/>
      <c r="K3544" s="359"/>
      <c r="L3544" s="359"/>
    </row>
    <row r="3545" spans="2:12">
      <c r="B3545" s="359"/>
      <c r="C3545" s="359"/>
      <c r="D3545" s="359"/>
      <c r="E3545" s="359"/>
      <c r="F3545" s="359" t="s">
        <v>14330</v>
      </c>
      <c r="G3545" s="359" t="s">
        <v>14483</v>
      </c>
      <c r="H3545" s="359" t="s">
        <v>14331</v>
      </c>
      <c r="I3545" s="359" t="s">
        <v>14483</v>
      </c>
      <c r="J3545" s="359"/>
      <c r="K3545" s="359"/>
      <c r="L3545" s="359"/>
    </row>
    <row r="3546" spans="2:12">
      <c r="B3546" s="359"/>
      <c r="C3546" s="359"/>
      <c r="D3546" s="359"/>
      <c r="E3546" s="359"/>
      <c r="F3546" s="360"/>
      <c r="G3546" s="360"/>
      <c r="H3546" s="360"/>
      <c r="I3546" s="360"/>
      <c r="J3546" s="359"/>
      <c r="K3546" s="359"/>
      <c r="L3546" s="359"/>
    </row>
    <row r="3547" spans="2:12">
      <c r="B3547" s="359"/>
      <c r="C3547" s="359"/>
      <c r="D3547" s="359"/>
      <c r="E3547" s="359"/>
      <c r="F3547" s="359" t="s">
        <v>14382</v>
      </c>
      <c r="G3547" s="359" t="s">
        <v>14387</v>
      </c>
      <c r="H3547" s="359" t="s">
        <v>14378</v>
      </c>
      <c r="I3547" s="359" t="s">
        <v>14387</v>
      </c>
      <c r="J3547" s="359"/>
      <c r="K3547" s="359"/>
      <c r="L3547" s="359"/>
    </row>
    <row r="3548" spans="2:12">
      <c r="B3548" s="359"/>
      <c r="C3548" s="359"/>
      <c r="D3548" s="359"/>
      <c r="E3548" s="359"/>
      <c r="F3548" s="360"/>
      <c r="G3548" s="360"/>
      <c r="H3548" s="360"/>
      <c r="I3548" s="360"/>
      <c r="J3548" s="359"/>
      <c r="K3548" s="359"/>
      <c r="L3548" s="359"/>
    </row>
    <row r="3549" spans="2:12">
      <c r="B3549" s="359"/>
      <c r="C3549" s="359"/>
      <c r="D3549" s="359"/>
      <c r="E3549" s="359"/>
      <c r="F3549" s="359" t="s">
        <v>14386</v>
      </c>
      <c r="G3549" s="359" t="s">
        <v>14388</v>
      </c>
      <c r="H3549" s="359" t="s">
        <v>14370</v>
      </c>
      <c r="I3549" s="359" t="s">
        <v>14388</v>
      </c>
      <c r="J3549" s="359"/>
      <c r="K3549" s="359"/>
      <c r="L3549" s="359"/>
    </row>
    <row r="3550" spans="2:12">
      <c r="B3550" s="359"/>
      <c r="C3550" s="359"/>
      <c r="D3550" s="359"/>
      <c r="E3550" s="359"/>
      <c r="F3550" s="360"/>
      <c r="G3550" s="360"/>
      <c r="H3550" s="360"/>
      <c r="I3550" s="360"/>
      <c r="J3550" s="359"/>
      <c r="K3550" s="359"/>
      <c r="L3550" s="359"/>
    </row>
    <row r="3551" spans="2:12">
      <c r="B3551" s="359"/>
      <c r="C3551" s="359"/>
      <c r="D3551" s="359"/>
      <c r="E3551" s="359"/>
      <c r="F3551" s="359" t="s">
        <v>14368</v>
      </c>
      <c r="G3551" s="359" t="s">
        <v>14390</v>
      </c>
      <c r="H3551" s="359" t="s">
        <v>14332</v>
      </c>
      <c r="I3551" s="359" t="s">
        <v>14390</v>
      </c>
      <c r="J3551" s="359"/>
      <c r="K3551" s="359"/>
      <c r="L3551" s="359"/>
    </row>
    <row r="3552" spans="2:12">
      <c r="B3552" s="359"/>
      <c r="C3552" s="359"/>
      <c r="D3552" s="359"/>
      <c r="E3552" s="359"/>
      <c r="F3552" s="360"/>
      <c r="G3552" s="360"/>
      <c r="H3552" s="360"/>
      <c r="I3552" s="360"/>
      <c r="J3552" s="359"/>
      <c r="K3552" s="359"/>
      <c r="L3552" s="359"/>
    </row>
    <row r="3553" spans="2:12">
      <c r="B3553" s="359"/>
      <c r="C3553" s="359"/>
      <c r="D3553" s="359"/>
      <c r="E3553" s="359"/>
      <c r="F3553" s="359" t="s">
        <v>14389</v>
      </c>
      <c r="G3553" s="359" t="s">
        <v>14372</v>
      </c>
      <c r="H3553" s="360"/>
      <c r="I3553" s="359" t="s">
        <v>14372</v>
      </c>
      <c r="J3553" s="359"/>
      <c r="K3553" s="359"/>
      <c r="L3553" s="359"/>
    </row>
    <row r="3554" spans="2:12">
      <c r="B3554" s="359"/>
      <c r="C3554" s="359"/>
      <c r="D3554" s="359"/>
      <c r="E3554" s="359"/>
      <c r="F3554" s="360"/>
      <c r="G3554" s="360"/>
      <c r="H3554" s="360"/>
      <c r="I3554" s="360"/>
      <c r="J3554" s="359"/>
      <c r="K3554" s="359"/>
      <c r="L3554" s="359"/>
    </row>
    <row r="3555" spans="2:12">
      <c r="B3555" s="361"/>
      <c r="C3555" s="361"/>
      <c r="D3555" s="361"/>
      <c r="E3555" s="361"/>
      <c r="F3555" s="361" t="s">
        <v>14371</v>
      </c>
      <c r="G3555" s="362"/>
      <c r="H3555" s="362"/>
      <c r="I3555" s="362"/>
      <c r="J3555" s="361"/>
      <c r="K3555" s="361"/>
      <c r="L3555" s="361"/>
    </row>
    <row r="3556" spans="2:12">
      <c r="B3556" s="358" t="s">
        <v>16398</v>
      </c>
      <c r="C3556" s="358" t="s">
        <v>16399</v>
      </c>
      <c r="D3556" s="358" t="s">
        <v>16400</v>
      </c>
      <c r="E3556" s="358" t="s">
        <v>16401</v>
      </c>
      <c r="F3556" s="358" t="s">
        <v>14330</v>
      </c>
      <c r="G3556" s="358" t="s">
        <v>14483</v>
      </c>
      <c r="H3556" s="358" t="s">
        <v>14331</v>
      </c>
      <c r="I3556" s="358" t="s">
        <v>14483</v>
      </c>
      <c r="J3556" s="358"/>
      <c r="K3556" s="358"/>
      <c r="L3556" s="358" t="s">
        <v>16101</v>
      </c>
    </row>
    <row r="3557" spans="2:12">
      <c r="B3557" s="359"/>
      <c r="C3557" s="359"/>
      <c r="D3557" s="359"/>
      <c r="E3557" s="359"/>
      <c r="F3557" s="360"/>
      <c r="G3557" s="360"/>
      <c r="H3557" s="360"/>
      <c r="I3557" s="360"/>
      <c r="J3557" s="359"/>
      <c r="K3557" s="359"/>
      <c r="L3557" s="359"/>
    </row>
    <row r="3558" spans="2:12">
      <c r="B3558" s="359"/>
      <c r="C3558" s="359"/>
      <c r="D3558" s="359"/>
      <c r="E3558" s="359"/>
      <c r="F3558" s="359" t="s">
        <v>14382</v>
      </c>
      <c r="G3558" s="359" t="s">
        <v>14340</v>
      </c>
      <c r="H3558" s="359" t="s">
        <v>14378</v>
      </c>
      <c r="I3558" s="359" t="s">
        <v>14340</v>
      </c>
      <c r="J3558" s="359"/>
      <c r="K3558" s="359"/>
      <c r="L3558" s="359"/>
    </row>
    <row r="3559" spans="2:12">
      <c r="B3559" s="359"/>
      <c r="C3559" s="359"/>
      <c r="D3559" s="359"/>
      <c r="E3559" s="359"/>
      <c r="F3559" s="360"/>
      <c r="G3559" s="360"/>
      <c r="H3559" s="360"/>
      <c r="I3559" s="360"/>
      <c r="J3559" s="359"/>
      <c r="K3559" s="359"/>
      <c r="L3559" s="359"/>
    </row>
    <row r="3560" spans="2:12">
      <c r="B3560" s="359"/>
      <c r="C3560" s="359"/>
      <c r="D3560" s="359"/>
      <c r="E3560" s="359"/>
      <c r="F3560" s="359" t="s">
        <v>14339</v>
      </c>
      <c r="G3560" s="360"/>
      <c r="H3560" s="359" t="s">
        <v>14341</v>
      </c>
      <c r="I3560" s="360"/>
      <c r="J3560" s="359"/>
      <c r="K3560" s="359"/>
      <c r="L3560" s="359"/>
    </row>
    <row r="3561" spans="2:12">
      <c r="B3561" s="359"/>
      <c r="C3561" s="359"/>
      <c r="D3561" s="359"/>
      <c r="E3561" s="359"/>
      <c r="F3561" s="360"/>
      <c r="G3561" s="360"/>
      <c r="H3561" s="360"/>
      <c r="I3561" s="360"/>
      <c r="J3561" s="359"/>
      <c r="K3561" s="359"/>
      <c r="L3561" s="359"/>
    </row>
    <row r="3562" spans="2:12">
      <c r="B3562" s="361"/>
      <c r="C3562" s="361"/>
      <c r="D3562" s="361"/>
      <c r="E3562" s="361"/>
      <c r="F3562" s="362"/>
      <c r="G3562" s="362"/>
      <c r="H3562" s="361" t="s">
        <v>14332</v>
      </c>
      <c r="I3562" s="362"/>
      <c r="J3562" s="361"/>
      <c r="K3562" s="361"/>
      <c r="L3562" s="361"/>
    </row>
    <row r="3563" spans="2:12" ht="85.5">
      <c r="B3563" s="358" t="s">
        <v>16402</v>
      </c>
      <c r="C3563" s="358" t="s">
        <v>28683</v>
      </c>
      <c r="D3563" s="358" t="s">
        <v>16400</v>
      </c>
      <c r="E3563" s="358" t="s">
        <v>8356</v>
      </c>
      <c r="F3563" s="358" t="s">
        <v>14356</v>
      </c>
      <c r="G3563" s="358" t="s">
        <v>14340</v>
      </c>
      <c r="H3563" s="358" t="s">
        <v>14341</v>
      </c>
      <c r="I3563" s="358" t="s">
        <v>14340</v>
      </c>
      <c r="J3563" s="358"/>
      <c r="K3563" s="358" t="s">
        <v>28607</v>
      </c>
      <c r="L3563" s="358" t="s">
        <v>10376</v>
      </c>
    </row>
    <row r="3564" spans="2:12">
      <c r="B3564" s="359"/>
      <c r="C3564" s="359"/>
      <c r="D3564" s="359"/>
      <c r="E3564" s="359"/>
      <c r="F3564" s="360"/>
      <c r="G3564" s="360"/>
      <c r="H3564" s="360"/>
      <c r="I3564" s="360"/>
      <c r="J3564" s="359"/>
      <c r="K3564" s="360"/>
      <c r="L3564" s="359"/>
    </row>
    <row r="3565" spans="2:12" ht="42.75">
      <c r="B3565" s="359"/>
      <c r="C3565" s="359"/>
      <c r="D3565" s="359"/>
      <c r="E3565" s="359"/>
      <c r="F3565" s="359" t="s">
        <v>14368</v>
      </c>
      <c r="G3565" s="359" t="s">
        <v>14388</v>
      </c>
      <c r="H3565" s="359" t="s">
        <v>14367</v>
      </c>
      <c r="I3565" s="359" t="s">
        <v>14388</v>
      </c>
      <c r="J3565" s="359"/>
      <c r="K3565" s="359" t="s">
        <v>28684</v>
      </c>
      <c r="L3565" s="359"/>
    </row>
    <row r="3566" spans="2:12">
      <c r="B3566" s="359"/>
      <c r="C3566" s="359"/>
      <c r="D3566" s="359"/>
      <c r="E3566" s="359"/>
      <c r="F3566" s="360"/>
      <c r="G3566" s="360"/>
      <c r="H3566" s="360"/>
      <c r="I3566" s="360"/>
      <c r="J3566" s="359"/>
      <c r="K3566" s="360"/>
      <c r="L3566" s="359"/>
    </row>
    <row r="3567" spans="2:12" ht="42.75">
      <c r="B3567" s="361"/>
      <c r="C3567" s="361"/>
      <c r="D3567" s="361"/>
      <c r="E3567" s="361"/>
      <c r="F3567" s="362"/>
      <c r="G3567" s="362"/>
      <c r="H3567" s="361" t="s">
        <v>14332</v>
      </c>
      <c r="I3567" s="362"/>
      <c r="J3567" s="361"/>
      <c r="K3567" s="361" t="s">
        <v>28685</v>
      </c>
      <c r="L3567" s="361"/>
    </row>
    <row r="3568" spans="2:12">
      <c r="B3568" s="358" t="s">
        <v>16403</v>
      </c>
      <c r="C3568" s="358" t="s">
        <v>16404</v>
      </c>
      <c r="D3568" s="358" t="s">
        <v>16405</v>
      </c>
      <c r="E3568" s="358" t="s">
        <v>1344</v>
      </c>
      <c r="F3568" s="358" t="s">
        <v>15115</v>
      </c>
      <c r="G3568" s="358" t="s">
        <v>15024</v>
      </c>
      <c r="H3568" s="358" t="s">
        <v>14479</v>
      </c>
      <c r="I3568" s="358" t="s">
        <v>15024</v>
      </c>
      <c r="J3568" s="358"/>
      <c r="K3568" s="358"/>
      <c r="L3568" s="358"/>
    </row>
    <row r="3569" spans="2:12">
      <c r="B3569" s="359"/>
      <c r="C3569" s="359"/>
      <c r="D3569" s="359"/>
      <c r="E3569" s="359"/>
      <c r="F3569" s="360"/>
      <c r="G3569" s="360"/>
      <c r="H3569" s="360"/>
      <c r="I3569" s="360"/>
      <c r="J3569" s="359"/>
      <c r="K3569" s="359"/>
      <c r="L3569" s="359"/>
    </row>
    <row r="3570" spans="2:12">
      <c r="B3570" s="359"/>
      <c r="C3570" s="359"/>
      <c r="D3570" s="359"/>
      <c r="E3570" s="359"/>
      <c r="F3570" s="359" t="s">
        <v>14420</v>
      </c>
      <c r="G3570" s="359" t="s">
        <v>14459</v>
      </c>
      <c r="H3570" s="359" t="s">
        <v>14367</v>
      </c>
      <c r="I3570" s="359" t="s">
        <v>14459</v>
      </c>
      <c r="J3570" s="359"/>
      <c r="K3570" s="359"/>
      <c r="L3570" s="359"/>
    </row>
    <row r="3571" spans="2:12">
      <c r="B3571" s="359"/>
      <c r="C3571" s="359"/>
      <c r="D3571" s="359"/>
      <c r="E3571" s="359"/>
      <c r="F3571" s="360"/>
      <c r="G3571" s="360"/>
      <c r="H3571" s="360"/>
      <c r="I3571" s="360"/>
      <c r="J3571" s="359"/>
      <c r="K3571" s="359"/>
      <c r="L3571" s="359"/>
    </row>
    <row r="3572" spans="2:12">
      <c r="B3572" s="359"/>
      <c r="C3572" s="359"/>
      <c r="D3572" s="359"/>
      <c r="E3572" s="359"/>
      <c r="F3572" s="359" t="s">
        <v>14420</v>
      </c>
      <c r="G3572" s="359" t="s">
        <v>14429</v>
      </c>
      <c r="H3572" s="359" t="s">
        <v>14370</v>
      </c>
      <c r="I3572" s="359" t="s">
        <v>14429</v>
      </c>
      <c r="J3572" s="359"/>
      <c r="K3572" s="359"/>
      <c r="L3572" s="359"/>
    </row>
    <row r="3573" spans="2:12">
      <c r="B3573" s="359"/>
      <c r="C3573" s="359"/>
      <c r="D3573" s="359"/>
      <c r="E3573" s="359"/>
      <c r="F3573" s="360"/>
      <c r="G3573" s="360"/>
      <c r="H3573" s="360"/>
      <c r="I3573" s="360"/>
      <c r="J3573" s="359"/>
      <c r="K3573" s="359"/>
      <c r="L3573" s="359"/>
    </row>
    <row r="3574" spans="2:12" ht="28.5">
      <c r="B3574" s="361"/>
      <c r="C3574" s="361"/>
      <c r="D3574" s="361"/>
      <c r="E3574" s="361"/>
      <c r="F3574" s="361" t="s">
        <v>14394</v>
      </c>
      <c r="G3574" s="361" t="s">
        <v>14395</v>
      </c>
      <c r="H3574" s="361" t="s">
        <v>14332</v>
      </c>
      <c r="I3574" s="361" t="s">
        <v>14395</v>
      </c>
      <c r="J3574" s="361"/>
      <c r="K3574" s="361"/>
      <c r="L3574" s="361"/>
    </row>
    <row r="3575" spans="2:12">
      <c r="B3575" s="358" t="s">
        <v>16406</v>
      </c>
      <c r="C3575" s="358" t="s">
        <v>16407</v>
      </c>
      <c r="D3575" s="358" t="s">
        <v>16408</v>
      </c>
      <c r="E3575" s="358" t="s">
        <v>16409</v>
      </c>
      <c r="F3575" s="358" t="s">
        <v>15115</v>
      </c>
      <c r="G3575" s="358" t="s">
        <v>15024</v>
      </c>
      <c r="H3575" s="358" t="s">
        <v>14479</v>
      </c>
      <c r="I3575" s="358" t="s">
        <v>15024</v>
      </c>
      <c r="J3575" s="358"/>
      <c r="K3575" s="358"/>
      <c r="L3575" s="358"/>
    </row>
    <row r="3576" spans="2:12">
      <c r="B3576" s="359"/>
      <c r="C3576" s="359"/>
      <c r="D3576" s="359"/>
      <c r="E3576" s="359"/>
      <c r="F3576" s="360"/>
      <c r="G3576" s="360"/>
      <c r="H3576" s="360"/>
      <c r="I3576" s="360"/>
      <c r="J3576" s="359"/>
      <c r="K3576" s="359"/>
      <c r="L3576" s="359"/>
    </row>
    <row r="3577" spans="2:12">
      <c r="B3577" s="359"/>
      <c r="C3577" s="359"/>
      <c r="D3577" s="359"/>
      <c r="E3577" s="359"/>
      <c r="F3577" s="359" t="s">
        <v>14420</v>
      </c>
      <c r="G3577" s="359" t="s">
        <v>14459</v>
      </c>
      <c r="H3577" s="359" t="s">
        <v>14367</v>
      </c>
      <c r="I3577" s="359" t="s">
        <v>14459</v>
      </c>
      <c r="J3577" s="359"/>
      <c r="K3577" s="359"/>
      <c r="L3577" s="359"/>
    </row>
    <row r="3578" spans="2:12">
      <c r="B3578" s="359"/>
      <c r="C3578" s="359"/>
      <c r="D3578" s="359"/>
      <c r="E3578" s="359"/>
      <c r="F3578" s="360"/>
      <c r="G3578" s="360"/>
      <c r="H3578" s="360"/>
      <c r="I3578" s="360"/>
      <c r="J3578" s="359"/>
      <c r="K3578" s="359"/>
      <c r="L3578" s="359"/>
    </row>
    <row r="3579" spans="2:12">
      <c r="B3579" s="359"/>
      <c r="C3579" s="359"/>
      <c r="D3579" s="359"/>
      <c r="E3579" s="359"/>
      <c r="F3579" s="359" t="s">
        <v>14420</v>
      </c>
      <c r="G3579" s="359" t="s">
        <v>14429</v>
      </c>
      <c r="H3579" s="359" t="s">
        <v>14370</v>
      </c>
      <c r="I3579" s="359" t="s">
        <v>14429</v>
      </c>
      <c r="J3579" s="359"/>
      <c r="K3579" s="359"/>
      <c r="L3579" s="359"/>
    </row>
    <row r="3580" spans="2:12">
      <c r="B3580" s="359"/>
      <c r="C3580" s="359"/>
      <c r="D3580" s="359"/>
      <c r="E3580" s="359"/>
      <c r="F3580" s="360"/>
      <c r="G3580" s="360"/>
      <c r="H3580" s="360"/>
      <c r="I3580" s="360"/>
      <c r="J3580" s="359"/>
      <c r="K3580" s="359"/>
      <c r="L3580" s="359"/>
    </row>
    <row r="3581" spans="2:12" ht="28.5">
      <c r="B3581" s="361"/>
      <c r="C3581" s="361"/>
      <c r="D3581" s="361"/>
      <c r="E3581" s="361"/>
      <c r="F3581" s="361" t="s">
        <v>14394</v>
      </c>
      <c r="G3581" s="361" t="s">
        <v>14395</v>
      </c>
      <c r="H3581" s="361" t="s">
        <v>14332</v>
      </c>
      <c r="I3581" s="361" t="s">
        <v>14395</v>
      </c>
      <c r="J3581" s="361"/>
      <c r="K3581" s="361"/>
      <c r="L3581" s="361"/>
    </row>
    <row r="3582" spans="2:12">
      <c r="B3582" s="358" t="s">
        <v>16410</v>
      </c>
      <c r="C3582" s="358" t="s">
        <v>16411</v>
      </c>
      <c r="D3582" s="358" t="s">
        <v>16412</v>
      </c>
      <c r="E3582" s="358" t="s">
        <v>16413</v>
      </c>
      <c r="F3582" s="358" t="s">
        <v>15115</v>
      </c>
      <c r="G3582" s="358" t="s">
        <v>15024</v>
      </c>
      <c r="H3582" s="358" t="s">
        <v>14479</v>
      </c>
      <c r="I3582" s="358" t="s">
        <v>15024</v>
      </c>
      <c r="J3582" s="358"/>
      <c r="K3582" s="358"/>
      <c r="L3582" s="358"/>
    </row>
    <row r="3583" spans="2:12">
      <c r="B3583" s="359"/>
      <c r="C3583" s="359"/>
      <c r="D3583" s="359"/>
      <c r="E3583" s="359"/>
      <c r="F3583" s="360"/>
      <c r="G3583" s="360"/>
      <c r="H3583" s="360"/>
      <c r="I3583" s="360"/>
      <c r="J3583" s="359"/>
      <c r="K3583" s="359"/>
      <c r="L3583" s="359"/>
    </row>
    <row r="3584" spans="2:12">
      <c r="B3584" s="359"/>
      <c r="C3584" s="359"/>
      <c r="D3584" s="359"/>
      <c r="E3584" s="359"/>
      <c r="F3584" s="359" t="s">
        <v>14420</v>
      </c>
      <c r="G3584" s="359" t="s">
        <v>14429</v>
      </c>
      <c r="H3584" s="359" t="s">
        <v>14367</v>
      </c>
      <c r="I3584" s="359" t="s">
        <v>14429</v>
      </c>
      <c r="J3584" s="359"/>
      <c r="K3584" s="359"/>
      <c r="L3584" s="359"/>
    </row>
    <row r="3585" spans="2:12">
      <c r="B3585" s="359"/>
      <c r="C3585" s="359"/>
      <c r="D3585" s="359"/>
      <c r="E3585" s="359"/>
      <c r="F3585" s="360"/>
      <c r="G3585" s="360"/>
      <c r="H3585" s="360"/>
      <c r="I3585" s="360"/>
      <c r="J3585" s="359"/>
      <c r="K3585" s="359"/>
      <c r="L3585" s="359"/>
    </row>
    <row r="3586" spans="2:12" ht="28.5">
      <c r="B3586" s="359"/>
      <c r="C3586" s="359"/>
      <c r="D3586" s="359"/>
      <c r="E3586" s="359"/>
      <c r="F3586" s="359" t="s">
        <v>14394</v>
      </c>
      <c r="G3586" s="359" t="s">
        <v>14395</v>
      </c>
      <c r="H3586" s="359" t="s">
        <v>14370</v>
      </c>
      <c r="I3586" s="359" t="s">
        <v>14395</v>
      </c>
      <c r="J3586" s="359"/>
      <c r="K3586" s="359"/>
      <c r="L3586" s="359"/>
    </row>
    <row r="3587" spans="2:12">
      <c r="B3587" s="359"/>
      <c r="C3587" s="359"/>
      <c r="D3587" s="359"/>
      <c r="E3587" s="359"/>
      <c r="F3587" s="360"/>
      <c r="G3587" s="360"/>
      <c r="H3587" s="360"/>
      <c r="I3587" s="360"/>
      <c r="J3587" s="359"/>
      <c r="K3587" s="359"/>
      <c r="L3587" s="359"/>
    </row>
    <row r="3588" spans="2:12">
      <c r="B3588" s="361"/>
      <c r="C3588" s="361"/>
      <c r="D3588" s="361"/>
      <c r="E3588" s="361"/>
      <c r="F3588" s="362"/>
      <c r="G3588" s="362"/>
      <c r="H3588" s="361" t="s">
        <v>14332</v>
      </c>
      <c r="I3588" s="362"/>
      <c r="J3588" s="361"/>
      <c r="K3588" s="361"/>
      <c r="L3588" s="361"/>
    </row>
    <row r="3589" spans="2:12" ht="85.5">
      <c r="B3589" s="358" t="s">
        <v>16414</v>
      </c>
      <c r="C3589" s="358" t="s">
        <v>28686</v>
      </c>
      <c r="D3589" s="358" t="s">
        <v>16415</v>
      </c>
      <c r="E3589" s="358" t="s">
        <v>16416</v>
      </c>
      <c r="F3589" s="358" t="s">
        <v>15023</v>
      </c>
      <c r="G3589" s="358" t="s">
        <v>15024</v>
      </c>
      <c r="H3589" s="358" t="s">
        <v>14479</v>
      </c>
      <c r="I3589" s="358" t="s">
        <v>15024</v>
      </c>
      <c r="J3589" s="358"/>
      <c r="K3589" s="358" t="s">
        <v>28687</v>
      </c>
      <c r="L3589" s="358" t="s">
        <v>10376</v>
      </c>
    </row>
    <row r="3590" spans="2:12">
      <c r="B3590" s="359"/>
      <c r="C3590" s="359"/>
      <c r="D3590" s="359"/>
      <c r="E3590" s="359"/>
      <c r="F3590" s="360"/>
      <c r="G3590" s="360"/>
      <c r="H3590" s="360"/>
      <c r="I3590" s="360"/>
      <c r="J3590" s="359"/>
      <c r="K3590" s="360"/>
      <c r="L3590" s="359"/>
    </row>
    <row r="3591" spans="2:12" ht="42.75">
      <c r="B3591" s="359"/>
      <c r="C3591" s="359"/>
      <c r="D3591" s="359"/>
      <c r="E3591" s="359"/>
      <c r="F3591" s="359" t="s">
        <v>14339</v>
      </c>
      <c r="G3591" s="359" t="s">
        <v>14340</v>
      </c>
      <c r="H3591" s="359" t="s">
        <v>14341</v>
      </c>
      <c r="I3591" s="359" t="s">
        <v>14340</v>
      </c>
      <c r="J3591" s="359"/>
      <c r="K3591" s="359" t="s">
        <v>28688</v>
      </c>
      <c r="L3591" s="359"/>
    </row>
    <row r="3592" spans="2:12">
      <c r="B3592" s="359"/>
      <c r="C3592" s="359"/>
      <c r="D3592" s="359"/>
      <c r="E3592" s="359"/>
      <c r="F3592" s="360"/>
      <c r="G3592" s="360"/>
      <c r="H3592" s="360"/>
      <c r="I3592" s="360"/>
      <c r="J3592" s="359"/>
      <c r="K3592" s="360"/>
      <c r="L3592" s="359"/>
    </row>
    <row r="3593" spans="2:12">
      <c r="B3593" s="359"/>
      <c r="C3593" s="359"/>
      <c r="D3593" s="359"/>
      <c r="E3593" s="359"/>
      <c r="F3593" s="360"/>
      <c r="G3593" s="360"/>
      <c r="H3593" s="359" t="s">
        <v>14332</v>
      </c>
      <c r="I3593" s="360"/>
      <c r="J3593" s="359"/>
      <c r="K3593" s="359" t="s">
        <v>28689</v>
      </c>
      <c r="L3593" s="359"/>
    </row>
    <row r="3594" spans="2:12">
      <c r="B3594" s="359"/>
      <c r="C3594" s="359"/>
      <c r="D3594" s="359"/>
      <c r="E3594" s="359"/>
      <c r="F3594" s="360"/>
      <c r="G3594" s="360"/>
      <c r="H3594" s="360"/>
      <c r="I3594" s="360"/>
      <c r="J3594" s="359"/>
      <c r="K3594" s="360"/>
      <c r="L3594" s="359"/>
    </row>
    <row r="3595" spans="2:12" ht="42.75">
      <c r="B3595" s="359"/>
      <c r="C3595" s="359"/>
      <c r="D3595" s="359"/>
      <c r="E3595" s="359"/>
      <c r="F3595" s="360"/>
      <c r="G3595" s="360"/>
      <c r="H3595" s="360"/>
      <c r="I3595" s="360"/>
      <c r="J3595" s="359"/>
      <c r="K3595" s="359" t="s">
        <v>28690</v>
      </c>
      <c r="L3595" s="359"/>
    </row>
    <row r="3596" spans="2:12">
      <c r="B3596" s="359"/>
      <c r="C3596" s="359"/>
      <c r="D3596" s="359"/>
      <c r="E3596" s="359"/>
      <c r="F3596" s="360"/>
      <c r="G3596" s="360"/>
      <c r="H3596" s="360"/>
      <c r="I3596" s="360"/>
      <c r="J3596" s="359"/>
      <c r="K3596" s="360"/>
      <c r="L3596" s="359"/>
    </row>
    <row r="3597" spans="2:12">
      <c r="B3597" s="359"/>
      <c r="C3597" s="359"/>
      <c r="D3597" s="359"/>
      <c r="E3597" s="359"/>
      <c r="F3597" s="360"/>
      <c r="G3597" s="360"/>
      <c r="H3597" s="360"/>
      <c r="I3597" s="360"/>
      <c r="J3597" s="359"/>
      <c r="K3597" s="359" t="s">
        <v>28689</v>
      </c>
      <c r="L3597" s="359"/>
    </row>
    <row r="3598" spans="2:12">
      <c r="B3598" s="359"/>
      <c r="C3598" s="359"/>
      <c r="D3598" s="359"/>
      <c r="E3598" s="359"/>
      <c r="F3598" s="360"/>
      <c r="G3598" s="360"/>
      <c r="H3598" s="360"/>
      <c r="I3598" s="360"/>
      <c r="J3598" s="359"/>
      <c r="K3598" s="360"/>
      <c r="L3598" s="359"/>
    </row>
    <row r="3599" spans="2:12" ht="42.75">
      <c r="B3599" s="359"/>
      <c r="C3599" s="359"/>
      <c r="D3599" s="359"/>
      <c r="E3599" s="359"/>
      <c r="F3599" s="360"/>
      <c r="G3599" s="360"/>
      <c r="H3599" s="360"/>
      <c r="I3599" s="360"/>
      <c r="J3599" s="359"/>
      <c r="K3599" s="359" t="s">
        <v>28691</v>
      </c>
      <c r="L3599" s="359"/>
    </row>
    <row r="3600" spans="2:12">
      <c r="B3600" s="359"/>
      <c r="C3600" s="359"/>
      <c r="D3600" s="359"/>
      <c r="E3600" s="359"/>
      <c r="F3600" s="360"/>
      <c r="G3600" s="360"/>
      <c r="H3600" s="360"/>
      <c r="I3600" s="360"/>
      <c r="J3600" s="359"/>
      <c r="K3600" s="360"/>
      <c r="L3600" s="359"/>
    </row>
    <row r="3601" spans="2:12" ht="42.75">
      <c r="B3601" s="361"/>
      <c r="C3601" s="361"/>
      <c r="D3601" s="361"/>
      <c r="E3601" s="361"/>
      <c r="F3601" s="362"/>
      <c r="G3601" s="362"/>
      <c r="H3601" s="362"/>
      <c r="I3601" s="362"/>
      <c r="J3601" s="361"/>
      <c r="K3601" s="361" t="s">
        <v>28692</v>
      </c>
      <c r="L3601" s="361"/>
    </row>
    <row r="3602" spans="2:12">
      <c r="B3602" s="358" t="s">
        <v>16417</v>
      </c>
      <c r="C3602" s="358" t="s">
        <v>16418</v>
      </c>
      <c r="D3602" s="358" t="s">
        <v>16419</v>
      </c>
      <c r="E3602" s="358" t="s">
        <v>1364</v>
      </c>
      <c r="F3602" s="358" t="s">
        <v>15115</v>
      </c>
      <c r="G3602" s="358" t="s">
        <v>15024</v>
      </c>
      <c r="H3602" s="358" t="s">
        <v>14479</v>
      </c>
      <c r="I3602" s="358" t="s">
        <v>15024</v>
      </c>
      <c r="J3602" s="358"/>
      <c r="K3602" s="358"/>
      <c r="L3602" s="358"/>
    </row>
    <row r="3603" spans="2:12">
      <c r="B3603" s="359"/>
      <c r="C3603" s="359"/>
      <c r="D3603" s="359"/>
      <c r="E3603" s="359"/>
      <c r="F3603" s="360"/>
      <c r="G3603" s="360"/>
      <c r="H3603" s="360"/>
      <c r="I3603" s="360"/>
      <c r="J3603" s="359"/>
      <c r="K3603" s="359"/>
      <c r="L3603" s="359"/>
    </row>
    <row r="3604" spans="2:12">
      <c r="B3604" s="359"/>
      <c r="C3604" s="359"/>
      <c r="D3604" s="359"/>
      <c r="E3604" s="359"/>
      <c r="F3604" s="359" t="s">
        <v>14420</v>
      </c>
      <c r="G3604" s="359" t="s">
        <v>14459</v>
      </c>
      <c r="H3604" s="359" t="s">
        <v>14367</v>
      </c>
      <c r="I3604" s="359" t="s">
        <v>14459</v>
      </c>
      <c r="J3604" s="359"/>
      <c r="K3604" s="359"/>
      <c r="L3604" s="359"/>
    </row>
    <row r="3605" spans="2:12">
      <c r="B3605" s="359"/>
      <c r="C3605" s="359"/>
      <c r="D3605" s="359"/>
      <c r="E3605" s="359"/>
      <c r="F3605" s="360"/>
      <c r="G3605" s="360"/>
      <c r="H3605" s="360"/>
      <c r="I3605" s="360"/>
      <c r="J3605" s="359"/>
      <c r="K3605" s="359"/>
      <c r="L3605" s="359"/>
    </row>
    <row r="3606" spans="2:12">
      <c r="B3606" s="361"/>
      <c r="C3606" s="361"/>
      <c r="D3606" s="361"/>
      <c r="E3606" s="361"/>
      <c r="F3606" s="361" t="s">
        <v>14420</v>
      </c>
      <c r="G3606" s="361" t="s">
        <v>14429</v>
      </c>
      <c r="H3606" s="361" t="s">
        <v>14332</v>
      </c>
      <c r="I3606" s="361" t="s">
        <v>14429</v>
      </c>
      <c r="J3606" s="361"/>
      <c r="K3606" s="361"/>
      <c r="L3606" s="361"/>
    </row>
    <row r="3607" spans="2:12">
      <c r="B3607" s="358" t="s">
        <v>16420</v>
      </c>
      <c r="C3607" s="358" t="s">
        <v>16421</v>
      </c>
      <c r="D3607" s="358" t="s">
        <v>16422</v>
      </c>
      <c r="E3607" s="358" t="s">
        <v>6054</v>
      </c>
      <c r="F3607" s="358" t="s">
        <v>15115</v>
      </c>
      <c r="G3607" s="358" t="s">
        <v>15024</v>
      </c>
      <c r="H3607" s="358" t="s">
        <v>14479</v>
      </c>
      <c r="I3607" s="358" t="s">
        <v>15024</v>
      </c>
      <c r="J3607" s="358"/>
      <c r="K3607" s="358"/>
      <c r="L3607" s="358"/>
    </row>
    <row r="3608" spans="2:12">
      <c r="B3608" s="359"/>
      <c r="C3608" s="359"/>
      <c r="D3608" s="359"/>
      <c r="E3608" s="359"/>
      <c r="F3608" s="360"/>
      <c r="G3608" s="360"/>
      <c r="H3608" s="360"/>
      <c r="I3608" s="360"/>
      <c r="J3608" s="359"/>
      <c r="K3608" s="359"/>
      <c r="L3608" s="359"/>
    </row>
    <row r="3609" spans="2:12">
      <c r="B3609" s="359"/>
      <c r="C3609" s="359"/>
      <c r="D3609" s="359"/>
      <c r="E3609" s="359"/>
      <c r="F3609" s="359" t="s">
        <v>14420</v>
      </c>
      <c r="G3609" s="359" t="s">
        <v>14429</v>
      </c>
      <c r="H3609" s="359" t="s">
        <v>14367</v>
      </c>
      <c r="I3609" s="359" t="s">
        <v>14429</v>
      </c>
      <c r="J3609" s="359"/>
      <c r="K3609" s="359"/>
      <c r="L3609" s="359"/>
    </row>
    <row r="3610" spans="2:12">
      <c r="B3610" s="359"/>
      <c r="C3610" s="359"/>
      <c r="D3610" s="359"/>
      <c r="E3610" s="359"/>
      <c r="F3610" s="360"/>
      <c r="G3610" s="360"/>
      <c r="H3610" s="360"/>
      <c r="I3610" s="360"/>
      <c r="J3610" s="359"/>
      <c r="K3610" s="359"/>
      <c r="L3610" s="359"/>
    </row>
    <row r="3611" spans="2:12">
      <c r="B3611" s="361"/>
      <c r="C3611" s="361"/>
      <c r="D3611" s="361"/>
      <c r="E3611" s="361"/>
      <c r="F3611" s="362"/>
      <c r="G3611" s="362"/>
      <c r="H3611" s="361" t="s">
        <v>14332</v>
      </c>
      <c r="I3611" s="362"/>
      <c r="J3611" s="361"/>
      <c r="K3611" s="361"/>
      <c r="L3611" s="361"/>
    </row>
    <row r="3612" spans="2:12">
      <c r="B3612" s="358" t="s">
        <v>16423</v>
      </c>
      <c r="C3612" s="358" t="s">
        <v>16424</v>
      </c>
      <c r="D3612" s="358" t="s">
        <v>16425</v>
      </c>
      <c r="E3612" s="358" t="s">
        <v>651</v>
      </c>
      <c r="F3612" s="358" t="s">
        <v>16426</v>
      </c>
      <c r="G3612" s="358" t="s">
        <v>15011</v>
      </c>
      <c r="H3612" s="358" t="s">
        <v>14954</v>
      </c>
      <c r="I3612" s="358" t="s">
        <v>15011</v>
      </c>
      <c r="J3612" s="358"/>
      <c r="K3612" s="358"/>
      <c r="L3612" s="358" t="s">
        <v>14513</v>
      </c>
    </row>
    <row r="3613" spans="2:12">
      <c r="B3613" s="359"/>
      <c r="C3613" s="359"/>
      <c r="D3613" s="359"/>
      <c r="E3613" s="359"/>
      <c r="F3613" s="360"/>
      <c r="G3613" s="360"/>
      <c r="H3613" s="360"/>
      <c r="I3613" s="360"/>
      <c r="J3613" s="359"/>
      <c r="K3613" s="359"/>
      <c r="L3613" s="359"/>
    </row>
    <row r="3614" spans="2:12">
      <c r="B3614" s="361"/>
      <c r="C3614" s="361"/>
      <c r="D3614" s="361"/>
      <c r="E3614" s="361"/>
      <c r="F3614" s="361" t="s">
        <v>15115</v>
      </c>
      <c r="G3614" s="361" t="s">
        <v>15024</v>
      </c>
      <c r="H3614" s="361" t="s">
        <v>14332</v>
      </c>
      <c r="I3614" s="361" t="s">
        <v>15024</v>
      </c>
      <c r="J3614" s="361"/>
      <c r="K3614" s="361"/>
      <c r="L3614" s="361"/>
    </row>
    <row r="3615" spans="2:12">
      <c r="B3615" s="358" t="s">
        <v>16427</v>
      </c>
      <c r="C3615" s="358" t="s">
        <v>16428</v>
      </c>
      <c r="D3615" s="358" t="s">
        <v>16429</v>
      </c>
      <c r="E3615" s="358" t="s">
        <v>6056</v>
      </c>
      <c r="F3615" s="358" t="s">
        <v>15115</v>
      </c>
      <c r="G3615" s="358" t="s">
        <v>15024</v>
      </c>
      <c r="H3615" s="358" t="s">
        <v>14479</v>
      </c>
      <c r="I3615" s="358" t="s">
        <v>15024</v>
      </c>
      <c r="J3615" s="358"/>
      <c r="K3615" s="358"/>
      <c r="L3615" s="358"/>
    </row>
    <row r="3616" spans="2:12">
      <c r="B3616" s="359"/>
      <c r="C3616" s="359"/>
      <c r="D3616" s="359"/>
      <c r="E3616" s="359"/>
      <c r="F3616" s="360"/>
      <c r="G3616" s="360"/>
      <c r="H3616" s="360"/>
      <c r="I3616" s="360"/>
      <c r="J3616" s="359"/>
      <c r="K3616" s="359"/>
      <c r="L3616" s="359"/>
    </row>
    <row r="3617" spans="2:12">
      <c r="B3617" s="359"/>
      <c r="C3617" s="359"/>
      <c r="D3617" s="359"/>
      <c r="E3617" s="359"/>
      <c r="F3617" s="359" t="s">
        <v>14420</v>
      </c>
      <c r="G3617" s="359" t="s">
        <v>14429</v>
      </c>
      <c r="H3617" s="359" t="s">
        <v>14367</v>
      </c>
      <c r="I3617" s="359" t="s">
        <v>14429</v>
      </c>
      <c r="J3617" s="359"/>
      <c r="K3617" s="359"/>
      <c r="L3617" s="359"/>
    </row>
    <row r="3618" spans="2:12">
      <c r="B3618" s="359"/>
      <c r="C3618" s="359"/>
      <c r="D3618" s="359"/>
      <c r="E3618" s="359"/>
      <c r="F3618" s="360"/>
      <c r="G3618" s="360"/>
      <c r="H3618" s="360"/>
      <c r="I3618" s="360"/>
      <c r="J3618" s="359"/>
      <c r="K3618" s="359"/>
      <c r="L3618" s="359"/>
    </row>
    <row r="3619" spans="2:12">
      <c r="B3619" s="361"/>
      <c r="C3619" s="361"/>
      <c r="D3619" s="361"/>
      <c r="E3619" s="361"/>
      <c r="F3619" s="362"/>
      <c r="G3619" s="362"/>
      <c r="H3619" s="361" t="s">
        <v>14332</v>
      </c>
      <c r="I3619" s="362"/>
      <c r="J3619" s="361"/>
      <c r="K3619" s="361"/>
      <c r="L3619" s="361"/>
    </row>
    <row r="3620" spans="2:12">
      <c r="B3620" s="354" t="s">
        <v>28574</v>
      </c>
      <c r="C3620" s="355"/>
      <c r="D3620" s="355"/>
      <c r="E3620" s="355"/>
      <c r="F3620" s="355"/>
      <c r="G3620" s="355"/>
      <c r="H3620" s="355"/>
      <c r="I3620" s="355"/>
      <c r="J3620" s="355"/>
      <c r="K3620" s="355"/>
      <c r="L3620" s="363"/>
    </row>
    <row r="3621" spans="2:12">
      <c r="B3621" s="358" t="s">
        <v>16430</v>
      </c>
      <c r="C3621" s="358" t="s">
        <v>28377</v>
      </c>
      <c r="D3621" s="358" t="s">
        <v>16431</v>
      </c>
      <c r="E3621" s="358" t="s">
        <v>16432</v>
      </c>
      <c r="F3621" s="358" t="s">
        <v>14356</v>
      </c>
      <c r="G3621" s="358" t="s">
        <v>14340</v>
      </c>
      <c r="H3621" s="358" t="s">
        <v>14341</v>
      </c>
      <c r="I3621" s="358" t="s">
        <v>14340</v>
      </c>
      <c r="J3621" s="358" t="s">
        <v>14561</v>
      </c>
      <c r="K3621" s="358" t="s">
        <v>14517</v>
      </c>
      <c r="L3621" s="358" t="s">
        <v>10376</v>
      </c>
    </row>
    <row r="3622" spans="2:12">
      <c r="B3622" s="359"/>
      <c r="C3622" s="359"/>
      <c r="D3622" s="359"/>
      <c r="E3622" s="359"/>
      <c r="F3622" s="360"/>
      <c r="G3622" s="360"/>
      <c r="H3622" s="360"/>
      <c r="I3622" s="360"/>
      <c r="J3622" s="359"/>
      <c r="K3622" s="360"/>
      <c r="L3622" s="359"/>
    </row>
    <row r="3623" spans="2:12">
      <c r="B3623" s="359"/>
      <c r="C3623" s="359"/>
      <c r="D3623" s="359"/>
      <c r="E3623" s="359"/>
      <c r="F3623" s="359" t="s">
        <v>14430</v>
      </c>
      <c r="G3623" s="359" t="s">
        <v>14431</v>
      </c>
      <c r="H3623" s="359" t="s">
        <v>14370</v>
      </c>
      <c r="I3623" s="359" t="s">
        <v>14373</v>
      </c>
      <c r="J3623" s="359"/>
      <c r="K3623" s="359" t="s">
        <v>14863</v>
      </c>
      <c r="L3623" s="359"/>
    </row>
    <row r="3624" spans="2:12">
      <c r="B3624" s="359"/>
      <c r="C3624" s="359"/>
      <c r="D3624" s="359"/>
      <c r="E3624" s="359"/>
      <c r="F3624" s="360"/>
      <c r="G3624" s="360"/>
      <c r="H3624" s="360"/>
      <c r="I3624" s="360"/>
      <c r="J3624" s="359"/>
      <c r="K3624" s="360"/>
      <c r="L3624" s="359"/>
    </row>
    <row r="3625" spans="2:12">
      <c r="B3625" s="359"/>
      <c r="C3625" s="359"/>
      <c r="D3625" s="359"/>
      <c r="E3625" s="359"/>
      <c r="F3625" s="359" t="s">
        <v>14371</v>
      </c>
      <c r="G3625" s="359" t="s">
        <v>14372</v>
      </c>
      <c r="H3625" s="359" t="s">
        <v>14332</v>
      </c>
      <c r="I3625" s="360"/>
      <c r="J3625" s="359"/>
      <c r="K3625" s="359" t="s">
        <v>28378</v>
      </c>
      <c r="L3625" s="359"/>
    </row>
    <row r="3626" spans="2:12">
      <c r="B3626" s="359"/>
      <c r="C3626" s="359"/>
      <c r="D3626" s="359"/>
      <c r="E3626" s="359"/>
      <c r="F3626" s="360"/>
      <c r="G3626" s="360"/>
      <c r="H3626" s="360"/>
      <c r="I3626" s="360"/>
      <c r="J3626" s="359"/>
      <c r="K3626" s="360"/>
      <c r="L3626" s="359"/>
    </row>
    <row r="3627" spans="2:12" ht="28.5">
      <c r="B3627" s="361"/>
      <c r="C3627" s="361"/>
      <c r="D3627" s="361"/>
      <c r="E3627" s="361"/>
      <c r="F3627" s="361" t="s">
        <v>14374</v>
      </c>
      <c r="G3627" s="361" t="s">
        <v>14373</v>
      </c>
      <c r="H3627" s="362"/>
      <c r="I3627" s="362"/>
      <c r="J3627" s="361"/>
      <c r="K3627" s="361" t="s">
        <v>28379</v>
      </c>
      <c r="L3627" s="361"/>
    </row>
    <row r="3628" spans="2:12">
      <c r="B3628" s="354" t="s">
        <v>28528</v>
      </c>
      <c r="C3628" s="355"/>
      <c r="D3628" s="355"/>
      <c r="E3628" s="355"/>
      <c r="F3628" s="355"/>
      <c r="G3628" s="355"/>
      <c r="H3628" s="355"/>
      <c r="I3628" s="355"/>
      <c r="J3628" s="355"/>
      <c r="K3628" s="355"/>
      <c r="L3628" s="363"/>
    </row>
    <row r="3629" spans="2:12" ht="71.25">
      <c r="B3629" s="358" t="s">
        <v>16433</v>
      </c>
      <c r="C3629" s="358" t="s">
        <v>16434</v>
      </c>
      <c r="D3629" s="358" t="s">
        <v>16435</v>
      </c>
      <c r="E3629" s="358" t="s">
        <v>16436</v>
      </c>
      <c r="F3629" s="358" t="s">
        <v>14477</v>
      </c>
      <c r="G3629" s="358" t="s">
        <v>14478</v>
      </c>
      <c r="H3629" s="358" t="s">
        <v>14479</v>
      </c>
      <c r="I3629" s="358" t="s">
        <v>14478</v>
      </c>
      <c r="J3629" s="358" t="s">
        <v>14561</v>
      </c>
      <c r="K3629" s="358" t="s">
        <v>28693</v>
      </c>
      <c r="L3629" s="358" t="s">
        <v>14513</v>
      </c>
    </row>
    <row r="3630" spans="2:12">
      <c r="B3630" s="359"/>
      <c r="C3630" s="359"/>
      <c r="D3630" s="359"/>
      <c r="E3630" s="359"/>
      <c r="F3630" s="360"/>
      <c r="G3630" s="360"/>
      <c r="H3630" s="360"/>
      <c r="I3630" s="360"/>
      <c r="J3630" s="359"/>
      <c r="K3630" s="360"/>
      <c r="L3630" s="359"/>
    </row>
    <row r="3631" spans="2:12">
      <c r="B3631" s="359"/>
      <c r="C3631" s="359"/>
      <c r="D3631" s="359"/>
      <c r="E3631" s="359"/>
      <c r="F3631" s="359" t="s">
        <v>14420</v>
      </c>
      <c r="G3631" s="359" t="s">
        <v>14429</v>
      </c>
      <c r="H3631" s="359" t="s">
        <v>14341</v>
      </c>
      <c r="I3631" s="359" t="s">
        <v>14429</v>
      </c>
      <c r="J3631" s="359"/>
      <c r="K3631" s="359" t="s">
        <v>28694</v>
      </c>
      <c r="L3631" s="359"/>
    </row>
    <row r="3632" spans="2:12">
      <c r="B3632" s="359"/>
      <c r="C3632" s="359"/>
      <c r="D3632" s="359"/>
      <c r="E3632" s="359"/>
      <c r="F3632" s="360"/>
      <c r="G3632" s="360"/>
      <c r="H3632" s="360"/>
      <c r="I3632" s="360"/>
      <c r="J3632" s="359"/>
      <c r="K3632" s="360"/>
      <c r="L3632" s="359"/>
    </row>
    <row r="3633" spans="2:12" ht="42.75">
      <c r="B3633" s="359"/>
      <c r="C3633" s="359"/>
      <c r="D3633" s="359"/>
      <c r="E3633" s="359"/>
      <c r="F3633" s="359" t="s">
        <v>14356</v>
      </c>
      <c r="G3633" s="359" t="s">
        <v>14340</v>
      </c>
      <c r="H3633" s="359" t="s">
        <v>14367</v>
      </c>
      <c r="I3633" s="359" t="s">
        <v>14340</v>
      </c>
      <c r="J3633" s="359"/>
      <c r="K3633" s="359" t="s">
        <v>28695</v>
      </c>
      <c r="L3633" s="359"/>
    </row>
    <row r="3634" spans="2:12">
      <c r="B3634" s="359"/>
      <c r="C3634" s="359"/>
      <c r="D3634" s="359"/>
      <c r="E3634" s="359"/>
      <c r="F3634" s="360"/>
      <c r="G3634" s="360"/>
      <c r="H3634" s="360"/>
      <c r="I3634" s="360"/>
      <c r="J3634" s="359"/>
      <c r="K3634" s="360"/>
      <c r="L3634" s="359"/>
    </row>
    <row r="3635" spans="2:12">
      <c r="B3635" s="359"/>
      <c r="C3635" s="359"/>
      <c r="D3635" s="359"/>
      <c r="E3635" s="359"/>
      <c r="F3635" s="359" t="s">
        <v>14371</v>
      </c>
      <c r="G3635" s="359" t="s">
        <v>14372</v>
      </c>
      <c r="H3635" s="359" t="s">
        <v>14370</v>
      </c>
      <c r="I3635" s="359" t="s">
        <v>14372</v>
      </c>
      <c r="J3635" s="359"/>
      <c r="K3635" s="359" t="s">
        <v>28694</v>
      </c>
      <c r="L3635" s="359"/>
    </row>
    <row r="3636" spans="2:12">
      <c r="B3636" s="359"/>
      <c r="C3636" s="359"/>
      <c r="D3636" s="359"/>
      <c r="E3636" s="359"/>
      <c r="F3636" s="360"/>
      <c r="G3636" s="360"/>
      <c r="H3636" s="360"/>
      <c r="I3636" s="360"/>
      <c r="J3636" s="359"/>
      <c r="K3636" s="360"/>
      <c r="L3636" s="359"/>
    </row>
    <row r="3637" spans="2:12" ht="42.75">
      <c r="B3637" s="359"/>
      <c r="C3637" s="359"/>
      <c r="D3637" s="359"/>
      <c r="E3637" s="359"/>
      <c r="F3637" s="360"/>
      <c r="G3637" s="360"/>
      <c r="H3637" s="359" t="s">
        <v>14332</v>
      </c>
      <c r="I3637" s="360"/>
      <c r="J3637" s="359"/>
      <c r="K3637" s="359" t="s">
        <v>28696</v>
      </c>
      <c r="L3637" s="359"/>
    </row>
    <row r="3638" spans="2:12">
      <c r="B3638" s="359"/>
      <c r="C3638" s="359"/>
      <c r="D3638" s="359"/>
      <c r="E3638" s="359"/>
      <c r="F3638" s="360"/>
      <c r="G3638" s="360"/>
      <c r="H3638" s="360"/>
      <c r="I3638" s="360"/>
      <c r="J3638" s="359"/>
      <c r="K3638" s="360"/>
      <c r="L3638" s="359"/>
    </row>
    <row r="3639" spans="2:12">
      <c r="B3639" s="361"/>
      <c r="C3639" s="361"/>
      <c r="D3639" s="361"/>
      <c r="E3639" s="361"/>
      <c r="F3639" s="362"/>
      <c r="G3639" s="362"/>
      <c r="H3639" s="362"/>
      <c r="I3639" s="362"/>
      <c r="J3639" s="361"/>
      <c r="K3639" s="361" t="s">
        <v>14517</v>
      </c>
      <c r="L3639" s="361"/>
    </row>
    <row r="3640" spans="2:12">
      <c r="B3640" s="358" t="s">
        <v>16437</v>
      </c>
      <c r="C3640" s="358" t="s">
        <v>16438</v>
      </c>
      <c r="D3640" s="358" t="s">
        <v>16439</v>
      </c>
      <c r="E3640" s="358" t="s">
        <v>16440</v>
      </c>
      <c r="F3640" s="358" t="s">
        <v>14386</v>
      </c>
      <c r="G3640" s="358" t="s">
        <v>14387</v>
      </c>
      <c r="H3640" s="358" t="s">
        <v>14367</v>
      </c>
      <c r="I3640" s="358" t="s">
        <v>14387</v>
      </c>
      <c r="J3640" s="358"/>
      <c r="K3640" s="358"/>
      <c r="L3640" s="358"/>
    </row>
    <row r="3641" spans="2:12">
      <c r="B3641" s="359"/>
      <c r="C3641" s="359"/>
      <c r="D3641" s="359"/>
      <c r="E3641" s="359"/>
      <c r="F3641" s="359"/>
      <c r="G3641" s="359"/>
      <c r="H3641" s="360"/>
      <c r="I3641" s="359"/>
      <c r="J3641" s="359"/>
      <c r="K3641" s="359"/>
      <c r="L3641" s="359"/>
    </row>
    <row r="3642" spans="2:12">
      <c r="B3642" s="361"/>
      <c r="C3642" s="361"/>
      <c r="D3642" s="361"/>
      <c r="E3642" s="361"/>
      <c r="F3642" s="361"/>
      <c r="G3642" s="361"/>
      <c r="H3642" s="361" t="s">
        <v>14422</v>
      </c>
      <c r="I3642" s="361"/>
      <c r="J3642" s="361"/>
      <c r="K3642" s="361"/>
      <c r="L3642" s="361"/>
    </row>
    <row r="3643" spans="2:12">
      <c r="B3643" s="358" t="s">
        <v>16441</v>
      </c>
      <c r="C3643" s="358" t="s">
        <v>16442</v>
      </c>
      <c r="D3643" s="358" t="s">
        <v>16443</v>
      </c>
      <c r="E3643" s="358" t="s">
        <v>16444</v>
      </c>
      <c r="F3643" s="358" t="s">
        <v>14420</v>
      </c>
      <c r="G3643" s="358" t="s">
        <v>14429</v>
      </c>
      <c r="H3643" s="358" t="s">
        <v>14367</v>
      </c>
      <c r="I3643" s="358" t="s">
        <v>14429</v>
      </c>
      <c r="J3643" s="358"/>
      <c r="K3643" s="358"/>
      <c r="L3643" s="358"/>
    </row>
    <row r="3644" spans="2:12">
      <c r="B3644" s="359"/>
      <c r="C3644" s="359"/>
      <c r="D3644" s="359"/>
      <c r="E3644" s="359"/>
      <c r="F3644" s="360"/>
      <c r="G3644" s="360"/>
      <c r="H3644" s="360"/>
      <c r="I3644" s="360"/>
      <c r="J3644" s="359"/>
      <c r="K3644" s="359"/>
      <c r="L3644" s="359"/>
    </row>
    <row r="3645" spans="2:12">
      <c r="B3645" s="361"/>
      <c r="C3645" s="361"/>
      <c r="D3645" s="361"/>
      <c r="E3645" s="361"/>
      <c r="F3645" s="361" t="s">
        <v>14386</v>
      </c>
      <c r="G3645" s="361" t="s">
        <v>14387</v>
      </c>
      <c r="H3645" s="361" t="s">
        <v>14422</v>
      </c>
      <c r="I3645" s="361" t="s">
        <v>14387</v>
      </c>
      <c r="J3645" s="361"/>
      <c r="K3645" s="361"/>
      <c r="L3645" s="361"/>
    </row>
    <row r="3646" spans="2:12">
      <c r="B3646" s="358" t="s">
        <v>16445</v>
      </c>
      <c r="C3646" s="358" t="s">
        <v>16446</v>
      </c>
      <c r="D3646" s="358" t="s">
        <v>16447</v>
      </c>
      <c r="E3646" s="358" t="s">
        <v>16448</v>
      </c>
      <c r="F3646" s="358" t="s">
        <v>14420</v>
      </c>
      <c r="G3646" s="358" t="s">
        <v>14429</v>
      </c>
      <c r="H3646" s="358" t="s">
        <v>14341</v>
      </c>
      <c r="I3646" s="358" t="s">
        <v>14429</v>
      </c>
      <c r="J3646" s="358"/>
      <c r="K3646" s="358"/>
      <c r="L3646" s="358"/>
    </row>
    <row r="3647" spans="2:12">
      <c r="B3647" s="359"/>
      <c r="C3647" s="359"/>
      <c r="D3647" s="359"/>
      <c r="E3647" s="359"/>
      <c r="F3647" s="360"/>
      <c r="G3647" s="360"/>
      <c r="H3647" s="360"/>
      <c r="I3647" s="360"/>
      <c r="J3647" s="359"/>
      <c r="K3647" s="359"/>
      <c r="L3647" s="359"/>
    </row>
    <row r="3648" spans="2:12">
      <c r="B3648" s="359"/>
      <c r="C3648" s="359"/>
      <c r="D3648" s="359"/>
      <c r="E3648" s="359"/>
      <c r="F3648" s="359" t="s">
        <v>14339</v>
      </c>
      <c r="G3648" s="359" t="s">
        <v>14340</v>
      </c>
      <c r="H3648" s="359" t="s">
        <v>14367</v>
      </c>
      <c r="I3648" s="359" t="s">
        <v>14340</v>
      </c>
      <c r="J3648" s="359"/>
      <c r="K3648" s="359"/>
      <c r="L3648" s="359"/>
    </row>
    <row r="3649" spans="2:12">
      <c r="B3649" s="359"/>
      <c r="C3649" s="359"/>
      <c r="D3649" s="359"/>
      <c r="E3649" s="359"/>
      <c r="F3649" s="360"/>
      <c r="G3649" s="360"/>
      <c r="H3649" s="360"/>
      <c r="I3649" s="360"/>
      <c r="J3649" s="359"/>
      <c r="K3649" s="359"/>
      <c r="L3649" s="359"/>
    </row>
    <row r="3650" spans="2:12">
      <c r="B3650" s="361"/>
      <c r="C3650" s="361"/>
      <c r="D3650" s="361"/>
      <c r="E3650" s="361"/>
      <c r="F3650" s="361" t="s">
        <v>14391</v>
      </c>
      <c r="G3650" s="361" t="s">
        <v>14392</v>
      </c>
      <c r="H3650" s="361" t="s">
        <v>14332</v>
      </c>
      <c r="I3650" s="361" t="s">
        <v>14392</v>
      </c>
      <c r="J3650" s="361"/>
      <c r="K3650" s="361"/>
      <c r="L3650" s="361"/>
    </row>
    <row r="3651" spans="2:12">
      <c r="B3651" s="358" t="s">
        <v>16449</v>
      </c>
      <c r="C3651" s="358" t="s">
        <v>16450</v>
      </c>
      <c r="D3651" s="358" t="s">
        <v>16451</v>
      </c>
      <c r="E3651" s="358" t="s">
        <v>16452</v>
      </c>
      <c r="F3651" s="358" t="s">
        <v>14420</v>
      </c>
      <c r="G3651" s="358" t="s">
        <v>14421</v>
      </c>
      <c r="H3651" s="358" t="s">
        <v>14341</v>
      </c>
      <c r="I3651" s="358" t="s">
        <v>14421</v>
      </c>
      <c r="J3651" s="358"/>
      <c r="K3651" s="358"/>
      <c r="L3651" s="358"/>
    </row>
    <row r="3652" spans="2:12">
      <c r="B3652" s="359"/>
      <c r="C3652" s="359"/>
      <c r="D3652" s="359"/>
      <c r="E3652" s="359"/>
      <c r="F3652" s="360"/>
      <c r="G3652" s="360"/>
      <c r="H3652" s="360"/>
      <c r="I3652" s="360"/>
      <c r="J3652" s="359"/>
      <c r="K3652" s="359"/>
      <c r="L3652" s="359"/>
    </row>
    <row r="3653" spans="2:12">
      <c r="B3653" s="359"/>
      <c r="C3653" s="359"/>
      <c r="D3653" s="359"/>
      <c r="E3653" s="359"/>
      <c r="F3653" s="359" t="s">
        <v>14420</v>
      </c>
      <c r="G3653" s="359" t="s">
        <v>14429</v>
      </c>
      <c r="H3653" s="359" t="s">
        <v>14367</v>
      </c>
      <c r="I3653" s="359" t="s">
        <v>14429</v>
      </c>
      <c r="J3653" s="359"/>
      <c r="K3653" s="359"/>
      <c r="L3653" s="359"/>
    </row>
    <row r="3654" spans="2:12">
      <c r="B3654" s="359"/>
      <c r="C3654" s="359"/>
      <c r="D3654" s="359"/>
      <c r="E3654" s="359"/>
      <c r="F3654" s="360"/>
      <c r="G3654" s="360"/>
      <c r="H3654" s="360"/>
      <c r="I3654" s="360"/>
      <c r="J3654" s="359"/>
      <c r="K3654" s="359"/>
      <c r="L3654" s="359"/>
    </row>
    <row r="3655" spans="2:12">
      <c r="B3655" s="359"/>
      <c r="C3655" s="359"/>
      <c r="D3655" s="359"/>
      <c r="E3655" s="359"/>
      <c r="F3655" s="359" t="s">
        <v>14389</v>
      </c>
      <c r="G3655" s="359" t="s">
        <v>14390</v>
      </c>
      <c r="H3655" s="359" t="s">
        <v>14370</v>
      </c>
      <c r="I3655" s="359" t="s">
        <v>14390</v>
      </c>
      <c r="J3655" s="359"/>
      <c r="K3655" s="359"/>
      <c r="L3655" s="359"/>
    </row>
    <row r="3656" spans="2:12">
      <c r="B3656" s="359"/>
      <c r="C3656" s="359"/>
      <c r="D3656" s="359"/>
      <c r="E3656" s="359"/>
      <c r="F3656" s="360"/>
      <c r="G3656" s="360"/>
      <c r="H3656" s="360"/>
      <c r="I3656" s="360"/>
      <c r="J3656" s="359"/>
      <c r="K3656" s="359"/>
      <c r="L3656" s="359"/>
    </row>
    <row r="3657" spans="2:12">
      <c r="B3657" s="359"/>
      <c r="C3657" s="359"/>
      <c r="D3657" s="359"/>
      <c r="E3657" s="359"/>
      <c r="F3657" s="359" t="s">
        <v>14430</v>
      </c>
      <c r="G3657" s="359" t="s">
        <v>14431</v>
      </c>
      <c r="H3657" s="359" t="s">
        <v>14332</v>
      </c>
      <c r="I3657" s="359" t="s">
        <v>14431</v>
      </c>
      <c r="J3657" s="359"/>
      <c r="K3657" s="359"/>
      <c r="L3657" s="359"/>
    </row>
    <row r="3658" spans="2:12">
      <c r="B3658" s="359"/>
      <c r="C3658" s="359"/>
      <c r="D3658" s="359"/>
      <c r="E3658" s="359"/>
      <c r="F3658" s="360"/>
      <c r="G3658" s="360"/>
      <c r="H3658" s="360"/>
      <c r="I3658" s="360"/>
      <c r="J3658" s="359"/>
      <c r="K3658" s="359"/>
      <c r="L3658" s="359"/>
    </row>
    <row r="3659" spans="2:12" ht="28.5">
      <c r="B3659" s="361"/>
      <c r="C3659" s="361"/>
      <c r="D3659" s="361"/>
      <c r="E3659" s="361"/>
      <c r="F3659" s="361" t="s">
        <v>14394</v>
      </c>
      <c r="G3659" s="361" t="s">
        <v>14395</v>
      </c>
      <c r="H3659" s="362"/>
      <c r="I3659" s="361" t="s">
        <v>14395</v>
      </c>
      <c r="J3659" s="361"/>
      <c r="K3659" s="361"/>
      <c r="L3659" s="361"/>
    </row>
    <row r="3660" spans="2:12" ht="28.5">
      <c r="B3660" s="358" t="s">
        <v>16453</v>
      </c>
      <c r="C3660" s="358" t="s">
        <v>27499</v>
      </c>
      <c r="D3660" s="358" t="s">
        <v>16454</v>
      </c>
      <c r="E3660" s="358" t="s">
        <v>16455</v>
      </c>
      <c r="F3660" s="358" t="s">
        <v>14356</v>
      </c>
      <c r="G3660" s="358" t="s">
        <v>14340</v>
      </c>
      <c r="H3660" s="358" t="s">
        <v>14341</v>
      </c>
      <c r="I3660" s="358" t="s">
        <v>14340</v>
      </c>
      <c r="J3660" s="358"/>
      <c r="K3660" s="358"/>
      <c r="L3660" s="358"/>
    </row>
    <row r="3661" spans="2:12">
      <c r="B3661" s="359"/>
      <c r="C3661" s="359"/>
      <c r="D3661" s="359"/>
      <c r="E3661" s="359"/>
      <c r="F3661" s="360"/>
      <c r="G3661" s="360"/>
      <c r="H3661" s="360"/>
      <c r="I3661" s="360"/>
      <c r="J3661" s="359"/>
      <c r="K3661" s="359"/>
      <c r="L3661" s="359"/>
    </row>
    <row r="3662" spans="2:12">
      <c r="B3662" s="359"/>
      <c r="C3662" s="359"/>
      <c r="D3662" s="359"/>
      <c r="E3662" s="359"/>
      <c r="F3662" s="359" t="s">
        <v>14371</v>
      </c>
      <c r="G3662" s="359" t="s">
        <v>14372</v>
      </c>
      <c r="H3662" s="359" t="s">
        <v>14370</v>
      </c>
      <c r="I3662" s="359" t="s">
        <v>14373</v>
      </c>
      <c r="J3662" s="359"/>
      <c r="K3662" s="359"/>
      <c r="L3662" s="359"/>
    </row>
    <row r="3663" spans="2:12">
      <c r="B3663" s="359"/>
      <c r="C3663" s="359"/>
      <c r="D3663" s="359"/>
      <c r="E3663" s="359"/>
      <c r="F3663" s="360"/>
      <c r="G3663" s="360"/>
      <c r="H3663" s="360"/>
      <c r="I3663" s="360"/>
      <c r="J3663" s="359"/>
      <c r="K3663" s="359"/>
      <c r="L3663" s="359"/>
    </row>
    <row r="3664" spans="2:12" ht="28.5">
      <c r="B3664" s="361"/>
      <c r="C3664" s="361"/>
      <c r="D3664" s="361"/>
      <c r="E3664" s="361"/>
      <c r="F3664" s="361" t="s">
        <v>14374</v>
      </c>
      <c r="G3664" s="361" t="s">
        <v>14373</v>
      </c>
      <c r="H3664" s="361" t="s">
        <v>14332</v>
      </c>
      <c r="I3664" s="362"/>
      <c r="J3664" s="361"/>
      <c r="K3664" s="361"/>
      <c r="L3664" s="361"/>
    </row>
    <row r="3665" spans="2:12" ht="28.5">
      <c r="B3665" s="358" t="s">
        <v>16456</v>
      </c>
      <c r="C3665" s="358" t="s">
        <v>30093</v>
      </c>
      <c r="D3665" s="358" t="s">
        <v>16457</v>
      </c>
      <c r="E3665" s="358" t="s">
        <v>8356</v>
      </c>
      <c r="F3665" s="358" t="s">
        <v>14394</v>
      </c>
      <c r="G3665" s="358" t="s">
        <v>14395</v>
      </c>
      <c r="H3665" s="358" t="s">
        <v>14370</v>
      </c>
      <c r="I3665" s="358" t="s">
        <v>14395</v>
      </c>
      <c r="J3665" s="358"/>
      <c r="K3665" s="358"/>
      <c r="L3665" s="358"/>
    </row>
    <row r="3666" spans="2:12">
      <c r="B3666" s="361"/>
      <c r="C3666" s="361"/>
      <c r="D3666" s="361"/>
      <c r="E3666" s="361"/>
      <c r="F3666" s="361"/>
      <c r="G3666" s="361"/>
      <c r="H3666" s="361"/>
      <c r="I3666" s="361"/>
      <c r="J3666" s="361"/>
      <c r="K3666" s="361"/>
      <c r="L3666" s="361"/>
    </row>
    <row r="3667" spans="2:12" ht="28.5">
      <c r="B3667" s="358" t="s">
        <v>16458</v>
      </c>
      <c r="C3667" s="358" t="s">
        <v>27500</v>
      </c>
      <c r="D3667" s="358" t="s">
        <v>16459</v>
      </c>
      <c r="E3667" s="358" t="s">
        <v>16460</v>
      </c>
      <c r="F3667" s="358" t="s">
        <v>14420</v>
      </c>
      <c r="G3667" s="358" t="s">
        <v>14429</v>
      </c>
      <c r="H3667" s="358" t="s">
        <v>14367</v>
      </c>
      <c r="I3667" s="358" t="s">
        <v>14429</v>
      </c>
      <c r="J3667" s="358"/>
      <c r="K3667" s="358"/>
      <c r="L3667" s="358"/>
    </row>
    <row r="3668" spans="2:12">
      <c r="B3668" s="359"/>
      <c r="C3668" s="359"/>
      <c r="D3668" s="359"/>
      <c r="E3668" s="359"/>
      <c r="F3668" s="360"/>
      <c r="G3668" s="360"/>
      <c r="H3668" s="360"/>
      <c r="I3668" s="360"/>
      <c r="J3668" s="359"/>
      <c r="K3668" s="359"/>
      <c r="L3668" s="359"/>
    </row>
    <row r="3669" spans="2:12" ht="28.5">
      <c r="B3669" s="361"/>
      <c r="C3669" s="361"/>
      <c r="D3669" s="361"/>
      <c r="E3669" s="361"/>
      <c r="F3669" s="361" t="s">
        <v>14472</v>
      </c>
      <c r="G3669" s="361" t="s">
        <v>14473</v>
      </c>
      <c r="H3669" s="361" t="s">
        <v>14422</v>
      </c>
      <c r="I3669" s="361" t="s">
        <v>14473</v>
      </c>
      <c r="J3669" s="361"/>
      <c r="K3669" s="361"/>
      <c r="L3669" s="361"/>
    </row>
    <row r="3670" spans="2:12">
      <c r="B3670" s="358" t="s">
        <v>16461</v>
      </c>
      <c r="C3670" s="358" t="s">
        <v>16462</v>
      </c>
      <c r="D3670" s="358" t="s">
        <v>16463</v>
      </c>
      <c r="E3670" s="358" t="s">
        <v>16464</v>
      </c>
      <c r="F3670" s="358" t="s">
        <v>14337</v>
      </c>
      <c r="G3670" s="358" t="s">
        <v>14338</v>
      </c>
      <c r="H3670" s="358" t="s">
        <v>14328</v>
      </c>
      <c r="I3670" s="358" t="s">
        <v>14338</v>
      </c>
      <c r="J3670" s="358" t="s">
        <v>14355</v>
      </c>
      <c r="K3670" s="358"/>
      <c r="L3670" s="358"/>
    </row>
    <row r="3671" spans="2:12">
      <c r="B3671" s="359"/>
      <c r="C3671" s="359"/>
      <c r="D3671" s="359"/>
      <c r="E3671" s="359"/>
      <c r="F3671" s="360"/>
      <c r="G3671" s="360"/>
      <c r="H3671" s="360"/>
      <c r="I3671" s="360"/>
      <c r="J3671" s="359"/>
      <c r="K3671" s="359"/>
      <c r="L3671" s="359"/>
    </row>
    <row r="3672" spans="2:12">
      <c r="B3672" s="359"/>
      <c r="C3672" s="359"/>
      <c r="D3672" s="359"/>
      <c r="E3672" s="359"/>
      <c r="F3672" s="359" t="s">
        <v>14339</v>
      </c>
      <c r="G3672" s="359" t="s">
        <v>14340</v>
      </c>
      <c r="H3672" s="359" t="s">
        <v>14341</v>
      </c>
      <c r="I3672" s="359" t="s">
        <v>14340</v>
      </c>
      <c r="J3672" s="359"/>
      <c r="K3672" s="359"/>
      <c r="L3672" s="359"/>
    </row>
    <row r="3673" spans="2:12">
      <c r="B3673" s="359"/>
      <c r="C3673" s="359"/>
      <c r="D3673" s="359"/>
      <c r="E3673" s="359"/>
      <c r="F3673" s="360"/>
      <c r="G3673" s="360"/>
      <c r="H3673" s="360"/>
      <c r="I3673" s="360"/>
      <c r="J3673" s="359"/>
      <c r="K3673" s="359"/>
      <c r="L3673" s="359"/>
    </row>
    <row r="3674" spans="2:12">
      <c r="B3674" s="361"/>
      <c r="C3674" s="361"/>
      <c r="D3674" s="361"/>
      <c r="E3674" s="361"/>
      <c r="F3674" s="362"/>
      <c r="G3674" s="362"/>
      <c r="H3674" s="361" t="s">
        <v>14332</v>
      </c>
      <c r="I3674" s="362"/>
      <c r="J3674" s="361"/>
      <c r="K3674" s="361"/>
      <c r="L3674" s="361"/>
    </row>
    <row r="3675" spans="2:12" ht="28.5">
      <c r="B3675" s="358" t="s">
        <v>16465</v>
      </c>
      <c r="C3675" s="358" t="s">
        <v>16466</v>
      </c>
      <c r="D3675" s="358" t="s">
        <v>16467</v>
      </c>
      <c r="E3675" s="358" t="s">
        <v>16468</v>
      </c>
      <c r="F3675" s="358" t="s">
        <v>14430</v>
      </c>
      <c r="G3675" s="358" t="s">
        <v>14431</v>
      </c>
      <c r="H3675" s="358" t="s">
        <v>14341</v>
      </c>
      <c r="I3675" s="358" t="s">
        <v>14431</v>
      </c>
      <c r="J3675" s="358"/>
      <c r="K3675" s="358"/>
      <c r="L3675" s="358"/>
    </row>
    <row r="3676" spans="2:12">
      <c r="B3676" s="359"/>
      <c r="C3676" s="359"/>
      <c r="D3676" s="359"/>
      <c r="E3676" s="359"/>
      <c r="F3676" s="360"/>
      <c r="G3676" s="360"/>
      <c r="H3676" s="360"/>
      <c r="I3676" s="360"/>
      <c r="J3676" s="359"/>
      <c r="K3676" s="359"/>
      <c r="L3676" s="359"/>
    </row>
    <row r="3677" spans="2:12">
      <c r="B3677" s="359"/>
      <c r="C3677" s="359"/>
      <c r="D3677" s="359"/>
      <c r="E3677" s="359"/>
      <c r="F3677" s="359" t="s">
        <v>14391</v>
      </c>
      <c r="G3677" s="359" t="s">
        <v>14392</v>
      </c>
      <c r="H3677" s="359" t="s">
        <v>14367</v>
      </c>
      <c r="I3677" s="359" t="s">
        <v>14392</v>
      </c>
      <c r="J3677" s="359"/>
      <c r="K3677" s="359"/>
      <c r="L3677" s="359"/>
    </row>
    <row r="3678" spans="2:12">
      <c r="B3678" s="359"/>
      <c r="C3678" s="359"/>
      <c r="D3678" s="359"/>
      <c r="E3678" s="359"/>
      <c r="F3678" s="360"/>
      <c r="G3678" s="360"/>
      <c r="H3678" s="360"/>
      <c r="I3678" s="360"/>
      <c r="J3678" s="359"/>
      <c r="K3678" s="359"/>
      <c r="L3678" s="359"/>
    </row>
    <row r="3679" spans="2:12">
      <c r="B3679" s="359"/>
      <c r="C3679" s="359"/>
      <c r="D3679" s="359"/>
      <c r="E3679" s="359"/>
      <c r="F3679" s="359" t="s">
        <v>14371</v>
      </c>
      <c r="G3679" s="359" t="s">
        <v>14372</v>
      </c>
      <c r="H3679" s="359" t="s">
        <v>14370</v>
      </c>
      <c r="I3679" s="359" t="s">
        <v>14373</v>
      </c>
      <c r="J3679" s="359"/>
      <c r="K3679" s="359"/>
      <c r="L3679" s="359"/>
    </row>
    <row r="3680" spans="2:12">
      <c r="B3680" s="359"/>
      <c r="C3680" s="359"/>
      <c r="D3680" s="359"/>
      <c r="E3680" s="359"/>
      <c r="F3680" s="360"/>
      <c r="G3680" s="360"/>
      <c r="H3680" s="360"/>
      <c r="I3680" s="360"/>
      <c r="J3680" s="359"/>
      <c r="K3680" s="359"/>
      <c r="L3680" s="359"/>
    </row>
    <row r="3681" spans="2:12" ht="28.5">
      <c r="B3681" s="361"/>
      <c r="C3681" s="361"/>
      <c r="D3681" s="361"/>
      <c r="E3681" s="361"/>
      <c r="F3681" s="361" t="s">
        <v>14374</v>
      </c>
      <c r="G3681" s="361" t="s">
        <v>14373</v>
      </c>
      <c r="H3681" s="361" t="s">
        <v>14332</v>
      </c>
      <c r="I3681" s="362"/>
      <c r="J3681" s="361"/>
      <c r="K3681" s="361"/>
      <c r="L3681" s="361"/>
    </row>
    <row r="3682" spans="2:12" ht="28.5">
      <c r="B3682" s="358" t="s">
        <v>16469</v>
      </c>
      <c r="C3682" s="358" t="s">
        <v>30094</v>
      </c>
      <c r="D3682" s="358" t="s">
        <v>16470</v>
      </c>
      <c r="E3682" s="358" t="s">
        <v>16471</v>
      </c>
      <c r="F3682" s="358" t="s">
        <v>14430</v>
      </c>
      <c r="G3682" s="358" t="s">
        <v>14431</v>
      </c>
      <c r="H3682" s="358" t="s">
        <v>14341</v>
      </c>
      <c r="I3682" s="358" t="s">
        <v>14431</v>
      </c>
      <c r="J3682" s="358"/>
      <c r="K3682" s="358"/>
      <c r="L3682" s="358"/>
    </row>
    <row r="3683" spans="2:12">
      <c r="B3683" s="359"/>
      <c r="C3683" s="359"/>
      <c r="D3683" s="359"/>
      <c r="E3683" s="359"/>
      <c r="F3683" s="360"/>
      <c r="G3683" s="360"/>
      <c r="H3683" s="360"/>
      <c r="I3683" s="360"/>
      <c r="J3683" s="359"/>
      <c r="K3683" s="359"/>
      <c r="L3683" s="359"/>
    </row>
    <row r="3684" spans="2:12">
      <c r="B3684" s="359"/>
      <c r="C3684" s="359"/>
      <c r="D3684" s="359"/>
      <c r="E3684" s="359"/>
      <c r="F3684" s="359" t="s">
        <v>14371</v>
      </c>
      <c r="G3684" s="359" t="s">
        <v>14372</v>
      </c>
      <c r="H3684" s="359" t="s">
        <v>14370</v>
      </c>
      <c r="I3684" s="359" t="s">
        <v>14373</v>
      </c>
      <c r="J3684" s="359"/>
      <c r="K3684" s="359"/>
      <c r="L3684" s="359"/>
    </row>
    <row r="3685" spans="2:12">
      <c r="B3685" s="359"/>
      <c r="C3685" s="359"/>
      <c r="D3685" s="359"/>
      <c r="E3685" s="359"/>
      <c r="F3685" s="360"/>
      <c r="G3685" s="360"/>
      <c r="H3685" s="360"/>
      <c r="I3685" s="360"/>
      <c r="J3685" s="359"/>
      <c r="K3685" s="359"/>
      <c r="L3685" s="359"/>
    </row>
    <row r="3686" spans="2:12" ht="28.5">
      <c r="B3686" s="361"/>
      <c r="C3686" s="361"/>
      <c r="D3686" s="361"/>
      <c r="E3686" s="361"/>
      <c r="F3686" s="361" t="s">
        <v>14374</v>
      </c>
      <c r="G3686" s="361" t="s">
        <v>14373</v>
      </c>
      <c r="H3686" s="361" t="s">
        <v>14332</v>
      </c>
      <c r="I3686" s="362"/>
      <c r="J3686" s="361"/>
      <c r="K3686" s="361"/>
      <c r="L3686" s="361"/>
    </row>
    <row r="3687" spans="2:12">
      <c r="B3687" s="358" t="s">
        <v>16472</v>
      </c>
      <c r="C3687" s="358" t="s">
        <v>16473</v>
      </c>
      <c r="D3687" s="358" t="s">
        <v>16474</v>
      </c>
      <c r="E3687" s="358" t="s">
        <v>16475</v>
      </c>
      <c r="F3687" s="358" t="s">
        <v>14330</v>
      </c>
      <c r="G3687" s="358" t="s">
        <v>14928</v>
      </c>
      <c r="H3687" s="358" t="s">
        <v>14331</v>
      </c>
      <c r="I3687" s="358" t="s">
        <v>14928</v>
      </c>
      <c r="J3687" s="358"/>
      <c r="K3687" s="358" t="s">
        <v>14517</v>
      </c>
      <c r="L3687" s="358" t="s">
        <v>27400</v>
      </c>
    </row>
    <row r="3688" spans="2:12">
      <c r="B3688" s="359"/>
      <c r="C3688" s="359"/>
      <c r="D3688" s="359"/>
      <c r="E3688" s="359"/>
      <c r="F3688" s="360"/>
      <c r="G3688" s="360"/>
      <c r="H3688" s="360"/>
      <c r="I3688" s="360"/>
      <c r="J3688" s="359"/>
      <c r="K3688" s="359"/>
      <c r="L3688" s="359"/>
    </row>
    <row r="3689" spans="2:12">
      <c r="B3689" s="359"/>
      <c r="C3689" s="359"/>
      <c r="D3689" s="359"/>
      <c r="E3689" s="359"/>
      <c r="F3689" s="359" t="s">
        <v>14933</v>
      </c>
      <c r="G3689" s="359" t="s">
        <v>14380</v>
      </c>
      <c r="H3689" s="359" t="s">
        <v>14479</v>
      </c>
      <c r="I3689" s="359" t="s">
        <v>14380</v>
      </c>
      <c r="J3689" s="359"/>
      <c r="K3689" s="359"/>
      <c r="L3689" s="359"/>
    </row>
    <row r="3690" spans="2:12">
      <c r="B3690" s="359"/>
      <c r="C3690" s="359"/>
      <c r="D3690" s="359"/>
      <c r="E3690" s="359"/>
      <c r="F3690" s="360"/>
      <c r="G3690" s="360"/>
      <c r="H3690" s="360"/>
      <c r="I3690" s="360"/>
      <c r="J3690" s="359"/>
      <c r="K3690" s="359"/>
      <c r="L3690" s="359"/>
    </row>
    <row r="3691" spans="2:12">
      <c r="B3691" s="359"/>
      <c r="C3691" s="359"/>
      <c r="D3691" s="359"/>
      <c r="E3691" s="359"/>
      <c r="F3691" s="359" t="s">
        <v>14379</v>
      </c>
      <c r="G3691" s="359" t="s">
        <v>14340</v>
      </c>
      <c r="H3691" s="359" t="s">
        <v>14378</v>
      </c>
      <c r="I3691" s="359" t="s">
        <v>14340</v>
      </c>
      <c r="J3691" s="359"/>
      <c r="K3691" s="359"/>
      <c r="L3691" s="359"/>
    </row>
    <row r="3692" spans="2:12">
      <c r="B3692" s="359"/>
      <c r="C3692" s="359"/>
      <c r="D3692" s="359"/>
      <c r="E3692" s="359"/>
      <c r="F3692" s="360"/>
      <c r="G3692" s="360"/>
      <c r="H3692" s="360"/>
      <c r="I3692" s="360"/>
      <c r="J3692" s="359"/>
      <c r="K3692" s="359"/>
      <c r="L3692" s="359"/>
    </row>
    <row r="3693" spans="2:12">
      <c r="B3693" s="359"/>
      <c r="C3693" s="359"/>
      <c r="D3693" s="359"/>
      <c r="E3693" s="359"/>
      <c r="F3693" s="359" t="s">
        <v>14356</v>
      </c>
      <c r="G3693" s="359" t="s">
        <v>14372</v>
      </c>
      <c r="H3693" s="359" t="s">
        <v>14341</v>
      </c>
      <c r="I3693" s="359" t="s">
        <v>14372</v>
      </c>
      <c r="J3693" s="359"/>
      <c r="K3693" s="359"/>
      <c r="L3693" s="359"/>
    </row>
    <row r="3694" spans="2:12">
      <c r="B3694" s="359"/>
      <c r="C3694" s="359"/>
      <c r="D3694" s="359"/>
      <c r="E3694" s="359"/>
      <c r="F3694" s="360"/>
      <c r="G3694" s="360"/>
      <c r="H3694" s="360"/>
      <c r="I3694" s="360"/>
      <c r="J3694" s="359"/>
      <c r="K3694" s="359"/>
      <c r="L3694" s="359"/>
    </row>
    <row r="3695" spans="2:12">
      <c r="B3695" s="359"/>
      <c r="C3695" s="359"/>
      <c r="D3695" s="359"/>
      <c r="E3695" s="359"/>
      <c r="F3695" s="359" t="s">
        <v>14371</v>
      </c>
      <c r="G3695" s="360"/>
      <c r="H3695" s="359" t="s">
        <v>14370</v>
      </c>
      <c r="I3695" s="360"/>
      <c r="J3695" s="359"/>
      <c r="K3695" s="359"/>
      <c r="L3695" s="359"/>
    </row>
    <row r="3696" spans="2:12">
      <c r="B3696" s="359"/>
      <c r="C3696" s="359"/>
      <c r="D3696" s="359"/>
      <c r="E3696" s="359"/>
      <c r="F3696" s="360"/>
      <c r="G3696" s="360"/>
      <c r="H3696" s="360"/>
      <c r="I3696" s="360"/>
      <c r="J3696" s="359"/>
      <c r="K3696" s="359"/>
      <c r="L3696" s="359"/>
    </row>
    <row r="3697" spans="2:12">
      <c r="B3697" s="361"/>
      <c r="C3697" s="361"/>
      <c r="D3697" s="361"/>
      <c r="E3697" s="361"/>
      <c r="F3697" s="362"/>
      <c r="G3697" s="362"/>
      <c r="H3697" s="361" t="s">
        <v>14332</v>
      </c>
      <c r="I3697" s="362"/>
      <c r="J3697" s="361"/>
      <c r="K3697" s="361"/>
      <c r="L3697" s="361"/>
    </row>
    <row r="3698" spans="2:12" ht="71.25">
      <c r="B3698" s="358" t="s">
        <v>16476</v>
      </c>
      <c r="C3698" s="358" t="s">
        <v>16477</v>
      </c>
      <c r="D3698" s="358" t="s">
        <v>16474</v>
      </c>
      <c r="E3698" s="358" t="s">
        <v>16475</v>
      </c>
      <c r="F3698" s="358" t="s">
        <v>14382</v>
      </c>
      <c r="G3698" s="358" t="s">
        <v>14383</v>
      </c>
      <c r="H3698" s="358" t="s">
        <v>14378</v>
      </c>
      <c r="I3698" s="358" t="s">
        <v>14383</v>
      </c>
      <c r="J3698" s="358"/>
      <c r="K3698" s="358" t="s">
        <v>28693</v>
      </c>
      <c r="L3698" s="358" t="s">
        <v>10376</v>
      </c>
    </row>
    <row r="3699" spans="2:12">
      <c r="B3699" s="359"/>
      <c r="C3699" s="359"/>
      <c r="D3699" s="359"/>
      <c r="E3699" s="359"/>
      <c r="F3699" s="360"/>
      <c r="G3699" s="360"/>
      <c r="H3699" s="360"/>
      <c r="I3699" s="360"/>
      <c r="J3699" s="359"/>
      <c r="K3699" s="360"/>
      <c r="L3699" s="359"/>
    </row>
    <row r="3700" spans="2:12">
      <c r="B3700" s="359"/>
      <c r="C3700" s="359"/>
      <c r="D3700" s="359"/>
      <c r="E3700" s="359"/>
      <c r="F3700" s="359" t="s">
        <v>14356</v>
      </c>
      <c r="G3700" s="359" t="s">
        <v>14340</v>
      </c>
      <c r="H3700" s="359" t="s">
        <v>14341</v>
      </c>
      <c r="I3700" s="359" t="s">
        <v>14340</v>
      </c>
      <c r="J3700" s="359"/>
      <c r="K3700" s="359" t="s">
        <v>28694</v>
      </c>
      <c r="L3700" s="359"/>
    </row>
    <row r="3701" spans="2:12">
      <c r="B3701" s="359"/>
      <c r="C3701" s="359"/>
      <c r="D3701" s="359"/>
      <c r="E3701" s="359"/>
      <c r="F3701" s="360"/>
      <c r="G3701" s="360"/>
      <c r="H3701" s="360"/>
      <c r="I3701" s="360"/>
      <c r="J3701" s="359"/>
      <c r="K3701" s="360"/>
      <c r="L3701" s="359"/>
    </row>
    <row r="3702" spans="2:12" ht="42.75">
      <c r="B3702" s="359"/>
      <c r="C3702" s="359"/>
      <c r="D3702" s="359"/>
      <c r="E3702" s="359"/>
      <c r="F3702" s="359" t="s">
        <v>14371</v>
      </c>
      <c r="G3702" s="359" t="s">
        <v>14372</v>
      </c>
      <c r="H3702" s="359" t="s">
        <v>14370</v>
      </c>
      <c r="I3702" s="359" t="s">
        <v>14372</v>
      </c>
      <c r="J3702" s="359"/>
      <c r="K3702" s="359" t="s">
        <v>28695</v>
      </c>
      <c r="L3702" s="359"/>
    </row>
    <row r="3703" spans="2:12">
      <c r="B3703" s="359"/>
      <c r="C3703" s="359"/>
      <c r="D3703" s="359"/>
      <c r="E3703" s="359"/>
      <c r="F3703" s="360"/>
      <c r="G3703" s="360"/>
      <c r="H3703" s="360"/>
      <c r="I3703" s="360"/>
      <c r="J3703" s="359"/>
      <c r="K3703" s="360"/>
      <c r="L3703" s="359"/>
    </row>
    <row r="3704" spans="2:12">
      <c r="B3704" s="359"/>
      <c r="C3704" s="359"/>
      <c r="D3704" s="359"/>
      <c r="E3704" s="359"/>
      <c r="F3704" s="360"/>
      <c r="G3704" s="360"/>
      <c r="H3704" s="359" t="s">
        <v>14332</v>
      </c>
      <c r="I3704" s="360"/>
      <c r="J3704" s="359"/>
      <c r="K3704" s="359" t="s">
        <v>28694</v>
      </c>
      <c r="L3704" s="359"/>
    </row>
    <row r="3705" spans="2:12">
      <c r="B3705" s="359"/>
      <c r="C3705" s="359"/>
      <c r="D3705" s="359"/>
      <c r="E3705" s="359"/>
      <c r="F3705" s="360"/>
      <c r="G3705" s="360"/>
      <c r="H3705" s="360"/>
      <c r="I3705" s="360"/>
      <c r="J3705" s="359"/>
      <c r="K3705" s="360"/>
      <c r="L3705" s="359"/>
    </row>
    <row r="3706" spans="2:12" ht="42.75">
      <c r="B3706" s="359"/>
      <c r="C3706" s="359"/>
      <c r="D3706" s="359"/>
      <c r="E3706" s="359"/>
      <c r="F3706" s="360"/>
      <c r="G3706" s="360"/>
      <c r="H3706" s="360"/>
      <c r="I3706" s="360"/>
      <c r="J3706" s="359"/>
      <c r="K3706" s="359" t="s">
        <v>28697</v>
      </c>
      <c r="L3706" s="359"/>
    </row>
    <row r="3707" spans="2:12">
      <c r="B3707" s="359"/>
      <c r="C3707" s="359"/>
      <c r="D3707" s="359"/>
      <c r="E3707" s="359"/>
      <c r="F3707" s="360"/>
      <c r="G3707" s="360"/>
      <c r="H3707" s="360"/>
      <c r="I3707" s="360"/>
      <c r="J3707" s="359"/>
      <c r="K3707" s="360"/>
      <c r="L3707" s="359"/>
    </row>
    <row r="3708" spans="2:12" ht="42.75">
      <c r="B3708" s="361"/>
      <c r="C3708" s="361"/>
      <c r="D3708" s="361"/>
      <c r="E3708" s="361"/>
      <c r="F3708" s="362"/>
      <c r="G3708" s="362"/>
      <c r="H3708" s="362"/>
      <c r="I3708" s="362"/>
      <c r="J3708" s="361"/>
      <c r="K3708" s="361" t="s">
        <v>28698</v>
      </c>
      <c r="L3708" s="361"/>
    </row>
    <row r="3709" spans="2:12">
      <c r="B3709" s="358" t="s">
        <v>16478</v>
      </c>
      <c r="C3709" s="358" t="s">
        <v>16479</v>
      </c>
      <c r="D3709" s="358" t="s">
        <v>16480</v>
      </c>
      <c r="E3709" s="358" t="s">
        <v>16481</v>
      </c>
      <c r="F3709" s="358" t="s">
        <v>14337</v>
      </c>
      <c r="G3709" s="358" t="s">
        <v>14338</v>
      </c>
      <c r="H3709" s="358" t="s">
        <v>14328</v>
      </c>
      <c r="I3709" s="358" t="s">
        <v>14338</v>
      </c>
      <c r="J3709" s="358" t="s">
        <v>14355</v>
      </c>
      <c r="K3709" s="358"/>
      <c r="L3709" s="358"/>
    </row>
    <row r="3710" spans="2:12">
      <c r="B3710" s="359"/>
      <c r="C3710" s="359"/>
      <c r="D3710" s="359"/>
      <c r="E3710" s="359"/>
      <c r="F3710" s="360"/>
      <c r="G3710" s="360"/>
      <c r="H3710" s="360"/>
      <c r="I3710" s="360"/>
      <c r="J3710" s="359"/>
      <c r="K3710" s="359"/>
      <c r="L3710" s="359"/>
    </row>
    <row r="3711" spans="2:12">
      <c r="B3711" s="359"/>
      <c r="C3711" s="359"/>
      <c r="D3711" s="359"/>
      <c r="E3711" s="359"/>
      <c r="F3711" s="359" t="s">
        <v>14356</v>
      </c>
      <c r="G3711" s="359" t="s">
        <v>14340</v>
      </c>
      <c r="H3711" s="359" t="s">
        <v>14341</v>
      </c>
      <c r="I3711" s="359" t="s">
        <v>14340</v>
      </c>
      <c r="J3711" s="359"/>
      <c r="K3711" s="359"/>
      <c r="L3711" s="359"/>
    </row>
    <row r="3712" spans="2:12">
      <c r="B3712" s="359"/>
      <c r="C3712" s="359"/>
      <c r="D3712" s="359"/>
      <c r="E3712" s="359"/>
      <c r="F3712" s="360"/>
      <c r="G3712" s="360"/>
      <c r="H3712" s="360"/>
      <c r="I3712" s="360"/>
      <c r="J3712" s="359"/>
      <c r="K3712" s="359"/>
      <c r="L3712" s="359"/>
    </row>
    <row r="3713" spans="2:12">
      <c r="B3713" s="361"/>
      <c r="C3713" s="361"/>
      <c r="D3713" s="361"/>
      <c r="E3713" s="361"/>
      <c r="F3713" s="362"/>
      <c r="G3713" s="362"/>
      <c r="H3713" s="361" t="s">
        <v>14332</v>
      </c>
      <c r="I3713" s="362"/>
      <c r="J3713" s="361"/>
      <c r="K3713" s="361"/>
      <c r="L3713" s="361"/>
    </row>
    <row r="3714" spans="2:12" ht="71.25">
      <c r="B3714" s="358" t="s">
        <v>16482</v>
      </c>
      <c r="C3714" s="358" t="s">
        <v>16483</v>
      </c>
      <c r="D3714" s="358" t="s">
        <v>16484</v>
      </c>
      <c r="E3714" s="358" t="s">
        <v>16485</v>
      </c>
      <c r="F3714" s="358" t="s">
        <v>14420</v>
      </c>
      <c r="G3714" s="358" t="s">
        <v>14429</v>
      </c>
      <c r="H3714" s="358" t="s">
        <v>14341</v>
      </c>
      <c r="I3714" s="358" t="s">
        <v>14429</v>
      </c>
      <c r="J3714" s="358"/>
      <c r="K3714" s="358" t="s">
        <v>28699</v>
      </c>
      <c r="L3714" s="358"/>
    </row>
    <row r="3715" spans="2:12">
      <c r="B3715" s="359"/>
      <c r="C3715" s="360"/>
      <c r="D3715" s="359"/>
      <c r="E3715" s="359"/>
      <c r="F3715" s="360"/>
      <c r="G3715" s="360"/>
      <c r="H3715" s="360"/>
      <c r="I3715" s="360"/>
      <c r="J3715" s="359"/>
      <c r="K3715" s="360"/>
      <c r="L3715" s="359"/>
    </row>
    <row r="3716" spans="2:12">
      <c r="B3716" s="359"/>
      <c r="C3716" s="359" t="s">
        <v>16486</v>
      </c>
      <c r="D3716" s="359"/>
      <c r="E3716" s="359"/>
      <c r="F3716" s="359" t="s">
        <v>14339</v>
      </c>
      <c r="G3716" s="359" t="s">
        <v>14340</v>
      </c>
      <c r="H3716" s="359" t="s">
        <v>14367</v>
      </c>
      <c r="I3716" s="359" t="s">
        <v>14340</v>
      </c>
      <c r="J3716" s="359"/>
      <c r="K3716" s="359" t="s">
        <v>28694</v>
      </c>
      <c r="L3716" s="359"/>
    </row>
    <row r="3717" spans="2:12">
      <c r="B3717" s="359"/>
      <c r="C3717" s="360"/>
      <c r="D3717" s="359"/>
      <c r="E3717" s="359"/>
      <c r="F3717" s="360"/>
      <c r="G3717" s="360"/>
      <c r="H3717" s="360"/>
      <c r="I3717" s="360"/>
      <c r="J3717" s="359"/>
      <c r="K3717" s="360"/>
      <c r="L3717" s="359"/>
    </row>
    <row r="3718" spans="2:12" ht="42.75">
      <c r="B3718" s="359"/>
      <c r="C3718" s="360"/>
      <c r="D3718" s="359"/>
      <c r="E3718" s="359"/>
      <c r="F3718" s="360"/>
      <c r="G3718" s="360"/>
      <c r="H3718" s="359" t="s">
        <v>14332</v>
      </c>
      <c r="I3718" s="360"/>
      <c r="J3718" s="359"/>
      <c r="K3718" s="359" t="s">
        <v>28700</v>
      </c>
      <c r="L3718" s="359"/>
    </row>
    <row r="3719" spans="2:12">
      <c r="B3719" s="359"/>
      <c r="C3719" s="360"/>
      <c r="D3719" s="359"/>
      <c r="E3719" s="359"/>
      <c r="F3719" s="360"/>
      <c r="G3719" s="360"/>
      <c r="H3719" s="360"/>
      <c r="I3719" s="360"/>
      <c r="J3719" s="359"/>
      <c r="K3719" s="360"/>
      <c r="L3719" s="359"/>
    </row>
    <row r="3720" spans="2:12" ht="42.75">
      <c r="B3720" s="361"/>
      <c r="C3720" s="362"/>
      <c r="D3720" s="361"/>
      <c r="E3720" s="361"/>
      <c r="F3720" s="362"/>
      <c r="G3720" s="362"/>
      <c r="H3720" s="362"/>
      <c r="I3720" s="362"/>
      <c r="J3720" s="361"/>
      <c r="K3720" s="361" t="s">
        <v>28701</v>
      </c>
      <c r="L3720" s="361"/>
    </row>
    <row r="3721" spans="2:12">
      <c r="B3721" s="354" t="s">
        <v>8397</v>
      </c>
      <c r="C3721" s="355"/>
      <c r="D3721" s="355"/>
      <c r="E3721" s="355"/>
      <c r="F3721" s="355"/>
      <c r="G3721" s="355"/>
      <c r="H3721" s="355"/>
      <c r="I3721" s="355"/>
      <c r="J3721" s="355"/>
      <c r="K3721" s="355"/>
      <c r="L3721" s="363"/>
    </row>
    <row r="3722" spans="2:12">
      <c r="B3722" s="358" t="s">
        <v>16487</v>
      </c>
      <c r="C3722" s="358" t="s">
        <v>16488</v>
      </c>
      <c r="D3722" s="358" t="s">
        <v>16489</v>
      </c>
      <c r="E3722" s="358" t="s">
        <v>1881</v>
      </c>
      <c r="F3722" s="358" t="s">
        <v>14386</v>
      </c>
      <c r="G3722" s="358" t="s">
        <v>14387</v>
      </c>
      <c r="H3722" s="358" t="s">
        <v>16490</v>
      </c>
      <c r="I3722" s="358" t="s">
        <v>14387</v>
      </c>
      <c r="J3722" s="358"/>
      <c r="K3722" s="358"/>
      <c r="L3722" s="358"/>
    </row>
    <row r="3723" spans="2:12">
      <c r="B3723" s="359"/>
      <c r="C3723" s="359"/>
      <c r="D3723" s="359"/>
      <c r="E3723" s="359"/>
      <c r="F3723" s="359"/>
      <c r="G3723" s="359"/>
      <c r="H3723" s="360"/>
      <c r="I3723" s="359"/>
      <c r="J3723" s="359"/>
      <c r="K3723" s="359"/>
      <c r="L3723" s="359"/>
    </row>
    <row r="3724" spans="2:12">
      <c r="B3724" s="361"/>
      <c r="C3724" s="361"/>
      <c r="D3724" s="361"/>
      <c r="E3724" s="361"/>
      <c r="F3724" s="361"/>
      <c r="G3724" s="361"/>
      <c r="H3724" s="361" t="s">
        <v>14422</v>
      </c>
      <c r="I3724" s="361"/>
      <c r="J3724" s="361"/>
      <c r="K3724" s="361"/>
      <c r="L3724" s="361"/>
    </row>
    <row r="3725" spans="2:12">
      <c r="B3725" s="354" t="s">
        <v>28528</v>
      </c>
      <c r="C3725" s="355"/>
      <c r="D3725" s="355"/>
      <c r="E3725" s="355"/>
      <c r="F3725" s="355"/>
      <c r="G3725" s="355"/>
      <c r="H3725" s="355"/>
      <c r="I3725" s="355"/>
      <c r="J3725" s="355"/>
      <c r="K3725" s="355"/>
      <c r="L3725" s="363"/>
    </row>
    <row r="3726" spans="2:12">
      <c r="B3726" s="358" t="s">
        <v>16491</v>
      </c>
      <c r="C3726" s="358" t="s">
        <v>16492</v>
      </c>
      <c r="D3726" s="358" t="s">
        <v>16493</v>
      </c>
      <c r="E3726" s="358" t="s">
        <v>16494</v>
      </c>
      <c r="F3726" s="358" t="s">
        <v>15136</v>
      </c>
      <c r="G3726" s="358" t="s">
        <v>15137</v>
      </c>
      <c r="H3726" s="358" t="s">
        <v>14328</v>
      </c>
      <c r="I3726" s="358" t="s">
        <v>15137</v>
      </c>
      <c r="J3726" s="358"/>
      <c r="K3726" s="358"/>
      <c r="L3726" s="358"/>
    </row>
    <row r="3727" spans="2:12">
      <c r="B3727" s="359"/>
      <c r="C3727" s="359"/>
      <c r="D3727" s="359"/>
      <c r="E3727" s="359"/>
      <c r="F3727" s="359"/>
      <c r="G3727" s="359"/>
      <c r="H3727" s="360"/>
      <c r="I3727" s="359"/>
      <c r="J3727" s="359"/>
      <c r="K3727" s="359"/>
      <c r="L3727" s="359"/>
    </row>
    <row r="3728" spans="2:12">
      <c r="B3728" s="361"/>
      <c r="C3728" s="361"/>
      <c r="D3728" s="361"/>
      <c r="E3728" s="361"/>
      <c r="F3728" s="361"/>
      <c r="G3728" s="361"/>
      <c r="H3728" s="361" t="s">
        <v>14332</v>
      </c>
      <c r="I3728" s="361"/>
      <c r="J3728" s="361"/>
      <c r="K3728" s="361"/>
      <c r="L3728" s="361"/>
    </row>
    <row r="3729" spans="2:12">
      <c r="B3729" s="358" t="s">
        <v>16495</v>
      </c>
      <c r="C3729" s="358" t="s">
        <v>16496</v>
      </c>
      <c r="D3729" s="358" t="s">
        <v>16497</v>
      </c>
      <c r="E3729" s="358" t="s">
        <v>16498</v>
      </c>
      <c r="F3729" s="358" t="s">
        <v>14379</v>
      </c>
      <c r="G3729" s="358" t="s">
        <v>14405</v>
      </c>
      <c r="H3729" s="358" t="s">
        <v>14378</v>
      </c>
      <c r="I3729" s="358" t="s">
        <v>14405</v>
      </c>
      <c r="J3729" s="358" t="s">
        <v>14534</v>
      </c>
      <c r="K3729" s="358"/>
      <c r="L3729" s="358"/>
    </row>
    <row r="3730" spans="2:12">
      <c r="B3730" s="359"/>
      <c r="C3730" s="359"/>
      <c r="D3730" s="359"/>
      <c r="E3730" s="359"/>
      <c r="F3730" s="360"/>
      <c r="G3730" s="360"/>
      <c r="H3730" s="360"/>
      <c r="I3730" s="360"/>
      <c r="J3730" s="359"/>
      <c r="K3730" s="359"/>
      <c r="L3730" s="359"/>
    </row>
    <row r="3731" spans="2:12">
      <c r="B3731" s="359"/>
      <c r="C3731" s="359"/>
      <c r="D3731" s="359"/>
      <c r="E3731" s="359"/>
      <c r="F3731" s="359" t="s">
        <v>14371</v>
      </c>
      <c r="G3731" s="359" t="s">
        <v>14372</v>
      </c>
      <c r="H3731" s="359" t="s">
        <v>14370</v>
      </c>
      <c r="I3731" s="359" t="s">
        <v>14373</v>
      </c>
      <c r="J3731" s="359"/>
      <c r="K3731" s="359"/>
      <c r="L3731" s="359"/>
    </row>
    <row r="3732" spans="2:12">
      <c r="B3732" s="359"/>
      <c r="C3732" s="359"/>
      <c r="D3732" s="359"/>
      <c r="E3732" s="359"/>
      <c r="F3732" s="360"/>
      <c r="G3732" s="360"/>
      <c r="H3732" s="360"/>
      <c r="I3732" s="360"/>
      <c r="J3732" s="359"/>
      <c r="K3732" s="359"/>
      <c r="L3732" s="359"/>
    </row>
    <row r="3733" spans="2:12" ht="28.5">
      <c r="B3733" s="361"/>
      <c r="C3733" s="361"/>
      <c r="D3733" s="361"/>
      <c r="E3733" s="361"/>
      <c r="F3733" s="361" t="s">
        <v>14374</v>
      </c>
      <c r="G3733" s="361" t="s">
        <v>14373</v>
      </c>
      <c r="H3733" s="361" t="s">
        <v>14332</v>
      </c>
      <c r="I3733" s="362"/>
      <c r="J3733" s="361"/>
      <c r="K3733" s="361"/>
      <c r="L3733" s="361"/>
    </row>
    <row r="3734" spans="2:12" ht="28.5">
      <c r="B3734" s="358" t="s">
        <v>16499</v>
      </c>
      <c r="C3734" s="358" t="s">
        <v>16500</v>
      </c>
      <c r="D3734" s="358" t="s">
        <v>16501</v>
      </c>
      <c r="E3734" s="358" t="s">
        <v>8356</v>
      </c>
      <c r="F3734" s="358" t="s">
        <v>14386</v>
      </c>
      <c r="G3734" s="358" t="s">
        <v>14387</v>
      </c>
      <c r="H3734" s="358" t="s">
        <v>14367</v>
      </c>
      <c r="I3734" s="358" t="s">
        <v>14387</v>
      </c>
      <c r="J3734" s="358"/>
      <c r="K3734" s="358"/>
      <c r="L3734" s="358"/>
    </row>
    <row r="3735" spans="2:12">
      <c r="B3735" s="359"/>
      <c r="C3735" s="360"/>
      <c r="D3735" s="359"/>
      <c r="E3735" s="359"/>
      <c r="F3735" s="360"/>
      <c r="G3735" s="360"/>
      <c r="H3735" s="360"/>
      <c r="I3735" s="360"/>
      <c r="J3735" s="359"/>
      <c r="K3735" s="359"/>
      <c r="L3735" s="359"/>
    </row>
    <row r="3736" spans="2:12" ht="28.5">
      <c r="B3736" s="359"/>
      <c r="C3736" s="359" t="s">
        <v>16502</v>
      </c>
      <c r="D3736" s="359"/>
      <c r="E3736" s="359"/>
      <c r="F3736" s="359" t="s">
        <v>14389</v>
      </c>
      <c r="G3736" s="359" t="s">
        <v>14390</v>
      </c>
      <c r="H3736" s="359" t="s">
        <v>14422</v>
      </c>
      <c r="I3736" s="359" t="s">
        <v>14390</v>
      </c>
      <c r="J3736" s="359"/>
      <c r="K3736" s="359"/>
      <c r="L3736" s="359"/>
    </row>
    <row r="3737" spans="2:12">
      <c r="B3737" s="359"/>
      <c r="C3737" s="360"/>
      <c r="D3737" s="359"/>
      <c r="E3737" s="359"/>
      <c r="F3737" s="360"/>
      <c r="G3737" s="360"/>
      <c r="H3737" s="360"/>
      <c r="I3737" s="360"/>
      <c r="J3737" s="359"/>
      <c r="K3737" s="359"/>
      <c r="L3737" s="359"/>
    </row>
    <row r="3738" spans="2:12" ht="28.5">
      <c r="B3738" s="361"/>
      <c r="C3738" s="361" t="s">
        <v>16503</v>
      </c>
      <c r="D3738" s="361"/>
      <c r="E3738" s="361"/>
      <c r="F3738" s="361" t="s">
        <v>14391</v>
      </c>
      <c r="G3738" s="361" t="s">
        <v>14392</v>
      </c>
      <c r="H3738" s="362"/>
      <c r="I3738" s="361" t="s">
        <v>14392</v>
      </c>
      <c r="J3738" s="361"/>
      <c r="K3738" s="361"/>
      <c r="L3738" s="361"/>
    </row>
    <row r="3739" spans="2:12">
      <c r="B3739" s="358" t="s">
        <v>16504</v>
      </c>
      <c r="C3739" s="358" t="s">
        <v>16505</v>
      </c>
      <c r="D3739" s="358" t="s">
        <v>16506</v>
      </c>
      <c r="E3739" s="358" t="s">
        <v>16507</v>
      </c>
      <c r="F3739" s="358" t="s">
        <v>14356</v>
      </c>
      <c r="G3739" s="358" t="s">
        <v>14340</v>
      </c>
      <c r="H3739" s="358" t="s">
        <v>14341</v>
      </c>
      <c r="I3739" s="358" t="s">
        <v>14340</v>
      </c>
      <c r="J3739" s="358" t="s">
        <v>14355</v>
      </c>
      <c r="K3739" s="358"/>
      <c r="L3739" s="358"/>
    </row>
    <row r="3740" spans="2:12">
      <c r="B3740" s="359"/>
      <c r="C3740" s="359"/>
      <c r="D3740" s="359"/>
      <c r="E3740" s="359"/>
      <c r="F3740" s="359"/>
      <c r="G3740" s="359"/>
      <c r="H3740" s="360"/>
      <c r="I3740" s="359"/>
      <c r="J3740" s="359"/>
      <c r="K3740" s="359"/>
      <c r="L3740" s="359"/>
    </row>
    <row r="3741" spans="2:12">
      <c r="B3741" s="361"/>
      <c r="C3741" s="361"/>
      <c r="D3741" s="361"/>
      <c r="E3741" s="361"/>
      <c r="F3741" s="361"/>
      <c r="G3741" s="361"/>
      <c r="H3741" s="361" t="s">
        <v>14332</v>
      </c>
      <c r="I3741" s="361"/>
      <c r="J3741" s="361"/>
      <c r="K3741" s="361"/>
      <c r="L3741" s="361"/>
    </row>
    <row r="3742" spans="2:12">
      <c r="B3742" s="358" t="s">
        <v>16508</v>
      </c>
      <c r="C3742" s="358" t="s">
        <v>16509</v>
      </c>
      <c r="D3742" s="358" t="s">
        <v>16510</v>
      </c>
      <c r="E3742" s="358" t="s">
        <v>8356</v>
      </c>
      <c r="F3742" s="358" t="s">
        <v>14430</v>
      </c>
      <c r="G3742" s="358" t="s">
        <v>14431</v>
      </c>
      <c r="H3742" s="358" t="s">
        <v>14341</v>
      </c>
      <c r="I3742" s="358" t="s">
        <v>14431</v>
      </c>
      <c r="J3742" s="358"/>
      <c r="K3742" s="358"/>
      <c r="L3742" s="358"/>
    </row>
    <row r="3743" spans="2:12">
      <c r="B3743" s="359"/>
      <c r="C3743" s="359"/>
      <c r="D3743" s="359"/>
      <c r="E3743" s="359"/>
      <c r="F3743" s="359"/>
      <c r="G3743" s="359"/>
      <c r="H3743" s="360"/>
      <c r="I3743" s="359"/>
      <c r="J3743" s="359"/>
      <c r="K3743" s="359"/>
      <c r="L3743" s="359"/>
    </row>
    <row r="3744" spans="2:12">
      <c r="B3744" s="361"/>
      <c r="C3744" s="361"/>
      <c r="D3744" s="361"/>
      <c r="E3744" s="361"/>
      <c r="F3744" s="361"/>
      <c r="G3744" s="361"/>
      <c r="H3744" s="361" t="s">
        <v>14332</v>
      </c>
      <c r="I3744" s="361"/>
      <c r="J3744" s="361"/>
      <c r="K3744" s="361"/>
      <c r="L3744" s="361"/>
    </row>
    <row r="3745" spans="2:12" ht="28.5">
      <c r="B3745" s="358" t="s">
        <v>16511</v>
      </c>
      <c r="C3745" s="358" t="s">
        <v>27501</v>
      </c>
      <c r="D3745" s="358" t="s">
        <v>16512</v>
      </c>
      <c r="E3745" s="358" t="s">
        <v>16513</v>
      </c>
      <c r="F3745" s="358" t="s">
        <v>15096</v>
      </c>
      <c r="G3745" s="358" t="s">
        <v>15097</v>
      </c>
      <c r="H3745" s="358" t="s">
        <v>14328</v>
      </c>
      <c r="I3745" s="358" t="s">
        <v>15097</v>
      </c>
      <c r="J3745" s="358"/>
      <c r="K3745" s="358"/>
      <c r="L3745" s="358" t="s">
        <v>14513</v>
      </c>
    </row>
    <row r="3746" spans="2:12">
      <c r="B3746" s="359"/>
      <c r="C3746" s="359"/>
      <c r="D3746" s="359"/>
      <c r="E3746" s="359"/>
      <c r="F3746" s="360"/>
      <c r="G3746" s="360"/>
      <c r="H3746" s="360"/>
      <c r="I3746" s="360"/>
      <c r="J3746" s="359"/>
      <c r="K3746" s="359"/>
      <c r="L3746" s="359"/>
    </row>
    <row r="3747" spans="2:12" ht="42.75">
      <c r="B3747" s="359"/>
      <c r="C3747" s="359"/>
      <c r="D3747" s="359"/>
      <c r="E3747" s="359"/>
      <c r="F3747" s="359" t="s">
        <v>14507</v>
      </c>
      <c r="G3747" s="359" t="s">
        <v>28702</v>
      </c>
      <c r="H3747" s="359" t="s">
        <v>14381</v>
      </c>
      <c r="I3747" s="359" t="s">
        <v>28703</v>
      </c>
      <c r="J3747" s="359"/>
      <c r="K3747" s="359"/>
      <c r="L3747" s="359"/>
    </row>
    <row r="3748" spans="2:12">
      <c r="B3748" s="359"/>
      <c r="C3748" s="359"/>
      <c r="D3748" s="359"/>
      <c r="E3748" s="359"/>
      <c r="F3748" s="360"/>
      <c r="G3748" s="360"/>
      <c r="H3748" s="360"/>
      <c r="I3748" s="360"/>
      <c r="J3748" s="359"/>
      <c r="K3748" s="359"/>
      <c r="L3748" s="359"/>
    </row>
    <row r="3749" spans="2:12">
      <c r="B3749" s="359"/>
      <c r="C3749" s="359"/>
      <c r="D3749" s="359"/>
      <c r="E3749" s="359"/>
      <c r="F3749" s="359" t="s">
        <v>14460</v>
      </c>
      <c r="G3749" s="359" t="s">
        <v>14395</v>
      </c>
      <c r="H3749" s="359" t="s">
        <v>14370</v>
      </c>
      <c r="I3749" s="360"/>
      <c r="J3749" s="359"/>
      <c r="K3749" s="359"/>
      <c r="L3749" s="359"/>
    </row>
    <row r="3750" spans="2:12">
      <c r="B3750" s="359"/>
      <c r="C3750" s="359"/>
      <c r="D3750" s="359"/>
      <c r="E3750" s="359"/>
      <c r="F3750" s="360"/>
      <c r="G3750" s="360"/>
      <c r="H3750" s="360"/>
      <c r="I3750" s="360"/>
      <c r="J3750" s="359"/>
      <c r="K3750" s="359"/>
      <c r="L3750" s="359"/>
    </row>
    <row r="3751" spans="2:12" ht="28.5">
      <c r="B3751" s="361"/>
      <c r="C3751" s="361"/>
      <c r="D3751" s="361"/>
      <c r="E3751" s="361"/>
      <c r="F3751" s="361" t="s">
        <v>14394</v>
      </c>
      <c r="G3751" s="362"/>
      <c r="H3751" s="361" t="s">
        <v>14332</v>
      </c>
      <c r="I3751" s="362"/>
      <c r="J3751" s="361"/>
      <c r="K3751" s="361"/>
      <c r="L3751" s="361"/>
    </row>
    <row r="3752" spans="2:12">
      <c r="B3752" s="358" t="s">
        <v>16514</v>
      </c>
      <c r="C3752" s="358" t="s">
        <v>30095</v>
      </c>
      <c r="D3752" s="358" t="s">
        <v>16515</v>
      </c>
      <c r="E3752" s="358" t="s">
        <v>16516</v>
      </c>
      <c r="F3752" s="358" t="s">
        <v>14443</v>
      </c>
      <c r="G3752" s="358" t="s">
        <v>14444</v>
      </c>
      <c r="H3752" s="358" t="s">
        <v>14381</v>
      </c>
      <c r="I3752" s="358" t="s">
        <v>14444</v>
      </c>
      <c r="J3752" s="358"/>
      <c r="K3752" s="358"/>
      <c r="L3752" s="358"/>
    </row>
    <row r="3753" spans="2:12">
      <c r="B3753" s="359"/>
      <c r="C3753" s="359"/>
      <c r="D3753" s="359"/>
      <c r="E3753" s="359"/>
      <c r="F3753" s="359"/>
      <c r="G3753" s="359"/>
      <c r="H3753" s="360"/>
      <c r="I3753" s="359"/>
      <c r="J3753" s="359"/>
      <c r="K3753" s="359"/>
      <c r="L3753" s="359"/>
    </row>
    <row r="3754" spans="2:12">
      <c r="B3754" s="361"/>
      <c r="C3754" s="361"/>
      <c r="D3754" s="361"/>
      <c r="E3754" s="361"/>
      <c r="F3754" s="361"/>
      <c r="G3754" s="361"/>
      <c r="H3754" s="361" t="s">
        <v>14422</v>
      </c>
      <c r="I3754" s="361"/>
      <c r="J3754" s="361"/>
      <c r="K3754" s="361"/>
      <c r="L3754" s="361"/>
    </row>
    <row r="3755" spans="2:12" ht="57">
      <c r="B3755" s="358" t="s">
        <v>16517</v>
      </c>
      <c r="C3755" s="358" t="s">
        <v>27502</v>
      </c>
      <c r="D3755" s="358" t="s">
        <v>16518</v>
      </c>
      <c r="E3755" s="358" t="s">
        <v>16519</v>
      </c>
      <c r="F3755" s="358" t="s">
        <v>16520</v>
      </c>
      <c r="G3755" s="358" t="s">
        <v>15097</v>
      </c>
      <c r="H3755" s="358" t="s">
        <v>14328</v>
      </c>
      <c r="I3755" s="358" t="s">
        <v>15097</v>
      </c>
      <c r="J3755" s="358"/>
      <c r="K3755" s="358"/>
      <c r="L3755" s="358"/>
    </row>
    <row r="3756" spans="2:12">
      <c r="B3756" s="359"/>
      <c r="C3756" s="359"/>
      <c r="D3756" s="359"/>
      <c r="E3756" s="359"/>
      <c r="F3756" s="360"/>
      <c r="G3756" s="360"/>
      <c r="H3756" s="360"/>
      <c r="I3756" s="360"/>
      <c r="J3756" s="359"/>
      <c r="K3756" s="359"/>
      <c r="L3756" s="359"/>
    </row>
    <row r="3757" spans="2:12">
      <c r="B3757" s="359"/>
      <c r="C3757" s="359"/>
      <c r="D3757" s="359"/>
      <c r="E3757" s="359"/>
      <c r="F3757" s="359" t="s">
        <v>14356</v>
      </c>
      <c r="G3757" s="359" t="s">
        <v>14340</v>
      </c>
      <c r="H3757" s="359" t="s">
        <v>14341</v>
      </c>
      <c r="I3757" s="359" t="s">
        <v>14340</v>
      </c>
      <c r="J3757" s="359"/>
      <c r="K3757" s="359"/>
      <c r="L3757" s="359"/>
    </row>
    <row r="3758" spans="2:12">
      <c r="B3758" s="359"/>
      <c r="C3758" s="359"/>
      <c r="D3758" s="359"/>
      <c r="E3758" s="359"/>
      <c r="F3758" s="360"/>
      <c r="G3758" s="360"/>
      <c r="H3758" s="360"/>
      <c r="I3758" s="360"/>
      <c r="J3758" s="359"/>
      <c r="K3758" s="359"/>
      <c r="L3758" s="359"/>
    </row>
    <row r="3759" spans="2:12">
      <c r="B3759" s="359"/>
      <c r="C3759" s="359"/>
      <c r="D3759" s="359"/>
      <c r="E3759" s="359"/>
      <c r="F3759" s="359" t="s">
        <v>14391</v>
      </c>
      <c r="G3759" s="359" t="s">
        <v>14392</v>
      </c>
      <c r="H3759" s="359" t="s">
        <v>14367</v>
      </c>
      <c r="I3759" s="359" t="s">
        <v>14392</v>
      </c>
      <c r="J3759" s="359"/>
      <c r="K3759" s="359"/>
      <c r="L3759" s="359"/>
    </row>
    <row r="3760" spans="2:12">
      <c r="B3760" s="359"/>
      <c r="C3760" s="359"/>
      <c r="D3760" s="359"/>
      <c r="E3760" s="359"/>
      <c r="F3760" s="360"/>
      <c r="G3760" s="360"/>
      <c r="H3760" s="360"/>
      <c r="I3760" s="360"/>
      <c r="J3760" s="359"/>
      <c r="K3760" s="359"/>
      <c r="L3760" s="359"/>
    </row>
    <row r="3761" spans="2:12" ht="28.5">
      <c r="B3761" s="361"/>
      <c r="C3761" s="361"/>
      <c r="D3761" s="361"/>
      <c r="E3761" s="361"/>
      <c r="F3761" s="361" t="s">
        <v>14462</v>
      </c>
      <c r="G3761" s="361" t="s">
        <v>14463</v>
      </c>
      <c r="H3761" s="361" t="s">
        <v>14332</v>
      </c>
      <c r="I3761" s="361" t="s">
        <v>14463</v>
      </c>
      <c r="J3761" s="361"/>
      <c r="K3761" s="361"/>
      <c r="L3761" s="361"/>
    </row>
    <row r="3762" spans="2:12">
      <c r="B3762" s="358" t="s">
        <v>16521</v>
      </c>
      <c r="C3762" s="358" t="s">
        <v>16522</v>
      </c>
      <c r="D3762" s="358" t="s">
        <v>16523</v>
      </c>
      <c r="E3762" s="358" t="s">
        <v>16524</v>
      </c>
      <c r="F3762" s="358" t="s">
        <v>14426</v>
      </c>
      <c r="G3762" s="358" t="s">
        <v>14427</v>
      </c>
      <c r="H3762" s="358" t="s">
        <v>14381</v>
      </c>
      <c r="I3762" s="358" t="s">
        <v>14427</v>
      </c>
      <c r="J3762" s="358"/>
      <c r="K3762" s="358"/>
      <c r="L3762" s="358"/>
    </row>
    <row r="3763" spans="2:12">
      <c r="B3763" s="359"/>
      <c r="C3763" s="360"/>
      <c r="D3763" s="359"/>
      <c r="E3763" s="359"/>
      <c r="F3763" s="360"/>
      <c r="G3763" s="360"/>
      <c r="H3763" s="360"/>
      <c r="I3763" s="360"/>
      <c r="J3763" s="359"/>
      <c r="K3763" s="359"/>
      <c r="L3763" s="359"/>
    </row>
    <row r="3764" spans="2:12" ht="28.5">
      <c r="B3764" s="359"/>
      <c r="C3764" s="359" t="s">
        <v>16525</v>
      </c>
      <c r="D3764" s="359"/>
      <c r="E3764" s="359"/>
      <c r="F3764" s="359" t="s">
        <v>14507</v>
      </c>
      <c r="G3764" s="359" t="s">
        <v>28704</v>
      </c>
      <c r="H3764" s="359" t="s">
        <v>14367</v>
      </c>
      <c r="I3764" s="359" t="s">
        <v>28704</v>
      </c>
      <c r="J3764" s="359"/>
      <c r="K3764" s="359"/>
      <c r="L3764" s="359"/>
    </row>
    <row r="3765" spans="2:12">
      <c r="B3765" s="359"/>
      <c r="C3765" s="360"/>
      <c r="D3765" s="359"/>
      <c r="E3765" s="359"/>
      <c r="F3765" s="360"/>
      <c r="G3765" s="360"/>
      <c r="H3765" s="360"/>
      <c r="I3765" s="360"/>
      <c r="J3765" s="359"/>
      <c r="K3765" s="359"/>
      <c r="L3765" s="359"/>
    </row>
    <row r="3766" spans="2:12">
      <c r="B3766" s="359"/>
      <c r="C3766" s="360"/>
      <c r="D3766" s="359"/>
      <c r="E3766" s="359"/>
      <c r="F3766" s="359" t="s">
        <v>14384</v>
      </c>
      <c r="G3766" s="359" t="s">
        <v>14459</v>
      </c>
      <c r="H3766" s="359" t="s">
        <v>14370</v>
      </c>
      <c r="I3766" s="359" t="s">
        <v>14459</v>
      </c>
      <c r="J3766" s="359"/>
      <c r="K3766" s="359"/>
      <c r="L3766" s="359"/>
    </row>
    <row r="3767" spans="2:12">
      <c r="B3767" s="359"/>
      <c r="C3767" s="360"/>
      <c r="D3767" s="359"/>
      <c r="E3767" s="359"/>
      <c r="F3767" s="360"/>
      <c r="G3767" s="360"/>
      <c r="H3767" s="360"/>
      <c r="I3767" s="360"/>
      <c r="J3767" s="359"/>
      <c r="K3767" s="359"/>
      <c r="L3767" s="359"/>
    </row>
    <row r="3768" spans="2:12">
      <c r="B3768" s="359"/>
      <c r="C3768" s="360"/>
      <c r="D3768" s="359"/>
      <c r="E3768" s="359"/>
      <c r="F3768" s="359" t="s">
        <v>14420</v>
      </c>
      <c r="G3768" s="359" t="s">
        <v>14429</v>
      </c>
      <c r="H3768" s="359" t="s">
        <v>14332</v>
      </c>
      <c r="I3768" s="359" t="s">
        <v>14429</v>
      </c>
      <c r="J3768" s="359"/>
      <c r="K3768" s="359"/>
      <c r="L3768" s="359"/>
    </row>
    <row r="3769" spans="2:12">
      <c r="B3769" s="359"/>
      <c r="C3769" s="360"/>
      <c r="D3769" s="359"/>
      <c r="E3769" s="359"/>
      <c r="F3769" s="360"/>
      <c r="G3769" s="360"/>
      <c r="H3769" s="360"/>
      <c r="I3769" s="360"/>
      <c r="J3769" s="359"/>
      <c r="K3769" s="359"/>
      <c r="L3769" s="359"/>
    </row>
    <row r="3770" spans="2:12">
      <c r="B3770" s="359"/>
      <c r="C3770" s="360"/>
      <c r="D3770" s="359"/>
      <c r="E3770" s="359"/>
      <c r="F3770" s="359" t="s">
        <v>14420</v>
      </c>
      <c r="G3770" s="359" t="s">
        <v>14388</v>
      </c>
      <c r="H3770" s="360"/>
      <c r="I3770" s="359" t="s">
        <v>14388</v>
      </c>
      <c r="J3770" s="359"/>
      <c r="K3770" s="359"/>
      <c r="L3770" s="359"/>
    </row>
    <row r="3771" spans="2:12">
      <c r="B3771" s="359"/>
      <c r="C3771" s="360"/>
      <c r="D3771" s="359"/>
      <c r="E3771" s="359"/>
      <c r="F3771" s="360"/>
      <c r="G3771" s="360"/>
      <c r="H3771" s="360"/>
      <c r="I3771" s="360"/>
      <c r="J3771" s="359"/>
      <c r="K3771" s="359"/>
      <c r="L3771" s="359"/>
    </row>
    <row r="3772" spans="2:12">
      <c r="B3772" s="359"/>
      <c r="C3772" s="360"/>
      <c r="D3772" s="359"/>
      <c r="E3772" s="359"/>
      <c r="F3772" s="359" t="s">
        <v>14368</v>
      </c>
      <c r="G3772" s="359" t="s">
        <v>14395</v>
      </c>
      <c r="H3772" s="360"/>
      <c r="I3772" s="359" t="s">
        <v>14395</v>
      </c>
      <c r="J3772" s="359"/>
      <c r="K3772" s="359"/>
      <c r="L3772" s="359"/>
    </row>
    <row r="3773" spans="2:12">
      <c r="B3773" s="359"/>
      <c r="C3773" s="360"/>
      <c r="D3773" s="359"/>
      <c r="E3773" s="359"/>
      <c r="F3773" s="360"/>
      <c r="G3773" s="360"/>
      <c r="H3773" s="360"/>
      <c r="I3773" s="360"/>
      <c r="J3773" s="359"/>
      <c r="K3773" s="359"/>
      <c r="L3773" s="359"/>
    </row>
    <row r="3774" spans="2:12" ht="28.5">
      <c r="B3774" s="361"/>
      <c r="C3774" s="362"/>
      <c r="D3774" s="361"/>
      <c r="E3774" s="361"/>
      <c r="F3774" s="361" t="s">
        <v>14394</v>
      </c>
      <c r="G3774" s="362"/>
      <c r="H3774" s="362"/>
      <c r="I3774" s="362"/>
      <c r="J3774" s="361"/>
      <c r="K3774" s="361"/>
      <c r="L3774" s="361"/>
    </row>
    <row r="3775" spans="2:12" ht="42.75">
      <c r="B3775" s="358" t="s">
        <v>9048</v>
      </c>
      <c r="C3775" s="358" t="s">
        <v>16527</v>
      </c>
      <c r="D3775" s="358" t="s">
        <v>452</v>
      </c>
      <c r="E3775" s="358" t="s">
        <v>453</v>
      </c>
      <c r="F3775" s="358" t="s">
        <v>15115</v>
      </c>
      <c r="G3775" s="358" t="s">
        <v>15024</v>
      </c>
      <c r="H3775" s="358" t="s">
        <v>14479</v>
      </c>
      <c r="I3775" s="358" t="s">
        <v>15024</v>
      </c>
      <c r="J3775" s="358"/>
      <c r="K3775" s="358" t="s">
        <v>28614</v>
      </c>
      <c r="L3775" s="358"/>
    </row>
    <row r="3776" spans="2:12">
      <c r="B3776" s="359"/>
      <c r="C3776" s="359"/>
      <c r="D3776" s="359"/>
      <c r="E3776" s="359"/>
      <c r="F3776" s="360"/>
      <c r="G3776" s="360"/>
      <c r="H3776" s="360"/>
      <c r="I3776" s="360"/>
      <c r="J3776" s="359"/>
      <c r="K3776" s="359"/>
      <c r="L3776" s="359"/>
    </row>
    <row r="3777" spans="2:12">
      <c r="B3777" s="359"/>
      <c r="C3777" s="359"/>
      <c r="D3777" s="359"/>
      <c r="E3777" s="359"/>
      <c r="F3777" s="359" t="s">
        <v>16528</v>
      </c>
      <c r="G3777" s="359" t="s">
        <v>14669</v>
      </c>
      <c r="H3777" s="359" t="s">
        <v>14378</v>
      </c>
      <c r="I3777" s="359" t="s">
        <v>14669</v>
      </c>
      <c r="J3777" s="359"/>
      <c r="K3777" s="359"/>
      <c r="L3777" s="359"/>
    </row>
    <row r="3778" spans="2:12">
      <c r="B3778" s="359"/>
      <c r="C3778" s="359"/>
      <c r="D3778" s="359"/>
      <c r="E3778" s="359"/>
      <c r="F3778" s="360"/>
      <c r="G3778" s="360"/>
      <c r="H3778" s="360"/>
      <c r="I3778" s="360"/>
      <c r="J3778" s="359"/>
      <c r="K3778" s="359"/>
      <c r="L3778" s="359"/>
    </row>
    <row r="3779" spans="2:12" ht="28.5">
      <c r="B3779" s="359"/>
      <c r="C3779" s="359"/>
      <c r="D3779" s="359"/>
      <c r="E3779" s="359"/>
      <c r="F3779" s="359" t="s">
        <v>28705</v>
      </c>
      <c r="G3779" s="359" t="s">
        <v>14890</v>
      </c>
      <c r="H3779" s="359" t="s">
        <v>14381</v>
      </c>
      <c r="I3779" s="359" t="s">
        <v>14890</v>
      </c>
      <c r="J3779" s="359"/>
      <c r="K3779" s="359"/>
      <c r="L3779" s="359"/>
    </row>
    <row r="3780" spans="2:12">
      <c r="B3780" s="359"/>
      <c r="C3780" s="359"/>
      <c r="D3780" s="359"/>
      <c r="E3780" s="359"/>
      <c r="F3780" s="360"/>
      <c r="G3780" s="360"/>
      <c r="H3780" s="360"/>
      <c r="I3780" s="360"/>
      <c r="J3780" s="359"/>
      <c r="K3780" s="359"/>
      <c r="L3780" s="359"/>
    </row>
    <row r="3781" spans="2:12" ht="28.5">
      <c r="B3781" s="359"/>
      <c r="C3781" s="359"/>
      <c r="D3781" s="359"/>
      <c r="E3781" s="359"/>
      <c r="F3781" s="359" t="s">
        <v>14379</v>
      </c>
      <c r="G3781" s="359" t="s">
        <v>28706</v>
      </c>
      <c r="H3781" s="359" t="s">
        <v>14341</v>
      </c>
      <c r="I3781" s="359" t="s">
        <v>28706</v>
      </c>
      <c r="J3781" s="359"/>
      <c r="K3781" s="359"/>
      <c r="L3781" s="359"/>
    </row>
    <row r="3782" spans="2:12">
      <c r="B3782" s="359"/>
      <c r="C3782" s="359"/>
      <c r="D3782" s="359"/>
      <c r="E3782" s="359"/>
      <c r="F3782" s="360"/>
      <c r="G3782" s="360"/>
      <c r="H3782" s="360"/>
      <c r="I3782" s="360"/>
      <c r="J3782" s="359"/>
      <c r="K3782" s="359"/>
      <c r="L3782" s="359"/>
    </row>
    <row r="3783" spans="2:12">
      <c r="B3783" s="359"/>
      <c r="C3783" s="359"/>
      <c r="D3783" s="359"/>
      <c r="E3783" s="359"/>
      <c r="F3783" s="359" t="s">
        <v>14382</v>
      </c>
      <c r="G3783" s="359" t="s">
        <v>14579</v>
      </c>
      <c r="H3783" s="359" t="s">
        <v>14370</v>
      </c>
      <c r="I3783" s="359" t="s">
        <v>14579</v>
      </c>
      <c r="J3783" s="359"/>
      <c r="K3783" s="359"/>
      <c r="L3783" s="359"/>
    </row>
    <row r="3784" spans="2:12">
      <c r="B3784" s="359"/>
      <c r="C3784" s="359"/>
      <c r="D3784" s="359"/>
      <c r="E3784" s="359"/>
      <c r="F3784" s="360"/>
      <c r="G3784" s="360"/>
      <c r="H3784" s="360"/>
      <c r="I3784" s="360"/>
      <c r="J3784" s="359"/>
      <c r="K3784" s="359"/>
      <c r="L3784" s="359"/>
    </row>
    <row r="3785" spans="2:12">
      <c r="B3785" s="359"/>
      <c r="C3785" s="359"/>
      <c r="D3785" s="359"/>
      <c r="E3785" s="359"/>
      <c r="F3785" s="359" t="s">
        <v>14382</v>
      </c>
      <c r="G3785" s="359" t="s">
        <v>14383</v>
      </c>
      <c r="H3785" s="359" t="s">
        <v>14332</v>
      </c>
      <c r="I3785" s="359" t="s">
        <v>14383</v>
      </c>
      <c r="J3785" s="359"/>
      <c r="K3785" s="359"/>
      <c r="L3785" s="359"/>
    </row>
    <row r="3786" spans="2:12">
      <c r="B3786" s="359"/>
      <c r="C3786" s="359"/>
      <c r="D3786" s="359"/>
      <c r="E3786" s="359"/>
      <c r="F3786" s="360"/>
      <c r="G3786" s="360"/>
      <c r="H3786" s="360"/>
      <c r="I3786" s="360"/>
      <c r="J3786" s="359"/>
      <c r="K3786" s="359"/>
      <c r="L3786" s="359"/>
    </row>
    <row r="3787" spans="2:12">
      <c r="B3787" s="359"/>
      <c r="C3787" s="359"/>
      <c r="D3787" s="359"/>
      <c r="E3787" s="359"/>
      <c r="F3787" s="359" t="s">
        <v>14384</v>
      </c>
      <c r="G3787" s="359" t="s">
        <v>14385</v>
      </c>
      <c r="H3787" s="360"/>
      <c r="I3787" s="359" t="s">
        <v>14385</v>
      </c>
      <c r="J3787" s="359"/>
      <c r="K3787" s="359"/>
      <c r="L3787" s="359"/>
    </row>
    <row r="3788" spans="2:12">
      <c r="B3788" s="359"/>
      <c r="C3788" s="359"/>
      <c r="D3788" s="359"/>
      <c r="E3788" s="359"/>
      <c r="F3788" s="360"/>
      <c r="G3788" s="360"/>
      <c r="H3788" s="360"/>
      <c r="I3788" s="360"/>
      <c r="J3788" s="359"/>
      <c r="K3788" s="359"/>
      <c r="L3788" s="359"/>
    </row>
    <row r="3789" spans="2:12">
      <c r="B3789" s="359"/>
      <c r="C3789" s="359"/>
      <c r="D3789" s="359"/>
      <c r="E3789" s="359"/>
      <c r="F3789" s="359" t="s">
        <v>14339</v>
      </c>
      <c r="G3789" s="359" t="s">
        <v>14340</v>
      </c>
      <c r="H3789" s="360"/>
      <c r="I3789" s="359" t="s">
        <v>14340</v>
      </c>
      <c r="J3789" s="359"/>
      <c r="K3789" s="359"/>
      <c r="L3789" s="359"/>
    </row>
    <row r="3790" spans="2:12">
      <c r="B3790" s="359"/>
      <c r="C3790" s="359"/>
      <c r="D3790" s="359"/>
      <c r="E3790" s="359"/>
      <c r="F3790" s="360"/>
      <c r="G3790" s="360"/>
      <c r="H3790" s="360"/>
      <c r="I3790" s="360"/>
      <c r="J3790" s="359"/>
      <c r="K3790" s="359"/>
      <c r="L3790" s="359"/>
    </row>
    <row r="3791" spans="2:12">
      <c r="B3791" s="359"/>
      <c r="C3791" s="359"/>
      <c r="D3791" s="359"/>
      <c r="E3791" s="359"/>
      <c r="F3791" s="359" t="s">
        <v>14814</v>
      </c>
      <c r="G3791" s="359" t="s">
        <v>14815</v>
      </c>
      <c r="H3791" s="360"/>
      <c r="I3791" s="359" t="s">
        <v>14815</v>
      </c>
      <c r="J3791" s="359"/>
      <c r="K3791" s="359"/>
      <c r="L3791" s="359"/>
    </row>
    <row r="3792" spans="2:12">
      <c r="B3792" s="359"/>
      <c r="C3792" s="359"/>
      <c r="D3792" s="359"/>
      <c r="E3792" s="359"/>
      <c r="F3792" s="360"/>
      <c r="G3792" s="360"/>
      <c r="H3792" s="360"/>
      <c r="I3792" s="360"/>
      <c r="J3792" s="359"/>
      <c r="K3792" s="359"/>
      <c r="L3792" s="359"/>
    </row>
    <row r="3793" spans="2:12">
      <c r="B3793" s="359"/>
      <c r="C3793" s="359"/>
      <c r="D3793" s="359"/>
      <c r="E3793" s="359"/>
      <c r="F3793" s="359" t="s">
        <v>14391</v>
      </c>
      <c r="G3793" s="359" t="s">
        <v>14392</v>
      </c>
      <c r="H3793" s="360"/>
      <c r="I3793" s="359" t="s">
        <v>14392</v>
      </c>
      <c r="J3793" s="359"/>
      <c r="K3793" s="359"/>
      <c r="L3793" s="359"/>
    </row>
    <row r="3794" spans="2:12">
      <c r="B3794" s="359"/>
      <c r="C3794" s="359"/>
      <c r="D3794" s="359"/>
      <c r="E3794" s="359"/>
      <c r="F3794" s="360"/>
      <c r="G3794" s="360"/>
      <c r="H3794" s="360"/>
      <c r="I3794" s="360"/>
      <c r="J3794" s="359"/>
      <c r="K3794" s="359"/>
      <c r="L3794" s="359"/>
    </row>
    <row r="3795" spans="2:12">
      <c r="B3795" s="359"/>
      <c r="C3795" s="359"/>
      <c r="D3795" s="359"/>
      <c r="E3795" s="359"/>
      <c r="F3795" s="359" t="s">
        <v>14371</v>
      </c>
      <c r="G3795" s="359" t="s">
        <v>14372</v>
      </c>
      <c r="H3795" s="360"/>
      <c r="I3795" s="359" t="s">
        <v>14373</v>
      </c>
      <c r="J3795" s="359"/>
      <c r="K3795" s="359"/>
      <c r="L3795" s="359"/>
    </row>
    <row r="3796" spans="2:12">
      <c r="B3796" s="359"/>
      <c r="C3796" s="359"/>
      <c r="D3796" s="359"/>
      <c r="E3796" s="359"/>
      <c r="F3796" s="360"/>
      <c r="G3796" s="360"/>
      <c r="H3796" s="360"/>
      <c r="I3796" s="360"/>
      <c r="J3796" s="359"/>
      <c r="K3796" s="359"/>
      <c r="L3796" s="359"/>
    </row>
    <row r="3797" spans="2:12" ht="28.5">
      <c r="B3797" s="361"/>
      <c r="C3797" s="361"/>
      <c r="D3797" s="361"/>
      <c r="E3797" s="361"/>
      <c r="F3797" s="361" t="s">
        <v>14374</v>
      </c>
      <c r="G3797" s="361" t="s">
        <v>14373</v>
      </c>
      <c r="H3797" s="362"/>
      <c r="I3797" s="362"/>
      <c r="J3797" s="361"/>
      <c r="K3797" s="361"/>
      <c r="L3797" s="361"/>
    </row>
    <row r="3798" spans="2:12" ht="42.75">
      <c r="B3798" s="358" t="s">
        <v>10226</v>
      </c>
      <c r="C3798" s="358" t="s">
        <v>16529</v>
      </c>
      <c r="D3798" s="358" t="s">
        <v>478</v>
      </c>
      <c r="E3798" s="358" t="s">
        <v>479</v>
      </c>
      <c r="F3798" s="358" t="s">
        <v>14477</v>
      </c>
      <c r="G3798" s="358" t="s">
        <v>14478</v>
      </c>
      <c r="H3798" s="358" t="s">
        <v>14479</v>
      </c>
      <c r="I3798" s="358" t="s">
        <v>14478</v>
      </c>
      <c r="J3798" s="358"/>
      <c r="K3798" s="358" t="s">
        <v>28582</v>
      </c>
      <c r="L3798" s="358" t="s">
        <v>27503</v>
      </c>
    </row>
    <row r="3799" spans="2:12">
      <c r="B3799" s="359"/>
      <c r="C3799" s="359"/>
      <c r="D3799" s="359"/>
      <c r="E3799" s="359"/>
      <c r="F3799" s="360"/>
      <c r="G3799" s="360"/>
      <c r="H3799" s="360"/>
      <c r="I3799" s="360"/>
      <c r="J3799" s="359"/>
      <c r="K3799" s="359"/>
      <c r="L3799" s="359"/>
    </row>
    <row r="3800" spans="2:12">
      <c r="B3800" s="359"/>
      <c r="C3800" s="359"/>
      <c r="D3800" s="359"/>
      <c r="E3800" s="359"/>
      <c r="F3800" s="359" t="s">
        <v>14376</v>
      </c>
      <c r="G3800" s="359" t="s">
        <v>14669</v>
      </c>
      <c r="H3800" s="359" t="s">
        <v>14378</v>
      </c>
      <c r="I3800" s="359" t="s">
        <v>14669</v>
      </c>
      <c r="J3800" s="359"/>
      <c r="K3800" s="359"/>
      <c r="L3800" s="359"/>
    </row>
    <row r="3801" spans="2:12">
      <c r="B3801" s="359"/>
      <c r="C3801" s="359"/>
      <c r="D3801" s="359"/>
      <c r="E3801" s="359"/>
      <c r="F3801" s="360"/>
      <c r="G3801" s="360"/>
      <c r="H3801" s="360"/>
      <c r="I3801" s="360"/>
      <c r="J3801" s="359"/>
      <c r="K3801" s="359"/>
      <c r="L3801" s="359"/>
    </row>
    <row r="3802" spans="2:12">
      <c r="B3802" s="359"/>
      <c r="C3802" s="359"/>
      <c r="D3802" s="359"/>
      <c r="E3802" s="359"/>
      <c r="F3802" s="359" t="s">
        <v>14889</v>
      </c>
      <c r="G3802" s="359" t="s">
        <v>14890</v>
      </c>
      <c r="H3802" s="359" t="s">
        <v>14381</v>
      </c>
      <c r="I3802" s="359" t="s">
        <v>14890</v>
      </c>
      <c r="J3802" s="359"/>
      <c r="K3802" s="359"/>
      <c r="L3802" s="359"/>
    </row>
    <row r="3803" spans="2:12">
      <c r="B3803" s="359"/>
      <c r="C3803" s="359"/>
      <c r="D3803" s="359"/>
      <c r="E3803" s="359"/>
      <c r="F3803" s="360"/>
      <c r="G3803" s="360"/>
      <c r="H3803" s="360"/>
      <c r="I3803" s="360"/>
      <c r="J3803" s="359"/>
      <c r="K3803" s="359"/>
      <c r="L3803" s="359"/>
    </row>
    <row r="3804" spans="2:12">
      <c r="B3804" s="359"/>
      <c r="C3804" s="359"/>
      <c r="D3804" s="359"/>
      <c r="E3804" s="359"/>
      <c r="F3804" s="359" t="s">
        <v>14424</v>
      </c>
      <c r="G3804" s="359" t="s">
        <v>14425</v>
      </c>
      <c r="H3804" s="359" t="s">
        <v>14341</v>
      </c>
      <c r="I3804" s="359" t="s">
        <v>14425</v>
      </c>
      <c r="J3804" s="359"/>
      <c r="K3804" s="359"/>
      <c r="L3804" s="359"/>
    </row>
    <row r="3805" spans="2:12">
      <c r="B3805" s="359"/>
      <c r="C3805" s="359"/>
      <c r="D3805" s="359"/>
      <c r="E3805" s="359"/>
      <c r="F3805" s="360"/>
      <c r="G3805" s="360"/>
      <c r="H3805" s="360"/>
      <c r="I3805" s="360"/>
      <c r="J3805" s="359"/>
      <c r="K3805" s="359"/>
      <c r="L3805" s="359"/>
    </row>
    <row r="3806" spans="2:12">
      <c r="B3806" s="359"/>
      <c r="C3806" s="359"/>
      <c r="D3806" s="359"/>
      <c r="E3806" s="359"/>
      <c r="F3806" s="359" t="s">
        <v>14379</v>
      </c>
      <c r="G3806" s="359" t="s">
        <v>14380</v>
      </c>
      <c r="H3806" s="359" t="s">
        <v>14370</v>
      </c>
      <c r="I3806" s="359" t="s">
        <v>14380</v>
      </c>
      <c r="J3806" s="359"/>
      <c r="K3806" s="359"/>
      <c r="L3806" s="359"/>
    </row>
    <row r="3807" spans="2:12">
      <c r="B3807" s="359"/>
      <c r="C3807" s="359"/>
      <c r="D3807" s="359"/>
      <c r="E3807" s="359"/>
      <c r="F3807" s="360"/>
      <c r="G3807" s="360"/>
      <c r="H3807" s="360"/>
      <c r="I3807" s="360"/>
      <c r="J3807" s="359"/>
      <c r="K3807" s="359"/>
      <c r="L3807" s="359"/>
    </row>
    <row r="3808" spans="2:12">
      <c r="B3808" s="359"/>
      <c r="C3808" s="359"/>
      <c r="D3808" s="359"/>
      <c r="E3808" s="359"/>
      <c r="F3808" s="359" t="s">
        <v>14382</v>
      </c>
      <c r="G3808" s="359" t="s">
        <v>14383</v>
      </c>
      <c r="H3808" s="359" t="s">
        <v>14332</v>
      </c>
      <c r="I3808" s="359" t="s">
        <v>14383</v>
      </c>
      <c r="J3808" s="359"/>
      <c r="K3808" s="359"/>
      <c r="L3808" s="359"/>
    </row>
    <row r="3809" spans="2:12">
      <c r="B3809" s="359"/>
      <c r="C3809" s="359"/>
      <c r="D3809" s="359"/>
      <c r="E3809" s="359"/>
      <c r="F3809" s="360"/>
      <c r="G3809" s="360"/>
      <c r="H3809" s="360"/>
      <c r="I3809" s="360"/>
      <c r="J3809" s="359"/>
      <c r="K3809" s="359"/>
      <c r="L3809" s="359"/>
    </row>
    <row r="3810" spans="2:12">
      <c r="B3810" s="359"/>
      <c r="C3810" s="359"/>
      <c r="D3810" s="359"/>
      <c r="E3810" s="359"/>
      <c r="F3810" s="359" t="s">
        <v>14384</v>
      </c>
      <c r="G3810" s="359" t="s">
        <v>14385</v>
      </c>
      <c r="H3810" s="360"/>
      <c r="I3810" s="359" t="s">
        <v>14385</v>
      </c>
      <c r="J3810" s="359"/>
      <c r="K3810" s="359"/>
      <c r="L3810" s="359"/>
    </row>
    <row r="3811" spans="2:12">
      <c r="B3811" s="359"/>
      <c r="C3811" s="359"/>
      <c r="D3811" s="359"/>
      <c r="E3811" s="359"/>
      <c r="F3811" s="360"/>
      <c r="G3811" s="360"/>
      <c r="H3811" s="360"/>
      <c r="I3811" s="360"/>
      <c r="J3811" s="359"/>
      <c r="K3811" s="359"/>
      <c r="L3811" s="359"/>
    </row>
    <row r="3812" spans="2:12">
      <c r="B3812" s="359"/>
      <c r="C3812" s="359"/>
      <c r="D3812" s="359"/>
      <c r="E3812" s="359"/>
      <c r="F3812" s="359" t="s">
        <v>14420</v>
      </c>
      <c r="G3812" s="359" t="s">
        <v>14421</v>
      </c>
      <c r="H3812" s="360"/>
      <c r="I3812" s="359" t="s">
        <v>14421</v>
      </c>
      <c r="J3812" s="359"/>
      <c r="K3812" s="359"/>
      <c r="L3812" s="359"/>
    </row>
    <row r="3813" spans="2:12">
      <c r="B3813" s="359"/>
      <c r="C3813" s="359"/>
      <c r="D3813" s="359"/>
      <c r="E3813" s="359"/>
      <c r="F3813" s="360"/>
      <c r="G3813" s="360"/>
      <c r="H3813" s="360"/>
      <c r="I3813" s="360"/>
      <c r="J3813" s="359"/>
      <c r="K3813" s="359"/>
      <c r="L3813" s="359"/>
    </row>
    <row r="3814" spans="2:12">
      <c r="B3814" s="359"/>
      <c r="C3814" s="359"/>
      <c r="D3814" s="359"/>
      <c r="E3814" s="359"/>
      <c r="F3814" s="359" t="s">
        <v>14356</v>
      </c>
      <c r="G3814" s="359" t="s">
        <v>14340</v>
      </c>
      <c r="H3814" s="360"/>
      <c r="I3814" s="359" t="s">
        <v>14340</v>
      </c>
      <c r="J3814" s="359"/>
      <c r="K3814" s="359"/>
      <c r="L3814" s="359"/>
    </row>
    <row r="3815" spans="2:12">
      <c r="B3815" s="359"/>
      <c r="C3815" s="359"/>
      <c r="D3815" s="359"/>
      <c r="E3815" s="359"/>
      <c r="F3815" s="360"/>
      <c r="G3815" s="360"/>
      <c r="H3815" s="360"/>
      <c r="I3815" s="360"/>
      <c r="J3815" s="359"/>
      <c r="K3815" s="359"/>
      <c r="L3815" s="359"/>
    </row>
    <row r="3816" spans="2:12">
      <c r="B3816" s="359"/>
      <c r="C3816" s="359"/>
      <c r="D3816" s="359"/>
      <c r="E3816" s="359"/>
      <c r="F3816" s="359" t="s">
        <v>14814</v>
      </c>
      <c r="G3816" s="359" t="s">
        <v>14815</v>
      </c>
      <c r="H3816" s="360"/>
      <c r="I3816" s="359" t="s">
        <v>14815</v>
      </c>
      <c r="J3816" s="359"/>
      <c r="K3816" s="359"/>
      <c r="L3816" s="359"/>
    </row>
    <row r="3817" spans="2:12">
      <c r="B3817" s="359"/>
      <c r="C3817" s="359"/>
      <c r="D3817" s="359"/>
      <c r="E3817" s="359"/>
      <c r="F3817" s="360"/>
      <c r="G3817" s="360"/>
      <c r="H3817" s="360"/>
      <c r="I3817" s="360"/>
      <c r="J3817" s="359"/>
      <c r="K3817" s="359"/>
      <c r="L3817" s="359"/>
    </row>
    <row r="3818" spans="2:12">
      <c r="B3818" s="359"/>
      <c r="C3818" s="359"/>
      <c r="D3818" s="359"/>
      <c r="E3818" s="359"/>
      <c r="F3818" s="359" t="s">
        <v>14391</v>
      </c>
      <c r="G3818" s="359" t="s">
        <v>14392</v>
      </c>
      <c r="H3818" s="360"/>
      <c r="I3818" s="359" t="s">
        <v>14392</v>
      </c>
      <c r="J3818" s="359"/>
      <c r="K3818" s="359"/>
      <c r="L3818" s="359"/>
    </row>
    <row r="3819" spans="2:12">
      <c r="B3819" s="359"/>
      <c r="C3819" s="359"/>
      <c r="D3819" s="359"/>
      <c r="E3819" s="359"/>
      <c r="F3819" s="360"/>
      <c r="G3819" s="360"/>
      <c r="H3819" s="360"/>
      <c r="I3819" s="360"/>
      <c r="J3819" s="359"/>
      <c r="K3819" s="359"/>
      <c r="L3819" s="359"/>
    </row>
    <row r="3820" spans="2:12">
      <c r="B3820" s="359"/>
      <c r="C3820" s="359"/>
      <c r="D3820" s="359"/>
      <c r="E3820" s="359"/>
      <c r="F3820" s="359" t="s">
        <v>14371</v>
      </c>
      <c r="G3820" s="359" t="s">
        <v>14372</v>
      </c>
      <c r="H3820" s="360"/>
      <c r="I3820" s="359" t="s">
        <v>14373</v>
      </c>
      <c r="J3820" s="359"/>
      <c r="K3820" s="359"/>
      <c r="L3820" s="359"/>
    </row>
    <row r="3821" spans="2:12">
      <c r="B3821" s="359"/>
      <c r="C3821" s="359"/>
      <c r="D3821" s="359"/>
      <c r="E3821" s="359"/>
      <c r="F3821" s="360"/>
      <c r="G3821" s="360"/>
      <c r="H3821" s="360"/>
      <c r="I3821" s="360"/>
      <c r="J3821" s="359"/>
      <c r="K3821" s="359"/>
      <c r="L3821" s="359"/>
    </row>
    <row r="3822" spans="2:12" ht="28.5">
      <c r="B3822" s="361"/>
      <c r="C3822" s="361"/>
      <c r="D3822" s="361"/>
      <c r="E3822" s="361"/>
      <c r="F3822" s="361" t="s">
        <v>14374</v>
      </c>
      <c r="G3822" s="361" t="s">
        <v>14373</v>
      </c>
      <c r="H3822" s="362"/>
      <c r="I3822" s="362"/>
      <c r="J3822" s="361"/>
      <c r="K3822" s="361"/>
      <c r="L3822" s="361"/>
    </row>
    <row r="3823" spans="2:12" ht="42.75">
      <c r="B3823" s="358" t="s">
        <v>10227</v>
      </c>
      <c r="C3823" s="358" t="s">
        <v>16530</v>
      </c>
      <c r="D3823" s="358" t="s">
        <v>467</v>
      </c>
      <c r="E3823" s="358" t="s">
        <v>2303</v>
      </c>
      <c r="F3823" s="358" t="s">
        <v>16531</v>
      </c>
      <c r="G3823" s="358" t="s">
        <v>14478</v>
      </c>
      <c r="H3823" s="358" t="s">
        <v>14479</v>
      </c>
      <c r="I3823" s="358" t="s">
        <v>14478</v>
      </c>
      <c r="J3823" s="358"/>
      <c r="K3823" s="358" t="s">
        <v>28582</v>
      </c>
      <c r="L3823" s="358" t="s">
        <v>16532</v>
      </c>
    </row>
    <row r="3824" spans="2:12">
      <c r="B3824" s="359"/>
      <c r="C3824" s="359"/>
      <c r="D3824" s="359"/>
      <c r="E3824" s="359"/>
      <c r="F3824" s="360"/>
      <c r="G3824" s="360"/>
      <c r="H3824" s="360"/>
      <c r="I3824" s="360"/>
      <c r="J3824" s="359"/>
      <c r="K3824" s="360"/>
      <c r="L3824" s="359"/>
    </row>
    <row r="3825" spans="2:12" ht="42.75">
      <c r="B3825" s="359"/>
      <c r="C3825" s="359"/>
      <c r="D3825" s="359"/>
      <c r="E3825" s="359"/>
      <c r="F3825" s="359" t="s">
        <v>14376</v>
      </c>
      <c r="G3825" s="359" t="s">
        <v>14669</v>
      </c>
      <c r="H3825" s="359" t="s">
        <v>14378</v>
      </c>
      <c r="I3825" s="359" t="s">
        <v>14669</v>
      </c>
      <c r="J3825" s="359"/>
      <c r="K3825" s="359" t="s">
        <v>28707</v>
      </c>
      <c r="L3825" s="359"/>
    </row>
    <row r="3826" spans="2:12">
      <c r="B3826" s="359"/>
      <c r="C3826" s="359"/>
      <c r="D3826" s="359"/>
      <c r="E3826" s="359"/>
      <c r="F3826" s="360"/>
      <c r="G3826" s="360"/>
      <c r="H3826" s="360"/>
      <c r="I3826" s="360"/>
      <c r="J3826" s="359"/>
      <c r="K3826" s="360"/>
      <c r="L3826" s="359"/>
    </row>
    <row r="3827" spans="2:12" ht="42.75">
      <c r="B3827" s="359"/>
      <c r="C3827" s="359"/>
      <c r="D3827" s="359"/>
      <c r="E3827" s="359"/>
      <c r="F3827" s="359" t="s">
        <v>14889</v>
      </c>
      <c r="G3827" s="359" t="s">
        <v>14890</v>
      </c>
      <c r="H3827" s="359" t="s">
        <v>14381</v>
      </c>
      <c r="I3827" s="359" t="s">
        <v>14890</v>
      </c>
      <c r="J3827" s="359"/>
      <c r="K3827" s="359" t="s">
        <v>28708</v>
      </c>
      <c r="L3827" s="359"/>
    </row>
    <row r="3828" spans="2:12">
      <c r="B3828" s="359"/>
      <c r="C3828" s="359"/>
      <c r="D3828" s="359"/>
      <c r="E3828" s="359"/>
      <c r="F3828" s="360"/>
      <c r="G3828" s="360"/>
      <c r="H3828" s="360"/>
      <c r="I3828" s="360"/>
      <c r="J3828" s="359"/>
      <c r="K3828" s="360"/>
      <c r="L3828" s="359"/>
    </row>
    <row r="3829" spans="2:12">
      <c r="B3829" s="359"/>
      <c r="C3829" s="359"/>
      <c r="D3829" s="359"/>
      <c r="E3829" s="359"/>
      <c r="F3829" s="359" t="s">
        <v>14424</v>
      </c>
      <c r="G3829" s="359" t="s">
        <v>14425</v>
      </c>
      <c r="H3829" s="359" t="s">
        <v>14341</v>
      </c>
      <c r="I3829" s="359" t="s">
        <v>14425</v>
      </c>
      <c r="J3829" s="359"/>
      <c r="K3829" s="360"/>
      <c r="L3829" s="359"/>
    </row>
    <row r="3830" spans="2:12">
      <c r="B3830" s="359"/>
      <c r="C3830" s="359"/>
      <c r="D3830" s="359"/>
      <c r="E3830" s="359"/>
      <c r="F3830" s="360"/>
      <c r="G3830" s="360"/>
      <c r="H3830" s="360"/>
      <c r="I3830" s="360"/>
      <c r="J3830" s="359"/>
      <c r="K3830" s="360"/>
      <c r="L3830" s="359"/>
    </row>
    <row r="3831" spans="2:12">
      <c r="B3831" s="359"/>
      <c r="C3831" s="359"/>
      <c r="D3831" s="359"/>
      <c r="E3831" s="359"/>
      <c r="F3831" s="359" t="s">
        <v>14379</v>
      </c>
      <c r="G3831" s="359" t="s">
        <v>14380</v>
      </c>
      <c r="H3831" s="359" t="s">
        <v>14370</v>
      </c>
      <c r="I3831" s="359" t="s">
        <v>14380</v>
      </c>
      <c r="J3831" s="359"/>
      <c r="K3831" s="360"/>
      <c r="L3831" s="359"/>
    </row>
    <row r="3832" spans="2:12">
      <c r="B3832" s="359"/>
      <c r="C3832" s="359"/>
      <c r="D3832" s="359"/>
      <c r="E3832" s="359"/>
      <c r="F3832" s="360"/>
      <c r="G3832" s="360"/>
      <c r="H3832" s="360"/>
      <c r="I3832" s="360"/>
      <c r="J3832" s="359"/>
      <c r="K3832" s="360"/>
      <c r="L3832" s="359"/>
    </row>
    <row r="3833" spans="2:12">
      <c r="B3833" s="359"/>
      <c r="C3833" s="359"/>
      <c r="D3833" s="359"/>
      <c r="E3833" s="359"/>
      <c r="F3833" s="359" t="s">
        <v>14382</v>
      </c>
      <c r="G3833" s="359" t="s">
        <v>14383</v>
      </c>
      <c r="H3833" s="359" t="s">
        <v>14332</v>
      </c>
      <c r="I3833" s="359" t="s">
        <v>14383</v>
      </c>
      <c r="J3833" s="359"/>
      <c r="K3833" s="360"/>
      <c r="L3833" s="359"/>
    </row>
    <row r="3834" spans="2:12">
      <c r="B3834" s="359"/>
      <c r="C3834" s="359"/>
      <c r="D3834" s="359"/>
      <c r="E3834" s="359"/>
      <c r="F3834" s="360"/>
      <c r="G3834" s="360"/>
      <c r="H3834" s="360"/>
      <c r="I3834" s="360"/>
      <c r="J3834" s="359"/>
      <c r="K3834" s="360"/>
      <c r="L3834" s="359"/>
    </row>
    <row r="3835" spans="2:12">
      <c r="B3835" s="359"/>
      <c r="C3835" s="359"/>
      <c r="D3835" s="359"/>
      <c r="E3835" s="359"/>
      <c r="F3835" s="359" t="s">
        <v>14384</v>
      </c>
      <c r="G3835" s="359" t="s">
        <v>14385</v>
      </c>
      <c r="H3835" s="360"/>
      <c r="I3835" s="359" t="s">
        <v>14385</v>
      </c>
      <c r="J3835" s="359"/>
      <c r="K3835" s="360"/>
      <c r="L3835" s="359"/>
    </row>
    <row r="3836" spans="2:12">
      <c r="B3836" s="359"/>
      <c r="C3836" s="359"/>
      <c r="D3836" s="359"/>
      <c r="E3836" s="359"/>
      <c r="F3836" s="360"/>
      <c r="G3836" s="360"/>
      <c r="H3836" s="360"/>
      <c r="I3836" s="360"/>
      <c r="J3836" s="359"/>
      <c r="K3836" s="360"/>
      <c r="L3836" s="359"/>
    </row>
    <row r="3837" spans="2:12">
      <c r="B3837" s="359"/>
      <c r="C3837" s="359"/>
      <c r="D3837" s="359"/>
      <c r="E3837" s="359"/>
      <c r="F3837" s="359" t="s">
        <v>14420</v>
      </c>
      <c r="G3837" s="359" t="s">
        <v>14421</v>
      </c>
      <c r="H3837" s="360"/>
      <c r="I3837" s="359" t="s">
        <v>14421</v>
      </c>
      <c r="J3837" s="359"/>
      <c r="K3837" s="360"/>
      <c r="L3837" s="359"/>
    </row>
    <row r="3838" spans="2:12">
      <c r="B3838" s="359"/>
      <c r="C3838" s="359"/>
      <c r="D3838" s="359"/>
      <c r="E3838" s="359"/>
      <c r="F3838" s="360"/>
      <c r="G3838" s="360"/>
      <c r="H3838" s="360"/>
      <c r="I3838" s="360"/>
      <c r="J3838" s="359"/>
      <c r="K3838" s="360"/>
      <c r="L3838" s="359"/>
    </row>
    <row r="3839" spans="2:12">
      <c r="B3839" s="359"/>
      <c r="C3839" s="359"/>
      <c r="D3839" s="359"/>
      <c r="E3839" s="359"/>
      <c r="F3839" s="359" t="s">
        <v>14356</v>
      </c>
      <c r="G3839" s="359" t="s">
        <v>14340</v>
      </c>
      <c r="H3839" s="360"/>
      <c r="I3839" s="359" t="s">
        <v>14340</v>
      </c>
      <c r="J3839" s="359"/>
      <c r="K3839" s="360"/>
      <c r="L3839" s="359"/>
    </row>
    <row r="3840" spans="2:12">
      <c r="B3840" s="359"/>
      <c r="C3840" s="359"/>
      <c r="D3840" s="359"/>
      <c r="E3840" s="359"/>
      <c r="F3840" s="360"/>
      <c r="G3840" s="360"/>
      <c r="H3840" s="360"/>
      <c r="I3840" s="360"/>
      <c r="J3840" s="359"/>
      <c r="K3840" s="360"/>
      <c r="L3840" s="359"/>
    </row>
    <row r="3841" spans="2:12">
      <c r="B3841" s="359"/>
      <c r="C3841" s="359"/>
      <c r="D3841" s="359"/>
      <c r="E3841" s="359"/>
      <c r="F3841" s="359" t="s">
        <v>14814</v>
      </c>
      <c r="G3841" s="359" t="s">
        <v>14815</v>
      </c>
      <c r="H3841" s="360"/>
      <c r="I3841" s="359" t="s">
        <v>14815</v>
      </c>
      <c r="J3841" s="359"/>
      <c r="K3841" s="360"/>
      <c r="L3841" s="359"/>
    </row>
    <row r="3842" spans="2:12">
      <c r="B3842" s="359"/>
      <c r="C3842" s="359"/>
      <c r="D3842" s="359"/>
      <c r="E3842" s="359"/>
      <c r="F3842" s="360"/>
      <c r="G3842" s="360"/>
      <c r="H3842" s="360"/>
      <c r="I3842" s="360"/>
      <c r="J3842" s="359"/>
      <c r="K3842" s="360"/>
      <c r="L3842" s="359"/>
    </row>
    <row r="3843" spans="2:12">
      <c r="B3843" s="359"/>
      <c r="C3843" s="359"/>
      <c r="D3843" s="359"/>
      <c r="E3843" s="359"/>
      <c r="F3843" s="359" t="s">
        <v>14391</v>
      </c>
      <c r="G3843" s="359" t="s">
        <v>14392</v>
      </c>
      <c r="H3843" s="360"/>
      <c r="I3843" s="359" t="s">
        <v>14392</v>
      </c>
      <c r="J3843" s="359"/>
      <c r="K3843" s="360"/>
      <c r="L3843" s="359"/>
    </row>
    <row r="3844" spans="2:12">
      <c r="B3844" s="359"/>
      <c r="C3844" s="359"/>
      <c r="D3844" s="359"/>
      <c r="E3844" s="359"/>
      <c r="F3844" s="360"/>
      <c r="G3844" s="360"/>
      <c r="H3844" s="360"/>
      <c r="I3844" s="360"/>
      <c r="J3844" s="359"/>
      <c r="K3844" s="360"/>
      <c r="L3844" s="359"/>
    </row>
    <row r="3845" spans="2:12">
      <c r="B3845" s="359"/>
      <c r="C3845" s="359"/>
      <c r="D3845" s="359"/>
      <c r="E3845" s="359"/>
      <c r="F3845" s="359" t="s">
        <v>14371</v>
      </c>
      <c r="G3845" s="359" t="s">
        <v>14372</v>
      </c>
      <c r="H3845" s="360"/>
      <c r="I3845" s="359" t="s">
        <v>14373</v>
      </c>
      <c r="J3845" s="359"/>
      <c r="K3845" s="360"/>
      <c r="L3845" s="359"/>
    </row>
    <row r="3846" spans="2:12">
      <c r="B3846" s="359"/>
      <c r="C3846" s="359"/>
      <c r="D3846" s="359"/>
      <c r="E3846" s="359"/>
      <c r="F3846" s="360"/>
      <c r="G3846" s="360"/>
      <c r="H3846" s="360"/>
      <c r="I3846" s="360"/>
      <c r="J3846" s="359"/>
      <c r="K3846" s="360"/>
      <c r="L3846" s="359"/>
    </row>
    <row r="3847" spans="2:12" ht="28.5">
      <c r="B3847" s="361"/>
      <c r="C3847" s="361"/>
      <c r="D3847" s="361"/>
      <c r="E3847" s="361"/>
      <c r="F3847" s="361" t="s">
        <v>14374</v>
      </c>
      <c r="G3847" s="361" t="s">
        <v>14373</v>
      </c>
      <c r="H3847" s="362"/>
      <c r="I3847" s="362"/>
      <c r="J3847" s="361"/>
      <c r="K3847" s="362"/>
      <c r="L3847" s="361"/>
    </row>
    <row r="3848" spans="2:12" ht="42.75">
      <c r="B3848" s="358" t="s">
        <v>10228</v>
      </c>
      <c r="C3848" s="358" t="s">
        <v>16533</v>
      </c>
      <c r="D3848" s="358" t="s">
        <v>567</v>
      </c>
      <c r="E3848" s="358" t="s">
        <v>1960</v>
      </c>
      <c r="F3848" s="358" t="s">
        <v>14477</v>
      </c>
      <c r="G3848" s="358" t="s">
        <v>14478</v>
      </c>
      <c r="H3848" s="358" t="s">
        <v>14479</v>
      </c>
      <c r="I3848" s="358" t="s">
        <v>14478</v>
      </c>
      <c r="J3848" s="358"/>
      <c r="K3848" s="358" t="s">
        <v>28709</v>
      </c>
      <c r="L3848" s="358" t="s">
        <v>27503</v>
      </c>
    </row>
    <row r="3849" spans="2:12">
      <c r="B3849" s="359"/>
      <c r="C3849" s="359"/>
      <c r="D3849" s="359"/>
      <c r="E3849" s="359"/>
      <c r="F3849" s="360"/>
      <c r="G3849" s="360"/>
      <c r="H3849" s="360"/>
      <c r="I3849" s="360"/>
      <c r="J3849" s="359"/>
      <c r="K3849" s="360"/>
      <c r="L3849" s="359"/>
    </row>
    <row r="3850" spans="2:12" ht="42.75">
      <c r="B3850" s="359"/>
      <c r="C3850" s="359"/>
      <c r="D3850" s="359"/>
      <c r="E3850" s="359"/>
      <c r="F3850" s="359" t="s">
        <v>14376</v>
      </c>
      <c r="G3850" s="359" t="s">
        <v>14669</v>
      </c>
      <c r="H3850" s="359" t="s">
        <v>14378</v>
      </c>
      <c r="I3850" s="359" t="s">
        <v>14669</v>
      </c>
      <c r="J3850" s="359"/>
      <c r="K3850" s="359" t="s">
        <v>28710</v>
      </c>
      <c r="L3850" s="359"/>
    </row>
    <row r="3851" spans="2:12">
      <c r="B3851" s="359"/>
      <c r="C3851" s="359"/>
      <c r="D3851" s="359"/>
      <c r="E3851" s="359"/>
      <c r="F3851" s="360"/>
      <c r="G3851" s="360"/>
      <c r="H3851" s="360"/>
      <c r="I3851" s="360"/>
      <c r="J3851" s="359"/>
      <c r="K3851" s="360"/>
      <c r="L3851" s="359"/>
    </row>
    <row r="3852" spans="2:12" ht="42.75">
      <c r="B3852" s="359"/>
      <c r="C3852" s="359"/>
      <c r="D3852" s="359"/>
      <c r="E3852" s="359"/>
      <c r="F3852" s="359" t="s">
        <v>14889</v>
      </c>
      <c r="G3852" s="359" t="s">
        <v>14890</v>
      </c>
      <c r="H3852" s="359" t="s">
        <v>14341</v>
      </c>
      <c r="I3852" s="359" t="s">
        <v>14890</v>
      </c>
      <c r="J3852" s="359"/>
      <c r="K3852" s="359" t="s">
        <v>28582</v>
      </c>
      <c r="L3852" s="359"/>
    </row>
    <row r="3853" spans="2:12">
      <c r="B3853" s="359"/>
      <c r="C3853" s="359"/>
      <c r="D3853" s="359"/>
      <c r="E3853" s="359"/>
      <c r="F3853" s="360"/>
      <c r="G3853" s="360"/>
      <c r="H3853" s="360"/>
      <c r="I3853" s="360"/>
      <c r="J3853" s="359"/>
      <c r="K3853" s="360"/>
      <c r="L3853" s="359"/>
    </row>
    <row r="3854" spans="2:12">
      <c r="B3854" s="359"/>
      <c r="C3854" s="359"/>
      <c r="D3854" s="359"/>
      <c r="E3854" s="359"/>
      <c r="F3854" s="359" t="s">
        <v>14424</v>
      </c>
      <c r="G3854" s="359" t="s">
        <v>14425</v>
      </c>
      <c r="H3854" s="359" t="s">
        <v>14381</v>
      </c>
      <c r="I3854" s="359" t="s">
        <v>14425</v>
      </c>
      <c r="J3854" s="359"/>
      <c r="K3854" s="360"/>
      <c r="L3854" s="359"/>
    </row>
    <row r="3855" spans="2:12">
      <c r="B3855" s="359"/>
      <c r="C3855" s="359"/>
      <c r="D3855" s="359"/>
      <c r="E3855" s="359"/>
      <c r="F3855" s="360"/>
      <c r="G3855" s="360"/>
      <c r="H3855" s="360"/>
      <c r="I3855" s="360"/>
      <c r="J3855" s="359"/>
      <c r="K3855" s="360"/>
      <c r="L3855" s="359"/>
    </row>
    <row r="3856" spans="2:12">
      <c r="B3856" s="359"/>
      <c r="C3856" s="359"/>
      <c r="D3856" s="359"/>
      <c r="E3856" s="359"/>
      <c r="F3856" s="359" t="s">
        <v>14379</v>
      </c>
      <c r="G3856" s="359" t="s">
        <v>14380</v>
      </c>
      <c r="H3856" s="359" t="s">
        <v>14370</v>
      </c>
      <c r="I3856" s="359" t="s">
        <v>14380</v>
      </c>
      <c r="J3856" s="359"/>
      <c r="K3856" s="360"/>
      <c r="L3856" s="359"/>
    </row>
    <row r="3857" spans="2:12">
      <c r="B3857" s="359"/>
      <c r="C3857" s="359"/>
      <c r="D3857" s="359"/>
      <c r="E3857" s="359"/>
      <c r="F3857" s="360"/>
      <c r="G3857" s="360"/>
      <c r="H3857" s="360"/>
      <c r="I3857" s="360"/>
      <c r="J3857" s="359"/>
      <c r="K3857" s="360"/>
      <c r="L3857" s="359"/>
    </row>
    <row r="3858" spans="2:12">
      <c r="B3858" s="359"/>
      <c r="C3858" s="359"/>
      <c r="D3858" s="359"/>
      <c r="E3858" s="359"/>
      <c r="F3858" s="359" t="s">
        <v>14382</v>
      </c>
      <c r="G3858" s="359" t="s">
        <v>14383</v>
      </c>
      <c r="H3858" s="359" t="s">
        <v>14332</v>
      </c>
      <c r="I3858" s="359" t="s">
        <v>14383</v>
      </c>
      <c r="J3858" s="359"/>
      <c r="K3858" s="360"/>
      <c r="L3858" s="359"/>
    </row>
    <row r="3859" spans="2:12">
      <c r="B3859" s="359"/>
      <c r="C3859" s="359"/>
      <c r="D3859" s="359"/>
      <c r="E3859" s="359"/>
      <c r="F3859" s="360"/>
      <c r="G3859" s="360"/>
      <c r="H3859" s="360"/>
      <c r="I3859" s="360"/>
      <c r="J3859" s="359"/>
      <c r="K3859" s="360"/>
      <c r="L3859" s="359"/>
    </row>
    <row r="3860" spans="2:12">
      <c r="B3860" s="359"/>
      <c r="C3860" s="359"/>
      <c r="D3860" s="359"/>
      <c r="E3860" s="359"/>
      <c r="F3860" s="359" t="s">
        <v>14420</v>
      </c>
      <c r="G3860" s="359" t="s">
        <v>14421</v>
      </c>
      <c r="H3860" s="360"/>
      <c r="I3860" s="359" t="s">
        <v>14421</v>
      </c>
      <c r="J3860" s="359"/>
      <c r="K3860" s="360"/>
      <c r="L3860" s="359"/>
    </row>
    <row r="3861" spans="2:12">
      <c r="B3861" s="359"/>
      <c r="C3861" s="359"/>
      <c r="D3861" s="359"/>
      <c r="E3861" s="359"/>
      <c r="F3861" s="360"/>
      <c r="G3861" s="360"/>
      <c r="H3861" s="360"/>
      <c r="I3861" s="360"/>
      <c r="J3861" s="359"/>
      <c r="K3861" s="360"/>
      <c r="L3861" s="359"/>
    </row>
    <row r="3862" spans="2:12">
      <c r="B3862" s="359"/>
      <c r="C3862" s="359"/>
      <c r="D3862" s="359"/>
      <c r="E3862" s="359"/>
      <c r="F3862" s="359" t="s">
        <v>14384</v>
      </c>
      <c r="G3862" s="359" t="s">
        <v>14428</v>
      </c>
      <c r="H3862" s="360"/>
      <c r="I3862" s="359" t="s">
        <v>14428</v>
      </c>
      <c r="J3862" s="359"/>
      <c r="K3862" s="360"/>
      <c r="L3862" s="359"/>
    </row>
    <row r="3863" spans="2:12">
      <c r="B3863" s="359"/>
      <c r="C3863" s="359"/>
      <c r="D3863" s="359"/>
      <c r="E3863" s="359"/>
      <c r="F3863" s="360"/>
      <c r="G3863" s="360"/>
      <c r="H3863" s="360"/>
      <c r="I3863" s="360"/>
      <c r="J3863" s="359"/>
      <c r="K3863" s="360"/>
      <c r="L3863" s="359"/>
    </row>
    <row r="3864" spans="2:12">
      <c r="B3864" s="359"/>
      <c r="C3864" s="359"/>
      <c r="D3864" s="359"/>
      <c r="E3864" s="359"/>
      <c r="F3864" s="359" t="s">
        <v>14356</v>
      </c>
      <c r="G3864" s="359" t="s">
        <v>14340</v>
      </c>
      <c r="H3864" s="360"/>
      <c r="I3864" s="359" t="s">
        <v>14340</v>
      </c>
      <c r="J3864" s="359"/>
      <c r="K3864" s="360"/>
      <c r="L3864" s="359"/>
    </row>
    <row r="3865" spans="2:12">
      <c r="B3865" s="359"/>
      <c r="C3865" s="359"/>
      <c r="D3865" s="359"/>
      <c r="E3865" s="359"/>
      <c r="F3865" s="360"/>
      <c r="G3865" s="360"/>
      <c r="H3865" s="360"/>
      <c r="I3865" s="360"/>
      <c r="J3865" s="359"/>
      <c r="K3865" s="360"/>
      <c r="L3865" s="359"/>
    </row>
    <row r="3866" spans="2:12">
      <c r="B3866" s="359"/>
      <c r="C3866" s="359"/>
      <c r="D3866" s="359"/>
      <c r="E3866" s="359"/>
      <c r="F3866" s="359" t="s">
        <v>14814</v>
      </c>
      <c r="G3866" s="359" t="s">
        <v>14815</v>
      </c>
      <c r="H3866" s="360"/>
      <c r="I3866" s="359" t="s">
        <v>14815</v>
      </c>
      <c r="J3866" s="359"/>
      <c r="K3866" s="360"/>
      <c r="L3866" s="359"/>
    </row>
    <row r="3867" spans="2:12">
      <c r="B3867" s="359"/>
      <c r="C3867" s="359"/>
      <c r="D3867" s="359"/>
      <c r="E3867" s="359"/>
      <c r="F3867" s="360"/>
      <c r="G3867" s="360"/>
      <c r="H3867" s="360"/>
      <c r="I3867" s="360"/>
      <c r="J3867" s="359"/>
      <c r="K3867" s="360"/>
      <c r="L3867" s="359"/>
    </row>
    <row r="3868" spans="2:12">
      <c r="B3868" s="359"/>
      <c r="C3868" s="359"/>
      <c r="D3868" s="359"/>
      <c r="E3868" s="359"/>
      <c r="F3868" s="359" t="s">
        <v>14391</v>
      </c>
      <c r="G3868" s="359" t="s">
        <v>14392</v>
      </c>
      <c r="H3868" s="360"/>
      <c r="I3868" s="359" t="s">
        <v>14392</v>
      </c>
      <c r="J3868" s="359"/>
      <c r="K3868" s="360"/>
      <c r="L3868" s="359"/>
    </row>
    <row r="3869" spans="2:12">
      <c r="B3869" s="359"/>
      <c r="C3869" s="359"/>
      <c r="D3869" s="359"/>
      <c r="E3869" s="359"/>
      <c r="F3869" s="360"/>
      <c r="G3869" s="360"/>
      <c r="H3869" s="360"/>
      <c r="I3869" s="360"/>
      <c r="J3869" s="359"/>
      <c r="K3869" s="360"/>
      <c r="L3869" s="359"/>
    </row>
    <row r="3870" spans="2:12">
      <c r="B3870" s="359"/>
      <c r="C3870" s="359"/>
      <c r="D3870" s="359"/>
      <c r="E3870" s="359"/>
      <c r="F3870" s="359" t="s">
        <v>14371</v>
      </c>
      <c r="G3870" s="359" t="s">
        <v>14372</v>
      </c>
      <c r="H3870" s="360"/>
      <c r="I3870" s="359" t="s">
        <v>14373</v>
      </c>
      <c r="J3870" s="359"/>
      <c r="K3870" s="360"/>
      <c r="L3870" s="359"/>
    </row>
    <row r="3871" spans="2:12">
      <c r="B3871" s="359"/>
      <c r="C3871" s="359"/>
      <c r="D3871" s="359"/>
      <c r="E3871" s="359"/>
      <c r="F3871" s="360"/>
      <c r="G3871" s="360"/>
      <c r="H3871" s="360"/>
      <c r="I3871" s="360"/>
      <c r="J3871" s="359"/>
      <c r="K3871" s="360"/>
      <c r="L3871" s="359"/>
    </row>
    <row r="3872" spans="2:12" ht="28.5">
      <c r="B3872" s="361"/>
      <c r="C3872" s="361"/>
      <c r="D3872" s="361"/>
      <c r="E3872" s="361"/>
      <c r="F3872" s="361" t="s">
        <v>14374</v>
      </c>
      <c r="G3872" s="361" t="s">
        <v>14373</v>
      </c>
      <c r="H3872" s="362"/>
      <c r="I3872" s="362"/>
      <c r="J3872" s="361"/>
      <c r="K3872" s="362"/>
      <c r="L3872" s="361"/>
    </row>
    <row r="3873" spans="2:12">
      <c r="B3873" s="354" t="s">
        <v>14874</v>
      </c>
      <c r="C3873" s="355"/>
      <c r="D3873" s="355"/>
      <c r="E3873" s="355"/>
      <c r="F3873" s="355"/>
      <c r="G3873" s="355"/>
      <c r="H3873" s="355"/>
      <c r="I3873" s="355"/>
      <c r="J3873" s="355"/>
      <c r="K3873" s="355"/>
      <c r="L3873" s="363"/>
    </row>
    <row r="3874" spans="2:12">
      <c r="B3874" s="354" t="s">
        <v>28528</v>
      </c>
      <c r="C3874" s="355"/>
      <c r="D3874" s="355"/>
      <c r="E3874" s="355"/>
      <c r="F3874" s="355"/>
      <c r="G3874" s="355"/>
      <c r="H3874" s="355"/>
      <c r="I3874" s="355"/>
      <c r="J3874" s="355"/>
      <c r="K3874" s="355"/>
      <c r="L3874" s="363"/>
    </row>
    <row r="3875" spans="2:12" ht="71.25">
      <c r="B3875" s="358" t="s">
        <v>10230</v>
      </c>
      <c r="C3875" s="358" t="s">
        <v>16534</v>
      </c>
      <c r="D3875" s="358" t="s">
        <v>10231</v>
      </c>
      <c r="E3875" s="358" t="s">
        <v>2345</v>
      </c>
      <c r="F3875" s="358" t="s">
        <v>15023</v>
      </c>
      <c r="G3875" s="358" t="s">
        <v>15024</v>
      </c>
      <c r="H3875" s="358" t="s">
        <v>14479</v>
      </c>
      <c r="I3875" s="358" t="s">
        <v>15024</v>
      </c>
      <c r="J3875" s="358"/>
      <c r="K3875" s="358" t="s">
        <v>28711</v>
      </c>
      <c r="L3875" s="358" t="s">
        <v>16535</v>
      </c>
    </row>
    <row r="3876" spans="2:12">
      <c r="B3876" s="359"/>
      <c r="C3876" s="360"/>
      <c r="D3876" s="359"/>
      <c r="E3876" s="359"/>
      <c r="F3876" s="360"/>
      <c r="G3876" s="360"/>
      <c r="H3876" s="360"/>
      <c r="I3876" s="360"/>
      <c r="J3876" s="359"/>
      <c r="K3876" s="360"/>
      <c r="L3876" s="359"/>
    </row>
    <row r="3877" spans="2:12">
      <c r="B3877" s="359"/>
      <c r="C3877" s="359" t="s">
        <v>16536</v>
      </c>
      <c r="D3877" s="359"/>
      <c r="E3877" s="359"/>
      <c r="F3877" s="359" t="s">
        <v>14376</v>
      </c>
      <c r="G3877" s="359" t="s">
        <v>14377</v>
      </c>
      <c r="H3877" s="359" t="s">
        <v>14381</v>
      </c>
      <c r="I3877" s="359" t="s">
        <v>14377</v>
      </c>
      <c r="J3877" s="359"/>
      <c r="K3877" s="359" t="s">
        <v>28689</v>
      </c>
      <c r="L3877" s="359"/>
    </row>
    <row r="3878" spans="2:12">
      <c r="B3878" s="359"/>
      <c r="C3878" s="360"/>
      <c r="D3878" s="359"/>
      <c r="E3878" s="359"/>
      <c r="F3878" s="360"/>
      <c r="G3878" s="360"/>
      <c r="H3878" s="360"/>
      <c r="I3878" s="360"/>
      <c r="J3878" s="359"/>
      <c r="K3878" s="360"/>
      <c r="L3878" s="359"/>
    </row>
    <row r="3879" spans="2:12" ht="42.75">
      <c r="B3879" s="359"/>
      <c r="C3879" s="360"/>
      <c r="D3879" s="359"/>
      <c r="E3879" s="359"/>
      <c r="F3879" s="359" t="s">
        <v>14889</v>
      </c>
      <c r="G3879" s="359" t="s">
        <v>14890</v>
      </c>
      <c r="H3879" s="359" t="s">
        <v>14341</v>
      </c>
      <c r="I3879" s="359" t="s">
        <v>14890</v>
      </c>
      <c r="J3879" s="359"/>
      <c r="K3879" s="359" t="s">
        <v>28712</v>
      </c>
      <c r="L3879" s="359"/>
    </row>
    <row r="3880" spans="2:12">
      <c r="B3880" s="359"/>
      <c r="C3880" s="360"/>
      <c r="D3880" s="359"/>
      <c r="E3880" s="359"/>
      <c r="F3880" s="360"/>
      <c r="G3880" s="360"/>
      <c r="H3880" s="360"/>
      <c r="I3880" s="360"/>
      <c r="J3880" s="359"/>
      <c r="K3880" s="360"/>
      <c r="L3880" s="359"/>
    </row>
    <row r="3881" spans="2:12">
      <c r="B3881" s="359"/>
      <c r="C3881" s="360"/>
      <c r="D3881" s="359"/>
      <c r="E3881" s="359"/>
      <c r="F3881" s="359" t="s">
        <v>14339</v>
      </c>
      <c r="G3881" s="359" t="s">
        <v>14340</v>
      </c>
      <c r="H3881" s="359" t="s">
        <v>14367</v>
      </c>
      <c r="I3881" s="359" t="s">
        <v>14340</v>
      </c>
      <c r="J3881" s="359"/>
      <c r="K3881" s="359" t="s">
        <v>28713</v>
      </c>
      <c r="L3881" s="359"/>
    </row>
    <row r="3882" spans="2:12">
      <c r="B3882" s="359"/>
      <c r="C3882" s="360"/>
      <c r="D3882" s="359"/>
      <c r="E3882" s="359"/>
      <c r="F3882" s="360"/>
      <c r="G3882" s="360"/>
      <c r="H3882" s="360"/>
      <c r="I3882" s="360"/>
      <c r="J3882" s="359"/>
      <c r="K3882" s="360"/>
      <c r="L3882" s="359"/>
    </row>
    <row r="3883" spans="2:12" ht="42.75">
      <c r="B3883" s="359"/>
      <c r="C3883" s="360"/>
      <c r="D3883" s="359"/>
      <c r="E3883" s="359"/>
      <c r="F3883" s="359" t="s">
        <v>14391</v>
      </c>
      <c r="G3883" s="359" t="s">
        <v>14392</v>
      </c>
      <c r="H3883" s="359" t="s">
        <v>14370</v>
      </c>
      <c r="I3883" s="359" t="s">
        <v>14392</v>
      </c>
      <c r="J3883" s="359"/>
      <c r="K3883" s="359" t="s">
        <v>28714</v>
      </c>
      <c r="L3883" s="359"/>
    </row>
    <row r="3884" spans="2:12">
      <c r="B3884" s="359"/>
      <c r="C3884" s="360"/>
      <c r="D3884" s="359"/>
      <c r="E3884" s="359"/>
      <c r="F3884" s="360"/>
      <c r="G3884" s="360"/>
      <c r="H3884" s="360"/>
      <c r="I3884" s="360"/>
      <c r="J3884" s="359"/>
      <c r="K3884" s="360"/>
      <c r="L3884" s="359"/>
    </row>
    <row r="3885" spans="2:12">
      <c r="B3885" s="359"/>
      <c r="C3885" s="360"/>
      <c r="D3885" s="359"/>
      <c r="E3885" s="359"/>
      <c r="F3885" s="359" t="s">
        <v>14371</v>
      </c>
      <c r="G3885" s="359" t="s">
        <v>14372</v>
      </c>
      <c r="H3885" s="359" t="s">
        <v>14332</v>
      </c>
      <c r="I3885" s="359" t="s">
        <v>14373</v>
      </c>
      <c r="J3885" s="359"/>
      <c r="K3885" s="359" t="s">
        <v>28713</v>
      </c>
      <c r="L3885" s="359"/>
    </row>
    <row r="3886" spans="2:12">
      <c r="B3886" s="359"/>
      <c r="C3886" s="360"/>
      <c r="D3886" s="359"/>
      <c r="E3886" s="359"/>
      <c r="F3886" s="360"/>
      <c r="G3886" s="360"/>
      <c r="H3886" s="360"/>
      <c r="I3886" s="360"/>
      <c r="J3886" s="359"/>
      <c r="K3886" s="360"/>
      <c r="L3886" s="359"/>
    </row>
    <row r="3887" spans="2:12" ht="42.75">
      <c r="B3887" s="359"/>
      <c r="C3887" s="360"/>
      <c r="D3887" s="359"/>
      <c r="E3887" s="359"/>
      <c r="F3887" s="359" t="s">
        <v>14374</v>
      </c>
      <c r="G3887" s="359" t="s">
        <v>14373</v>
      </c>
      <c r="H3887" s="360"/>
      <c r="I3887" s="360"/>
      <c r="J3887" s="359"/>
      <c r="K3887" s="359" t="s">
        <v>28715</v>
      </c>
      <c r="L3887" s="359"/>
    </row>
    <row r="3888" spans="2:12">
      <c r="B3888" s="359"/>
      <c r="C3888" s="360"/>
      <c r="D3888" s="359"/>
      <c r="E3888" s="359"/>
      <c r="F3888" s="360"/>
      <c r="G3888" s="360"/>
      <c r="H3888" s="360"/>
      <c r="I3888" s="360"/>
      <c r="J3888" s="359"/>
      <c r="K3888" s="360"/>
      <c r="L3888" s="359"/>
    </row>
    <row r="3889" spans="2:12" ht="42.75">
      <c r="B3889" s="361"/>
      <c r="C3889" s="362"/>
      <c r="D3889" s="361"/>
      <c r="E3889" s="361"/>
      <c r="F3889" s="362"/>
      <c r="G3889" s="362"/>
      <c r="H3889" s="362"/>
      <c r="I3889" s="362"/>
      <c r="J3889" s="361"/>
      <c r="K3889" s="361" t="s">
        <v>28716</v>
      </c>
      <c r="L3889" s="361"/>
    </row>
    <row r="3890" spans="2:12" ht="42.75">
      <c r="B3890" s="358" t="s">
        <v>10232</v>
      </c>
      <c r="C3890" s="358" t="s">
        <v>16537</v>
      </c>
      <c r="D3890" s="358" t="s">
        <v>475</v>
      </c>
      <c r="E3890" s="358" t="s">
        <v>476</v>
      </c>
      <c r="F3890" s="358" t="s">
        <v>14376</v>
      </c>
      <c r="G3890" s="358" t="s">
        <v>14377</v>
      </c>
      <c r="H3890" s="358" t="s">
        <v>14381</v>
      </c>
      <c r="I3890" s="358" t="s">
        <v>14377</v>
      </c>
      <c r="J3890" s="358"/>
      <c r="K3890" s="358" t="s">
        <v>28717</v>
      </c>
      <c r="L3890" s="358" t="s">
        <v>27503</v>
      </c>
    </row>
    <row r="3891" spans="2:12">
      <c r="B3891" s="359"/>
      <c r="C3891" s="359"/>
      <c r="D3891" s="359"/>
      <c r="E3891" s="359"/>
      <c r="F3891" s="360"/>
      <c r="G3891" s="360"/>
      <c r="H3891" s="360"/>
      <c r="I3891" s="360"/>
      <c r="J3891" s="359"/>
      <c r="K3891" s="359"/>
      <c r="L3891" s="359"/>
    </row>
    <row r="3892" spans="2:12">
      <c r="B3892" s="359"/>
      <c r="C3892" s="359"/>
      <c r="D3892" s="359"/>
      <c r="E3892" s="359"/>
      <c r="F3892" s="359" t="s">
        <v>14889</v>
      </c>
      <c r="G3892" s="359" t="s">
        <v>14890</v>
      </c>
      <c r="H3892" s="359" t="s">
        <v>14367</v>
      </c>
      <c r="I3892" s="359" t="s">
        <v>14890</v>
      </c>
      <c r="J3892" s="359"/>
      <c r="K3892" s="359"/>
      <c r="L3892" s="359"/>
    </row>
    <row r="3893" spans="2:12">
      <c r="B3893" s="359"/>
      <c r="C3893" s="359"/>
      <c r="D3893" s="359"/>
      <c r="E3893" s="359"/>
      <c r="F3893" s="360"/>
      <c r="G3893" s="360"/>
      <c r="H3893" s="360"/>
      <c r="I3893" s="360"/>
      <c r="J3893" s="359"/>
      <c r="K3893" s="359"/>
      <c r="L3893" s="359"/>
    </row>
    <row r="3894" spans="2:12">
      <c r="B3894" s="359"/>
      <c r="C3894" s="359"/>
      <c r="D3894" s="359"/>
      <c r="E3894" s="359"/>
      <c r="F3894" s="359" t="s">
        <v>14386</v>
      </c>
      <c r="G3894" s="359" t="s">
        <v>14387</v>
      </c>
      <c r="H3894" s="359" t="s">
        <v>14370</v>
      </c>
      <c r="I3894" s="359" t="s">
        <v>14387</v>
      </c>
      <c r="J3894" s="359"/>
      <c r="K3894" s="359"/>
      <c r="L3894" s="359"/>
    </row>
    <row r="3895" spans="2:12">
      <c r="B3895" s="359"/>
      <c r="C3895" s="359"/>
      <c r="D3895" s="359"/>
      <c r="E3895" s="359"/>
      <c r="F3895" s="360"/>
      <c r="G3895" s="360"/>
      <c r="H3895" s="360"/>
      <c r="I3895" s="360"/>
      <c r="J3895" s="359"/>
      <c r="K3895" s="359"/>
      <c r="L3895" s="359"/>
    </row>
    <row r="3896" spans="2:12">
      <c r="B3896" s="359"/>
      <c r="C3896" s="359"/>
      <c r="D3896" s="359"/>
      <c r="E3896" s="359"/>
      <c r="F3896" s="359" t="s">
        <v>14368</v>
      </c>
      <c r="G3896" s="359" t="s">
        <v>14388</v>
      </c>
      <c r="H3896" s="359" t="s">
        <v>14332</v>
      </c>
      <c r="I3896" s="359" t="s">
        <v>14388</v>
      </c>
      <c r="J3896" s="359"/>
      <c r="K3896" s="359"/>
      <c r="L3896" s="359"/>
    </row>
    <row r="3897" spans="2:12">
      <c r="B3897" s="359"/>
      <c r="C3897" s="359"/>
      <c r="D3897" s="359"/>
      <c r="E3897" s="359"/>
      <c r="F3897" s="360"/>
      <c r="G3897" s="360"/>
      <c r="H3897" s="360"/>
      <c r="I3897" s="360"/>
      <c r="J3897" s="359"/>
      <c r="K3897" s="359"/>
      <c r="L3897" s="359"/>
    </row>
    <row r="3898" spans="2:12">
      <c r="B3898" s="359"/>
      <c r="C3898" s="359"/>
      <c r="D3898" s="359"/>
      <c r="E3898" s="359"/>
      <c r="F3898" s="359" t="s">
        <v>14389</v>
      </c>
      <c r="G3898" s="359" t="s">
        <v>14390</v>
      </c>
      <c r="H3898" s="360"/>
      <c r="I3898" s="359" t="s">
        <v>14390</v>
      </c>
      <c r="J3898" s="359"/>
      <c r="K3898" s="359"/>
      <c r="L3898" s="359"/>
    </row>
    <row r="3899" spans="2:12">
      <c r="B3899" s="359"/>
      <c r="C3899" s="359"/>
      <c r="D3899" s="359"/>
      <c r="E3899" s="359"/>
      <c r="F3899" s="360"/>
      <c r="G3899" s="360"/>
      <c r="H3899" s="360"/>
      <c r="I3899" s="360"/>
      <c r="J3899" s="359"/>
      <c r="K3899" s="359"/>
      <c r="L3899" s="359"/>
    </row>
    <row r="3900" spans="2:12">
      <c r="B3900" s="359"/>
      <c r="C3900" s="359"/>
      <c r="D3900" s="359"/>
      <c r="E3900" s="359"/>
      <c r="F3900" s="359" t="s">
        <v>14391</v>
      </c>
      <c r="G3900" s="359" t="s">
        <v>14392</v>
      </c>
      <c r="H3900" s="360"/>
      <c r="I3900" s="359" t="s">
        <v>14392</v>
      </c>
      <c r="J3900" s="359"/>
      <c r="K3900" s="359"/>
      <c r="L3900" s="359"/>
    </row>
    <row r="3901" spans="2:12">
      <c r="B3901" s="359"/>
      <c r="C3901" s="359"/>
      <c r="D3901" s="359"/>
      <c r="E3901" s="359"/>
      <c r="F3901" s="360"/>
      <c r="G3901" s="360"/>
      <c r="H3901" s="360"/>
      <c r="I3901" s="360"/>
      <c r="J3901" s="359"/>
      <c r="K3901" s="359"/>
      <c r="L3901" s="359"/>
    </row>
    <row r="3902" spans="2:12">
      <c r="B3902" s="359"/>
      <c r="C3902" s="359"/>
      <c r="D3902" s="359"/>
      <c r="E3902" s="359"/>
      <c r="F3902" s="359" t="s">
        <v>14371</v>
      </c>
      <c r="G3902" s="359" t="s">
        <v>14372</v>
      </c>
      <c r="H3902" s="360"/>
      <c r="I3902" s="359" t="s">
        <v>14373</v>
      </c>
      <c r="J3902" s="359"/>
      <c r="K3902" s="359"/>
      <c r="L3902" s="359"/>
    </row>
    <row r="3903" spans="2:12">
      <c r="B3903" s="359"/>
      <c r="C3903" s="359"/>
      <c r="D3903" s="359"/>
      <c r="E3903" s="359"/>
      <c r="F3903" s="360"/>
      <c r="G3903" s="360"/>
      <c r="H3903" s="360"/>
      <c r="I3903" s="360"/>
      <c r="J3903" s="359"/>
      <c r="K3903" s="359"/>
      <c r="L3903" s="359"/>
    </row>
    <row r="3904" spans="2:12" ht="28.5">
      <c r="B3904" s="361"/>
      <c r="C3904" s="361"/>
      <c r="D3904" s="361"/>
      <c r="E3904" s="361"/>
      <c r="F3904" s="361" t="s">
        <v>14374</v>
      </c>
      <c r="G3904" s="361" t="s">
        <v>14373</v>
      </c>
      <c r="H3904" s="362"/>
      <c r="I3904" s="362"/>
      <c r="J3904" s="361"/>
      <c r="K3904" s="361"/>
      <c r="L3904" s="361"/>
    </row>
    <row r="3905" spans="2:12">
      <c r="B3905" s="358" t="s">
        <v>9049</v>
      </c>
      <c r="C3905" s="358" t="s">
        <v>16538</v>
      </c>
      <c r="D3905" s="358" t="s">
        <v>8356</v>
      </c>
      <c r="E3905" s="358" t="s">
        <v>8356</v>
      </c>
      <c r="F3905" s="358" t="s">
        <v>16528</v>
      </c>
      <c r="G3905" s="358" t="s">
        <v>14669</v>
      </c>
      <c r="H3905" s="358" t="s">
        <v>14381</v>
      </c>
      <c r="I3905" s="358" t="s">
        <v>14669</v>
      </c>
      <c r="J3905" s="358"/>
      <c r="K3905" s="358"/>
      <c r="L3905" s="358" t="s">
        <v>9491</v>
      </c>
    </row>
    <row r="3906" spans="2:12">
      <c r="B3906" s="359"/>
      <c r="C3906" s="359"/>
      <c r="D3906" s="359"/>
      <c r="E3906" s="359"/>
      <c r="F3906" s="360"/>
      <c r="G3906" s="360"/>
      <c r="H3906" s="360"/>
      <c r="I3906" s="360"/>
      <c r="J3906" s="359"/>
      <c r="K3906" s="359"/>
      <c r="L3906" s="359"/>
    </row>
    <row r="3907" spans="2:12">
      <c r="B3907" s="359"/>
      <c r="C3907" s="359"/>
      <c r="D3907" s="359"/>
      <c r="E3907" s="359"/>
      <c r="F3907" s="359" t="s">
        <v>14420</v>
      </c>
      <c r="G3907" s="359" t="s">
        <v>14429</v>
      </c>
      <c r="H3907" s="359" t="s">
        <v>14367</v>
      </c>
      <c r="I3907" s="359" t="s">
        <v>14429</v>
      </c>
      <c r="J3907" s="359"/>
      <c r="K3907" s="359"/>
      <c r="L3907" s="359"/>
    </row>
    <row r="3908" spans="2:12">
      <c r="B3908" s="359"/>
      <c r="C3908" s="359"/>
      <c r="D3908" s="359"/>
      <c r="E3908" s="359"/>
      <c r="F3908" s="360"/>
      <c r="G3908" s="360"/>
      <c r="H3908" s="360"/>
      <c r="I3908" s="360"/>
      <c r="J3908" s="359"/>
      <c r="K3908" s="359"/>
      <c r="L3908" s="359"/>
    </row>
    <row r="3909" spans="2:12">
      <c r="B3909" s="359"/>
      <c r="C3909" s="359"/>
      <c r="D3909" s="359"/>
      <c r="E3909" s="359"/>
      <c r="F3909" s="359" t="s">
        <v>14391</v>
      </c>
      <c r="G3909" s="359" t="s">
        <v>14392</v>
      </c>
      <c r="H3909" s="359" t="s">
        <v>14370</v>
      </c>
      <c r="I3909" s="359" t="s">
        <v>14392</v>
      </c>
      <c r="J3909" s="359"/>
      <c r="K3909" s="359"/>
      <c r="L3909" s="359"/>
    </row>
    <row r="3910" spans="2:12">
      <c r="B3910" s="359"/>
      <c r="C3910" s="359"/>
      <c r="D3910" s="359"/>
      <c r="E3910" s="359"/>
      <c r="F3910" s="360"/>
      <c r="G3910" s="360"/>
      <c r="H3910" s="360"/>
      <c r="I3910" s="360"/>
      <c r="J3910" s="359"/>
      <c r="K3910" s="359"/>
      <c r="L3910" s="359"/>
    </row>
    <row r="3911" spans="2:12">
      <c r="B3911" s="359"/>
      <c r="C3911" s="359"/>
      <c r="D3911" s="359"/>
      <c r="E3911" s="359"/>
      <c r="F3911" s="359" t="s">
        <v>14371</v>
      </c>
      <c r="G3911" s="359" t="s">
        <v>14372</v>
      </c>
      <c r="H3911" s="359" t="s">
        <v>14332</v>
      </c>
      <c r="I3911" s="359" t="s">
        <v>14373</v>
      </c>
      <c r="J3911" s="359"/>
      <c r="K3911" s="359"/>
      <c r="L3911" s="359"/>
    </row>
    <row r="3912" spans="2:12">
      <c r="B3912" s="359"/>
      <c r="C3912" s="359"/>
      <c r="D3912" s="359"/>
      <c r="E3912" s="359"/>
      <c r="F3912" s="360"/>
      <c r="G3912" s="360"/>
      <c r="H3912" s="360"/>
      <c r="I3912" s="360"/>
      <c r="J3912" s="359"/>
      <c r="K3912" s="359"/>
      <c r="L3912" s="359"/>
    </row>
    <row r="3913" spans="2:12" ht="28.5">
      <c r="B3913" s="361"/>
      <c r="C3913" s="361"/>
      <c r="D3913" s="361"/>
      <c r="E3913" s="361"/>
      <c r="F3913" s="361" t="s">
        <v>14374</v>
      </c>
      <c r="G3913" s="361" t="s">
        <v>14373</v>
      </c>
      <c r="H3913" s="362"/>
      <c r="I3913" s="362"/>
      <c r="J3913" s="361"/>
      <c r="K3913" s="361"/>
      <c r="L3913" s="361"/>
    </row>
    <row r="3914" spans="2:12">
      <c r="B3914" s="358" t="s">
        <v>10233</v>
      </c>
      <c r="C3914" s="358" t="s">
        <v>16539</v>
      </c>
      <c r="D3914" s="358" t="s">
        <v>10234</v>
      </c>
      <c r="E3914" s="358" t="s">
        <v>2312</v>
      </c>
      <c r="F3914" s="358" t="s">
        <v>14376</v>
      </c>
      <c r="G3914" s="358" t="s">
        <v>14669</v>
      </c>
      <c r="H3914" s="358" t="s">
        <v>14381</v>
      </c>
      <c r="I3914" s="358" t="s">
        <v>14669</v>
      </c>
      <c r="J3914" s="358"/>
      <c r="K3914" s="358"/>
      <c r="L3914" s="358"/>
    </row>
    <row r="3915" spans="2:12">
      <c r="B3915" s="359"/>
      <c r="C3915" s="359"/>
      <c r="D3915" s="359"/>
      <c r="E3915" s="359"/>
      <c r="F3915" s="360"/>
      <c r="G3915" s="360"/>
      <c r="H3915" s="360"/>
      <c r="I3915" s="360"/>
      <c r="J3915" s="359"/>
      <c r="K3915" s="359"/>
      <c r="L3915" s="359"/>
    </row>
    <row r="3916" spans="2:12">
      <c r="B3916" s="359"/>
      <c r="C3916" s="359"/>
      <c r="D3916" s="359"/>
      <c r="E3916" s="359"/>
      <c r="F3916" s="359" t="s">
        <v>14420</v>
      </c>
      <c r="G3916" s="359" t="s">
        <v>14429</v>
      </c>
      <c r="H3916" s="359" t="s">
        <v>14367</v>
      </c>
      <c r="I3916" s="359" t="s">
        <v>14429</v>
      </c>
      <c r="J3916" s="359"/>
      <c r="K3916" s="359"/>
      <c r="L3916" s="359"/>
    </row>
    <row r="3917" spans="2:12">
      <c r="B3917" s="359"/>
      <c r="C3917" s="359"/>
      <c r="D3917" s="359"/>
      <c r="E3917" s="359"/>
      <c r="F3917" s="360"/>
      <c r="G3917" s="360"/>
      <c r="H3917" s="360"/>
      <c r="I3917" s="360"/>
      <c r="J3917" s="359"/>
      <c r="K3917" s="359"/>
      <c r="L3917" s="359"/>
    </row>
    <row r="3918" spans="2:12">
      <c r="B3918" s="359"/>
      <c r="C3918" s="359"/>
      <c r="D3918" s="359"/>
      <c r="E3918" s="359"/>
      <c r="F3918" s="359" t="s">
        <v>14371</v>
      </c>
      <c r="G3918" s="359" t="s">
        <v>14372</v>
      </c>
      <c r="H3918" s="359" t="s">
        <v>14370</v>
      </c>
      <c r="I3918" s="359" t="s">
        <v>14373</v>
      </c>
      <c r="J3918" s="359"/>
      <c r="K3918" s="359"/>
      <c r="L3918" s="359"/>
    </row>
    <row r="3919" spans="2:12">
      <c r="B3919" s="359"/>
      <c r="C3919" s="359"/>
      <c r="D3919" s="359"/>
      <c r="E3919" s="359"/>
      <c r="F3919" s="360"/>
      <c r="G3919" s="360"/>
      <c r="H3919" s="360"/>
      <c r="I3919" s="360"/>
      <c r="J3919" s="359"/>
      <c r="K3919" s="359"/>
      <c r="L3919" s="359"/>
    </row>
    <row r="3920" spans="2:12" ht="28.5">
      <c r="B3920" s="361"/>
      <c r="C3920" s="361"/>
      <c r="D3920" s="361"/>
      <c r="E3920" s="361"/>
      <c r="F3920" s="361" t="s">
        <v>14374</v>
      </c>
      <c r="G3920" s="361" t="s">
        <v>14373</v>
      </c>
      <c r="H3920" s="361" t="s">
        <v>14332</v>
      </c>
      <c r="I3920" s="362"/>
      <c r="J3920" s="361"/>
      <c r="K3920" s="361"/>
      <c r="L3920" s="361"/>
    </row>
    <row r="3921" spans="2:12">
      <c r="B3921" s="358" t="s">
        <v>10235</v>
      </c>
      <c r="C3921" s="358" t="s">
        <v>16540</v>
      </c>
      <c r="D3921" s="358" t="s">
        <v>442</v>
      </c>
      <c r="E3921" s="358" t="s">
        <v>2386</v>
      </c>
      <c r="F3921" s="358" t="s">
        <v>14376</v>
      </c>
      <c r="G3921" s="358" t="s">
        <v>14669</v>
      </c>
      <c r="H3921" s="358" t="s">
        <v>14381</v>
      </c>
      <c r="I3921" s="358" t="s">
        <v>14669</v>
      </c>
      <c r="J3921" s="358"/>
      <c r="K3921" s="358"/>
      <c r="L3921" s="358"/>
    </row>
    <row r="3922" spans="2:12">
      <c r="B3922" s="359"/>
      <c r="C3922" s="359"/>
      <c r="D3922" s="359"/>
      <c r="E3922" s="359"/>
      <c r="F3922" s="360"/>
      <c r="G3922" s="360"/>
      <c r="H3922" s="360"/>
      <c r="I3922" s="360"/>
      <c r="J3922" s="359"/>
      <c r="K3922" s="359"/>
      <c r="L3922" s="359"/>
    </row>
    <row r="3923" spans="2:12">
      <c r="B3923" s="359"/>
      <c r="C3923" s="359"/>
      <c r="D3923" s="359"/>
      <c r="E3923" s="359"/>
      <c r="F3923" s="359" t="s">
        <v>14420</v>
      </c>
      <c r="G3923" s="359" t="s">
        <v>14429</v>
      </c>
      <c r="H3923" s="359" t="s">
        <v>14367</v>
      </c>
      <c r="I3923" s="359" t="s">
        <v>14429</v>
      </c>
      <c r="J3923" s="359"/>
      <c r="K3923" s="359"/>
      <c r="L3923" s="359"/>
    </row>
    <row r="3924" spans="2:12">
      <c r="B3924" s="359"/>
      <c r="C3924" s="359"/>
      <c r="D3924" s="359"/>
      <c r="E3924" s="359"/>
      <c r="F3924" s="360"/>
      <c r="G3924" s="360"/>
      <c r="H3924" s="360"/>
      <c r="I3924" s="360"/>
      <c r="J3924" s="359"/>
      <c r="K3924" s="359"/>
      <c r="L3924" s="359"/>
    </row>
    <row r="3925" spans="2:12">
      <c r="B3925" s="359"/>
      <c r="C3925" s="359"/>
      <c r="D3925" s="359"/>
      <c r="E3925" s="359"/>
      <c r="F3925" s="359" t="s">
        <v>14371</v>
      </c>
      <c r="G3925" s="359" t="s">
        <v>14372</v>
      </c>
      <c r="H3925" s="359" t="s">
        <v>14370</v>
      </c>
      <c r="I3925" s="359" t="s">
        <v>14372</v>
      </c>
      <c r="J3925" s="359"/>
      <c r="K3925" s="359"/>
      <c r="L3925" s="359"/>
    </row>
    <row r="3926" spans="2:12">
      <c r="B3926" s="359"/>
      <c r="C3926" s="359"/>
      <c r="D3926" s="359"/>
      <c r="E3926" s="359"/>
      <c r="F3926" s="360"/>
      <c r="G3926" s="360"/>
      <c r="H3926" s="360"/>
      <c r="I3926" s="360"/>
      <c r="J3926" s="359"/>
      <c r="K3926" s="359"/>
      <c r="L3926" s="359"/>
    </row>
    <row r="3927" spans="2:12" ht="28.5">
      <c r="B3927" s="361"/>
      <c r="C3927" s="361"/>
      <c r="D3927" s="361"/>
      <c r="E3927" s="361"/>
      <c r="F3927" s="361" t="s">
        <v>14374</v>
      </c>
      <c r="G3927" s="361" t="s">
        <v>14373</v>
      </c>
      <c r="H3927" s="361" t="s">
        <v>14332</v>
      </c>
      <c r="I3927" s="361" t="s">
        <v>14373</v>
      </c>
      <c r="J3927" s="361"/>
      <c r="K3927" s="361"/>
      <c r="L3927" s="361"/>
    </row>
    <row r="3928" spans="2:12">
      <c r="B3928" s="358" t="s">
        <v>10237</v>
      </c>
      <c r="C3928" s="358" t="s">
        <v>16541</v>
      </c>
      <c r="D3928" s="358" t="s">
        <v>392</v>
      </c>
      <c r="E3928" s="358" t="s">
        <v>393</v>
      </c>
      <c r="F3928" s="358" t="s">
        <v>15115</v>
      </c>
      <c r="G3928" s="358" t="s">
        <v>15024</v>
      </c>
      <c r="H3928" s="358" t="s">
        <v>14479</v>
      </c>
      <c r="I3928" s="358" t="s">
        <v>15024</v>
      </c>
      <c r="J3928" s="358"/>
      <c r="K3928" s="358"/>
      <c r="L3928" s="358" t="s">
        <v>14513</v>
      </c>
    </row>
    <row r="3929" spans="2:12">
      <c r="B3929" s="359"/>
      <c r="C3929" s="360"/>
      <c r="D3929" s="359"/>
      <c r="E3929" s="359"/>
      <c r="F3929" s="360"/>
      <c r="G3929" s="360"/>
      <c r="H3929" s="360"/>
      <c r="I3929" s="360"/>
      <c r="J3929" s="359"/>
      <c r="K3929" s="359"/>
      <c r="L3929" s="359"/>
    </row>
    <row r="3930" spans="2:12">
      <c r="B3930" s="359"/>
      <c r="C3930" s="359" t="s">
        <v>16542</v>
      </c>
      <c r="D3930" s="359"/>
      <c r="E3930" s="359"/>
      <c r="F3930" s="359" t="s">
        <v>14376</v>
      </c>
      <c r="G3930" s="359" t="s">
        <v>14669</v>
      </c>
      <c r="H3930" s="359" t="s">
        <v>14381</v>
      </c>
      <c r="I3930" s="359" t="s">
        <v>14669</v>
      </c>
      <c r="J3930" s="359"/>
      <c r="K3930" s="359"/>
      <c r="L3930" s="359"/>
    </row>
    <row r="3931" spans="2:12">
      <c r="B3931" s="359"/>
      <c r="C3931" s="360"/>
      <c r="D3931" s="359"/>
      <c r="E3931" s="359"/>
      <c r="F3931" s="360"/>
      <c r="G3931" s="360"/>
      <c r="H3931" s="360"/>
      <c r="I3931" s="360"/>
      <c r="J3931" s="359"/>
      <c r="K3931" s="359"/>
      <c r="L3931" s="359"/>
    </row>
    <row r="3932" spans="2:12">
      <c r="B3932" s="359"/>
      <c r="C3932" s="359" t="s">
        <v>16543</v>
      </c>
      <c r="D3932" s="359"/>
      <c r="E3932" s="359"/>
      <c r="F3932" s="359" t="s">
        <v>14339</v>
      </c>
      <c r="G3932" s="359" t="s">
        <v>14340</v>
      </c>
      <c r="H3932" s="359" t="s">
        <v>14341</v>
      </c>
      <c r="I3932" s="359" t="s">
        <v>14340</v>
      </c>
      <c r="J3932" s="359"/>
      <c r="K3932" s="359"/>
      <c r="L3932" s="359"/>
    </row>
    <row r="3933" spans="2:12">
      <c r="B3933" s="359"/>
      <c r="C3933" s="360"/>
      <c r="D3933" s="359"/>
      <c r="E3933" s="359"/>
      <c r="F3933" s="360"/>
      <c r="G3933" s="360"/>
      <c r="H3933" s="360"/>
      <c r="I3933" s="360"/>
      <c r="J3933" s="359"/>
      <c r="K3933" s="359"/>
      <c r="L3933" s="359"/>
    </row>
    <row r="3934" spans="2:12">
      <c r="B3934" s="359"/>
      <c r="C3934" s="360"/>
      <c r="D3934" s="359"/>
      <c r="E3934" s="359"/>
      <c r="F3934" s="359" t="s">
        <v>14391</v>
      </c>
      <c r="G3934" s="359" t="s">
        <v>14392</v>
      </c>
      <c r="H3934" s="359" t="s">
        <v>14367</v>
      </c>
      <c r="I3934" s="359" t="s">
        <v>14392</v>
      </c>
      <c r="J3934" s="359"/>
      <c r="K3934" s="359"/>
      <c r="L3934" s="359"/>
    </row>
    <row r="3935" spans="2:12">
      <c r="B3935" s="359"/>
      <c r="C3935" s="360"/>
      <c r="D3935" s="359"/>
      <c r="E3935" s="359"/>
      <c r="F3935" s="360"/>
      <c r="G3935" s="360"/>
      <c r="H3935" s="360"/>
      <c r="I3935" s="360"/>
      <c r="J3935" s="359"/>
      <c r="K3935" s="359"/>
      <c r="L3935" s="359"/>
    </row>
    <row r="3936" spans="2:12">
      <c r="B3936" s="359"/>
      <c r="C3936" s="360"/>
      <c r="D3936" s="359"/>
      <c r="E3936" s="359"/>
      <c r="F3936" s="359" t="s">
        <v>14371</v>
      </c>
      <c r="G3936" s="359" t="s">
        <v>14372</v>
      </c>
      <c r="H3936" s="359" t="s">
        <v>14370</v>
      </c>
      <c r="I3936" s="359" t="s">
        <v>14373</v>
      </c>
      <c r="J3936" s="359"/>
      <c r="K3936" s="359"/>
      <c r="L3936" s="359"/>
    </row>
    <row r="3937" spans="2:12">
      <c r="B3937" s="359"/>
      <c r="C3937" s="360"/>
      <c r="D3937" s="359"/>
      <c r="E3937" s="359"/>
      <c r="F3937" s="360"/>
      <c r="G3937" s="360"/>
      <c r="H3937" s="360"/>
      <c r="I3937" s="360"/>
      <c r="J3937" s="359"/>
      <c r="K3937" s="359"/>
      <c r="L3937" s="359"/>
    </row>
    <row r="3938" spans="2:12" ht="28.5">
      <c r="B3938" s="361"/>
      <c r="C3938" s="362"/>
      <c r="D3938" s="361"/>
      <c r="E3938" s="361"/>
      <c r="F3938" s="361" t="s">
        <v>14374</v>
      </c>
      <c r="G3938" s="361" t="s">
        <v>14373</v>
      </c>
      <c r="H3938" s="361" t="s">
        <v>14332</v>
      </c>
      <c r="I3938" s="362"/>
      <c r="J3938" s="361"/>
      <c r="K3938" s="361"/>
      <c r="L3938" s="361"/>
    </row>
    <row r="3939" spans="2:12" ht="28.5">
      <c r="B3939" s="358" t="s">
        <v>16544</v>
      </c>
      <c r="C3939" s="358" t="s">
        <v>27504</v>
      </c>
      <c r="D3939" s="358" t="s">
        <v>16545</v>
      </c>
      <c r="E3939" s="358" t="s">
        <v>16546</v>
      </c>
      <c r="F3939" s="358" t="s">
        <v>16362</v>
      </c>
      <c r="G3939" s="358" t="s">
        <v>16363</v>
      </c>
      <c r="H3939" s="358" t="s">
        <v>14328</v>
      </c>
      <c r="I3939" s="358" t="s">
        <v>16363</v>
      </c>
      <c r="J3939" s="358"/>
      <c r="K3939" s="358"/>
      <c r="L3939" s="358"/>
    </row>
    <row r="3940" spans="2:12">
      <c r="B3940" s="359"/>
      <c r="C3940" s="359"/>
      <c r="D3940" s="359"/>
      <c r="E3940" s="359"/>
      <c r="F3940" s="360"/>
      <c r="G3940" s="360"/>
      <c r="H3940" s="360"/>
      <c r="I3940" s="360"/>
      <c r="J3940" s="359"/>
      <c r="K3940" s="359"/>
      <c r="L3940" s="359"/>
    </row>
    <row r="3941" spans="2:12">
      <c r="B3941" s="359"/>
      <c r="C3941" s="359"/>
      <c r="D3941" s="359"/>
      <c r="E3941" s="359"/>
      <c r="F3941" s="359" t="s">
        <v>14371</v>
      </c>
      <c r="G3941" s="359" t="s">
        <v>14372</v>
      </c>
      <c r="H3941" s="359" t="s">
        <v>14370</v>
      </c>
      <c r="I3941" s="359" t="s">
        <v>14373</v>
      </c>
      <c r="J3941" s="359"/>
      <c r="K3941" s="359"/>
      <c r="L3941" s="359"/>
    </row>
    <row r="3942" spans="2:12">
      <c r="B3942" s="359"/>
      <c r="C3942" s="359"/>
      <c r="D3942" s="359"/>
      <c r="E3942" s="359"/>
      <c r="F3942" s="360"/>
      <c r="G3942" s="360"/>
      <c r="H3942" s="360"/>
      <c r="I3942" s="360"/>
      <c r="J3942" s="359"/>
      <c r="K3942" s="359"/>
      <c r="L3942" s="359"/>
    </row>
    <row r="3943" spans="2:12" ht="28.5">
      <c r="B3943" s="361"/>
      <c r="C3943" s="361"/>
      <c r="D3943" s="361"/>
      <c r="E3943" s="361"/>
      <c r="F3943" s="361" t="s">
        <v>14374</v>
      </c>
      <c r="G3943" s="361" t="s">
        <v>14373</v>
      </c>
      <c r="H3943" s="361" t="s">
        <v>14332</v>
      </c>
      <c r="I3943" s="362"/>
      <c r="J3943" s="361"/>
      <c r="K3943" s="361"/>
      <c r="L3943" s="361"/>
    </row>
    <row r="3944" spans="2:12" ht="42.75">
      <c r="B3944" s="358" t="s">
        <v>16547</v>
      </c>
      <c r="C3944" s="358" t="s">
        <v>16548</v>
      </c>
      <c r="D3944" s="358" t="s">
        <v>16549</v>
      </c>
      <c r="E3944" s="358" t="s">
        <v>8356</v>
      </c>
      <c r="F3944" s="358" t="s">
        <v>14426</v>
      </c>
      <c r="G3944" s="358" t="s">
        <v>14427</v>
      </c>
      <c r="H3944" s="358" t="s">
        <v>14381</v>
      </c>
      <c r="I3944" s="358" t="s">
        <v>14427</v>
      </c>
      <c r="J3944" s="358"/>
      <c r="K3944" s="358"/>
      <c r="L3944" s="358"/>
    </row>
    <row r="3945" spans="2:12">
      <c r="B3945" s="359"/>
      <c r="C3945" s="359"/>
      <c r="D3945" s="359"/>
      <c r="E3945" s="359"/>
      <c r="F3945" s="359"/>
      <c r="G3945" s="359"/>
      <c r="H3945" s="360"/>
      <c r="I3945" s="359"/>
      <c r="J3945" s="359"/>
      <c r="K3945" s="359"/>
      <c r="L3945" s="359"/>
    </row>
    <row r="3946" spans="2:12">
      <c r="B3946" s="361"/>
      <c r="C3946" s="361"/>
      <c r="D3946" s="361"/>
      <c r="E3946" s="361"/>
      <c r="F3946" s="361"/>
      <c r="G3946" s="361"/>
      <c r="H3946" s="361" t="s">
        <v>14422</v>
      </c>
      <c r="I3946" s="361"/>
      <c r="J3946" s="361"/>
      <c r="K3946" s="361"/>
      <c r="L3946" s="361"/>
    </row>
    <row r="3947" spans="2:12" ht="42.75">
      <c r="B3947" s="358" t="s">
        <v>16550</v>
      </c>
      <c r="C3947" s="358" t="s">
        <v>16551</v>
      </c>
      <c r="D3947" s="358" t="s">
        <v>16552</v>
      </c>
      <c r="E3947" s="358" t="s">
        <v>8356</v>
      </c>
      <c r="F3947" s="358" t="s">
        <v>14430</v>
      </c>
      <c r="G3947" s="358" t="s">
        <v>14431</v>
      </c>
      <c r="H3947" s="358" t="s">
        <v>14341</v>
      </c>
      <c r="I3947" s="358" t="s">
        <v>14431</v>
      </c>
      <c r="J3947" s="358"/>
      <c r="K3947" s="358"/>
      <c r="L3947" s="358"/>
    </row>
    <row r="3948" spans="2:12">
      <c r="B3948" s="359"/>
      <c r="C3948" s="359"/>
      <c r="D3948" s="359"/>
      <c r="E3948" s="359"/>
      <c r="F3948" s="360"/>
      <c r="G3948" s="360"/>
      <c r="H3948" s="360"/>
      <c r="I3948" s="360"/>
      <c r="J3948" s="359"/>
      <c r="K3948" s="359"/>
      <c r="L3948" s="359"/>
    </row>
    <row r="3949" spans="2:12" ht="28.5">
      <c r="B3949" s="359"/>
      <c r="C3949" s="359"/>
      <c r="D3949" s="359"/>
      <c r="E3949" s="359"/>
      <c r="F3949" s="359" t="s">
        <v>14394</v>
      </c>
      <c r="G3949" s="359" t="s">
        <v>14395</v>
      </c>
      <c r="H3949" s="359" t="s">
        <v>14370</v>
      </c>
      <c r="I3949" s="359" t="s">
        <v>14395</v>
      </c>
      <c r="J3949" s="359"/>
      <c r="K3949" s="359"/>
      <c r="L3949" s="359"/>
    </row>
    <row r="3950" spans="2:12">
      <c r="B3950" s="359"/>
      <c r="C3950" s="359"/>
      <c r="D3950" s="359"/>
      <c r="E3950" s="359"/>
      <c r="F3950" s="360"/>
      <c r="G3950" s="360"/>
      <c r="H3950" s="360"/>
      <c r="I3950" s="360"/>
      <c r="J3950" s="359"/>
      <c r="K3950" s="359"/>
      <c r="L3950" s="359"/>
    </row>
    <row r="3951" spans="2:12">
      <c r="B3951" s="361"/>
      <c r="C3951" s="361"/>
      <c r="D3951" s="361"/>
      <c r="E3951" s="361"/>
      <c r="F3951" s="362"/>
      <c r="G3951" s="362"/>
      <c r="H3951" s="361" t="s">
        <v>14332</v>
      </c>
      <c r="I3951" s="362"/>
      <c r="J3951" s="361"/>
      <c r="K3951" s="361"/>
      <c r="L3951" s="361"/>
    </row>
    <row r="3952" spans="2:12" ht="28.5">
      <c r="B3952" s="358" t="s">
        <v>16553</v>
      </c>
      <c r="C3952" s="358" t="s">
        <v>16554</v>
      </c>
      <c r="D3952" s="358" t="s">
        <v>16555</v>
      </c>
      <c r="E3952" s="358" t="s">
        <v>16556</v>
      </c>
      <c r="F3952" s="358" t="s">
        <v>14430</v>
      </c>
      <c r="G3952" s="358" t="s">
        <v>14431</v>
      </c>
      <c r="H3952" s="358" t="s">
        <v>14341</v>
      </c>
      <c r="I3952" s="358" t="s">
        <v>14431</v>
      </c>
      <c r="J3952" s="358"/>
      <c r="K3952" s="358"/>
      <c r="L3952" s="358"/>
    </row>
    <row r="3953" spans="2:12">
      <c r="B3953" s="359"/>
      <c r="C3953" s="359"/>
      <c r="D3953" s="359"/>
      <c r="E3953" s="359"/>
      <c r="F3953" s="360"/>
      <c r="G3953" s="360"/>
      <c r="H3953" s="360"/>
      <c r="I3953" s="360"/>
      <c r="J3953" s="359"/>
      <c r="K3953" s="359"/>
      <c r="L3953" s="359"/>
    </row>
    <row r="3954" spans="2:12" ht="28.5">
      <c r="B3954" s="361"/>
      <c r="C3954" s="361"/>
      <c r="D3954" s="361"/>
      <c r="E3954" s="361"/>
      <c r="F3954" s="361" t="s">
        <v>14472</v>
      </c>
      <c r="G3954" s="361" t="s">
        <v>14473</v>
      </c>
      <c r="H3954" s="361" t="s">
        <v>14332</v>
      </c>
      <c r="I3954" s="361" t="s">
        <v>14473</v>
      </c>
      <c r="J3954" s="361"/>
      <c r="K3954" s="361"/>
      <c r="L3954" s="361"/>
    </row>
    <row r="3955" spans="2:12" ht="42.75">
      <c r="B3955" s="358" t="s">
        <v>16557</v>
      </c>
      <c r="C3955" s="358" t="s">
        <v>16558</v>
      </c>
      <c r="D3955" s="358" t="s">
        <v>16559</v>
      </c>
      <c r="E3955" s="358" t="s">
        <v>8356</v>
      </c>
      <c r="F3955" s="358" t="s">
        <v>14420</v>
      </c>
      <c r="G3955" s="358" t="s">
        <v>14459</v>
      </c>
      <c r="H3955" s="358" t="s">
        <v>14341</v>
      </c>
      <c r="I3955" s="358" t="s">
        <v>14459</v>
      </c>
      <c r="J3955" s="358"/>
      <c r="K3955" s="358"/>
      <c r="L3955" s="358"/>
    </row>
    <row r="3956" spans="2:12">
      <c r="B3956" s="359"/>
      <c r="C3956" s="359"/>
      <c r="D3956" s="359"/>
      <c r="E3956" s="359"/>
      <c r="F3956" s="360"/>
      <c r="G3956" s="360"/>
      <c r="H3956" s="360"/>
      <c r="I3956" s="360"/>
      <c r="J3956" s="359"/>
      <c r="K3956" s="359"/>
      <c r="L3956" s="359"/>
    </row>
    <row r="3957" spans="2:12">
      <c r="B3957" s="359"/>
      <c r="C3957" s="359"/>
      <c r="D3957" s="359"/>
      <c r="E3957" s="359"/>
      <c r="F3957" s="359" t="s">
        <v>14430</v>
      </c>
      <c r="G3957" s="359" t="s">
        <v>14431</v>
      </c>
      <c r="H3957" s="359" t="s">
        <v>14367</v>
      </c>
      <c r="I3957" s="359" t="s">
        <v>14431</v>
      </c>
      <c r="J3957" s="359"/>
      <c r="K3957" s="359"/>
      <c r="L3957" s="359"/>
    </row>
    <row r="3958" spans="2:12">
      <c r="B3958" s="359"/>
      <c r="C3958" s="359"/>
      <c r="D3958" s="359"/>
      <c r="E3958" s="359"/>
      <c r="F3958" s="360"/>
      <c r="G3958" s="360"/>
      <c r="H3958" s="360"/>
      <c r="I3958" s="360"/>
      <c r="J3958" s="359"/>
      <c r="K3958" s="359"/>
      <c r="L3958" s="359"/>
    </row>
    <row r="3959" spans="2:12" ht="28.5">
      <c r="B3959" s="359"/>
      <c r="C3959" s="359"/>
      <c r="D3959" s="359"/>
      <c r="E3959" s="359"/>
      <c r="F3959" s="359" t="s">
        <v>14394</v>
      </c>
      <c r="G3959" s="359" t="s">
        <v>14395</v>
      </c>
      <c r="H3959" s="359" t="s">
        <v>14370</v>
      </c>
      <c r="I3959" s="359" t="s">
        <v>14395</v>
      </c>
      <c r="J3959" s="359"/>
      <c r="K3959" s="359"/>
      <c r="L3959" s="359"/>
    </row>
    <row r="3960" spans="2:12">
      <c r="B3960" s="359"/>
      <c r="C3960" s="359"/>
      <c r="D3960" s="359"/>
      <c r="E3960" s="359"/>
      <c r="F3960" s="360"/>
      <c r="G3960" s="360"/>
      <c r="H3960" s="360"/>
      <c r="I3960" s="360"/>
      <c r="J3960" s="359"/>
      <c r="K3960" s="359"/>
      <c r="L3960" s="359"/>
    </row>
    <row r="3961" spans="2:12">
      <c r="B3961" s="361"/>
      <c r="C3961" s="361"/>
      <c r="D3961" s="361"/>
      <c r="E3961" s="361"/>
      <c r="F3961" s="362"/>
      <c r="G3961" s="362"/>
      <c r="H3961" s="361" t="s">
        <v>14332</v>
      </c>
      <c r="I3961" s="362"/>
      <c r="J3961" s="361"/>
      <c r="K3961" s="361"/>
      <c r="L3961" s="361"/>
    </row>
    <row r="3962" spans="2:12" ht="28.5">
      <c r="B3962" s="358" t="s">
        <v>16560</v>
      </c>
      <c r="C3962" s="358" t="s">
        <v>16561</v>
      </c>
      <c r="D3962" s="358" t="s">
        <v>16562</v>
      </c>
      <c r="E3962" s="358" t="s">
        <v>16563</v>
      </c>
      <c r="F3962" s="358" t="s">
        <v>14460</v>
      </c>
      <c r="G3962" s="358" t="s">
        <v>14519</v>
      </c>
      <c r="H3962" s="358" t="s">
        <v>14381</v>
      </c>
      <c r="I3962" s="358" t="s">
        <v>14519</v>
      </c>
      <c r="J3962" s="358"/>
      <c r="K3962" s="358"/>
      <c r="L3962" s="358"/>
    </row>
    <row r="3963" spans="2:12">
      <c r="B3963" s="359"/>
      <c r="C3963" s="359"/>
      <c r="D3963" s="359"/>
      <c r="E3963" s="359"/>
      <c r="F3963" s="360"/>
      <c r="G3963" s="360"/>
      <c r="H3963" s="360"/>
      <c r="I3963" s="360"/>
      <c r="J3963" s="359"/>
      <c r="K3963" s="359"/>
      <c r="L3963" s="359"/>
    </row>
    <row r="3964" spans="2:12" ht="28.5">
      <c r="B3964" s="361"/>
      <c r="C3964" s="361"/>
      <c r="D3964" s="361"/>
      <c r="E3964" s="361"/>
      <c r="F3964" s="361" t="s">
        <v>14462</v>
      </c>
      <c r="G3964" s="361" t="s">
        <v>14463</v>
      </c>
      <c r="H3964" s="361" t="s">
        <v>14422</v>
      </c>
      <c r="I3964" s="361" t="s">
        <v>14463</v>
      </c>
      <c r="J3964" s="361"/>
      <c r="K3964" s="361"/>
      <c r="L3964" s="361"/>
    </row>
    <row r="3965" spans="2:12" ht="42.75">
      <c r="B3965" s="358" t="s">
        <v>10238</v>
      </c>
      <c r="C3965" s="358" t="s">
        <v>28718</v>
      </c>
      <c r="D3965" s="358" t="s">
        <v>8356</v>
      </c>
      <c r="E3965" s="358" t="s">
        <v>8356</v>
      </c>
      <c r="F3965" s="358" t="s">
        <v>14376</v>
      </c>
      <c r="G3965" s="358" t="s">
        <v>14377</v>
      </c>
      <c r="H3965" s="358" t="s">
        <v>14381</v>
      </c>
      <c r="I3965" s="358" t="s">
        <v>14377</v>
      </c>
      <c r="J3965" s="358"/>
      <c r="K3965" s="358"/>
      <c r="L3965" s="358" t="s">
        <v>9491</v>
      </c>
    </row>
    <row r="3966" spans="2:12">
      <c r="B3966" s="359"/>
      <c r="C3966" s="359"/>
      <c r="D3966" s="359"/>
      <c r="E3966" s="359"/>
      <c r="F3966" s="360"/>
      <c r="G3966" s="360"/>
      <c r="H3966" s="360"/>
      <c r="I3966" s="360"/>
      <c r="J3966" s="359"/>
      <c r="K3966" s="359"/>
      <c r="L3966" s="359"/>
    </row>
    <row r="3967" spans="2:12">
      <c r="B3967" s="359"/>
      <c r="C3967" s="359"/>
      <c r="D3967" s="359"/>
      <c r="E3967" s="359"/>
      <c r="F3967" s="359" t="s">
        <v>14391</v>
      </c>
      <c r="G3967" s="359" t="s">
        <v>14392</v>
      </c>
      <c r="H3967" s="359" t="s">
        <v>14367</v>
      </c>
      <c r="I3967" s="359" t="s">
        <v>14392</v>
      </c>
      <c r="J3967" s="359"/>
      <c r="K3967" s="359"/>
      <c r="L3967" s="359"/>
    </row>
    <row r="3968" spans="2:12">
      <c r="B3968" s="359"/>
      <c r="C3968" s="359"/>
      <c r="D3968" s="359"/>
      <c r="E3968" s="359"/>
      <c r="F3968" s="360"/>
      <c r="G3968" s="360"/>
      <c r="H3968" s="360"/>
      <c r="I3968" s="360"/>
      <c r="J3968" s="359"/>
      <c r="K3968" s="359"/>
      <c r="L3968" s="359"/>
    </row>
    <row r="3969" spans="2:12">
      <c r="B3969" s="359"/>
      <c r="C3969" s="359"/>
      <c r="D3969" s="359"/>
      <c r="E3969" s="359"/>
      <c r="F3969" s="359" t="s">
        <v>14371</v>
      </c>
      <c r="G3969" s="359" t="s">
        <v>14372</v>
      </c>
      <c r="H3969" s="359" t="s">
        <v>14370</v>
      </c>
      <c r="I3969" s="359" t="s">
        <v>14373</v>
      </c>
      <c r="J3969" s="359"/>
      <c r="K3969" s="359"/>
      <c r="L3969" s="359"/>
    </row>
    <row r="3970" spans="2:12">
      <c r="B3970" s="359"/>
      <c r="C3970" s="359"/>
      <c r="D3970" s="359"/>
      <c r="E3970" s="359"/>
      <c r="F3970" s="360"/>
      <c r="G3970" s="360"/>
      <c r="H3970" s="360"/>
      <c r="I3970" s="360"/>
      <c r="J3970" s="359"/>
      <c r="K3970" s="359"/>
      <c r="L3970" s="359"/>
    </row>
    <row r="3971" spans="2:12" ht="28.5">
      <c r="B3971" s="361"/>
      <c r="C3971" s="361"/>
      <c r="D3971" s="361"/>
      <c r="E3971" s="361"/>
      <c r="F3971" s="361" t="s">
        <v>14374</v>
      </c>
      <c r="G3971" s="361" t="s">
        <v>14373</v>
      </c>
      <c r="H3971" s="361" t="s">
        <v>14332</v>
      </c>
      <c r="I3971" s="362"/>
      <c r="J3971" s="361"/>
      <c r="K3971" s="361"/>
      <c r="L3971" s="361"/>
    </row>
    <row r="3972" spans="2:12">
      <c r="B3972" s="358" t="s">
        <v>10239</v>
      </c>
      <c r="C3972" s="358" t="s">
        <v>16564</v>
      </c>
      <c r="D3972" s="358" t="s">
        <v>481</v>
      </c>
      <c r="E3972" s="358" t="s">
        <v>2385</v>
      </c>
      <c r="F3972" s="358" t="s">
        <v>14376</v>
      </c>
      <c r="G3972" s="358" t="s">
        <v>14669</v>
      </c>
      <c r="H3972" s="358" t="s">
        <v>14378</v>
      </c>
      <c r="I3972" s="358" t="s">
        <v>14669</v>
      </c>
      <c r="J3972" s="358"/>
      <c r="K3972" s="358" t="s">
        <v>28719</v>
      </c>
      <c r="L3972" s="358" t="s">
        <v>27503</v>
      </c>
    </row>
    <row r="3973" spans="2:12">
      <c r="B3973" s="359"/>
      <c r="C3973" s="359"/>
      <c r="D3973" s="359"/>
      <c r="E3973" s="359"/>
      <c r="F3973" s="360"/>
      <c r="G3973" s="360"/>
      <c r="H3973" s="360"/>
      <c r="I3973" s="360"/>
      <c r="J3973" s="359"/>
      <c r="K3973" s="360"/>
      <c r="L3973" s="359"/>
    </row>
    <row r="3974" spans="2:12" ht="28.5">
      <c r="B3974" s="359"/>
      <c r="C3974" s="359"/>
      <c r="D3974" s="359"/>
      <c r="E3974" s="359"/>
      <c r="F3974" s="359" t="s">
        <v>14889</v>
      </c>
      <c r="G3974" s="359" t="s">
        <v>14890</v>
      </c>
      <c r="H3974" s="359" t="s">
        <v>14381</v>
      </c>
      <c r="I3974" s="359" t="s">
        <v>14890</v>
      </c>
      <c r="J3974" s="359"/>
      <c r="K3974" s="359" t="s">
        <v>28720</v>
      </c>
      <c r="L3974" s="359"/>
    </row>
    <row r="3975" spans="2:12">
      <c r="B3975" s="359"/>
      <c r="C3975" s="359"/>
      <c r="D3975" s="359"/>
      <c r="E3975" s="359"/>
      <c r="F3975" s="360"/>
      <c r="G3975" s="360"/>
      <c r="H3975" s="360"/>
      <c r="I3975" s="360"/>
      <c r="J3975" s="359"/>
      <c r="K3975" s="360"/>
      <c r="L3975" s="359"/>
    </row>
    <row r="3976" spans="2:12" ht="42.75">
      <c r="B3976" s="359"/>
      <c r="C3976" s="359"/>
      <c r="D3976" s="359"/>
      <c r="E3976" s="359"/>
      <c r="F3976" s="359" t="s">
        <v>14424</v>
      </c>
      <c r="G3976" s="359" t="s">
        <v>14425</v>
      </c>
      <c r="H3976" s="359" t="s">
        <v>14341</v>
      </c>
      <c r="I3976" s="359" t="s">
        <v>14425</v>
      </c>
      <c r="J3976" s="359"/>
      <c r="K3976" s="359" t="s">
        <v>28721</v>
      </c>
      <c r="L3976" s="359"/>
    </row>
    <row r="3977" spans="2:12">
      <c r="B3977" s="359"/>
      <c r="C3977" s="359"/>
      <c r="D3977" s="359"/>
      <c r="E3977" s="359"/>
      <c r="F3977" s="360"/>
      <c r="G3977" s="360"/>
      <c r="H3977" s="360"/>
      <c r="I3977" s="360"/>
      <c r="J3977" s="359"/>
      <c r="K3977" s="360"/>
      <c r="L3977" s="359"/>
    </row>
    <row r="3978" spans="2:12">
      <c r="B3978" s="359"/>
      <c r="C3978" s="359"/>
      <c r="D3978" s="359"/>
      <c r="E3978" s="359"/>
      <c r="F3978" s="359" t="s">
        <v>14379</v>
      </c>
      <c r="G3978" s="359" t="s">
        <v>14380</v>
      </c>
      <c r="H3978" s="359" t="s">
        <v>14370</v>
      </c>
      <c r="I3978" s="359" t="s">
        <v>14380</v>
      </c>
      <c r="J3978" s="359"/>
      <c r="K3978" s="360"/>
      <c r="L3978" s="359"/>
    </row>
    <row r="3979" spans="2:12">
      <c r="B3979" s="359"/>
      <c r="C3979" s="359"/>
      <c r="D3979" s="359"/>
      <c r="E3979" s="359"/>
      <c r="F3979" s="360"/>
      <c r="G3979" s="360"/>
      <c r="H3979" s="360"/>
      <c r="I3979" s="360"/>
      <c r="J3979" s="359"/>
      <c r="K3979" s="360"/>
      <c r="L3979" s="359"/>
    </row>
    <row r="3980" spans="2:12">
      <c r="B3980" s="359"/>
      <c r="C3980" s="359"/>
      <c r="D3980" s="359"/>
      <c r="E3980" s="359"/>
      <c r="F3980" s="359" t="s">
        <v>14382</v>
      </c>
      <c r="G3980" s="359" t="s">
        <v>14383</v>
      </c>
      <c r="H3980" s="359" t="s">
        <v>14332</v>
      </c>
      <c r="I3980" s="359" t="s">
        <v>14383</v>
      </c>
      <c r="J3980" s="359"/>
      <c r="K3980" s="360"/>
      <c r="L3980" s="359"/>
    </row>
    <row r="3981" spans="2:12">
      <c r="B3981" s="359"/>
      <c r="C3981" s="359"/>
      <c r="D3981" s="359"/>
      <c r="E3981" s="359"/>
      <c r="F3981" s="360"/>
      <c r="G3981" s="360"/>
      <c r="H3981" s="360"/>
      <c r="I3981" s="360"/>
      <c r="J3981" s="359"/>
      <c r="K3981" s="360"/>
      <c r="L3981" s="359"/>
    </row>
    <row r="3982" spans="2:12">
      <c r="B3982" s="359"/>
      <c r="C3982" s="359"/>
      <c r="D3982" s="359"/>
      <c r="E3982" s="359"/>
      <c r="F3982" s="359" t="s">
        <v>14384</v>
      </c>
      <c r="G3982" s="359" t="s">
        <v>14385</v>
      </c>
      <c r="H3982" s="360"/>
      <c r="I3982" s="359" t="s">
        <v>14385</v>
      </c>
      <c r="J3982" s="359"/>
      <c r="K3982" s="360"/>
      <c r="L3982" s="359"/>
    </row>
    <row r="3983" spans="2:12">
      <c r="B3983" s="359"/>
      <c r="C3983" s="359"/>
      <c r="D3983" s="359"/>
      <c r="E3983" s="359"/>
      <c r="F3983" s="360"/>
      <c r="G3983" s="360"/>
      <c r="H3983" s="360"/>
      <c r="I3983" s="360"/>
      <c r="J3983" s="359"/>
      <c r="K3983" s="360"/>
      <c r="L3983" s="359"/>
    </row>
    <row r="3984" spans="2:12">
      <c r="B3984" s="359"/>
      <c r="C3984" s="359"/>
      <c r="D3984" s="359"/>
      <c r="E3984" s="359"/>
      <c r="F3984" s="359" t="s">
        <v>14420</v>
      </c>
      <c r="G3984" s="359" t="s">
        <v>14421</v>
      </c>
      <c r="H3984" s="360"/>
      <c r="I3984" s="359" t="s">
        <v>14421</v>
      </c>
      <c r="J3984" s="359"/>
      <c r="K3984" s="360"/>
      <c r="L3984" s="359"/>
    </row>
    <row r="3985" spans="2:12">
      <c r="B3985" s="359"/>
      <c r="C3985" s="359"/>
      <c r="D3985" s="359"/>
      <c r="E3985" s="359"/>
      <c r="F3985" s="360"/>
      <c r="G3985" s="360"/>
      <c r="H3985" s="360"/>
      <c r="I3985" s="360"/>
      <c r="J3985" s="359"/>
      <c r="K3985" s="360"/>
      <c r="L3985" s="359"/>
    </row>
    <row r="3986" spans="2:12">
      <c r="B3986" s="359"/>
      <c r="C3986" s="359"/>
      <c r="D3986" s="359"/>
      <c r="E3986" s="359"/>
      <c r="F3986" s="359" t="s">
        <v>14356</v>
      </c>
      <c r="G3986" s="359" t="s">
        <v>14340</v>
      </c>
      <c r="H3986" s="360"/>
      <c r="I3986" s="359" t="s">
        <v>14340</v>
      </c>
      <c r="J3986" s="359"/>
      <c r="K3986" s="360"/>
      <c r="L3986" s="359"/>
    </row>
    <row r="3987" spans="2:12">
      <c r="B3987" s="359"/>
      <c r="C3987" s="359"/>
      <c r="D3987" s="359"/>
      <c r="E3987" s="359"/>
      <c r="F3987" s="360"/>
      <c r="G3987" s="360"/>
      <c r="H3987" s="360"/>
      <c r="I3987" s="360"/>
      <c r="J3987" s="359"/>
      <c r="K3987" s="360"/>
      <c r="L3987" s="359"/>
    </row>
    <row r="3988" spans="2:12">
      <c r="B3988" s="359"/>
      <c r="C3988" s="359"/>
      <c r="D3988" s="359"/>
      <c r="E3988" s="359"/>
      <c r="F3988" s="359" t="s">
        <v>14814</v>
      </c>
      <c r="G3988" s="359" t="s">
        <v>14815</v>
      </c>
      <c r="H3988" s="360"/>
      <c r="I3988" s="359" t="s">
        <v>14815</v>
      </c>
      <c r="J3988" s="359"/>
      <c r="K3988" s="360"/>
      <c r="L3988" s="359"/>
    </row>
    <row r="3989" spans="2:12">
      <c r="B3989" s="359"/>
      <c r="C3989" s="359"/>
      <c r="D3989" s="359"/>
      <c r="E3989" s="359"/>
      <c r="F3989" s="360"/>
      <c r="G3989" s="360"/>
      <c r="H3989" s="360"/>
      <c r="I3989" s="360"/>
      <c r="J3989" s="359"/>
      <c r="K3989" s="360"/>
      <c r="L3989" s="359"/>
    </row>
    <row r="3990" spans="2:12">
      <c r="B3990" s="359"/>
      <c r="C3990" s="359"/>
      <c r="D3990" s="359"/>
      <c r="E3990" s="359"/>
      <c r="F3990" s="359" t="s">
        <v>14391</v>
      </c>
      <c r="G3990" s="359" t="s">
        <v>14392</v>
      </c>
      <c r="H3990" s="360"/>
      <c r="I3990" s="359" t="s">
        <v>14392</v>
      </c>
      <c r="J3990" s="359"/>
      <c r="K3990" s="360"/>
      <c r="L3990" s="359"/>
    </row>
    <row r="3991" spans="2:12">
      <c r="B3991" s="359"/>
      <c r="C3991" s="359"/>
      <c r="D3991" s="359"/>
      <c r="E3991" s="359"/>
      <c r="F3991" s="360"/>
      <c r="G3991" s="360"/>
      <c r="H3991" s="360"/>
      <c r="I3991" s="360"/>
      <c r="J3991" s="359"/>
      <c r="K3991" s="360"/>
      <c r="L3991" s="359"/>
    </row>
    <row r="3992" spans="2:12">
      <c r="B3992" s="359"/>
      <c r="C3992" s="359"/>
      <c r="D3992" s="359"/>
      <c r="E3992" s="359"/>
      <c r="F3992" s="359" t="s">
        <v>14371</v>
      </c>
      <c r="G3992" s="359" t="s">
        <v>14372</v>
      </c>
      <c r="H3992" s="360"/>
      <c r="I3992" s="359" t="s">
        <v>14373</v>
      </c>
      <c r="J3992" s="359"/>
      <c r="K3992" s="360"/>
      <c r="L3992" s="359"/>
    </row>
    <row r="3993" spans="2:12">
      <c r="B3993" s="359"/>
      <c r="C3993" s="359"/>
      <c r="D3993" s="359"/>
      <c r="E3993" s="359"/>
      <c r="F3993" s="360"/>
      <c r="G3993" s="360"/>
      <c r="H3993" s="360"/>
      <c r="I3993" s="360"/>
      <c r="J3993" s="359"/>
      <c r="K3993" s="360"/>
      <c r="L3993" s="359"/>
    </row>
    <row r="3994" spans="2:12" ht="28.5">
      <c r="B3994" s="361"/>
      <c r="C3994" s="361"/>
      <c r="D3994" s="361"/>
      <c r="E3994" s="361"/>
      <c r="F3994" s="361" t="s">
        <v>14374</v>
      </c>
      <c r="G3994" s="361" t="s">
        <v>14373</v>
      </c>
      <c r="H3994" s="362"/>
      <c r="I3994" s="362"/>
      <c r="J3994" s="361"/>
      <c r="K3994" s="362"/>
      <c r="L3994" s="361"/>
    </row>
    <row r="3995" spans="2:12" ht="171">
      <c r="B3995" s="358" t="s">
        <v>16565</v>
      </c>
      <c r="C3995" s="358" t="s">
        <v>28722</v>
      </c>
      <c r="D3995" s="358" t="s">
        <v>16566</v>
      </c>
      <c r="E3995" s="358" t="s">
        <v>8356</v>
      </c>
      <c r="F3995" s="358" t="s">
        <v>14391</v>
      </c>
      <c r="G3995" s="358" t="s">
        <v>14392</v>
      </c>
      <c r="H3995" s="358" t="s">
        <v>14367</v>
      </c>
      <c r="I3995" s="358" t="s">
        <v>14392</v>
      </c>
      <c r="J3995" s="358"/>
      <c r="K3995" s="358"/>
      <c r="L3995" s="358"/>
    </row>
    <row r="3996" spans="2:12">
      <c r="B3996" s="359"/>
      <c r="C3996" s="360"/>
      <c r="D3996" s="359"/>
      <c r="E3996" s="359"/>
      <c r="F3996" s="360"/>
      <c r="G3996" s="360"/>
      <c r="H3996" s="360"/>
      <c r="I3996" s="360"/>
      <c r="J3996" s="359"/>
      <c r="K3996" s="359"/>
      <c r="L3996" s="359"/>
    </row>
    <row r="3997" spans="2:12" ht="71.25">
      <c r="B3997" s="361"/>
      <c r="C3997" s="361" t="s">
        <v>28723</v>
      </c>
      <c r="D3997" s="361"/>
      <c r="E3997" s="361"/>
      <c r="F3997" s="361" t="s">
        <v>14472</v>
      </c>
      <c r="G3997" s="361" t="s">
        <v>14473</v>
      </c>
      <c r="H3997" s="361" t="s">
        <v>14422</v>
      </c>
      <c r="I3997" s="361" t="s">
        <v>14473</v>
      </c>
      <c r="J3997" s="361"/>
      <c r="K3997" s="361"/>
      <c r="L3997" s="361"/>
    </row>
    <row r="3998" spans="2:12" ht="42.75">
      <c r="B3998" s="358" t="s">
        <v>16567</v>
      </c>
      <c r="C3998" s="358" t="s">
        <v>16568</v>
      </c>
      <c r="D3998" s="358" t="s">
        <v>16569</v>
      </c>
      <c r="E3998" s="358" t="s">
        <v>8356</v>
      </c>
      <c r="F3998" s="358" t="s">
        <v>14391</v>
      </c>
      <c r="G3998" s="358" t="s">
        <v>14392</v>
      </c>
      <c r="H3998" s="358" t="s">
        <v>14367</v>
      </c>
      <c r="I3998" s="358" t="s">
        <v>14392</v>
      </c>
      <c r="J3998" s="358"/>
      <c r="K3998" s="358"/>
      <c r="L3998" s="358"/>
    </row>
    <row r="3999" spans="2:12">
      <c r="B3999" s="359"/>
      <c r="C3999" s="359"/>
      <c r="D3999" s="359"/>
      <c r="E3999" s="359"/>
      <c r="F3999" s="360"/>
      <c r="G3999" s="360"/>
      <c r="H3999" s="360"/>
      <c r="I3999" s="360"/>
      <c r="J3999" s="359"/>
      <c r="K3999" s="359"/>
      <c r="L3999" s="359"/>
    </row>
    <row r="4000" spans="2:12" ht="28.5">
      <c r="B4000" s="361"/>
      <c r="C4000" s="361"/>
      <c r="D4000" s="361"/>
      <c r="E4000" s="361"/>
      <c r="F4000" s="361" t="s">
        <v>14472</v>
      </c>
      <c r="G4000" s="361" t="s">
        <v>14473</v>
      </c>
      <c r="H4000" s="361" t="s">
        <v>14422</v>
      </c>
      <c r="I4000" s="361" t="s">
        <v>14473</v>
      </c>
      <c r="J4000" s="361"/>
      <c r="K4000" s="361"/>
      <c r="L4000" s="361"/>
    </row>
    <row r="4001" spans="2:12" ht="42.75">
      <c r="B4001" s="358" t="s">
        <v>16570</v>
      </c>
      <c r="C4001" s="358" t="s">
        <v>27505</v>
      </c>
      <c r="D4001" s="358" t="s">
        <v>16571</v>
      </c>
      <c r="E4001" s="358" t="s">
        <v>8356</v>
      </c>
      <c r="F4001" s="358" t="s">
        <v>14430</v>
      </c>
      <c r="G4001" s="358" t="s">
        <v>14431</v>
      </c>
      <c r="H4001" s="358" t="s">
        <v>14341</v>
      </c>
      <c r="I4001" s="358" t="s">
        <v>14431</v>
      </c>
      <c r="J4001" s="358"/>
      <c r="K4001" s="358"/>
      <c r="L4001" s="358"/>
    </row>
    <row r="4002" spans="2:12">
      <c r="B4002" s="359"/>
      <c r="C4002" s="359"/>
      <c r="D4002" s="359"/>
      <c r="E4002" s="359"/>
      <c r="F4002" s="359"/>
      <c r="G4002" s="359"/>
      <c r="H4002" s="360"/>
      <c r="I4002" s="359"/>
      <c r="J4002" s="359"/>
      <c r="K4002" s="359"/>
      <c r="L4002" s="359"/>
    </row>
    <row r="4003" spans="2:12">
      <c r="B4003" s="361"/>
      <c r="C4003" s="361"/>
      <c r="D4003" s="361"/>
      <c r="E4003" s="361"/>
      <c r="F4003" s="361"/>
      <c r="G4003" s="361"/>
      <c r="H4003" s="361" t="s">
        <v>14332</v>
      </c>
      <c r="I4003" s="361"/>
      <c r="J4003" s="361"/>
      <c r="K4003" s="361"/>
      <c r="L4003" s="361"/>
    </row>
    <row r="4004" spans="2:12">
      <c r="B4004" s="358" t="s">
        <v>16572</v>
      </c>
      <c r="C4004" s="358" t="s">
        <v>16573</v>
      </c>
      <c r="D4004" s="358" t="s">
        <v>16574</v>
      </c>
      <c r="E4004" s="358" t="s">
        <v>16575</v>
      </c>
      <c r="F4004" s="358" t="s">
        <v>14420</v>
      </c>
      <c r="G4004" s="358" t="s">
        <v>14459</v>
      </c>
      <c r="H4004" s="358" t="s">
        <v>14367</v>
      </c>
      <c r="I4004" s="358" t="s">
        <v>14459</v>
      </c>
      <c r="J4004" s="358"/>
      <c r="K4004" s="358"/>
      <c r="L4004" s="358"/>
    </row>
    <row r="4005" spans="2:12">
      <c r="B4005" s="359"/>
      <c r="C4005" s="359"/>
      <c r="D4005" s="359"/>
      <c r="E4005" s="359"/>
      <c r="F4005" s="360"/>
      <c r="G4005" s="360"/>
      <c r="H4005" s="360"/>
      <c r="I4005" s="360"/>
      <c r="J4005" s="359"/>
      <c r="K4005" s="359"/>
      <c r="L4005" s="359"/>
    </row>
    <row r="4006" spans="2:12">
      <c r="B4006" s="361"/>
      <c r="C4006" s="361"/>
      <c r="D4006" s="361"/>
      <c r="E4006" s="361"/>
      <c r="F4006" s="361" t="s">
        <v>14420</v>
      </c>
      <c r="G4006" s="361" t="s">
        <v>14429</v>
      </c>
      <c r="H4006" s="361" t="s">
        <v>14422</v>
      </c>
      <c r="I4006" s="361" t="s">
        <v>14429</v>
      </c>
      <c r="J4006" s="361"/>
      <c r="K4006" s="361"/>
      <c r="L4006" s="361"/>
    </row>
    <row r="4007" spans="2:12">
      <c r="B4007" s="354" t="s">
        <v>28574</v>
      </c>
      <c r="C4007" s="355"/>
      <c r="D4007" s="355"/>
      <c r="E4007" s="355"/>
      <c r="F4007" s="355"/>
      <c r="G4007" s="355"/>
      <c r="H4007" s="355"/>
      <c r="I4007" s="355"/>
      <c r="J4007" s="355"/>
      <c r="K4007" s="355"/>
      <c r="L4007" s="363"/>
    </row>
    <row r="4008" spans="2:12">
      <c r="B4008" s="358" t="s">
        <v>16576</v>
      </c>
      <c r="C4008" s="358" t="s">
        <v>16577</v>
      </c>
      <c r="D4008" s="358" t="s">
        <v>16578</v>
      </c>
      <c r="E4008" s="358" t="s">
        <v>16579</v>
      </c>
      <c r="F4008" s="358" t="s">
        <v>14477</v>
      </c>
      <c r="G4008" s="358" t="s">
        <v>14478</v>
      </c>
      <c r="H4008" s="358" t="s">
        <v>14479</v>
      </c>
      <c r="I4008" s="358" t="s">
        <v>14478</v>
      </c>
      <c r="J4008" s="358"/>
      <c r="K4008" s="358"/>
      <c r="L4008" s="358"/>
    </row>
    <row r="4009" spans="2:12">
      <c r="B4009" s="359"/>
      <c r="C4009" s="359"/>
      <c r="D4009" s="359"/>
      <c r="E4009" s="359"/>
      <c r="F4009" s="360"/>
      <c r="G4009" s="360"/>
      <c r="H4009" s="360"/>
      <c r="I4009" s="360"/>
      <c r="J4009" s="359"/>
      <c r="K4009" s="359"/>
      <c r="L4009" s="359"/>
    </row>
    <row r="4010" spans="2:12">
      <c r="B4010" s="359"/>
      <c r="C4010" s="359"/>
      <c r="D4010" s="359"/>
      <c r="E4010" s="359"/>
      <c r="F4010" s="359" t="s">
        <v>14507</v>
      </c>
      <c r="G4010" s="359" t="s">
        <v>16971</v>
      </c>
      <c r="H4010" s="359" t="s">
        <v>14381</v>
      </c>
      <c r="I4010" s="359" t="s">
        <v>16971</v>
      </c>
      <c r="J4010" s="359"/>
      <c r="K4010" s="359"/>
      <c r="L4010" s="359"/>
    </row>
    <row r="4011" spans="2:12">
      <c r="B4011" s="359"/>
      <c r="C4011" s="359"/>
      <c r="D4011" s="359"/>
      <c r="E4011" s="359"/>
      <c r="F4011" s="360"/>
      <c r="G4011" s="360"/>
      <c r="H4011" s="360"/>
      <c r="I4011" s="360"/>
      <c r="J4011" s="359"/>
      <c r="K4011" s="359"/>
      <c r="L4011" s="359"/>
    </row>
    <row r="4012" spans="2:12" ht="57">
      <c r="B4012" s="359"/>
      <c r="C4012" s="359"/>
      <c r="D4012" s="359"/>
      <c r="E4012" s="359"/>
      <c r="F4012" s="359" t="s">
        <v>28380</v>
      </c>
      <c r="G4012" s="359" t="s">
        <v>14429</v>
      </c>
      <c r="H4012" s="359" t="s">
        <v>14367</v>
      </c>
      <c r="I4012" s="359" t="s">
        <v>14429</v>
      </c>
      <c r="J4012" s="359"/>
      <c r="K4012" s="359"/>
      <c r="L4012" s="359"/>
    </row>
    <row r="4013" spans="2:12">
      <c r="B4013" s="359"/>
      <c r="C4013" s="359"/>
      <c r="D4013" s="359"/>
      <c r="E4013" s="359"/>
      <c r="F4013" s="360"/>
      <c r="G4013" s="360"/>
      <c r="H4013" s="360"/>
      <c r="I4013" s="360"/>
      <c r="J4013" s="359"/>
      <c r="K4013" s="359"/>
      <c r="L4013" s="359"/>
    </row>
    <row r="4014" spans="2:12">
      <c r="B4014" s="359"/>
      <c r="C4014" s="359"/>
      <c r="D4014" s="359"/>
      <c r="E4014" s="359"/>
      <c r="F4014" s="360"/>
      <c r="G4014" s="359" t="s">
        <v>14372</v>
      </c>
      <c r="H4014" s="359" t="s">
        <v>14370</v>
      </c>
      <c r="I4014" s="359" t="s">
        <v>14373</v>
      </c>
      <c r="J4014" s="359"/>
      <c r="K4014" s="359"/>
      <c r="L4014" s="359"/>
    </row>
    <row r="4015" spans="2:12">
      <c r="B4015" s="359"/>
      <c r="C4015" s="359"/>
      <c r="D4015" s="359"/>
      <c r="E4015" s="359"/>
      <c r="F4015" s="360"/>
      <c r="G4015" s="360"/>
      <c r="H4015" s="360"/>
      <c r="I4015" s="360"/>
      <c r="J4015" s="359"/>
      <c r="K4015" s="359"/>
      <c r="L4015" s="359"/>
    </row>
    <row r="4016" spans="2:12">
      <c r="B4016" s="361"/>
      <c r="C4016" s="361"/>
      <c r="D4016" s="361"/>
      <c r="E4016" s="361"/>
      <c r="F4016" s="362"/>
      <c r="G4016" s="361" t="s">
        <v>14373</v>
      </c>
      <c r="H4016" s="361" t="s">
        <v>14332</v>
      </c>
      <c r="I4016" s="362"/>
      <c r="J4016" s="361"/>
      <c r="K4016" s="361"/>
      <c r="L4016" s="361"/>
    </row>
    <row r="4017" spans="2:12">
      <c r="B4017" s="354" t="s">
        <v>28528</v>
      </c>
      <c r="C4017" s="355"/>
      <c r="D4017" s="355"/>
      <c r="E4017" s="355"/>
      <c r="F4017" s="355"/>
      <c r="G4017" s="355"/>
      <c r="H4017" s="355"/>
      <c r="I4017" s="355"/>
      <c r="J4017" s="355"/>
      <c r="K4017" s="355"/>
      <c r="L4017" s="363"/>
    </row>
    <row r="4018" spans="2:12" ht="28.5">
      <c r="B4018" s="358" t="s">
        <v>16580</v>
      </c>
      <c r="C4018" s="358" t="s">
        <v>16581</v>
      </c>
      <c r="D4018" s="358" t="s">
        <v>16582</v>
      </c>
      <c r="E4018" s="358" t="s">
        <v>16583</v>
      </c>
      <c r="F4018" s="358" t="s">
        <v>14460</v>
      </c>
      <c r="G4018" s="358" t="s">
        <v>14519</v>
      </c>
      <c r="H4018" s="358" t="s">
        <v>14381</v>
      </c>
      <c r="I4018" s="358" t="s">
        <v>28724</v>
      </c>
      <c r="J4018" s="358"/>
      <c r="K4018" s="358"/>
      <c r="L4018" s="358"/>
    </row>
    <row r="4019" spans="2:12">
      <c r="B4019" s="359"/>
      <c r="C4019" s="359"/>
      <c r="D4019" s="359"/>
      <c r="E4019" s="359"/>
      <c r="F4019" s="360"/>
      <c r="G4019" s="360"/>
      <c r="H4019" s="360"/>
      <c r="I4019" s="359"/>
      <c r="J4019" s="359"/>
      <c r="K4019" s="359"/>
      <c r="L4019" s="359"/>
    </row>
    <row r="4020" spans="2:12" ht="28.5">
      <c r="B4020" s="359"/>
      <c r="C4020" s="359"/>
      <c r="D4020" s="359"/>
      <c r="E4020" s="359"/>
      <c r="F4020" s="359" t="s">
        <v>14394</v>
      </c>
      <c r="G4020" s="359" t="s">
        <v>14395</v>
      </c>
      <c r="H4020" s="359" t="s">
        <v>14370</v>
      </c>
      <c r="I4020" s="359"/>
      <c r="J4020" s="359"/>
      <c r="K4020" s="359"/>
      <c r="L4020" s="359"/>
    </row>
    <row r="4021" spans="2:12">
      <c r="B4021" s="359"/>
      <c r="C4021" s="359"/>
      <c r="D4021" s="359"/>
      <c r="E4021" s="359"/>
      <c r="F4021" s="360"/>
      <c r="G4021" s="360"/>
      <c r="H4021" s="360"/>
      <c r="I4021" s="359"/>
      <c r="J4021" s="359"/>
      <c r="K4021" s="359"/>
      <c r="L4021" s="359"/>
    </row>
    <row r="4022" spans="2:12">
      <c r="B4022" s="361"/>
      <c r="C4022" s="361"/>
      <c r="D4022" s="361"/>
      <c r="E4022" s="361"/>
      <c r="F4022" s="362"/>
      <c r="G4022" s="362"/>
      <c r="H4022" s="361" t="s">
        <v>14422</v>
      </c>
      <c r="I4022" s="361"/>
      <c r="J4022" s="361"/>
      <c r="K4022" s="361"/>
      <c r="L4022" s="361"/>
    </row>
    <row r="4023" spans="2:12" ht="42.75">
      <c r="B4023" s="358" t="s">
        <v>16584</v>
      </c>
      <c r="C4023" s="358" t="s">
        <v>30096</v>
      </c>
      <c r="D4023" s="358" t="s">
        <v>16585</v>
      </c>
      <c r="E4023" s="358" t="s">
        <v>16586</v>
      </c>
      <c r="F4023" s="358" t="s">
        <v>14394</v>
      </c>
      <c r="G4023" s="358" t="s">
        <v>14395</v>
      </c>
      <c r="H4023" s="358" t="s">
        <v>14370</v>
      </c>
      <c r="I4023" s="358" t="s">
        <v>14395</v>
      </c>
      <c r="J4023" s="358"/>
      <c r="K4023" s="358"/>
      <c r="L4023" s="358"/>
    </row>
    <row r="4024" spans="2:12">
      <c r="B4024" s="361"/>
      <c r="C4024" s="361"/>
      <c r="D4024" s="361"/>
      <c r="E4024" s="361"/>
      <c r="F4024" s="361"/>
      <c r="G4024" s="361"/>
      <c r="H4024" s="361"/>
      <c r="I4024" s="361"/>
      <c r="J4024" s="361"/>
      <c r="K4024" s="361"/>
      <c r="L4024" s="361"/>
    </row>
    <row r="4025" spans="2:12" ht="71.25">
      <c r="B4025" s="358" t="s">
        <v>16587</v>
      </c>
      <c r="C4025" s="358" t="s">
        <v>30097</v>
      </c>
      <c r="D4025" s="358" t="s">
        <v>16588</v>
      </c>
      <c r="E4025" s="358" t="s">
        <v>8356</v>
      </c>
      <c r="F4025" s="358" t="s">
        <v>14371</v>
      </c>
      <c r="G4025" s="358" t="s">
        <v>14372</v>
      </c>
      <c r="H4025" s="358" t="s">
        <v>14370</v>
      </c>
      <c r="I4025" s="358" t="s">
        <v>14373</v>
      </c>
      <c r="J4025" s="358"/>
      <c r="K4025" s="358"/>
      <c r="L4025" s="358"/>
    </row>
    <row r="4026" spans="2:12">
      <c r="B4026" s="359"/>
      <c r="C4026" s="360"/>
      <c r="D4026" s="359"/>
      <c r="E4026" s="359"/>
      <c r="F4026" s="360"/>
      <c r="G4026" s="360"/>
      <c r="H4026" s="360"/>
      <c r="I4026" s="359"/>
      <c r="J4026" s="359"/>
      <c r="K4026" s="359"/>
      <c r="L4026" s="359"/>
    </row>
    <row r="4027" spans="2:12" ht="42.75">
      <c r="B4027" s="361"/>
      <c r="C4027" s="361" t="s">
        <v>30098</v>
      </c>
      <c r="D4027" s="361"/>
      <c r="E4027" s="361"/>
      <c r="F4027" s="361" t="s">
        <v>14374</v>
      </c>
      <c r="G4027" s="361" t="s">
        <v>14373</v>
      </c>
      <c r="H4027" s="361" t="s">
        <v>14422</v>
      </c>
      <c r="I4027" s="361"/>
      <c r="J4027" s="361"/>
      <c r="K4027" s="361"/>
      <c r="L4027" s="361"/>
    </row>
    <row r="4028" spans="2:12" ht="28.5">
      <c r="B4028" s="358" t="s">
        <v>16589</v>
      </c>
      <c r="C4028" s="358" t="s">
        <v>16590</v>
      </c>
      <c r="D4028" s="358" t="s">
        <v>16591</v>
      </c>
      <c r="E4028" s="358" t="s">
        <v>16592</v>
      </c>
      <c r="F4028" s="358" t="s">
        <v>14420</v>
      </c>
      <c r="G4028" s="358" t="s">
        <v>14429</v>
      </c>
      <c r="H4028" s="358" t="s">
        <v>14341</v>
      </c>
      <c r="I4028" s="358" t="s">
        <v>14429</v>
      </c>
      <c r="J4028" s="358"/>
      <c r="K4028" s="358"/>
      <c r="L4028" s="358"/>
    </row>
    <row r="4029" spans="2:12">
      <c r="B4029" s="359"/>
      <c r="C4029" s="359"/>
      <c r="D4029" s="359"/>
      <c r="E4029" s="359"/>
      <c r="F4029" s="360"/>
      <c r="G4029" s="360"/>
      <c r="H4029" s="360"/>
      <c r="I4029" s="360"/>
      <c r="J4029" s="359"/>
      <c r="K4029" s="359"/>
      <c r="L4029" s="359"/>
    </row>
    <row r="4030" spans="2:12">
      <c r="B4030" s="359"/>
      <c r="C4030" s="359"/>
      <c r="D4030" s="359"/>
      <c r="E4030" s="359"/>
      <c r="F4030" s="359" t="s">
        <v>14430</v>
      </c>
      <c r="G4030" s="359" t="s">
        <v>14431</v>
      </c>
      <c r="H4030" s="359" t="s">
        <v>14367</v>
      </c>
      <c r="I4030" s="359" t="s">
        <v>14431</v>
      </c>
      <c r="J4030" s="359"/>
      <c r="K4030" s="359"/>
      <c r="L4030" s="359"/>
    </row>
    <row r="4031" spans="2:12">
      <c r="B4031" s="359"/>
      <c r="C4031" s="359"/>
      <c r="D4031" s="359"/>
      <c r="E4031" s="359"/>
      <c r="F4031" s="360"/>
      <c r="G4031" s="360"/>
      <c r="H4031" s="360"/>
      <c r="I4031" s="360"/>
      <c r="J4031" s="359"/>
      <c r="K4031" s="359"/>
      <c r="L4031" s="359"/>
    </row>
    <row r="4032" spans="2:12" ht="28.5">
      <c r="B4032" s="361"/>
      <c r="C4032" s="361"/>
      <c r="D4032" s="361"/>
      <c r="E4032" s="361"/>
      <c r="F4032" s="361" t="s">
        <v>14472</v>
      </c>
      <c r="G4032" s="361" t="s">
        <v>14473</v>
      </c>
      <c r="H4032" s="361" t="s">
        <v>14332</v>
      </c>
      <c r="I4032" s="361" t="s">
        <v>14473</v>
      </c>
      <c r="J4032" s="361"/>
      <c r="K4032" s="361"/>
      <c r="L4032" s="361"/>
    </row>
    <row r="4033" spans="2:12" ht="28.5">
      <c r="B4033" s="358" t="s">
        <v>16593</v>
      </c>
      <c r="C4033" s="358" t="s">
        <v>16594</v>
      </c>
      <c r="D4033" s="358" t="s">
        <v>16595</v>
      </c>
      <c r="E4033" s="358" t="s">
        <v>16596</v>
      </c>
      <c r="F4033" s="358" t="s">
        <v>14420</v>
      </c>
      <c r="G4033" s="358" t="s">
        <v>14429</v>
      </c>
      <c r="H4033" s="358" t="s">
        <v>14367</v>
      </c>
      <c r="I4033" s="358" t="s">
        <v>14429</v>
      </c>
      <c r="J4033" s="358"/>
      <c r="K4033" s="358"/>
      <c r="L4033" s="358"/>
    </row>
    <row r="4034" spans="2:12">
      <c r="B4034" s="359"/>
      <c r="C4034" s="359"/>
      <c r="D4034" s="359"/>
      <c r="E4034" s="359"/>
      <c r="F4034" s="360"/>
      <c r="G4034" s="360"/>
      <c r="H4034" s="360"/>
      <c r="I4034" s="360"/>
      <c r="J4034" s="359"/>
      <c r="K4034" s="359"/>
      <c r="L4034" s="359"/>
    </row>
    <row r="4035" spans="2:12" ht="28.5">
      <c r="B4035" s="361"/>
      <c r="C4035" s="361"/>
      <c r="D4035" s="361"/>
      <c r="E4035" s="361"/>
      <c r="F4035" s="361" t="s">
        <v>14472</v>
      </c>
      <c r="G4035" s="361" t="s">
        <v>14473</v>
      </c>
      <c r="H4035" s="361" t="s">
        <v>14422</v>
      </c>
      <c r="I4035" s="361" t="s">
        <v>14473</v>
      </c>
      <c r="J4035" s="361"/>
      <c r="K4035" s="361"/>
      <c r="L4035" s="361"/>
    </row>
    <row r="4036" spans="2:12">
      <c r="B4036" s="358" t="s">
        <v>16597</v>
      </c>
      <c r="C4036" s="358" t="s">
        <v>16598</v>
      </c>
      <c r="D4036" s="358" t="s">
        <v>16599</v>
      </c>
      <c r="E4036" s="358" t="s">
        <v>16600</v>
      </c>
      <c r="F4036" s="358" t="s">
        <v>14420</v>
      </c>
      <c r="G4036" s="358" t="s">
        <v>14429</v>
      </c>
      <c r="H4036" s="358" t="s">
        <v>14367</v>
      </c>
      <c r="I4036" s="358" t="s">
        <v>14429</v>
      </c>
      <c r="J4036" s="358"/>
      <c r="K4036" s="358"/>
      <c r="L4036" s="358"/>
    </row>
    <row r="4037" spans="2:12">
      <c r="B4037" s="359"/>
      <c r="C4037" s="359"/>
      <c r="D4037" s="359"/>
      <c r="E4037" s="359"/>
      <c r="F4037" s="360"/>
      <c r="G4037" s="360"/>
      <c r="H4037" s="360"/>
      <c r="I4037" s="360"/>
      <c r="J4037" s="359"/>
      <c r="K4037" s="359"/>
      <c r="L4037" s="359"/>
    </row>
    <row r="4038" spans="2:12">
      <c r="B4038" s="359"/>
      <c r="C4038" s="359"/>
      <c r="D4038" s="359"/>
      <c r="E4038" s="359"/>
      <c r="F4038" s="359" t="s">
        <v>14386</v>
      </c>
      <c r="G4038" s="359" t="s">
        <v>14387</v>
      </c>
      <c r="H4038" s="359" t="s">
        <v>14422</v>
      </c>
      <c r="I4038" s="359" t="s">
        <v>14387</v>
      </c>
      <c r="J4038" s="359"/>
      <c r="K4038" s="359"/>
      <c r="L4038" s="359"/>
    </row>
    <row r="4039" spans="2:12">
      <c r="B4039" s="359"/>
      <c r="C4039" s="359"/>
      <c r="D4039" s="359"/>
      <c r="E4039" s="359"/>
      <c r="F4039" s="360"/>
      <c r="G4039" s="360"/>
      <c r="H4039" s="360"/>
      <c r="I4039" s="360"/>
      <c r="J4039" s="359"/>
      <c r="K4039" s="359"/>
      <c r="L4039" s="359"/>
    </row>
    <row r="4040" spans="2:12">
      <c r="B4040" s="361"/>
      <c r="C4040" s="361"/>
      <c r="D4040" s="361"/>
      <c r="E4040" s="361"/>
      <c r="F4040" s="361" t="s">
        <v>14389</v>
      </c>
      <c r="G4040" s="361" t="s">
        <v>14390</v>
      </c>
      <c r="H4040" s="362"/>
      <c r="I4040" s="361" t="s">
        <v>14390</v>
      </c>
      <c r="J4040" s="361"/>
      <c r="K4040" s="361"/>
      <c r="L4040" s="361"/>
    </row>
    <row r="4041" spans="2:12" ht="42.75">
      <c r="B4041" s="358" t="s">
        <v>16601</v>
      </c>
      <c r="C4041" s="358" t="s">
        <v>28725</v>
      </c>
      <c r="D4041" s="358" t="s">
        <v>16599</v>
      </c>
      <c r="E4041" s="358" t="s">
        <v>16602</v>
      </c>
      <c r="F4041" s="358" t="s">
        <v>14420</v>
      </c>
      <c r="G4041" s="358" t="s">
        <v>14429</v>
      </c>
      <c r="H4041" s="358" t="s">
        <v>14367</v>
      </c>
      <c r="I4041" s="358" t="s">
        <v>14429</v>
      </c>
      <c r="J4041" s="358"/>
      <c r="K4041" s="358" t="s">
        <v>28726</v>
      </c>
      <c r="L4041" s="358"/>
    </row>
    <row r="4042" spans="2:12">
      <c r="B4042" s="359"/>
      <c r="C4042" s="360"/>
      <c r="D4042" s="359"/>
      <c r="E4042" s="359"/>
      <c r="F4042" s="360"/>
      <c r="G4042" s="360"/>
      <c r="H4042" s="360"/>
      <c r="I4042" s="360"/>
      <c r="J4042" s="359"/>
      <c r="K4042" s="359"/>
      <c r="L4042" s="359"/>
    </row>
    <row r="4043" spans="2:12">
      <c r="B4043" s="359"/>
      <c r="C4043" s="359" t="s">
        <v>16603</v>
      </c>
      <c r="D4043" s="359"/>
      <c r="E4043" s="359"/>
      <c r="F4043" s="359" t="s">
        <v>14386</v>
      </c>
      <c r="G4043" s="359" t="s">
        <v>14387</v>
      </c>
      <c r="H4043" s="359" t="s">
        <v>14422</v>
      </c>
      <c r="I4043" s="359" t="s">
        <v>14387</v>
      </c>
      <c r="J4043" s="359"/>
      <c r="K4043" s="359"/>
      <c r="L4043" s="359"/>
    </row>
    <row r="4044" spans="2:12">
      <c r="B4044" s="359"/>
      <c r="C4044" s="360"/>
      <c r="D4044" s="359"/>
      <c r="E4044" s="359"/>
      <c r="F4044" s="360"/>
      <c r="G4044" s="360"/>
      <c r="H4044" s="360"/>
      <c r="I4044" s="360"/>
      <c r="J4044" s="359"/>
      <c r="K4044" s="359"/>
      <c r="L4044" s="359"/>
    </row>
    <row r="4045" spans="2:12">
      <c r="B4045" s="361"/>
      <c r="C4045" s="362"/>
      <c r="D4045" s="361"/>
      <c r="E4045" s="361"/>
      <c r="F4045" s="361" t="s">
        <v>14389</v>
      </c>
      <c r="G4045" s="361" t="s">
        <v>14390</v>
      </c>
      <c r="H4045" s="362"/>
      <c r="I4045" s="361" t="s">
        <v>14390</v>
      </c>
      <c r="J4045" s="361"/>
      <c r="K4045" s="361"/>
      <c r="L4045" s="361"/>
    </row>
    <row r="4046" spans="2:12">
      <c r="B4046" s="358" t="s">
        <v>16604</v>
      </c>
      <c r="C4046" s="358" t="s">
        <v>16605</v>
      </c>
      <c r="D4046" s="358" t="s">
        <v>16606</v>
      </c>
      <c r="E4046" s="358" t="s">
        <v>16607</v>
      </c>
      <c r="F4046" s="358" t="s">
        <v>14356</v>
      </c>
      <c r="G4046" s="358" t="s">
        <v>14340</v>
      </c>
      <c r="H4046" s="358" t="s">
        <v>14341</v>
      </c>
      <c r="I4046" s="358" t="s">
        <v>14340</v>
      </c>
      <c r="J4046" s="358"/>
      <c r="K4046" s="358"/>
      <c r="L4046" s="358"/>
    </row>
    <row r="4047" spans="2:12">
      <c r="B4047" s="359"/>
      <c r="C4047" s="359"/>
      <c r="D4047" s="359"/>
      <c r="E4047" s="359"/>
      <c r="F4047" s="360"/>
      <c r="G4047" s="360"/>
      <c r="H4047" s="360"/>
      <c r="I4047" s="360"/>
      <c r="J4047" s="359"/>
      <c r="K4047" s="359"/>
      <c r="L4047" s="359"/>
    </row>
    <row r="4048" spans="2:12">
      <c r="B4048" s="359"/>
      <c r="C4048" s="359"/>
      <c r="D4048" s="359"/>
      <c r="E4048" s="359"/>
      <c r="F4048" s="359" t="s">
        <v>14391</v>
      </c>
      <c r="G4048" s="359" t="s">
        <v>14392</v>
      </c>
      <c r="H4048" s="359" t="s">
        <v>14367</v>
      </c>
      <c r="I4048" s="359" t="s">
        <v>14392</v>
      </c>
      <c r="J4048" s="359"/>
      <c r="K4048" s="359"/>
      <c r="L4048" s="359"/>
    </row>
    <row r="4049" spans="2:12">
      <c r="B4049" s="359"/>
      <c r="C4049" s="359"/>
      <c r="D4049" s="359"/>
      <c r="E4049" s="359"/>
      <c r="F4049" s="360"/>
      <c r="G4049" s="360"/>
      <c r="H4049" s="360"/>
      <c r="I4049" s="360"/>
      <c r="J4049" s="359"/>
      <c r="K4049" s="359"/>
      <c r="L4049" s="359"/>
    </row>
    <row r="4050" spans="2:12">
      <c r="B4050" s="361"/>
      <c r="C4050" s="361"/>
      <c r="D4050" s="361"/>
      <c r="E4050" s="361"/>
      <c r="F4050" s="362"/>
      <c r="G4050" s="362"/>
      <c r="H4050" s="361" t="s">
        <v>14332</v>
      </c>
      <c r="I4050" s="362"/>
      <c r="J4050" s="361"/>
      <c r="K4050" s="361"/>
      <c r="L4050" s="361"/>
    </row>
    <row r="4051" spans="2:12">
      <c r="B4051" s="358" t="s">
        <v>16608</v>
      </c>
      <c r="C4051" s="358" t="s">
        <v>16609</v>
      </c>
      <c r="D4051" s="358" t="s">
        <v>16610</v>
      </c>
      <c r="E4051" s="358" t="s">
        <v>2731</v>
      </c>
      <c r="F4051" s="358" t="s">
        <v>14814</v>
      </c>
      <c r="G4051" s="358" t="s">
        <v>14815</v>
      </c>
      <c r="H4051" s="358" t="s">
        <v>14381</v>
      </c>
      <c r="I4051" s="358" t="s">
        <v>14815</v>
      </c>
      <c r="J4051" s="358"/>
      <c r="K4051" s="358"/>
      <c r="L4051" s="358"/>
    </row>
    <row r="4052" spans="2:12">
      <c r="B4052" s="359"/>
      <c r="C4052" s="359"/>
      <c r="D4052" s="359"/>
      <c r="E4052" s="359"/>
      <c r="F4052" s="360"/>
      <c r="G4052" s="360"/>
      <c r="H4052" s="360"/>
      <c r="I4052" s="360"/>
      <c r="J4052" s="359"/>
      <c r="K4052" s="359"/>
      <c r="L4052" s="359"/>
    </row>
    <row r="4053" spans="2:12">
      <c r="B4053" s="359"/>
      <c r="C4053" s="359"/>
      <c r="D4053" s="359"/>
      <c r="E4053" s="359"/>
      <c r="F4053" s="359" t="s">
        <v>14391</v>
      </c>
      <c r="G4053" s="359" t="s">
        <v>14392</v>
      </c>
      <c r="H4053" s="359" t="s">
        <v>14332</v>
      </c>
      <c r="I4053" s="359" t="s">
        <v>14392</v>
      </c>
      <c r="J4053" s="359"/>
      <c r="K4053" s="359"/>
      <c r="L4053" s="359"/>
    </row>
    <row r="4054" spans="2:12">
      <c r="B4054" s="359"/>
      <c r="C4054" s="359"/>
      <c r="D4054" s="359"/>
      <c r="E4054" s="359"/>
      <c r="F4054" s="360"/>
      <c r="G4054" s="360"/>
      <c r="H4054" s="360"/>
      <c r="I4054" s="360"/>
      <c r="J4054" s="359"/>
      <c r="K4054" s="359"/>
      <c r="L4054" s="359"/>
    </row>
    <row r="4055" spans="2:12" ht="28.5">
      <c r="B4055" s="361"/>
      <c r="C4055" s="361"/>
      <c r="D4055" s="361"/>
      <c r="E4055" s="361"/>
      <c r="F4055" s="361" t="s">
        <v>14462</v>
      </c>
      <c r="G4055" s="361" t="s">
        <v>14463</v>
      </c>
      <c r="H4055" s="362"/>
      <c r="I4055" s="361" t="s">
        <v>14463</v>
      </c>
      <c r="J4055" s="361"/>
      <c r="K4055" s="361"/>
      <c r="L4055" s="361"/>
    </row>
    <row r="4056" spans="2:12">
      <c r="B4056" s="358" t="s">
        <v>16611</v>
      </c>
      <c r="C4056" s="358" t="s">
        <v>16612</v>
      </c>
      <c r="D4056" s="358" t="s">
        <v>16613</v>
      </c>
      <c r="E4056" s="358" t="s">
        <v>2572</v>
      </c>
      <c r="F4056" s="358" t="s">
        <v>14420</v>
      </c>
      <c r="G4056" s="358" t="s">
        <v>14429</v>
      </c>
      <c r="H4056" s="358" t="s">
        <v>14367</v>
      </c>
      <c r="I4056" s="358" t="s">
        <v>14429</v>
      </c>
      <c r="J4056" s="358"/>
      <c r="K4056" s="358" t="s">
        <v>14820</v>
      </c>
      <c r="L4056" s="358"/>
    </row>
    <row r="4057" spans="2:12">
      <c r="B4057" s="359"/>
      <c r="C4057" s="359"/>
      <c r="D4057" s="359"/>
      <c r="E4057" s="359"/>
      <c r="F4057" s="360"/>
      <c r="G4057" s="360"/>
      <c r="H4057" s="360"/>
      <c r="I4057" s="360"/>
      <c r="J4057" s="359"/>
      <c r="K4057" s="359"/>
      <c r="L4057" s="359"/>
    </row>
    <row r="4058" spans="2:12">
      <c r="B4058" s="359"/>
      <c r="C4058" s="359"/>
      <c r="D4058" s="359"/>
      <c r="E4058" s="359"/>
      <c r="F4058" s="359" t="s">
        <v>14391</v>
      </c>
      <c r="G4058" s="359" t="s">
        <v>14392</v>
      </c>
      <c r="H4058" s="359" t="s">
        <v>14370</v>
      </c>
      <c r="I4058" s="359" t="s">
        <v>14392</v>
      </c>
      <c r="J4058" s="359"/>
      <c r="K4058" s="359"/>
      <c r="L4058" s="359"/>
    </row>
    <row r="4059" spans="2:12">
      <c r="B4059" s="359"/>
      <c r="C4059" s="359"/>
      <c r="D4059" s="359"/>
      <c r="E4059" s="359"/>
      <c r="F4059" s="360"/>
      <c r="G4059" s="360"/>
      <c r="H4059" s="360"/>
      <c r="I4059" s="360"/>
      <c r="J4059" s="359"/>
      <c r="K4059" s="359"/>
      <c r="L4059" s="359"/>
    </row>
    <row r="4060" spans="2:12">
      <c r="B4060" s="359"/>
      <c r="C4060" s="359"/>
      <c r="D4060" s="359"/>
      <c r="E4060" s="359"/>
      <c r="F4060" s="359" t="s">
        <v>14371</v>
      </c>
      <c r="G4060" s="359" t="s">
        <v>14372</v>
      </c>
      <c r="H4060" s="359" t="s">
        <v>14422</v>
      </c>
      <c r="I4060" s="359" t="s">
        <v>14373</v>
      </c>
      <c r="J4060" s="359"/>
      <c r="K4060" s="359"/>
      <c r="L4060" s="359"/>
    </row>
    <row r="4061" spans="2:12">
      <c r="B4061" s="359"/>
      <c r="C4061" s="359"/>
      <c r="D4061" s="359"/>
      <c r="E4061" s="359"/>
      <c r="F4061" s="360"/>
      <c r="G4061" s="360"/>
      <c r="H4061" s="360"/>
      <c r="I4061" s="360"/>
      <c r="J4061" s="359"/>
      <c r="K4061" s="359"/>
      <c r="L4061" s="359"/>
    </row>
    <row r="4062" spans="2:12" ht="28.5">
      <c r="B4062" s="361"/>
      <c r="C4062" s="361"/>
      <c r="D4062" s="361"/>
      <c r="E4062" s="361"/>
      <c r="F4062" s="361" t="s">
        <v>14374</v>
      </c>
      <c r="G4062" s="361" t="s">
        <v>14373</v>
      </c>
      <c r="H4062" s="362"/>
      <c r="I4062" s="362"/>
      <c r="J4062" s="361"/>
      <c r="K4062" s="361"/>
      <c r="L4062" s="361"/>
    </row>
    <row r="4063" spans="2:12">
      <c r="B4063" s="358" t="s">
        <v>16614</v>
      </c>
      <c r="C4063" s="358" t="s">
        <v>16615</v>
      </c>
      <c r="D4063" s="358" t="s">
        <v>16616</v>
      </c>
      <c r="E4063" s="358" t="s">
        <v>2643</v>
      </c>
      <c r="F4063" s="358" t="s">
        <v>14391</v>
      </c>
      <c r="G4063" s="358" t="s">
        <v>14392</v>
      </c>
      <c r="H4063" s="358" t="s">
        <v>14367</v>
      </c>
      <c r="I4063" s="358" t="s">
        <v>14392</v>
      </c>
      <c r="J4063" s="358"/>
      <c r="K4063" s="358" t="s">
        <v>14820</v>
      </c>
      <c r="L4063" s="358"/>
    </row>
    <row r="4064" spans="2:12">
      <c r="B4064" s="359"/>
      <c r="C4064" s="359"/>
      <c r="D4064" s="359"/>
      <c r="E4064" s="359"/>
      <c r="F4064" s="360"/>
      <c r="G4064" s="360"/>
      <c r="H4064" s="360"/>
      <c r="I4064" s="360"/>
      <c r="J4064" s="359"/>
      <c r="K4064" s="359"/>
      <c r="L4064" s="359"/>
    </row>
    <row r="4065" spans="2:12">
      <c r="B4065" s="359"/>
      <c r="C4065" s="359"/>
      <c r="D4065" s="359"/>
      <c r="E4065" s="359"/>
      <c r="F4065" s="359" t="s">
        <v>14371</v>
      </c>
      <c r="G4065" s="359" t="s">
        <v>14372</v>
      </c>
      <c r="H4065" s="359" t="s">
        <v>14370</v>
      </c>
      <c r="I4065" s="359" t="s">
        <v>14373</v>
      </c>
      <c r="J4065" s="359"/>
      <c r="K4065" s="359"/>
      <c r="L4065" s="359"/>
    </row>
    <row r="4066" spans="2:12">
      <c r="B4066" s="359"/>
      <c r="C4066" s="359"/>
      <c r="D4066" s="359"/>
      <c r="E4066" s="359"/>
      <c r="F4066" s="360"/>
      <c r="G4066" s="360"/>
      <c r="H4066" s="360"/>
      <c r="I4066" s="360"/>
      <c r="J4066" s="359"/>
      <c r="K4066" s="359"/>
      <c r="L4066" s="359"/>
    </row>
    <row r="4067" spans="2:12" ht="28.5">
      <c r="B4067" s="361"/>
      <c r="C4067" s="361"/>
      <c r="D4067" s="361"/>
      <c r="E4067" s="361"/>
      <c r="F4067" s="361" t="s">
        <v>14374</v>
      </c>
      <c r="G4067" s="361" t="s">
        <v>14373</v>
      </c>
      <c r="H4067" s="361" t="s">
        <v>14422</v>
      </c>
      <c r="I4067" s="362"/>
      <c r="J4067" s="361"/>
      <c r="K4067" s="361"/>
      <c r="L4067" s="361"/>
    </row>
    <row r="4068" spans="2:12" ht="57">
      <c r="B4068" s="358" t="s">
        <v>10240</v>
      </c>
      <c r="C4068" s="358" t="s">
        <v>16617</v>
      </c>
      <c r="D4068" s="358" t="s">
        <v>550</v>
      </c>
      <c r="E4068" s="358" t="s">
        <v>551</v>
      </c>
      <c r="F4068" s="358" t="s">
        <v>14376</v>
      </c>
      <c r="G4068" s="358" t="s">
        <v>14377</v>
      </c>
      <c r="H4068" s="358" t="s">
        <v>14381</v>
      </c>
      <c r="I4068" s="358" t="s">
        <v>14377</v>
      </c>
      <c r="J4068" s="358"/>
      <c r="K4068" s="358" t="s">
        <v>28727</v>
      </c>
      <c r="L4068" s="358" t="s">
        <v>27406</v>
      </c>
    </row>
    <row r="4069" spans="2:12">
      <c r="B4069" s="359"/>
      <c r="C4069" s="359"/>
      <c r="D4069" s="359"/>
      <c r="E4069" s="359"/>
      <c r="F4069" s="360"/>
      <c r="G4069" s="360"/>
      <c r="H4069" s="360"/>
      <c r="I4069" s="360"/>
      <c r="J4069" s="359"/>
      <c r="K4069" s="359"/>
      <c r="L4069" s="359"/>
    </row>
    <row r="4070" spans="2:12">
      <c r="B4070" s="359"/>
      <c r="C4070" s="359"/>
      <c r="D4070" s="359"/>
      <c r="E4070" s="359"/>
      <c r="F4070" s="359" t="s">
        <v>14426</v>
      </c>
      <c r="G4070" s="359" t="s">
        <v>14427</v>
      </c>
      <c r="H4070" s="359" t="s">
        <v>14367</v>
      </c>
      <c r="I4070" s="359" t="s">
        <v>14427</v>
      </c>
      <c r="J4070" s="359"/>
      <c r="K4070" s="359"/>
      <c r="L4070" s="359"/>
    </row>
    <row r="4071" spans="2:12">
      <c r="B4071" s="359"/>
      <c r="C4071" s="359"/>
      <c r="D4071" s="359"/>
      <c r="E4071" s="359"/>
      <c r="F4071" s="360"/>
      <c r="G4071" s="360"/>
      <c r="H4071" s="360"/>
      <c r="I4071" s="360"/>
      <c r="J4071" s="359"/>
      <c r="K4071" s="359"/>
      <c r="L4071" s="359"/>
    </row>
    <row r="4072" spans="2:12" ht="28.5">
      <c r="B4072" s="359"/>
      <c r="C4072" s="359"/>
      <c r="D4072" s="359"/>
      <c r="E4072" s="359"/>
      <c r="F4072" s="359" t="s">
        <v>14424</v>
      </c>
      <c r="G4072" s="359" t="s">
        <v>28635</v>
      </c>
      <c r="H4072" s="359" t="s">
        <v>14370</v>
      </c>
      <c r="I4072" s="359" t="s">
        <v>28635</v>
      </c>
      <c r="J4072" s="359"/>
      <c r="K4072" s="359"/>
      <c r="L4072" s="359"/>
    </row>
    <row r="4073" spans="2:12">
      <c r="B4073" s="359"/>
      <c r="C4073" s="359"/>
      <c r="D4073" s="359"/>
      <c r="E4073" s="359"/>
      <c r="F4073" s="360"/>
      <c r="G4073" s="360"/>
      <c r="H4073" s="360"/>
      <c r="I4073" s="360"/>
      <c r="J4073" s="359"/>
      <c r="K4073" s="359"/>
      <c r="L4073" s="359"/>
    </row>
    <row r="4074" spans="2:12">
      <c r="B4074" s="359"/>
      <c r="C4074" s="359"/>
      <c r="D4074" s="359"/>
      <c r="E4074" s="359"/>
      <c r="F4074" s="359" t="s">
        <v>14420</v>
      </c>
      <c r="G4074" s="359" t="s">
        <v>14815</v>
      </c>
      <c r="H4074" s="359" t="s">
        <v>14332</v>
      </c>
      <c r="I4074" s="359" t="s">
        <v>14815</v>
      </c>
      <c r="J4074" s="359"/>
      <c r="K4074" s="359"/>
      <c r="L4074" s="359"/>
    </row>
    <row r="4075" spans="2:12">
      <c r="B4075" s="359"/>
      <c r="C4075" s="359"/>
      <c r="D4075" s="359"/>
      <c r="E4075" s="359"/>
      <c r="F4075" s="360"/>
      <c r="G4075" s="360"/>
      <c r="H4075" s="360"/>
      <c r="I4075" s="360"/>
      <c r="J4075" s="359"/>
      <c r="K4075" s="359"/>
      <c r="L4075" s="359"/>
    </row>
    <row r="4076" spans="2:12">
      <c r="B4076" s="359"/>
      <c r="C4076" s="359"/>
      <c r="D4076" s="359"/>
      <c r="E4076" s="359"/>
      <c r="F4076" s="359" t="s">
        <v>14814</v>
      </c>
      <c r="G4076" s="359" t="s">
        <v>14392</v>
      </c>
      <c r="H4076" s="360"/>
      <c r="I4076" s="359" t="s">
        <v>14392</v>
      </c>
      <c r="J4076" s="359"/>
      <c r="K4076" s="359"/>
      <c r="L4076" s="359"/>
    </row>
    <row r="4077" spans="2:12">
      <c r="B4077" s="359"/>
      <c r="C4077" s="359"/>
      <c r="D4077" s="359"/>
      <c r="E4077" s="359"/>
      <c r="F4077" s="360"/>
      <c r="G4077" s="360"/>
      <c r="H4077" s="360"/>
      <c r="I4077" s="360"/>
      <c r="J4077" s="359"/>
      <c r="K4077" s="359"/>
      <c r="L4077" s="359"/>
    </row>
    <row r="4078" spans="2:12">
      <c r="B4078" s="359"/>
      <c r="C4078" s="359"/>
      <c r="D4078" s="359"/>
      <c r="E4078" s="359"/>
      <c r="F4078" s="359" t="s">
        <v>14391</v>
      </c>
      <c r="G4078" s="359" t="s">
        <v>14372</v>
      </c>
      <c r="H4078" s="360"/>
      <c r="I4078" s="359" t="s">
        <v>14373</v>
      </c>
      <c r="J4078" s="359"/>
      <c r="K4078" s="359"/>
      <c r="L4078" s="359"/>
    </row>
    <row r="4079" spans="2:12">
      <c r="B4079" s="359"/>
      <c r="C4079" s="359"/>
      <c r="D4079" s="359"/>
      <c r="E4079" s="359"/>
      <c r="F4079" s="360"/>
      <c r="G4079" s="360"/>
      <c r="H4079" s="360"/>
      <c r="I4079" s="360"/>
      <c r="J4079" s="359"/>
      <c r="K4079" s="359"/>
      <c r="L4079" s="359"/>
    </row>
    <row r="4080" spans="2:12">
      <c r="B4080" s="359"/>
      <c r="C4080" s="359"/>
      <c r="D4080" s="359"/>
      <c r="E4080" s="359"/>
      <c r="F4080" s="359" t="s">
        <v>14371</v>
      </c>
      <c r="G4080" s="359" t="s">
        <v>14373</v>
      </c>
      <c r="H4080" s="360"/>
      <c r="I4080" s="360"/>
      <c r="J4080" s="359"/>
      <c r="K4080" s="359"/>
      <c r="L4080" s="359"/>
    </row>
    <row r="4081" spans="2:12">
      <c r="B4081" s="359"/>
      <c r="C4081" s="359"/>
      <c r="D4081" s="359"/>
      <c r="E4081" s="359"/>
      <c r="F4081" s="360"/>
      <c r="G4081" s="360"/>
      <c r="H4081" s="360"/>
      <c r="I4081" s="360"/>
      <c r="J4081" s="359"/>
      <c r="K4081" s="359"/>
      <c r="L4081" s="359"/>
    </row>
    <row r="4082" spans="2:12" ht="28.5">
      <c r="B4082" s="361"/>
      <c r="C4082" s="361"/>
      <c r="D4082" s="361"/>
      <c r="E4082" s="361"/>
      <c r="F4082" s="361" t="s">
        <v>14374</v>
      </c>
      <c r="G4082" s="362"/>
      <c r="H4082" s="362"/>
      <c r="I4082" s="362"/>
      <c r="J4082" s="361"/>
      <c r="K4082" s="361"/>
      <c r="L4082" s="361"/>
    </row>
    <row r="4083" spans="2:12" ht="57">
      <c r="B4083" s="358" t="s">
        <v>10242</v>
      </c>
      <c r="C4083" s="358" t="s">
        <v>16618</v>
      </c>
      <c r="D4083" s="358" t="s">
        <v>464</v>
      </c>
      <c r="E4083" s="358" t="s">
        <v>465</v>
      </c>
      <c r="F4083" s="358" t="s">
        <v>14376</v>
      </c>
      <c r="G4083" s="358" t="s">
        <v>14377</v>
      </c>
      <c r="H4083" s="358" t="s">
        <v>14381</v>
      </c>
      <c r="I4083" s="358" t="s">
        <v>14377</v>
      </c>
      <c r="J4083" s="358"/>
      <c r="K4083" s="358" t="s">
        <v>28727</v>
      </c>
      <c r="L4083" s="358" t="s">
        <v>27406</v>
      </c>
    </row>
    <row r="4084" spans="2:12">
      <c r="B4084" s="359"/>
      <c r="C4084" s="359"/>
      <c r="D4084" s="359"/>
      <c r="E4084" s="359"/>
      <c r="F4084" s="360"/>
      <c r="G4084" s="360"/>
      <c r="H4084" s="360"/>
      <c r="I4084" s="360"/>
      <c r="J4084" s="359"/>
      <c r="K4084" s="359"/>
      <c r="L4084" s="359"/>
    </row>
    <row r="4085" spans="2:12">
      <c r="B4085" s="359"/>
      <c r="C4085" s="359"/>
      <c r="D4085" s="359"/>
      <c r="E4085" s="359"/>
      <c r="F4085" s="359" t="s">
        <v>14426</v>
      </c>
      <c r="G4085" s="359" t="s">
        <v>14427</v>
      </c>
      <c r="H4085" s="359" t="s">
        <v>14367</v>
      </c>
      <c r="I4085" s="359" t="s">
        <v>14427</v>
      </c>
      <c r="J4085" s="359"/>
      <c r="K4085" s="359"/>
      <c r="L4085" s="359"/>
    </row>
    <row r="4086" spans="2:12">
      <c r="B4086" s="359"/>
      <c r="C4086" s="359"/>
      <c r="D4086" s="359"/>
      <c r="E4086" s="359"/>
      <c r="F4086" s="360"/>
      <c r="G4086" s="360"/>
      <c r="H4086" s="360"/>
      <c r="I4086" s="360"/>
      <c r="J4086" s="359"/>
      <c r="K4086" s="359"/>
      <c r="L4086" s="359"/>
    </row>
    <row r="4087" spans="2:12" ht="28.5">
      <c r="B4087" s="359"/>
      <c r="C4087" s="359"/>
      <c r="D4087" s="359"/>
      <c r="E4087" s="359"/>
      <c r="F4087" s="359" t="s">
        <v>14424</v>
      </c>
      <c r="G4087" s="359" t="s">
        <v>28635</v>
      </c>
      <c r="H4087" s="359" t="s">
        <v>14370</v>
      </c>
      <c r="I4087" s="359" t="s">
        <v>28635</v>
      </c>
      <c r="J4087" s="359"/>
      <c r="K4087" s="359"/>
      <c r="L4087" s="359"/>
    </row>
    <row r="4088" spans="2:12">
      <c r="B4088" s="359"/>
      <c r="C4088" s="359"/>
      <c r="D4088" s="359"/>
      <c r="E4088" s="359"/>
      <c r="F4088" s="360"/>
      <c r="G4088" s="360"/>
      <c r="H4088" s="360"/>
      <c r="I4088" s="360"/>
      <c r="J4088" s="359"/>
      <c r="K4088" s="359"/>
      <c r="L4088" s="359"/>
    </row>
    <row r="4089" spans="2:12">
      <c r="B4089" s="359"/>
      <c r="C4089" s="359"/>
      <c r="D4089" s="359"/>
      <c r="E4089" s="359"/>
      <c r="F4089" s="359" t="s">
        <v>14420</v>
      </c>
      <c r="G4089" s="359" t="s">
        <v>14815</v>
      </c>
      <c r="H4089" s="359" t="s">
        <v>14332</v>
      </c>
      <c r="I4089" s="359" t="s">
        <v>14815</v>
      </c>
      <c r="J4089" s="359"/>
      <c r="K4089" s="359"/>
      <c r="L4089" s="359"/>
    </row>
    <row r="4090" spans="2:12">
      <c r="B4090" s="359"/>
      <c r="C4090" s="359"/>
      <c r="D4090" s="359"/>
      <c r="E4090" s="359"/>
      <c r="F4090" s="360"/>
      <c r="G4090" s="360"/>
      <c r="H4090" s="360"/>
      <c r="I4090" s="360"/>
      <c r="J4090" s="359"/>
      <c r="K4090" s="359"/>
      <c r="L4090" s="359"/>
    </row>
    <row r="4091" spans="2:12">
      <c r="B4091" s="359"/>
      <c r="C4091" s="359"/>
      <c r="D4091" s="359"/>
      <c r="E4091" s="359"/>
      <c r="F4091" s="359" t="s">
        <v>14814</v>
      </c>
      <c r="G4091" s="359" t="s">
        <v>14392</v>
      </c>
      <c r="H4091" s="360"/>
      <c r="I4091" s="359" t="s">
        <v>14392</v>
      </c>
      <c r="J4091" s="359"/>
      <c r="K4091" s="359"/>
      <c r="L4091" s="359"/>
    </row>
    <row r="4092" spans="2:12">
      <c r="B4092" s="359"/>
      <c r="C4092" s="359"/>
      <c r="D4092" s="359"/>
      <c r="E4092" s="359"/>
      <c r="F4092" s="360"/>
      <c r="G4092" s="360"/>
      <c r="H4092" s="360"/>
      <c r="I4092" s="360"/>
      <c r="J4092" s="359"/>
      <c r="K4092" s="359"/>
      <c r="L4092" s="359"/>
    </row>
    <row r="4093" spans="2:12">
      <c r="B4093" s="359"/>
      <c r="C4093" s="359"/>
      <c r="D4093" s="359"/>
      <c r="E4093" s="359"/>
      <c r="F4093" s="359" t="s">
        <v>14391</v>
      </c>
      <c r="G4093" s="359" t="s">
        <v>14372</v>
      </c>
      <c r="H4093" s="360"/>
      <c r="I4093" s="359" t="s">
        <v>14373</v>
      </c>
      <c r="J4093" s="359"/>
      <c r="K4093" s="359"/>
      <c r="L4093" s="359"/>
    </row>
    <row r="4094" spans="2:12">
      <c r="B4094" s="359"/>
      <c r="C4094" s="359"/>
      <c r="D4094" s="359"/>
      <c r="E4094" s="359"/>
      <c r="F4094" s="360"/>
      <c r="G4094" s="360"/>
      <c r="H4094" s="360"/>
      <c r="I4094" s="360"/>
      <c r="J4094" s="359"/>
      <c r="K4094" s="359"/>
      <c r="L4094" s="359"/>
    </row>
    <row r="4095" spans="2:12">
      <c r="B4095" s="359"/>
      <c r="C4095" s="359"/>
      <c r="D4095" s="359"/>
      <c r="E4095" s="359"/>
      <c r="F4095" s="359" t="s">
        <v>14371</v>
      </c>
      <c r="G4095" s="359" t="s">
        <v>14373</v>
      </c>
      <c r="H4095" s="360"/>
      <c r="I4095" s="360"/>
      <c r="J4095" s="359"/>
      <c r="K4095" s="359"/>
      <c r="L4095" s="359"/>
    </row>
    <row r="4096" spans="2:12">
      <c r="B4096" s="359"/>
      <c r="C4096" s="359"/>
      <c r="D4096" s="359"/>
      <c r="E4096" s="359"/>
      <c r="F4096" s="360"/>
      <c r="G4096" s="360"/>
      <c r="H4096" s="360"/>
      <c r="I4096" s="360"/>
      <c r="J4096" s="359"/>
      <c r="K4096" s="359"/>
      <c r="L4096" s="359"/>
    </row>
    <row r="4097" spans="2:12" ht="28.5">
      <c r="B4097" s="361"/>
      <c r="C4097" s="361"/>
      <c r="D4097" s="361"/>
      <c r="E4097" s="361"/>
      <c r="F4097" s="361" t="s">
        <v>14374</v>
      </c>
      <c r="G4097" s="362"/>
      <c r="H4097" s="362"/>
      <c r="I4097" s="362"/>
      <c r="J4097" s="361"/>
      <c r="K4097" s="361"/>
      <c r="L4097" s="361"/>
    </row>
    <row r="4098" spans="2:12" ht="42.75">
      <c r="B4098" s="358" t="s">
        <v>10244</v>
      </c>
      <c r="C4098" s="358" t="s">
        <v>16619</v>
      </c>
      <c r="D4098" s="358" t="s">
        <v>458</v>
      </c>
      <c r="E4098" s="358" t="s">
        <v>459</v>
      </c>
      <c r="F4098" s="358" t="s">
        <v>14376</v>
      </c>
      <c r="G4098" s="358" t="s">
        <v>14377</v>
      </c>
      <c r="H4098" s="358" t="s">
        <v>14381</v>
      </c>
      <c r="I4098" s="358" t="s">
        <v>14377</v>
      </c>
      <c r="J4098" s="358"/>
      <c r="K4098" s="358" t="s">
        <v>28729</v>
      </c>
      <c r="L4098" s="358" t="s">
        <v>27406</v>
      </c>
    </row>
    <row r="4099" spans="2:12">
      <c r="B4099" s="359"/>
      <c r="C4099" s="359"/>
      <c r="D4099" s="359"/>
      <c r="E4099" s="359"/>
      <c r="F4099" s="360"/>
      <c r="G4099" s="360"/>
      <c r="H4099" s="360"/>
      <c r="I4099" s="360"/>
      <c r="J4099" s="359"/>
      <c r="K4099" s="360"/>
      <c r="L4099" s="359"/>
    </row>
    <row r="4100" spans="2:12">
      <c r="B4100" s="359"/>
      <c r="C4100" s="359"/>
      <c r="D4100" s="359"/>
      <c r="E4100" s="359"/>
      <c r="F4100" s="359" t="s">
        <v>14426</v>
      </c>
      <c r="G4100" s="359" t="s">
        <v>14427</v>
      </c>
      <c r="H4100" s="359" t="s">
        <v>14370</v>
      </c>
      <c r="I4100" s="359" t="s">
        <v>14427</v>
      </c>
      <c r="J4100" s="359"/>
      <c r="K4100" s="359" t="s">
        <v>14517</v>
      </c>
      <c r="L4100" s="359"/>
    </row>
    <row r="4101" spans="2:12">
      <c r="B4101" s="359"/>
      <c r="C4101" s="359"/>
      <c r="D4101" s="359"/>
      <c r="E4101" s="359"/>
      <c r="F4101" s="360"/>
      <c r="G4101" s="360"/>
      <c r="H4101" s="360"/>
      <c r="I4101" s="360"/>
      <c r="J4101" s="359"/>
      <c r="K4101" s="360"/>
      <c r="L4101" s="359"/>
    </row>
    <row r="4102" spans="2:12" ht="28.5">
      <c r="B4102" s="359"/>
      <c r="C4102" s="359"/>
      <c r="D4102" s="359"/>
      <c r="E4102" s="359"/>
      <c r="F4102" s="359" t="s">
        <v>14424</v>
      </c>
      <c r="G4102" s="359" t="s">
        <v>28728</v>
      </c>
      <c r="H4102" s="359" t="s">
        <v>14332</v>
      </c>
      <c r="I4102" s="359" t="s">
        <v>28728</v>
      </c>
      <c r="J4102" s="359"/>
      <c r="K4102" s="360"/>
      <c r="L4102" s="359"/>
    </row>
    <row r="4103" spans="2:12">
      <c r="B4103" s="359"/>
      <c r="C4103" s="359"/>
      <c r="D4103" s="359"/>
      <c r="E4103" s="359"/>
      <c r="F4103" s="360"/>
      <c r="G4103" s="360"/>
      <c r="H4103" s="360"/>
      <c r="I4103" s="360"/>
      <c r="J4103" s="359"/>
      <c r="K4103" s="360"/>
      <c r="L4103" s="359"/>
    </row>
    <row r="4104" spans="2:12">
      <c r="B4104" s="359"/>
      <c r="C4104" s="359"/>
      <c r="D4104" s="359"/>
      <c r="E4104" s="359"/>
      <c r="F4104" s="359" t="s">
        <v>14814</v>
      </c>
      <c r="G4104" s="359" t="s">
        <v>14392</v>
      </c>
      <c r="H4104" s="360"/>
      <c r="I4104" s="359" t="s">
        <v>14392</v>
      </c>
      <c r="J4104" s="359"/>
      <c r="K4104" s="360"/>
      <c r="L4104" s="359"/>
    </row>
    <row r="4105" spans="2:12">
      <c r="B4105" s="359"/>
      <c r="C4105" s="359"/>
      <c r="D4105" s="359"/>
      <c r="E4105" s="359"/>
      <c r="F4105" s="360"/>
      <c r="G4105" s="360"/>
      <c r="H4105" s="360"/>
      <c r="I4105" s="360"/>
      <c r="J4105" s="359"/>
      <c r="K4105" s="360"/>
      <c r="L4105" s="359"/>
    </row>
    <row r="4106" spans="2:12">
      <c r="B4106" s="359"/>
      <c r="C4106" s="359"/>
      <c r="D4106" s="359"/>
      <c r="E4106" s="359"/>
      <c r="F4106" s="359" t="s">
        <v>14391</v>
      </c>
      <c r="G4106" s="359" t="s">
        <v>14372</v>
      </c>
      <c r="H4106" s="360"/>
      <c r="I4106" s="359" t="s">
        <v>14373</v>
      </c>
      <c r="J4106" s="359"/>
      <c r="K4106" s="360"/>
      <c r="L4106" s="359"/>
    </row>
    <row r="4107" spans="2:12">
      <c r="B4107" s="359"/>
      <c r="C4107" s="359"/>
      <c r="D4107" s="359"/>
      <c r="E4107" s="359"/>
      <c r="F4107" s="360"/>
      <c r="G4107" s="360"/>
      <c r="H4107" s="360"/>
      <c r="I4107" s="360"/>
      <c r="J4107" s="359"/>
      <c r="K4107" s="360"/>
      <c r="L4107" s="359"/>
    </row>
    <row r="4108" spans="2:12">
      <c r="B4108" s="359"/>
      <c r="C4108" s="359"/>
      <c r="D4108" s="359"/>
      <c r="E4108" s="359"/>
      <c r="F4108" s="359" t="s">
        <v>14371</v>
      </c>
      <c r="G4108" s="359" t="s">
        <v>14373</v>
      </c>
      <c r="H4108" s="360"/>
      <c r="I4108" s="360"/>
      <c r="J4108" s="359"/>
      <c r="K4108" s="360"/>
      <c r="L4108" s="359"/>
    </row>
    <row r="4109" spans="2:12">
      <c r="B4109" s="359"/>
      <c r="C4109" s="359"/>
      <c r="D4109" s="359"/>
      <c r="E4109" s="359"/>
      <c r="F4109" s="360"/>
      <c r="G4109" s="360"/>
      <c r="H4109" s="360"/>
      <c r="I4109" s="360"/>
      <c r="J4109" s="359"/>
      <c r="K4109" s="360"/>
      <c r="L4109" s="359"/>
    </row>
    <row r="4110" spans="2:12" ht="28.5">
      <c r="B4110" s="361"/>
      <c r="C4110" s="361"/>
      <c r="D4110" s="361"/>
      <c r="E4110" s="361"/>
      <c r="F4110" s="361" t="s">
        <v>14374</v>
      </c>
      <c r="G4110" s="362"/>
      <c r="H4110" s="362"/>
      <c r="I4110" s="362"/>
      <c r="J4110" s="361"/>
      <c r="K4110" s="362"/>
      <c r="L4110" s="361"/>
    </row>
    <row r="4111" spans="2:12" ht="28.5">
      <c r="B4111" s="358" t="s">
        <v>16620</v>
      </c>
      <c r="C4111" s="358" t="s">
        <v>16621</v>
      </c>
      <c r="D4111" s="358" t="s">
        <v>16622</v>
      </c>
      <c r="E4111" s="358" t="s">
        <v>8356</v>
      </c>
      <c r="F4111" s="358" t="s">
        <v>14430</v>
      </c>
      <c r="G4111" s="358" t="s">
        <v>14431</v>
      </c>
      <c r="H4111" s="358" t="s">
        <v>14341</v>
      </c>
      <c r="I4111" s="358" t="s">
        <v>14431</v>
      </c>
      <c r="J4111" s="358"/>
      <c r="K4111" s="358"/>
      <c r="L4111" s="358"/>
    </row>
    <row r="4112" spans="2:12">
      <c r="B4112" s="359"/>
      <c r="C4112" s="359"/>
      <c r="D4112" s="359"/>
      <c r="E4112" s="359"/>
      <c r="F4112" s="360"/>
      <c r="G4112" s="360"/>
      <c r="H4112" s="360"/>
      <c r="I4112" s="360"/>
      <c r="J4112" s="359"/>
      <c r="K4112" s="359"/>
      <c r="L4112" s="359"/>
    </row>
    <row r="4113" spans="2:12" ht="28.5">
      <c r="B4113" s="359"/>
      <c r="C4113" s="359"/>
      <c r="D4113" s="359"/>
      <c r="E4113" s="359"/>
      <c r="F4113" s="359" t="s">
        <v>14394</v>
      </c>
      <c r="G4113" s="359" t="s">
        <v>14395</v>
      </c>
      <c r="H4113" s="359" t="s">
        <v>14370</v>
      </c>
      <c r="I4113" s="359" t="s">
        <v>14395</v>
      </c>
      <c r="J4113" s="359"/>
      <c r="K4113" s="359"/>
      <c r="L4113" s="359"/>
    </row>
    <row r="4114" spans="2:12">
      <c r="B4114" s="359"/>
      <c r="C4114" s="359"/>
      <c r="D4114" s="359"/>
      <c r="E4114" s="359"/>
      <c r="F4114" s="360"/>
      <c r="G4114" s="360"/>
      <c r="H4114" s="360"/>
      <c r="I4114" s="360"/>
      <c r="J4114" s="359"/>
      <c r="K4114" s="359"/>
      <c r="L4114" s="359"/>
    </row>
    <row r="4115" spans="2:12">
      <c r="B4115" s="361"/>
      <c r="C4115" s="361"/>
      <c r="D4115" s="361"/>
      <c r="E4115" s="361"/>
      <c r="F4115" s="362"/>
      <c r="G4115" s="362"/>
      <c r="H4115" s="361" t="s">
        <v>14332</v>
      </c>
      <c r="I4115" s="362"/>
      <c r="J4115" s="361"/>
      <c r="K4115" s="361"/>
      <c r="L4115" s="361"/>
    </row>
    <row r="4116" spans="2:12" ht="42.75">
      <c r="B4116" s="358" t="s">
        <v>16623</v>
      </c>
      <c r="C4116" s="358" t="s">
        <v>30099</v>
      </c>
      <c r="D4116" s="358" t="s">
        <v>16624</v>
      </c>
      <c r="E4116" s="358" t="s">
        <v>8356</v>
      </c>
      <c r="F4116" s="358" t="s">
        <v>14391</v>
      </c>
      <c r="G4116" s="358" t="s">
        <v>14392</v>
      </c>
      <c r="H4116" s="358" t="s">
        <v>14367</v>
      </c>
      <c r="I4116" s="358" t="s">
        <v>14392</v>
      </c>
      <c r="J4116" s="358"/>
      <c r="K4116" s="358"/>
      <c r="L4116" s="358"/>
    </row>
    <row r="4117" spans="2:12">
      <c r="B4117" s="359"/>
      <c r="C4117" s="359"/>
      <c r="D4117" s="359"/>
      <c r="E4117" s="359"/>
      <c r="F4117" s="359"/>
      <c r="G4117" s="359"/>
      <c r="H4117" s="360"/>
      <c r="I4117" s="359"/>
      <c r="J4117" s="359"/>
      <c r="K4117" s="359"/>
      <c r="L4117" s="359"/>
    </row>
    <row r="4118" spans="2:12">
      <c r="B4118" s="361"/>
      <c r="C4118" s="361"/>
      <c r="D4118" s="361"/>
      <c r="E4118" s="361"/>
      <c r="F4118" s="361"/>
      <c r="G4118" s="361"/>
      <c r="H4118" s="361" t="s">
        <v>14422</v>
      </c>
      <c r="I4118" s="361"/>
      <c r="J4118" s="361"/>
      <c r="K4118" s="361"/>
      <c r="L4118" s="361"/>
    </row>
    <row r="4119" spans="2:12" ht="42.75">
      <c r="B4119" s="358" t="s">
        <v>10245</v>
      </c>
      <c r="C4119" s="358" t="s">
        <v>16625</v>
      </c>
      <c r="D4119" s="358" t="s">
        <v>461</v>
      </c>
      <c r="E4119" s="358" t="s">
        <v>462</v>
      </c>
      <c r="F4119" s="358" t="s">
        <v>14376</v>
      </c>
      <c r="G4119" s="358" t="s">
        <v>14377</v>
      </c>
      <c r="H4119" s="358" t="s">
        <v>14381</v>
      </c>
      <c r="I4119" s="358" t="s">
        <v>14377</v>
      </c>
      <c r="J4119" s="358"/>
      <c r="K4119" s="358" t="s">
        <v>28729</v>
      </c>
      <c r="L4119" s="358" t="s">
        <v>27406</v>
      </c>
    </row>
    <row r="4120" spans="2:12">
      <c r="B4120" s="359"/>
      <c r="C4120" s="359"/>
      <c r="D4120" s="359"/>
      <c r="E4120" s="359"/>
      <c r="F4120" s="360"/>
      <c r="G4120" s="360"/>
      <c r="H4120" s="360"/>
      <c r="I4120" s="360"/>
      <c r="J4120" s="359"/>
      <c r="K4120" s="360"/>
      <c r="L4120" s="359"/>
    </row>
    <row r="4121" spans="2:12">
      <c r="B4121" s="359"/>
      <c r="C4121" s="359"/>
      <c r="D4121" s="359"/>
      <c r="E4121" s="359"/>
      <c r="F4121" s="359" t="s">
        <v>14426</v>
      </c>
      <c r="G4121" s="359" t="s">
        <v>14427</v>
      </c>
      <c r="H4121" s="359" t="s">
        <v>14370</v>
      </c>
      <c r="I4121" s="359" t="s">
        <v>14427</v>
      </c>
      <c r="J4121" s="359"/>
      <c r="K4121" s="359" t="s">
        <v>14517</v>
      </c>
      <c r="L4121" s="359"/>
    </row>
    <row r="4122" spans="2:12">
      <c r="B4122" s="359"/>
      <c r="C4122" s="359"/>
      <c r="D4122" s="359"/>
      <c r="E4122" s="359"/>
      <c r="F4122" s="360"/>
      <c r="G4122" s="360"/>
      <c r="H4122" s="360"/>
      <c r="I4122" s="360"/>
      <c r="J4122" s="359"/>
      <c r="K4122" s="360"/>
      <c r="L4122" s="359"/>
    </row>
    <row r="4123" spans="2:12" ht="28.5">
      <c r="B4123" s="359"/>
      <c r="C4123" s="359"/>
      <c r="D4123" s="359"/>
      <c r="E4123" s="359"/>
      <c r="F4123" s="359" t="s">
        <v>14424</v>
      </c>
      <c r="G4123" s="359" t="s">
        <v>28728</v>
      </c>
      <c r="H4123" s="359" t="s">
        <v>14332</v>
      </c>
      <c r="I4123" s="359" t="s">
        <v>28728</v>
      </c>
      <c r="J4123" s="359"/>
      <c r="K4123" s="360"/>
      <c r="L4123" s="359"/>
    </row>
    <row r="4124" spans="2:12">
      <c r="B4124" s="359"/>
      <c r="C4124" s="359"/>
      <c r="D4124" s="359"/>
      <c r="E4124" s="359"/>
      <c r="F4124" s="360"/>
      <c r="G4124" s="360"/>
      <c r="H4124" s="360"/>
      <c r="I4124" s="360"/>
      <c r="J4124" s="359"/>
      <c r="K4124" s="360"/>
      <c r="L4124" s="359"/>
    </row>
    <row r="4125" spans="2:12">
      <c r="B4125" s="359"/>
      <c r="C4125" s="359"/>
      <c r="D4125" s="359"/>
      <c r="E4125" s="359"/>
      <c r="F4125" s="359" t="s">
        <v>14814</v>
      </c>
      <c r="G4125" s="359" t="s">
        <v>14392</v>
      </c>
      <c r="H4125" s="360"/>
      <c r="I4125" s="359" t="s">
        <v>14392</v>
      </c>
      <c r="J4125" s="359"/>
      <c r="K4125" s="360"/>
      <c r="L4125" s="359"/>
    </row>
    <row r="4126" spans="2:12">
      <c r="B4126" s="359"/>
      <c r="C4126" s="359"/>
      <c r="D4126" s="359"/>
      <c r="E4126" s="359"/>
      <c r="F4126" s="360"/>
      <c r="G4126" s="360"/>
      <c r="H4126" s="360"/>
      <c r="I4126" s="360"/>
      <c r="J4126" s="359"/>
      <c r="K4126" s="360"/>
      <c r="L4126" s="359"/>
    </row>
    <row r="4127" spans="2:12">
      <c r="B4127" s="359"/>
      <c r="C4127" s="359"/>
      <c r="D4127" s="359"/>
      <c r="E4127" s="359"/>
      <c r="F4127" s="359" t="s">
        <v>14391</v>
      </c>
      <c r="G4127" s="359" t="s">
        <v>14372</v>
      </c>
      <c r="H4127" s="360"/>
      <c r="I4127" s="359" t="s">
        <v>14373</v>
      </c>
      <c r="J4127" s="359"/>
      <c r="K4127" s="360"/>
      <c r="L4127" s="359"/>
    </row>
    <row r="4128" spans="2:12">
      <c r="B4128" s="359"/>
      <c r="C4128" s="359"/>
      <c r="D4128" s="359"/>
      <c r="E4128" s="359"/>
      <c r="F4128" s="360"/>
      <c r="G4128" s="360"/>
      <c r="H4128" s="360"/>
      <c r="I4128" s="360"/>
      <c r="J4128" s="359"/>
      <c r="K4128" s="360"/>
      <c r="L4128" s="359"/>
    </row>
    <row r="4129" spans="2:12">
      <c r="B4129" s="359"/>
      <c r="C4129" s="359"/>
      <c r="D4129" s="359"/>
      <c r="E4129" s="359"/>
      <c r="F4129" s="359" t="s">
        <v>14371</v>
      </c>
      <c r="G4129" s="359" t="s">
        <v>14373</v>
      </c>
      <c r="H4129" s="360"/>
      <c r="I4129" s="360"/>
      <c r="J4129" s="359"/>
      <c r="K4129" s="360"/>
      <c r="L4129" s="359"/>
    </row>
    <row r="4130" spans="2:12">
      <c r="B4130" s="359"/>
      <c r="C4130" s="359"/>
      <c r="D4130" s="359"/>
      <c r="E4130" s="359"/>
      <c r="F4130" s="360"/>
      <c r="G4130" s="360"/>
      <c r="H4130" s="360"/>
      <c r="I4130" s="360"/>
      <c r="J4130" s="359"/>
      <c r="K4130" s="360"/>
      <c r="L4130" s="359"/>
    </row>
    <row r="4131" spans="2:12" ht="28.5">
      <c r="B4131" s="361"/>
      <c r="C4131" s="361"/>
      <c r="D4131" s="361"/>
      <c r="E4131" s="361"/>
      <c r="F4131" s="361" t="s">
        <v>14374</v>
      </c>
      <c r="G4131" s="362"/>
      <c r="H4131" s="362"/>
      <c r="I4131" s="362"/>
      <c r="J4131" s="361"/>
      <c r="K4131" s="362"/>
      <c r="L4131" s="361"/>
    </row>
    <row r="4132" spans="2:12" ht="57">
      <c r="B4132" s="358" t="s">
        <v>10246</v>
      </c>
      <c r="C4132" s="358" t="s">
        <v>16626</v>
      </c>
      <c r="D4132" s="358" t="s">
        <v>455</v>
      </c>
      <c r="E4132" s="358" t="s">
        <v>456</v>
      </c>
      <c r="F4132" s="358" t="s">
        <v>14376</v>
      </c>
      <c r="G4132" s="358" t="s">
        <v>14377</v>
      </c>
      <c r="H4132" s="358" t="s">
        <v>14381</v>
      </c>
      <c r="I4132" s="358" t="s">
        <v>14377</v>
      </c>
      <c r="J4132" s="358"/>
      <c r="K4132" s="358" t="s">
        <v>28727</v>
      </c>
      <c r="L4132" s="358" t="s">
        <v>27406</v>
      </c>
    </row>
    <row r="4133" spans="2:12">
      <c r="B4133" s="359"/>
      <c r="C4133" s="359"/>
      <c r="D4133" s="359"/>
      <c r="E4133" s="359"/>
      <c r="F4133" s="360"/>
      <c r="G4133" s="360"/>
      <c r="H4133" s="360"/>
      <c r="I4133" s="360"/>
      <c r="J4133" s="359"/>
      <c r="K4133" s="359"/>
      <c r="L4133" s="359"/>
    </row>
    <row r="4134" spans="2:12">
      <c r="B4134" s="359"/>
      <c r="C4134" s="359"/>
      <c r="D4134" s="359"/>
      <c r="E4134" s="359"/>
      <c r="F4134" s="359" t="s">
        <v>14426</v>
      </c>
      <c r="G4134" s="359" t="s">
        <v>14427</v>
      </c>
      <c r="H4134" s="359" t="s">
        <v>14370</v>
      </c>
      <c r="I4134" s="359" t="s">
        <v>14427</v>
      </c>
      <c r="J4134" s="359"/>
      <c r="K4134" s="359"/>
      <c r="L4134" s="359"/>
    </row>
    <row r="4135" spans="2:12">
      <c r="B4135" s="359"/>
      <c r="C4135" s="359"/>
      <c r="D4135" s="359"/>
      <c r="E4135" s="359"/>
      <c r="F4135" s="360"/>
      <c r="G4135" s="360"/>
      <c r="H4135" s="360"/>
      <c r="I4135" s="360"/>
      <c r="J4135" s="359"/>
      <c r="K4135" s="359"/>
      <c r="L4135" s="359"/>
    </row>
    <row r="4136" spans="2:12" ht="28.5">
      <c r="B4136" s="359"/>
      <c r="C4136" s="359"/>
      <c r="D4136" s="359"/>
      <c r="E4136" s="359"/>
      <c r="F4136" s="359" t="s">
        <v>14424</v>
      </c>
      <c r="G4136" s="359" t="s">
        <v>28728</v>
      </c>
      <c r="H4136" s="359" t="s">
        <v>14332</v>
      </c>
      <c r="I4136" s="359" t="s">
        <v>28728</v>
      </c>
      <c r="J4136" s="359"/>
      <c r="K4136" s="359"/>
      <c r="L4136" s="359"/>
    </row>
    <row r="4137" spans="2:12">
      <c r="B4137" s="359"/>
      <c r="C4137" s="359"/>
      <c r="D4137" s="359"/>
      <c r="E4137" s="359"/>
      <c r="F4137" s="360"/>
      <c r="G4137" s="360"/>
      <c r="H4137" s="360"/>
      <c r="I4137" s="360"/>
      <c r="J4137" s="359"/>
      <c r="K4137" s="359"/>
      <c r="L4137" s="359"/>
    </row>
    <row r="4138" spans="2:12">
      <c r="B4138" s="359"/>
      <c r="C4138" s="359"/>
      <c r="D4138" s="359"/>
      <c r="E4138" s="359"/>
      <c r="F4138" s="359" t="s">
        <v>14814</v>
      </c>
      <c r="G4138" s="359" t="s">
        <v>14392</v>
      </c>
      <c r="H4138" s="360"/>
      <c r="I4138" s="359" t="s">
        <v>14392</v>
      </c>
      <c r="J4138" s="359"/>
      <c r="K4138" s="359"/>
      <c r="L4138" s="359"/>
    </row>
    <row r="4139" spans="2:12">
      <c r="B4139" s="359"/>
      <c r="C4139" s="359"/>
      <c r="D4139" s="359"/>
      <c r="E4139" s="359"/>
      <c r="F4139" s="360"/>
      <c r="G4139" s="360"/>
      <c r="H4139" s="360"/>
      <c r="I4139" s="360"/>
      <c r="J4139" s="359"/>
      <c r="K4139" s="359"/>
      <c r="L4139" s="359"/>
    </row>
    <row r="4140" spans="2:12">
      <c r="B4140" s="359"/>
      <c r="C4140" s="359"/>
      <c r="D4140" s="359"/>
      <c r="E4140" s="359"/>
      <c r="F4140" s="359" t="s">
        <v>14391</v>
      </c>
      <c r="G4140" s="359" t="s">
        <v>14372</v>
      </c>
      <c r="H4140" s="360"/>
      <c r="I4140" s="359" t="s">
        <v>14373</v>
      </c>
      <c r="J4140" s="359"/>
      <c r="K4140" s="359"/>
      <c r="L4140" s="359"/>
    </row>
    <row r="4141" spans="2:12">
      <c r="B4141" s="359"/>
      <c r="C4141" s="359"/>
      <c r="D4141" s="359"/>
      <c r="E4141" s="359"/>
      <c r="F4141" s="360"/>
      <c r="G4141" s="360"/>
      <c r="H4141" s="360"/>
      <c r="I4141" s="360"/>
      <c r="J4141" s="359"/>
      <c r="K4141" s="359"/>
      <c r="L4141" s="359"/>
    </row>
    <row r="4142" spans="2:12">
      <c r="B4142" s="359"/>
      <c r="C4142" s="359"/>
      <c r="D4142" s="359"/>
      <c r="E4142" s="359"/>
      <c r="F4142" s="359" t="s">
        <v>14371</v>
      </c>
      <c r="G4142" s="359" t="s">
        <v>14373</v>
      </c>
      <c r="H4142" s="360"/>
      <c r="I4142" s="360"/>
      <c r="J4142" s="359"/>
      <c r="K4142" s="359"/>
      <c r="L4142" s="359"/>
    </row>
    <row r="4143" spans="2:12">
      <c r="B4143" s="359"/>
      <c r="C4143" s="359"/>
      <c r="D4143" s="359"/>
      <c r="E4143" s="359"/>
      <c r="F4143" s="360"/>
      <c r="G4143" s="360"/>
      <c r="H4143" s="360"/>
      <c r="I4143" s="360"/>
      <c r="J4143" s="359"/>
      <c r="K4143" s="359"/>
      <c r="L4143" s="359"/>
    </row>
    <row r="4144" spans="2:12" ht="28.5">
      <c r="B4144" s="361"/>
      <c r="C4144" s="361"/>
      <c r="D4144" s="361"/>
      <c r="E4144" s="361"/>
      <c r="F4144" s="361" t="s">
        <v>14374</v>
      </c>
      <c r="G4144" s="362"/>
      <c r="H4144" s="362"/>
      <c r="I4144" s="362"/>
      <c r="J4144" s="361"/>
      <c r="K4144" s="361"/>
      <c r="L4144" s="361"/>
    </row>
    <row r="4145" spans="2:12">
      <c r="B4145" s="358" t="s">
        <v>13028</v>
      </c>
      <c r="C4145" s="358" t="s">
        <v>16627</v>
      </c>
      <c r="D4145" s="358" t="s">
        <v>13029</v>
      </c>
      <c r="E4145" s="358" t="s">
        <v>5384</v>
      </c>
      <c r="F4145" s="358" t="s">
        <v>14505</v>
      </c>
      <c r="G4145" s="358" t="s">
        <v>14506</v>
      </c>
      <c r="H4145" s="358" t="s">
        <v>14328</v>
      </c>
      <c r="I4145" s="358" t="s">
        <v>14506</v>
      </c>
      <c r="J4145" s="358"/>
      <c r="K4145" s="358"/>
      <c r="L4145" s="358"/>
    </row>
    <row r="4146" spans="2:12">
      <c r="B4146" s="359"/>
      <c r="C4146" s="360"/>
      <c r="D4146" s="359"/>
      <c r="E4146" s="359"/>
      <c r="F4146" s="360"/>
      <c r="G4146" s="360"/>
      <c r="H4146" s="360"/>
      <c r="I4146" s="360"/>
      <c r="J4146" s="359"/>
      <c r="K4146" s="359"/>
      <c r="L4146" s="359"/>
    </row>
    <row r="4147" spans="2:12">
      <c r="B4147" s="359"/>
      <c r="C4147" s="359" t="s">
        <v>16628</v>
      </c>
      <c r="D4147" s="359"/>
      <c r="E4147" s="359"/>
      <c r="F4147" s="359" t="s">
        <v>14443</v>
      </c>
      <c r="G4147" s="359" t="s">
        <v>14444</v>
      </c>
      <c r="H4147" s="359" t="s">
        <v>14378</v>
      </c>
      <c r="I4147" s="359" t="s">
        <v>14444</v>
      </c>
      <c r="J4147" s="359"/>
      <c r="K4147" s="359"/>
      <c r="L4147" s="359"/>
    </row>
    <row r="4148" spans="2:12">
      <c r="B4148" s="359"/>
      <c r="C4148" s="360"/>
      <c r="D4148" s="359"/>
      <c r="E4148" s="359"/>
      <c r="F4148" s="360"/>
      <c r="G4148" s="360"/>
      <c r="H4148" s="360"/>
      <c r="I4148" s="360"/>
      <c r="J4148" s="359"/>
      <c r="K4148" s="359"/>
      <c r="L4148" s="359"/>
    </row>
    <row r="4149" spans="2:12" ht="28.5">
      <c r="B4149" s="359"/>
      <c r="C4149" s="360"/>
      <c r="D4149" s="359"/>
      <c r="E4149" s="359"/>
      <c r="F4149" s="359" t="s">
        <v>14424</v>
      </c>
      <c r="G4149" s="359" t="s">
        <v>28730</v>
      </c>
      <c r="H4149" s="359" t="s">
        <v>14381</v>
      </c>
      <c r="I4149" s="359" t="s">
        <v>28730</v>
      </c>
      <c r="J4149" s="359"/>
      <c r="K4149" s="359"/>
      <c r="L4149" s="359"/>
    </row>
    <row r="4150" spans="2:12">
      <c r="B4150" s="359"/>
      <c r="C4150" s="360"/>
      <c r="D4150" s="359"/>
      <c r="E4150" s="359"/>
      <c r="F4150" s="360"/>
      <c r="G4150" s="360"/>
      <c r="H4150" s="360"/>
      <c r="I4150" s="360"/>
      <c r="J4150" s="359"/>
      <c r="K4150" s="359"/>
      <c r="L4150" s="359"/>
    </row>
    <row r="4151" spans="2:12">
      <c r="B4151" s="359"/>
      <c r="C4151" s="360"/>
      <c r="D4151" s="359"/>
      <c r="E4151" s="359"/>
      <c r="F4151" s="359" t="s">
        <v>14379</v>
      </c>
      <c r="G4151" s="359" t="s">
        <v>14372</v>
      </c>
      <c r="H4151" s="359" t="s">
        <v>14370</v>
      </c>
      <c r="I4151" s="359" t="s">
        <v>14373</v>
      </c>
      <c r="J4151" s="359"/>
      <c r="K4151" s="359"/>
      <c r="L4151" s="359"/>
    </row>
    <row r="4152" spans="2:12">
      <c r="B4152" s="359"/>
      <c r="C4152" s="360"/>
      <c r="D4152" s="359"/>
      <c r="E4152" s="359"/>
      <c r="F4152" s="360"/>
      <c r="G4152" s="360"/>
      <c r="H4152" s="360"/>
      <c r="I4152" s="360"/>
      <c r="J4152" s="359"/>
      <c r="K4152" s="359"/>
      <c r="L4152" s="359"/>
    </row>
    <row r="4153" spans="2:12">
      <c r="B4153" s="359"/>
      <c r="C4153" s="360"/>
      <c r="D4153" s="359"/>
      <c r="E4153" s="359"/>
      <c r="F4153" s="359" t="s">
        <v>14371</v>
      </c>
      <c r="G4153" s="359" t="s">
        <v>14373</v>
      </c>
      <c r="H4153" s="359" t="s">
        <v>14332</v>
      </c>
      <c r="I4153" s="360"/>
      <c r="J4153" s="359"/>
      <c r="K4153" s="359"/>
      <c r="L4153" s="359"/>
    </row>
    <row r="4154" spans="2:12">
      <c r="B4154" s="359"/>
      <c r="C4154" s="360"/>
      <c r="D4154" s="359"/>
      <c r="E4154" s="359"/>
      <c r="F4154" s="360"/>
      <c r="G4154" s="360"/>
      <c r="H4154" s="360"/>
      <c r="I4154" s="360"/>
      <c r="J4154" s="359"/>
      <c r="K4154" s="359"/>
      <c r="L4154" s="359"/>
    </row>
    <row r="4155" spans="2:12" ht="28.5">
      <c r="B4155" s="361"/>
      <c r="C4155" s="362"/>
      <c r="D4155" s="361"/>
      <c r="E4155" s="361"/>
      <c r="F4155" s="361" t="s">
        <v>14374</v>
      </c>
      <c r="G4155" s="362"/>
      <c r="H4155" s="362"/>
      <c r="I4155" s="362"/>
      <c r="J4155" s="361"/>
      <c r="K4155" s="361"/>
      <c r="L4155" s="361"/>
    </row>
    <row r="4156" spans="2:12">
      <c r="B4156" s="358" t="s">
        <v>16629</v>
      </c>
      <c r="C4156" s="358" t="s">
        <v>16630</v>
      </c>
      <c r="D4156" s="358" t="s">
        <v>16631</v>
      </c>
      <c r="E4156" s="358" t="s">
        <v>5343</v>
      </c>
      <c r="F4156" s="358" t="s">
        <v>14443</v>
      </c>
      <c r="G4156" s="358" t="s">
        <v>14444</v>
      </c>
      <c r="H4156" s="358" t="s">
        <v>14381</v>
      </c>
      <c r="I4156" s="358" t="s">
        <v>14444</v>
      </c>
      <c r="J4156" s="358"/>
      <c r="K4156" s="358"/>
      <c r="L4156" s="358" t="s">
        <v>16632</v>
      </c>
    </row>
    <row r="4157" spans="2:12">
      <c r="B4157" s="359"/>
      <c r="C4157" s="359"/>
      <c r="D4157" s="359"/>
      <c r="E4157" s="359"/>
      <c r="F4157" s="360"/>
      <c r="G4157" s="360"/>
      <c r="H4157" s="360"/>
      <c r="I4157" s="360"/>
      <c r="J4157" s="359"/>
      <c r="K4157" s="359"/>
      <c r="L4157" s="359"/>
    </row>
    <row r="4158" spans="2:12">
      <c r="B4158" s="359"/>
      <c r="C4158" s="359"/>
      <c r="D4158" s="359"/>
      <c r="E4158" s="359"/>
      <c r="F4158" s="359" t="s">
        <v>14384</v>
      </c>
      <c r="G4158" s="359" t="s">
        <v>14428</v>
      </c>
      <c r="H4158" s="359" t="s">
        <v>14367</v>
      </c>
      <c r="I4158" s="359" t="s">
        <v>14428</v>
      </c>
      <c r="J4158" s="359"/>
      <c r="K4158" s="359"/>
      <c r="L4158" s="359"/>
    </row>
    <row r="4159" spans="2:12">
      <c r="B4159" s="359"/>
      <c r="C4159" s="359"/>
      <c r="D4159" s="359"/>
      <c r="E4159" s="359"/>
      <c r="F4159" s="360"/>
      <c r="G4159" s="360"/>
      <c r="H4159" s="360"/>
      <c r="I4159" s="360"/>
      <c r="J4159" s="359"/>
      <c r="K4159" s="359"/>
      <c r="L4159" s="359"/>
    </row>
    <row r="4160" spans="2:12">
      <c r="B4160" s="361"/>
      <c r="C4160" s="361"/>
      <c r="D4160" s="361"/>
      <c r="E4160" s="361"/>
      <c r="F4160" s="361" t="s">
        <v>14391</v>
      </c>
      <c r="G4160" s="361" t="s">
        <v>14392</v>
      </c>
      <c r="H4160" s="361" t="s">
        <v>14332</v>
      </c>
      <c r="I4160" s="361" t="s">
        <v>14392</v>
      </c>
      <c r="J4160" s="361"/>
      <c r="K4160" s="361"/>
      <c r="L4160" s="361"/>
    </row>
    <row r="4161" spans="2:12">
      <c r="B4161" s="358" t="s">
        <v>16633</v>
      </c>
      <c r="C4161" s="358" t="s">
        <v>16634</v>
      </c>
      <c r="D4161" s="358" t="s">
        <v>16631</v>
      </c>
      <c r="E4161" s="358" t="s">
        <v>5343</v>
      </c>
      <c r="F4161" s="358" t="s">
        <v>14443</v>
      </c>
      <c r="G4161" s="358" t="s">
        <v>14444</v>
      </c>
      <c r="H4161" s="358" t="s">
        <v>14381</v>
      </c>
      <c r="I4161" s="358" t="s">
        <v>14444</v>
      </c>
      <c r="J4161" s="358"/>
      <c r="K4161" s="358"/>
      <c r="L4161" s="358"/>
    </row>
    <row r="4162" spans="2:12">
      <c r="B4162" s="359"/>
      <c r="C4162" s="360"/>
      <c r="D4162" s="359"/>
      <c r="E4162" s="359"/>
      <c r="F4162" s="360"/>
      <c r="G4162" s="360"/>
      <c r="H4162" s="360"/>
      <c r="I4162" s="360"/>
      <c r="J4162" s="359"/>
      <c r="K4162" s="359"/>
      <c r="L4162" s="359"/>
    </row>
    <row r="4163" spans="2:12">
      <c r="B4163" s="359"/>
      <c r="C4163" s="359" t="s">
        <v>28731</v>
      </c>
      <c r="D4163" s="359"/>
      <c r="E4163" s="359"/>
      <c r="F4163" s="359" t="s">
        <v>14384</v>
      </c>
      <c r="G4163" s="359" t="s">
        <v>14428</v>
      </c>
      <c r="H4163" s="359" t="s">
        <v>14367</v>
      </c>
      <c r="I4163" s="359" t="s">
        <v>14428</v>
      </c>
      <c r="J4163" s="359"/>
      <c r="K4163" s="359"/>
      <c r="L4163" s="359"/>
    </row>
    <row r="4164" spans="2:12">
      <c r="B4164" s="359"/>
      <c r="C4164" s="360"/>
      <c r="D4164" s="359"/>
      <c r="E4164" s="359"/>
      <c r="F4164" s="360"/>
      <c r="G4164" s="360"/>
      <c r="H4164" s="360"/>
      <c r="I4164" s="360"/>
      <c r="J4164" s="359"/>
      <c r="K4164" s="359"/>
      <c r="L4164" s="359"/>
    </row>
    <row r="4165" spans="2:12">
      <c r="B4165" s="359"/>
      <c r="C4165" s="360"/>
      <c r="D4165" s="359"/>
      <c r="E4165" s="359"/>
      <c r="F4165" s="359" t="s">
        <v>14391</v>
      </c>
      <c r="G4165" s="359" t="s">
        <v>14392</v>
      </c>
      <c r="H4165" s="359" t="s">
        <v>14332</v>
      </c>
      <c r="I4165" s="359" t="s">
        <v>14392</v>
      </c>
      <c r="J4165" s="359"/>
      <c r="K4165" s="359"/>
      <c r="L4165" s="359"/>
    </row>
    <row r="4166" spans="2:12">
      <c r="B4166" s="359"/>
      <c r="C4166" s="360"/>
      <c r="D4166" s="359"/>
      <c r="E4166" s="359"/>
      <c r="F4166" s="360"/>
      <c r="G4166" s="360"/>
      <c r="H4166" s="360"/>
      <c r="I4166" s="360"/>
      <c r="J4166" s="359"/>
      <c r="K4166" s="359"/>
      <c r="L4166" s="359"/>
    </row>
    <row r="4167" spans="2:12" ht="28.5">
      <c r="B4167" s="361"/>
      <c r="C4167" s="362"/>
      <c r="D4167" s="361"/>
      <c r="E4167" s="361"/>
      <c r="F4167" s="361" t="s">
        <v>14472</v>
      </c>
      <c r="G4167" s="361" t="s">
        <v>14473</v>
      </c>
      <c r="H4167" s="362"/>
      <c r="I4167" s="361" t="s">
        <v>14473</v>
      </c>
      <c r="J4167" s="361"/>
      <c r="K4167" s="361"/>
      <c r="L4167" s="361"/>
    </row>
    <row r="4168" spans="2:12" ht="28.5">
      <c r="B4168" s="358" t="s">
        <v>9051</v>
      </c>
      <c r="C4168" s="358" t="s">
        <v>16635</v>
      </c>
      <c r="D4168" s="358" t="s">
        <v>28732</v>
      </c>
      <c r="E4168" s="358" t="s">
        <v>9053</v>
      </c>
      <c r="F4168" s="358" t="s">
        <v>16528</v>
      </c>
      <c r="G4168" s="358" t="s">
        <v>14377</v>
      </c>
      <c r="H4168" s="358" t="s">
        <v>14381</v>
      </c>
      <c r="I4168" s="358" t="s">
        <v>14377</v>
      </c>
      <c r="J4168" s="358"/>
      <c r="K4168" s="358"/>
      <c r="L4168" s="358"/>
    </row>
    <row r="4169" spans="2:12">
      <c r="B4169" s="359"/>
      <c r="C4169" s="360"/>
      <c r="D4169" s="360"/>
      <c r="E4169" s="360"/>
      <c r="F4169" s="360"/>
      <c r="G4169" s="360"/>
      <c r="H4169" s="360"/>
      <c r="I4169" s="360"/>
      <c r="J4169" s="359"/>
      <c r="K4169" s="359"/>
      <c r="L4169" s="359"/>
    </row>
    <row r="4170" spans="2:12" ht="28.5">
      <c r="B4170" s="359"/>
      <c r="C4170" s="359" t="s">
        <v>16636</v>
      </c>
      <c r="D4170" s="359" t="s">
        <v>28733</v>
      </c>
      <c r="E4170" s="359" t="s">
        <v>9056</v>
      </c>
      <c r="F4170" s="359" t="s">
        <v>14384</v>
      </c>
      <c r="G4170" s="359" t="s">
        <v>14428</v>
      </c>
      <c r="H4170" s="359" t="s">
        <v>14367</v>
      </c>
      <c r="I4170" s="359" t="s">
        <v>14428</v>
      </c>
      <c r="J4170" s="359"/>
      <c r="K4170" s="359"/>
      <c r="L4170" s="359"/>
    </row>
    <row r="4171" spans="2:12">
      <c r="B4171" s="359"/>
      <c r="C4171" s="360"/>
      <c r="D4171" s="360"/>
      <c r="E4171" s="360"/>
      <c r="F4171" s="360"/>
      <c r="G4171" s="360"/>
      <c r="H4171" s="360"/>
      <c r="I4171" s="360"/>
      <c r="J4171" s="359"/>
      <c r="K4171" s="359"/>
      <c r="L4171" s="359"/>
    </row>
    <row r="4172" spans="2:12" ht="28.5">
      <c r="B4172" s="359"/>
      <c r="C4172" s="359" t="s">
        <v>16637</v>
      </c>
      <c r="D4172" s="360"/>
      <c r="E4172" s="359" t="s">
        <v>9059</v>
      </c>
      <c r="F4172" s="359" t="s">
        <v>14391</v>
      </c>
      <c r="G4172" s="359" t="s">
        <v>14392</v>
      </c>
      <c r="H4172" s="359" t="s">
        <v>14332</v>
      </c>
      <c r="I4172" s="359" t="s">
        <v>14392</v>
      </c>
      <c r="J4172" s="359"/>
      <c r="K4172" s="359"/>
      <c r="L4172" s="359"/>
    </row>
    <row r="4173" spans="2:12">
      <c r="B4173" s="359"/>
      <c r="C4173" s="360"/>
      <c r="D4173" s="360"/>
      <c r="E4173" s="360"/>
      <c r="F4173" s="360"/>
      <c r="G4173" s="360"/>
      <c r="H4173" s="360"/>
      <c r="I4173" s="360"/>
      <c r="J4173" s="359"/>
      <c r="K4173" s="359"/>
      <c r="L4173" s="359"/>
    </row>
    <row r="4174" spans="2:12" ht="28.5">
      <c r="B4174" s="361"/>
      <c r="C4174" s="362"/>
      <c r="D4174" s="362"/>
      <c r="E4174" s="362"/>
      <c r="F4174" s="361" t="s">
        <v>14462</v>
      </c>
      <c r="G4174" s="361" t="s">
        <v>14463</v>
      </c>
      <c r="H4174" s="362"/>
      <c r="I4174" s="361" t="s">
        <v>14463</v>
      </c>
      <c r="J4174" s="361"/>
      <c r="K4174" s="361"/>
      <c r="L4174" s="361"/>
    </row>
    <row r="4175" spans="2:12">
      <c r="B4175" s="358" t="s">
        <v>9061</v>
      </c>
      <c r="C4175" s="358" t="s">
        <v>16638</v>
      </c>
      <c r="D4175" s="358" t="s">
        <v>9062</v>
      </c>
      <c r="E4175" s="358" t="s">
        <v>5427</v>
      </c>
      <c r="F4175" s="358" t="s">
        <v>16528</v>
      </c>
      <c r="G4175" s="358" t="s">
        <v>14377</v>
      </c>
      <c r="H4175" s="358" t="s">
        <v>14381</v>
      </c>
      <c r="I4175" s="358" t="s">
        <v>14377</v>
      </c>
      <c r="J4175" s="358"/>
      <c r="K4175" s="358"/>
      <c r="L4175" s="358"/>
    </row>
    <row r="4176" spans="2:12">
      <c r="B4176" s="359"/>
      <c r="C4176" s="359"/>
      <c r="D4176" s="359"/>
      <c r="E4176" s="359"/>
      <c r="F4176" s="360"/>
      <c r="G4176" s="360"/>
      <c r="H4176" s="360"/>
      <c r="I4176" s="360"/>
      <c r="J4176" s="359"/>
      <c r="K4176" s="359"/>
      <c r="L4176" s="359"/>
    </row>
    <row r="4177" spans="2:12">
      <c r="B4177" s="359"/>
      <c r="C4177" s="359"/>
      <c r="D4177" s="359"/>
      <c r="E4177" s="359"/>
      <c r="F4177" s="359" t="s">
        <v>14384</v>
      </c>
      <c r="G4177" s="359" t="s">
        <v>14428</v>
      </c>
      <c r="H4177" s="359" t="s">
        <v>14367</v>
      </c>
      <c r="I4177" s="359" t="s">
        <v>14428</v>
      </c>
      <c r="J4177" s="359"/>
      <c r="K4177" s="359"/>
      <c r="L4177" s="359"/>
    </row>
    <row r="4178" spans="2:12">
      <c r="B4178" s="359"/>
      <c r="C4178" s="359"/>
      <c r="D4178" s="359"/>
      <c r="E4178" s="359"/>
      <c r="F4178" s="360"/>
      <c r="G4178" s="360"/>
      <c r="H4178" s="360"/>
      <c r="I4178" s="360"/>
      <c r="J4178" s="359"/>
      <c r="K4178" s="359"/>
      <c r="L4178" s="359"/>
    </row>
    <row r="4179" spans="2:12">
      <c r="B4179" s="359"/>
      <c r="C4179" s="359"/>
      <c r="D4179" s="359"/>
      <c r="E4179" s="359"/>
      <c r="F4179" s="359" t="s">
        <v>14391</v>
      </c>
      <c r="G4179" s="359" t="s">
        <v>14392</v>
      </c>
      <c r="H4179" s="359" t="s">
        <v>14332</v>
      </c>
      <c r="I4179" s="359" t="s">
        <v>14392</v>
      </c>
      <c r="J4179" s="359"/>
      <c r="K4179" s="359"/>
      <c r="L4179" s="359"/>
    </row>
    <row r="4180" spans="2:12">
      <c r="B4180" s="359"/>
      <c r="C4180" s="359"/>
      <c r="D4180" s="359"/>
      <c r="E4180" s="359"/>
      <c r="F4180" s="360"/>
      <c r="G4180" s="360"/>
      <c r="H4180" s="360"/>
      <c r="I4180" s="360"/>
      <c r="J4180" s="359"/>
      <c r="K4180" s="359"/>
      <c r="L4180" s="359"/>
    </row>
    <row r="4181" spans="2:12" ht="28.5">
      <c r="B4181" s="361"/>
      <c r="C4181" s="361"/>
      <c r="D4181" s="361"/>
      <c r="E4181" s="361"/>
      <c r="F4181" s="361" t="s">
        <v>14462</v>
      </c>
      <c r="G4181" s="361" t="s">
        <v>14463</v>
      </c>
      <c r="H4181" s="362"/>
      <c r="I4181" s="361" t="s">
        <v>14463</v>
      </c>
      <c r="J4181" s="361"/>
      <c r="K4181" s="361"/>
      <c r="L4181" s="361"/>
    </row>
    <row r="4182" spans="2:12">
      <c r="B4182" s="358" t="s">
        <v>9064</v>
      </c>
      <c r="C4182" s="358" t="s">
        <v>16639</v>
      </c>
      <c r="D4182" s="358" t="s">
        <v>9065</v>
      </c>
      <c r="E4182" s="358" t="s">
        <v>5425</v>
      </c>
      <c r="F4182" s="358" t="s">
        <v>16528</v>
      </c>
      <c r="G4182" s="358" t="s">
        <v>14377</v>
      </c>
      <c r="H4182" s="358" t="s">
        <v>14381</v>
      </c>
      <c r="I4182" s="358" t="s">
        <v>14377</v>
      </c>
      <c r="J4182" s="358"/>
      <c r="K4182" s="358"/>
      <c r="L4182" s="358"/>
    </row>
    <row r="4183" spans="2:12">
      <c r="B4183" s="359"/>
      <c r="C4183" s="359"/>
      <c r="D4183" s="359"/>
      <c r="E4183" s="359"/>
      <c r="F4183" s="360"/>
      <c r="G4183" s="360"/>
      <c r="H4183" s="360"/>
      <c r="I4183" s="360"/>
      <c r="J4183" s="359"/>
      <c r="K4183" s="359"/>
      <c r="L4183" s="359"/>
    </row>
    <row r="4184" spans="2:12">
      <c r="B4184" s="359"/>
      <c r="C4184" s="359"/>
      <c r="D4184" s="359"/>
      <c r="E4184" s="359"/>
      <c r="F4184" s="359" t="s">
        <v>14384</v>
      </c>
      <c r="G4184" s="359" t="s">
        <v>14428</v>
      </c>
      <c r="H4184" s="359" t="s">
        <v>14367</v>
      </c>
      <c r="I4184" s="359" t="s">
        <v>14428</v>
      </c>
      <c r="J4184" s="359"/>
      <c r="K4184" s="359"/>
      <c r="L4184" s="359"/>
    </row>
    <row r="4185" spans="2:12">
      <c r="B4185" s="359"/>
      <c r="C4185" s="359"/>
      <c r="D4185" s="359"/>
      <c r="E4185" s="359"/>
      <c r="F4185" s="360"/>
      <c r="G4185" s="360"/>
      <c r="H4185" s="360"/>
      <c r="I4185" s="360"/>
      <c r="J4185" s="359"/>
      <c r="K4185" s="359"/>
      <c r="L4185" s="359"/>
    </row>
    <row r="4186" spans="2:12">
      <c r="B4186" s="359"/>
      <c r="C4186" s="359"/>
      <c r="D4186" s="359"/>
      <c r="E4186" s="359"/>
      <c r="F4186" s="359" t="s">
        <v>14391</v>
      </c>
      <c r="G4186" s="359" t="s">
        <v>14392</v>
      </c>
      <c r="H4186" s="359" t="s">
        <v>14332</v>
      </c>
      <c r="I4186" s="359" t="s">
        <v>14392</v>
      </c>
      <c r="J4186" s="359"/>
      <c r="K4186" s="359"/>
      <c r="L4186" s="359"/>
    </row>
    <row r="4187" spans="2:12">
      <c r="B4187" s="359"/>
      <c r="C4187" s="359"/>
      <c r="D4187" s="359"/>
      <c r="E4187" s="359"/>
      <c r="F4187" s="360"/>
      <c r="G4187" s="360"/>
      <c r="H4187" s="360"/>
      <c r="I4187" s="360"/>
      <c r="J4187" s="359"/>
      <c r="K4187" s="359"/>
      <c r="L4187" s="359"/>
    </row>
    <row r="4188" spans="2:12" ht="28.5">
      <c r="B4188" s="361"/>
      <c r="C4188" s="361"/>
      <c r="D4188" s="361"/>
      <c r="E4188" s="361"/>
      <c r="F4188" s="361" t="s">
        <v>14462</v>
      </c>
      <c r="G4188" s="361" t="s">
        <v>14463</v>
      </c>
      <c r="H4188" s="362"/>
      <c r="I4188" s="361" t="s">
        <v>14463</v>
      </c>
      <c r="J4188" s="361"/>
      <c r="K4188" s="361"/>
      <c r="L4188" s="361"/>
    </row>
    <row r="4189" spans="2:12" ht="28.5">
      <c r="B4189" s="358" t="s">
        <v>9067</v>
      </c>
      <c r="C4189" s="358" t="s">
        <v>16640</v>
      </c>
      <c r="D4189" s="358" t="s">
        <v>28734</v>
      </c>
      <c r="E4189" s="358" t="s">
        <v>9069</v>
      </c>
      <c r="F4189" s="358" t="s">
        <v>16528</v>
      </c>
      <c r="G4189" s="358" t="s">
        <v>14377</v>
      </c>
      <c r="H4189" s="358" t="s">
        <v>14381</v>
      </c>
      <c r="I4189" s="358" t="s">
        <v>14377</v>
      </c>
      <c r="J4189" s="358"/>
      <c r="K4189" s="358"/>
      <c r="L4189" s="358"/>
    </row>
    <row r="4190" spans="2:12">
      <c r="B4190" s="359"/>
      <c r="C4190" s="360"/>
      <c r="D4190" s="360"/>
      <c r="E4190" s="360"/>
      <c r="F4190" s="360"/>
      <c r="G4190" s="360"/>
      <c r="H4190" s="360"/>
      <c r="I4190" s="360"/>
      <c r="J4190" s="359"/>
      <c r="K4190" s="359"/>
      <c r="L4190" s="359"/>
    </row>
    <row r="4191" spans="2:12" ht="28.5">
      <c r="B4191" s="359"/>
      <c r="C4191" s="359" t="s">
        <v>16641</v>
      </c>
      <c r="D4191" s="359" t="s">
        <v>28735</v>
      </c>
      <c r="E4191" s="359" t="s">
        <v>9072</v>
      </c>
      <c r="F4191" s="359" t="s">
        <v>14426</v>
      </c>
      <c r="G4191" s="359" t="s">
        <v>14427</v>
      </c>
      <c r="H4191" s="359" t="s">
        <v>14367</v>
      </c>
      <c r="I4191" s="359" t="s">
        <v>14427</v>
      </c>
      <c r="J4191" s="359"/>
      <c r="K4191" s="359"/>
      <c r="L4191" s="359"/>
    </row>
    <row r="4192" spans="2:12">
      <c r="B4192" s="359"/>
      <c r="C4192" s="360"/>
      <c r="D4192" s="360"/>
      <c r="E4192" s="360"/>
      <c r="F4192" s="360"/>
      <c r="G4192" s="360"/>
      <c r="H4192" s="360"/>
      <c r="I4192" s="360"/>
      <c r="J4192" s="359"/>
      <c r="K4192" s="359"/>
      <c r="L4192" s="359"/>
    </row>
    <row r="4193" spans="2:12" ht="28.5">
      <c r="B4193" s="359"/>
      <c r="C4193" s="359" t="s">
        <v>16642</v>
      </c>
      <c r="D4193" s="360"/>
      <c r="E4193" s="359" t="s">
        <v>9074</v>
      </c>
      <c r="F4193" s="359" t="s">
        <v>14384</v>
      </c>
      <c r="G4193" s="359" t="s">
        <v>14428</v>
      </c>
      <c r="H4193" s="359" t="s">
        <v>14370</v>
      </c>
      <c r="I4193" s="359" t="s">
        <v>14428</v>
      </c>
      <c r="J4193" s="359"/>
      <c r="K4193" s="359"/>
      <c r="L4193" s="359"/>
    </row>
    <row r="4194" spans="2:12">
      <c r="B4194" s="359"/>
      <c r="C4194" s="360"/>
      <c r="D4194" s="360"/>
      <c r="E4194" s="360"/>
      <c r="F4194" s="360"/>
      <c r="G4194" s="360"/>
      <c r="H4194" s="360"/>
      <c r="I4194" s="360"/>
      <c r="J4194" s="359"/>
      <c r="K4194" s="359"/>
      <c r="L4194" s="359"/>
    </row>
    <row r="4195" spans="2:12">
      <c r="B4195" s="359"/>
      <c r="C4195" s="360"/>
      <c r="D4195" s="360"/>
      <c r="E4195" s="360"/>
      <c r="F4195" s="359" t="s">
        <v>14391</v>
      </c>
      <c r="G4195" s="359" t="s">
        <v>14392</v>
      </c>
      <c r="H4195" s="359" t="s">
        <v>14332</v>
      </c>
      <c r="I4195" s="359" t="s">
        <v>14392</v>
      </c>
      <c r="J4195" s="359"/>
      <c r="K4195" s="359"/>
      <c r="L4195" s="359"/>
    </row>
    <row r="4196" spans="2:12">
      <c r="B4196" s="359"/>
      <c r="C4196" s="360"/>
      <c r="D4196" s="360"/>
      <c r="E4196" s="360"/>
      <c r="F4196" s="360"/>
      <c r="G4196" s="360"/>
      <c r="H4196" s="360"/>
      <c r="I4196" s="360"/>
      <c r="J4196" s="359"/>
      <c r="K4196" s="359"/>
      <c r="L4196" s="359"/>
    </row>
    <row r="4197" spans="2:12">
      <c r="B4197" s="359"/>
      <c r="C4197" s="360"/>
      <c r="D4197" s="360"/>
      <c r="E4197" s="360"/>
      <c r="F4197" s="359" t="s">
        <v>14371</v>
      </c>
      <c r="G4197" s="359" t="s">
        <v>14372</v>
      </c>
      <c r="H4197" s="360"/>
      <c r="I4197" s="359" t="s">
        <v>14373</v>
      </c>
      <c r="J4197" s="359"/>
      <c r="K4197" s="359"/>
      <c r="L4197" s="359"/>
    </row>
    <row r="4198" spans="2:12">
      <c r="B4198" s="359"/>
      <c r="C4198" s="360"/>
      <c r="D4198" s="360"/>
      <c r="E4198" s="360"/>
      <c r="F4198" s="360"/>
      <c r="G4198" s="360"/>
      <c r="H4198" s="360"/>
      <c r="I4198" s="360"/>
      <c r="J4198" s="359"/>
      <c r="K4198" s="359"/>
      <c r="L4198" s="359"/>
    </row>
    <row r="4199" spans="2:12" ht="28.5">
      <c r="B4199" s="361"/>
      <c r="C4199" s="362"/>
      <c r="D4199" s="362"/>
      <c r="E4199" s="362"/>
      <c r="F4199" s="361" t="s">
        <v>14374</v>
      </c>
      <c r="G4199" s="361" t="s">
        <v>14373</v>
      </c>
      <c r="H4199" s="362"/>
      <c r="I4199" s="362"/>
      <c r="J4199" s="361"/>
      <c r="K4199" s="361"/>
      <c r="L4199" s="361"/>
    </row>
    <row r="4200" spans="2:12" ht="28.5">
      <c r="B4200" s="358" t="s">
        <v>9076</v>
      </c>
      <c r="C4200" s="358" t="s">
        <v>16643</v>
      </c>
      <c r="D4200" s="358" t="s">
        <v>28736</v>
      </c>
      <c r="E4200" s="358" t="s">
        <v>9079</v>
      </c>
      <c r="F4200" s="358" t="s">
        <v>16528</v>
      </c>
      <c r="G4200" s="358" t="s">
        <v>14377</v>
      </c>
      <c r="H4200" s="358" t="s">
        <v>14381</v>
      </c>
      <c r="I4200" s="358" t="s">
        <v>14377</v>
      </c>
      <c r="J4200" s="358"/>
      <c r="K4200" s="358"/>
      <c r="L4200" s="358"/>
    </row>
    <row r="4201" spans="2:12">
      <c r="B4201" s="359"/>
      <c r="C4201" s="360"/>
      <c r="D4201" s="360"/>
      <c r="E4201" s="360"/>
      <c r="F4201" s="360"/>
      <c r="G4201" s="360"/>
      <c r="H4201" s="360"/>
      <c r="I4201" s="360"/>
      <c r="J4201" s="359"/>
      <c r="K4201" s="359"/>
      <c r="L4201" s="359"/>
    </row>
    <row r="4202" spans="2:12" ht="28.5">
      <c r="B4202" s="359"/>
      <c r="C4202" s="359" t="s">
        <v>16644</v>
      </c>
      <c r="D4202" s="359" t="s">
        <v>28737</v>
      </c>
      <c r="E4202" s="359" t="s">
        <v>9082</v>
      </c>
      <c r="F4202" s="359" t="s">
        <v>14426</v>
      </c>
      <c r="G4202" s="359" t="s">
        <v>14427</v>
      </c>
      <c r="H4202" s="359" t="s">
        <v>14367</v>
      </c>
      <c r="I4202" s="359" t="s">
        <v>14427</v>
      </c>
      <c r="J4202" s="359"/>
      <c r="K4202" s="359"/>
      <c r="L4202" s="359"/>
    </row>
    <row r="4203" spans="2:12">
      <c r="B4203" s="359"/>
      <c r="C4203" s="360"/>
      <c r="D4203" s="360"/>
      <c r="E4203" s="360"/>
      <c r="F4203" s="360"/>
      <c r="G4203" s="360"/>
      <c r="H4203" s="360"/>
      <c r="I4203" s="360"/>
      <c r="J4203" s="359"/>
      <c r="K4203" s="359"/>
      <c r="L4203" s="359"/>
    </row>
    <row r="4204" spans="2:12" ht="28.5">
      <c r="B4204" s="359"/>
      <c r="C4204" s="359" t="s">
        <v>16645</v>
      </c>
      <c r="D4204" s="360"/>
      <c r="E4204" s="360"/>
      <c r="F4204" s="359" t="s">
        <v>14384</v>
      </c>
      <c r="G4204" s="359" t="s">
        <v>14428</v>
      </c>
      <c r="H4204" s="359" t="s">
        <v>14370</v>
      </c>
      <c r="I4204" s="359" t="s">
        <v>28738</v>
      </c>
      <c r="J4204" s="359"/>
      <c r="K4204" s="359"/>
      <c r="L4204" s="359"/>
    </row>
    <row r="4205" spans="2:12">
      <c r="B4205" s="359"/>
      <c r="C4205" s="360"/>
      <c r="D4205" s="360"/>
      <c r="E4205" s="360"/>
      <c r="F4205" s="360"/>
      <c r="G4205" s="360"/>
      <c r="H4205" s="360"/>
      <c r="I4205" s="360"/>
      <c r="J4205" s="359"/>
      <c r="K4205" s="359"/>
      <c r="L4205" s="359"/>
    </row>
    <row r="4206" spans="2:12">
      <c r="B4206" s="359"/>
      <c r="C4206" s="360"/>
      <c r="D4206" s="360"/>
      <c r="E4206" s="360"/>
      <c r="F4206" s="359" t="s">
        <v>14391</v>
      </c>
      <c r="G4206" s="359" t="s">
        <v>14392</v>
      </c>
      <c r="H4206" s="359" t="s">
        <v>14332</v>
      </c>
      <c r="I4206" s="359" t="s">
        <v>14373</v>
      </c>
      <c r="J4206" s="359"/>
      <c r="K4206" s="359"/>
      <c r="L4206" s="359"/>
    </row>
    <row r="4207" spans="2:12">
      <c r="B4207" s="359"/>
      <c r="C4207" s="360"/>
      <c r="D4207" s="360"/>
      <c r="E4207" s="360"/>
      <c r="F4207" s="360"/>
      <c r="G4207" s="360"/>
      <c r="H4207" s="360"/>
      <c r="I4207" s="360"/>
      <c r="J4207" s="359"/>
      <c r="K4207" s="359"/>
      <c r="L4207" s="359"/>
    </row>
    <row r="4208" spans="2:12">
      <c r="B4208" s="359"/>
      <c r="C4208" s="360"/>
      <c r="D4208" s="360"/>
      <c r="E4208" s="360"/>
      <c r="F4208" s="359" t="s">
        <v>14371</v>
      </c>
      <c r="G4208" s="359" t="s">
        <v>14372</v>
      </c>
      <c r="H4208" s="360"/>
      <c r="I4208" s="360"/>
      <c r="J4208" s="359"/>
      <c r="K4208" s="359"/>
      <c r="L4208" s="359"/>
    </row>
    <row r="4209" spans="2:12">
      <c r="B4209" s="359"/>
      <c r="C4209" s="360"/>
      <c r="D4209" s="360"/>
      <c r="E4209" s="360"/>
      <c r="F4209" s="360"/>
      <c r="G4209" s="360"/>
      <c r="H4209" s="360"/>
      <c r="I4209" s="360"/>
      <c r="J4209" s="359"/>
      <c r="K4209" s="359"/>
      <c r="L4209" s="359"/>
    </row>
    <row r="4210" spans="2:12" ht="28.5">
      <c r="B4210" s="361"/>
      <c r="C4210" s="362"/>
      <c r="D4210" s="362"/>
      <c r="E4210" s="362"/>
      <c r="F4210" s="361" t="s">
        <v>14374</v>
      </c>
      <c r="G4210" s="361" t="s">
        <v>14373</v>
      </c>
      <c r="H4210" s="362"/>
      <c r="I4210" s="362"/>
      <c r="J4210" s="361"/>
      <c r="K4210" s="361"/>
      <c r="L4210" s="361"/>
    </row>
    <row r="4211" spans="2:12" ht="42.75">
      <c r="B4211" s="358" t="s">
        <v>9084</v>
      </c>
      <c r="C4211" s="358" t="s">
        <v>16646</v>
      </c>
      <c r="D4211" s="358" t="s">
        <v>9085</v>
      </c>
      <c r="E4211" s="358" t="s">
        <v>9086</v>
      </c>
      <c r="F4211" s="358" t="s">
        <v>16528</v>
      </c>
      <c r="G4211" s="358" t="s">
        <v>28739</v>
      </c>
      <c r="H4211" s="358" t="s">
        <v>14381</v>
      </c>
      <c r="I4211" s="358" t="s">
        <v>28739</v>
      </c>
      <c r="J4211" s="358"/>
      <c r="K4211" s="358"/>
      <c r="L4211" s="358"/>
    </row>
    <row r="4212" spans="2:12">
      <c r="B4212" s="359"/>
      <c r="C4212" s="360"/>
      <c r="D4212" s="360"/>
      <c r="E4212" s="360"/>
      <c r="F4212" s="360"/>
      <c r="G4212" s="360"/>
      <c r="H4212" s="360"/>
      <c r="I4212" s="360"/>
      <c r="J4212" s="359"/>
      <c r="K4212" s="359"/>
      <c r="L4212" s="359"/>
    </row>
    <row r="4213" spans="2:12" ht="28.5">
      <c r="B4213" s="359"/>
      <c r="C4213" s="359" t="s">
        <v>16647</v>
      </c>
      <c r="D4213" s="359" t="s">
        <v>9088</v>
      </c>
      <c r="E4213" s="359" t="s">
        <v>9089</v>
      </c>
      <c r="F4213" s="359" t="s">
        <v>14424</v>
      </c>
      <c r="G4213" s="359" t="s">
        <v>14428</v>
      </c>
      <c r="H4213" s="359" t="s">
        <v>14367</v>
      </c>
      <c r="I4213" s="359" t="s">
        <v>14428</v>
      </c>
      <c r="J4213" s="359"/>
      <c r="K4213" s="359"/>
      <c r="L4213" s="359"/>
    </row>
    <row r="4214" spans="2:12">
      <c r="B4214" s="359"/>
      <c r="C4214" s="360"/>
      <c r="D4214" s="360"/>
      <c r="E4214" s="360"/>
      <c r="F4214" s="360"/>
      <c r="G4214" s="360"/>
      <c r="H4214" s="360"/>
      <c r="I4214" s="360"/>
      <c r="J4214" s="359"/>
      <c r="K4214" s="359"/>
      <c r="L4214" s="359"/>
    </row>
    <row r="4215" spans="2:12">
      <c r="B4215" s="359"/>
      <c r="C4215" s="360"/>
      <c r="D4215" s="360"/>
      <c r="E4215" s="360"/>
      <c r="F4215" s="359" t="s">
        <v>14426</v>
      </c>
      <c r="G4215" s="359" t="s">
        <v>14459</v>
      </c>
      <c r="H4215" s="359" t="s">
        <v>14370</v>
      </c>
      <c r="I4215" s="359" t="s">
        <v>14459</v>
      </c>
      <c r="J4215" s="359"/>
      <c r="K4215" s="359"/>
      <c r="L4215" s="359"/>
    </row>
    <row r="4216" spans="2:12">
      <c r="B4216" s="359"/>
      <c r="C4216" s="360"/>
      <c r="D4216" s="360"/>
      <c r="E4216" s="360"/>
      <c r="F4216" s="360"/>
      <c r="G4216" s="360"/>
      <c r="H4216" s="360"/>
      <c r="I4216" s="360"/>
      <c r="J4216" s="359"/>
      <c r="K4216" s="359"/>
      <c r="L4216" s="359"/>
    </row>
    <row r="4217" spans="2:12">
      <c r="B4217" s="359"/>
      <c r="C4217" s="360"/>
      <c r="D4217" s="360"/>
      <c r="E4217" s="360"/>
      <c r="F4217" s="359" t="s">
        <v>14384</v>
      </c>
      <c r="G4217" s="359" t="s">
        <v>14429</v>
      </c>
      <c r="H4217" s="359" t="s">
        <v>14332</v>
      </c>
      <c r="I4217" s="359" t="s">
        <v>14429</v>
      </c>
      <c r="J4217" s="359"/>
      <c r="K4217" s="359"/>
      <c r="L4217" s="359"/>
    </row>
    <row r="4218" spans="2:12">
      <c r="B4218" s="359"/>
      <c r="C4218" s="360"/>
      <c r="D4218" s="360"/>
      <c r="E4218" s="360"/>
      <c r="F4218" s="360"/>
      <c r="G4218" s="360"/>
      <c r="H4218" s="360"/>
      <c r="I4218" s="360"/>
      <c r="J4218" s="359"/>
      <c r="K4218" s="359"/>
      <c r="L4218" s="359"/>
    </row>
    <row r="4219" spans="2:12">
      <c r="B4219" s="359"/>
      <c r="C4219" s="360"/>
      <c r="D4219" s="360"/>
      <c r="E4219" s="360"/>
      <c r="F4219" s="359" t="s">
        <v>14420</v>
      </c>
      <c r="G4219" s="359" t="s">
        <v>14390</v>
      </c>
      <c r="H4219" s="360"/>
      <c r="I4219" s="359" t="s">
        <v>14390</v>
      </c>
      <c r="J4219" s="359"/>
      <c r="K4219" s="359"/>
      <c r="L4219" s="359"/>
    </row>
    <row r="4220" spans="2:12">
      <c r="B4220" s="359"/>
      <c r="C4220" s="360"/>
      <c r="D4220" s="360"/>
      <c r="E4220" s="360"/>
      <c r="F4220" s="360"/>
      <c r="G4220" s="360"/>
      <c r="H4220" s="360"/>
      <c r="I4220" s="360"/>
      <c r="J4220" s="359"/>
      <c r="K4220" s="359"/>
      <c r="L4220" s="359"/>
    </row>
    <row r="4221" spans="2:12">
      <c r="B4221" s="359"/>
      <c r="C4221" s="360"/>
      <c r="D4221" s="360"/>
      <c r="E4221" s="360"/>
      <c r="F4221" s="359" t="s">
        <v>14420</v>
      </c>
      <c r="G4221" s="359" t="s">
        <v>14815</v>
      </c>
      <c r="H4221" s="360"/>
      <c r="I4221" s="359" t="s">
        <v>14815</v>
      </c>
      <c r="J4221" s="359"/>
      <c r="K4221" s="359"/>
      <c r="L4221" s="359"/>
    </row>
    <row r="4222" spans="2:12">
      <c r="B4222" s="359"/>
      <c r="C4222" s="360"/>
      <c r="D4222" s="360"/>
      <c r="E4222" s="360"/>
      <c r="F4222" s="360"/>
      <c r="G4222" s="360"/>
      <c r="H4222" s="360"/>
      <c r="I4222" s="360"/>
      <c r="J4222" s="359"/>
      <c r="K4222" s="359"/>
      <c r="L4222" s="359"/>
    </row>
    <row r="4223" spans="2:12">
      <c r="B4223" s="359"/>
      <c r="C4223" s="360"/>
      <c r="D4223" s="360"/>
      <c r="E4223" s="360"/>
      <c r="F4223" s="359" t="s">
        <v>14389</v>
      </c>
      <c r="G4223" s="359" t="s">
        <v>14392</v>
      </c>
      <c r="H4223" s="360"/>
      <c r="I4223" s="359" t="s">
        <v>14392</v>
      </c>
      <c r="J4223" s="359"/>
      <c r="K4223" s="359"/>
      <c r="L4223" s="359"/>
    </row>
    <row r="4224" spans="2:12">
      <c r="B4224" s="359"/>
      <c r="C4224" s="360"/>
      <c r="D4224" s="360"/>
      <c r="E4224" s="360"/>
      <c r="F4224" s="360"/>
      <c r="G4224" s="360"/>
      <c r="H4224" s="360"/>
      <c r="I4224" s="360"/>
      <c r="J4224" s="359"/>
      <c r="K4224" s="359"/>
      <c r="L4224" s="359"/>
    </row>
    <row r="4225" spans="2:12">
      <c r="B4225" s="359"/>
      <c r="C4225" s="360"/>
      <c r="D4225" s="360"/>
      <c r="E4225" s="360"/>
      <c r="F4225" s="359" t="s">
        <v>14814</v>
      </c>
      <c r="G4225" s="359" t="s">
        <v>14372</v>
      </c>
      <c r="H4225" s="360"/>
      <c r="I4225" s="359" t="s">
        <v>14373</v>
      </c>
      <c r="J4225" s="359"/>
      <c r="K4225" s="359"/>
      <c r="L4225" s="359"/>
    </row>
    <row r="4226" spans="2:12">
      <c r="B4226" s="359"/>
      <c r="C4226" s="360"/>
      <c r="D4226" s="360"/>
      <c r="E4226" s="360"/>
      <c r="F4226" s="360"/>
      <c r="G4226" s="360"/>
      <c r="H4226" s="360"/>
      <c r="I4226" s="360"/>
      <c r="J4226" s="359"/>
      <c r="K4226" s="359"/>
      <c r="L4226" s="359"/>
    </row>
    <row r="4227" spans="2:12">
      <c r="B4227" s="359"/>
      <c r="C4227" s="360"/>
      <c r="D4227" s="360"/>
      <c r="E4227" s="360"/>
      <c r="F4227" s="359" t="s">
        <v>14391</v>
      </c>
      <c r="G4227" s="359" t="s">
        <v>14373</v>
      </c>
      <c r="H4227" s="360"/>
      <c r="I4227" s="360"/>
      <c r="J4227" s="359"/>
      <c r="K4227" s="359"/>
      <c r="L4227" s="359"/>
    </row>
    <row r="4228" spans="2:12">
      <c r="B4228" s="359"/>
      <c r="C4228" s="360"/>
      <c r="D4228" s="360"/>
      <c r="E4228" s="360"/>
      <c r="F4228" s="360"/>
      <c r="G4228" s="360"/>
      <c r="H4228" s="360"/>
      <c r="I4228" s="360"/>
      <c r="J4228" s="359"/>
      <c r="K4228" s="359"/>
      <c r="L4228" s="359"/>
    </row>
    <row r="4229" spans="2:12">
      <c r="B4229" s="359"/>
      <c r="C4229" s="360"/>
      <c r="D4229" s="360"/>
      <c r="E4229" s="360"/>
      <c r="F4229" s="359" t="s">
        <v>14371</v>
      </c>
      <c r="G4229" s="360"/>
      <c r="H4229" s="360"/>
      <c r="I4229" s="360"/>
      <c r="J4229" s="359"/>
      <c r="K4229" s="359"/>
      <c r="L4229" s="359"/>
    </row>
    <row r="4230" spans="2:12">
      <c r="B4230" s="359"/>
      <c r="C4230" s="360"/>
      <c r="D4230" s="360"/>
      <c r="E4230" s="360"/>
      <c r="F4230" s="360"/>
      <c r="G4230" s="360"/>
      <c r="H4230" s="360"/>
      <c r="I4230" s="360"/>
      <c r="J4230" s="359"/>
      <c r="K4230" s="359"/>
      <c r="L4230" s="359"/>
    </row>
    <row r="4231" spans="2:12" ht="28.5">
      <c r="B4231" s="361"/>
      <c r="C4231" s="362"/>
      <c r="D4231" s="362"/>
      <c r="E4231" s="362"/>
      <c r="F4231" s="361" t="s">
        <v>14374</v>
      </c>
      <c r="G4231" s="362"/>
      <c r="H4231" s="362"/>
      <c r="I4231" s="362"/>
      <c r="J4231" s="361"/>
      <c r="K4231" s="361"/>
      <c r="L4231" s="361"/>
    </row>
    <row r="4232" spans="2:12" ht="42.75">
      <c r="B4232" s="358" t="s">
        <v>9090</v>
      </c>
      <c r="C4232" s="358" t="s">
        <v>16649</v>
      </c>
      <c r="D4232" s="358" t="s">
        <v>9091</v>
      </c>
      <c r="E4232" s="358" t="s">
        <v>5447</v>
      </c>
      <c r="F4232" s="358" t="s">
        <v>16528</v>
      </c>
      <c r="G4232" s="358" t="s">
        <v>14377</v>
      </c>
      <c r="H4232" s="358" t="s">
        <v>14381</v>
      </c>
      <c r="I4232" s="358" t="s">
        <v>14377</v>
      </c>
      <c r="J4232" s="358"/>
      <c r="K4232" s="358" t="s">
        <v>28561</v>
      </c>
      <c r="L4232" s="358"/>
    </row>
    <row r="4233" spans="2:12">
      <c r="B4233" s="359"/>
      <c r="C4233" s="359"/>
      <c r="D4233" s="359"/>
      <c r="E4233" s="359"/>
      <c r="F4233" s="360"/>
      <c r="G4233" s="360"/>
      <c r="H4233" s="360"/>
      <c r="I4233" s="360"/>
      <c r="J4233" s="359"/>
      <c r="K4233" s="360"/>
      <c r="L4233" s="359"/>
    </row>
    <row r="4234" spans="2:12" ht="42.75">
      <c r="B4234" s="359"/>
      <c r="C4234" s="359"/>
      <c r="D4234" s="359"/>
      <c r="E4234" s="359"/>
      <c r="F4234" s="359" t="s">
        <v>14426</v>
      </c>
      <c r="G4234" s="359" t="s">
        <v>14427</v>
      </c>
      <c r="H4234" s="359" t="s">
        <v>14367</v>
      </c>
      <c r="I4234" s="359" t="s">
        <v>14427</v>
      </c>
      <c r="J4234" s="359"/>
      <c r="K4234" s="359" t="s">
        <v>28742</v>
      </c>
      <c r="L4234" s="359"/>
    </row>
    <row r="4235" spans="2:12">
      <c r="B4235" s="359"/>
      <c r="C4235" s="359"/>
      <c r="D4235" s="359"/>
      <c r="E4235" s="359"/>
      <c r="F4235" s="360"/>
      <c r="G4235" s="360"/>
      <c r="H4235" s="360"/>
      <c r="I4235" s="360"/>
      <c r="J4235" s="359"/>
      <c r="K4235" s="360"/>
      <c r="L4235" s="359"/>
    </row>
    <row r="4236" spans="2:12" ht="42.75">
      <c r="B4236" s="359"/>
      <c r="C4236" s="359"/>
      <c r="D4236" s="359"/>
      <c r="E4236" s="359"/>
      <c r="F4236" s="359" t="s">
        <v>14424</v>
      </c>
      <c r="G4236" s="359" t="s">
        <v>28740</v>
      </c>
      <c r="H4236" s="359" t="s">
        <v>14370</v>
      </c>
      <c r="I4236" s="359" t="s">
        <v>28741</v>
      </c>
      <c r="J4236" s="359"/>
      <c r="K4236" s="359" t="s">
        <v>28743</v>
      </c>
      <c r="L4236" s="359"/>
    </row>
    <row r="4237" spans="2:12">
      <c r="B4237" s="359"/>
      <c r="C4237" s="359"/>
      <c r="D4237" s="359"/>
      <c r="E4237" s="359"/>
      <c r="F4237" s="360"/>
      <c r="G4237" s="360"/>
      <c r="H4237" s="360"/>
      <c r="I4237" s="360"/>
      <c r="J4237" s="359"/>
      <c r="K4237" s="360"/>
      <c r="L4237" s="359"/>
    </row>
    <row r="4238" spans="2:12" ht="28.5">
      <c r="B4238" s="359"/>
      <c r="C4238" s="359"/>
      <c r="D4238" s="359"/>
      <c r="E4238" s="359"/>
      <c r="F4238" s="359" t="s">
        <v>14384</v>
      </c>
      <c r="G4238" s="359" t="s">
        <v>14459</v>
      </c>
      <c r="H4238" s="359" t="s">
        <v>14332</v>
      </c>
      <c r="I4238" s="359" t="s">
        <v>14429</v>
      </c>
      <c r="J4238" s="359"/>
      <c r="K4238" s="359" t="s">
        <v>28744</v>
      </c>
      <c r="L4238" s="359"/>
    </row>
    <row r="4239" spans="2:12">
      <c r="B4239" s="359"/>
      <c r="C4239" s="359"/>
      <c r="D4239" s="359"/>
      <c r="E4239" s="359"/>
      <c r="F4239" s="360"/>
      <c r="G4239" s="360"/>
      <c r="H4239" s="360"/>
      <c r="I4239" s="360"/>
      <c r="J4239" s="359"/>
      <c r="K4239" s="360"/>
      <c r="L4239" s="359"/>
    </row>
    <row r="4240" spans="2:12">
      <c r="B4240" s="359"/>
      <c r="C4240" s="359"/>
      <c r="D4240" s="359"/>
      <c r="E4240" s="359"/>
      <c r="F4240" s="359" t="s">
        <v>14420</v>
      </c>
      <c r="G4240" s="359" t="s">
        <v>14429</v>
      </c>
      <c r="H4240" s="360"/>
      <c r="I4240" s="359" t="s">
        <v>14390</v>
      </c>
      <c r="J4240" s="359"/>
      <c r="K4240" s="359" t="s">
        <v>28745</v>
      </c>
      <c r="L4240" s="359"/>
    </row>
    <row r="4241" spans="2:12">
      <c r="B4241" s="359"/>
      <c r="C4241" s="359"/>
      <c r="D4241" s="359"/>
      <c r="E4241" s="359"/>
      <c r="F4241" s="360"/>
      <c r="G4241" s="360"/>
      <c r="H4241" s="360"/>
      <c r="I4241" s="360"/>
      <c r="J4241" s="359"/>
      <c r="K4241" s="360"/>
      <c r="L4241" s="359"/>
    </row>
    <row r="4242" spans="2:12">
      <c r="B4242" s="359"/>
      <c r="C4242" s="359"/>
      <c r="D4242" s="359"/>
      <c r="E4242" s="359"/>
      <c r="F4242" s="359" t="s">
        <v>14420</v>
      </c>
      <c r="G4242" s="359" t="s">
        <v>14390</v>
      </c>
      <c r="H4242" s="360"/>
      <c r="I4242" s="359" t="s">
        <v>14815</v>
      </c>
      <c r="J4242" s="359"/>
      <c r="K4242" s="359" t="s">
        <v>14863</v>
      </c>
      <c r="L4242" s="359"/>
    </row>
    <row r="4243" spans="2:12">
      <c r="B4243" s="359"/>
      <c r="C4243" s="359"/>
      <c r="D4243" s="359"/>
      <c r="E4243" s="359"/>
      <c r="F4243" s="360"/>
      <c r="G4243" s="360"/>
      <c r="H4243" s="360"/>
      <c r="I4243" s="360"/>
      <c r="J4243" s="359"/>
      <c r="K4243" s="360"/>
      <c r="L4243" s="359"/>
    </row>
    <row r="4244" spans="2:12">
      <c r="B4244" s="359"/>
      <c r="C4244" s="359"/>
      <c r="D4244" s="359"/>
      <c r="E4244" s="359"/>
      <c r="F4244" s="359" t="s">
        <v>14389</v>
      </c>
      <c r="G4244" s="359" t="s">
        <v>14815</v>
      </c>
      <c r="H4244" s="360"/>
      <c r="I4244" s="359" t="s">
        <v>14392</v>
      </c>
      <c r="J4244" s="359"/>
      <c r="K4244" s="360"/>
      <c r="L4244" s="359"/>
    </row>
    <row r="4245" spans="2:12">
      <c r="B4245" s="359"/>
      <c r="C4245" s="359"/>
      <c r="D4245" s="359"/>
      <c r="E4245" s="359"/>
      <c r="F4245" s="360"/>
      <c r="G4245" s="360"/>
      <c r="H4245" s="360"/>
      <c r="I4245" s="360"/>
      <c r="J4245" s="359"/>
      <c r="K4245" s="360"/>
      <c r="L4245" s="359"/>
    </row>
    <row r="4246" spans="2:12">
      <c r="B4246" s="359"/>
      <c r="C4246" s="359"/>
      <c r="D4246" s="359"/>
      <c r="E4246" s="359"/>
      <c r="F4246" s="359" t="s">
        <v>14814</v>
      </c>
      <c r="G4246" s="359" t="s">
        <v>14392</v>
      </c>
      <c r="H4246" s="360"/>
      <c r="I4246" s="359" t="s">
        <v>14373</v>
      </c>
      <c r="J4246" s="359"/>
      <c r="K4246" s="360"/>
      <c r="L4246" s="359"/>
    </row>
    <row r="4247" spans="2:12">
      <c r="B4247" s="359"/>
      <c r="C4247" s="359"/>
      <c r="D4247" s="359"/>
      <c r="E4247" s="359"/>
      <c r="F4247" s="360"/>
      <c r="G4247" s="360"/>
      <c r="H4247" s="360"/>
      <c r="I4247" s="360"/>
      <c r="J4247" s="359"/>
      <c r="K4247" s="360"/>
      <c r="L4247" s="359"/>
    </row>
    <row r="4248" spans="2:12">
      <c r="B4248" s="359"/>
      <c r="C4248" s="359"/>
      <c r="D4248" s="359"/>
      <c r="E4248" s="359"/>
      <c r="F4248" s="359" t="s">
        <v>14391</v>
      </c>
      <c r="G4248" s="359" t="s">
        <v>14372</v>
      </c>
      <c r="H4248" s="360"/>
      <c r="I4248" s="360"/>
      <c r="J4248" s="359"/>
      <c r="K4248" s="360"/>
      <c r="L4248" s="359"/>
    </row>
    <row r="4249" spans="2:12">
      <c r="B4249" s="359"/>
      <c r="C4249" s="359"/>
      <c r="D4249" s="359"/>
      <c r="E4249" s="359"/>
      <c r="F4249" s="360"/>
      <c r="G4249" s="360"/>
      <c r="H4249" s="360"/>
      <c r="I4249" s="360"/>
      <c r="J4249" s="359"/>
      <c r="K4249" s="360"/>
      <c r="L4249" s="359"/>
    </row>
    <row r="4250" spans="2:12">
      <c r="B4250" s="359"/>
      <c r="C4250" s="359"/>
      <c r="D4250" s="359"/>
      <c r="E4250" s="359"/>
      <c r="F4250" s="359" t="s">
        <v>14371</v>
      </c>
      <c r="G4250" s="359" t="s">
        <v>14373</v>
      </c>
      <c r="H4250" s="360"/>
      <c r="I4250" s="360"/>
      <c r="J4250" s="359"/>
      <c r="K4250" s="360"/>
      <c r="L4250" s="359"/>
    </row>
    <row r="4251" spans="2:12">
      <c r="B4251" s="359"/>
      <c r="C4251" s="359"/>
      <c r="D4251" s="359"/>
      <c r="E4251" s="359"/>
      <c r="F4251" s="360"/>
      <c r="G4251" s="360"/>
      <c r="H4251" s="360"/>
      <c r="I4251" s="360"/>
      <c r="J4251" s="359"/>
      <c r="K4251" s="360"/>
      <c r="L4251" s="359"/>
    </row>
    <row r="4252" spans="2:12" ht="28.5">
      <c r="B4252" s="361"/>
      <c r="C4252" s="361"/>
      <c r="D4252" s="361"/>
      <c r="E4252" s="361"/>
      <c r="F4252" s="361" t="s">
        <v>14374</v>
      </c>
      <c r="G4252" s="362"/>
      <c r="H4252" s="362"/>
      <c r="I4252" s="362"/>
      <c r="J4252" s="361"/>
      <c r="K4252" s="362"/>
      <c r="L4252" s="361"/>
    </row>
    <row r="4253" spans="2:12" ht="28.5">
      <c r="B4253" s="358" t="s">
        <v>9093</v>
      </c>
      <c r="C4253" s="358" t="s">
        <v>16650</v>
      </c>
      <c r="D4253" s="358" t="s">
        <v>9096</v>
      </c>
      <c r="E4253" s="358" t="s">
        <v>9097</v>
      </c>
      <c r="F4253" s="358" t="s">
        <v>16528</v>
      </c>
      <c r="G4253" s="358" t="s">
        <v>14377</v>
      </c>
      <c r="H4253" s="358" t="s">
        <v>14381</v>
      </c>
      <c r="I4253" s="358" t="s">
        <v>14377</v>
      </c>
      <c r="J4253" s="358"/>
      <c r="K4253" s="358"/>
      <c r="L4253" s="358"/>
    </row>
    <row r="4254" spans="2:12">
      <c r="B4254" s="359"/>
      <c r="C4254" s="360"/>
      <c r="D4254" s="360"/>
      <c r="E4254" s="360"/>
      <c r="F4254" s="360"/>
      <c r="G4254" s="360"/>
      <c r="H4254" s="360"/>
      <c r="I4254" s="360"/>
      <c r="J4254" s="359"/>
      <c r="K4254" s="359"/>
      <c r="L4254" s="359"/>
    </row>
    <row r="4255" spans="2:12" ht="28.5">
      <c r="B4255" s="359"/>
      <c r="C4255" s="359" t="s">
        <v>16651</v>
      </c>
      <c r="D4255" s="359" t="s">
        <v>9099</v>
      </c>
      <c r="E4255" s="359" t="s">
        <v>9100</v>
      </c>
      <c r="F4255" s="359" t="s">
        <v>14426</v>
      </c>
      <c r="G4255" s="359" t="s">
        <v>14427</v>
      </c>
      <c r="H4255" s="359" t="s">
        <v>14367</v>
      </c>
      <c r="I4255" s="359" t="s">
        <v>14427</v>
      </c>
      <c r="J4255" s="359"/>
      <c r="K4255" s="359"/>
      <c r="L4255" s="359"/>
    </row>
    <row r="4256" spans="2:12">
      <c r="B4256" s="359"/>
      <c r="C4256" s="360"/>
      <c r="D4256" s="360"/>
      <c r="E4256" s="360"/>
      <c r="F4256" s="360"/>
      <c r="G4256" s="360"/>
      <c r="H4256" s="360"/>
      <c r="I4256" s="360"/>
      <c r="J4256" s="359"/>
      <c r="K4256" s="359"/>
      <c r="L4256" s="359"/>
    </row>
    <row r="4257" spans="2:12" ht="28.5">
      <c r="B4257" s="359"/>
      <c r="C4257" s="359" t="s">
        <v>16652</v>
      </c>
      <c r="D4257" s="359" t="s">
        <v>9101</v>
      </c>
      <c r="E4257" s="359" t="s">
        <v>9102</v>
      </c>
      <c r="F4257" s="359" t="s">
        <v>14424</v>
      </c>
      <c r="G4257" s="359" t="s">
        <v>28740</v>
      </c>
      <c r="H4257" s="359" t="s">
        <v>14370</v>
      </c>
      <c r="I4257" s="359" t="s">
        <v>28740</v>
      </c>
      <c r="J4257" s="359"/>
      <c r="K4257" s="359"/>
      <c r="L4257" s="359"/>
    </row>
    <row r="4258" spans="2:12">
      <c r="B4258" s="359"/>
      <c r="C4258" s="360"/>
      <c r="D4258" s="360"/>
      <c r="E4258" s="360"/>
      <c r="F4258" s="360"/>
      <c r="G4258" s="360"/>
      <c r="H4258" s="360"/>
      <c r="I4258" s="360"/>
      <c r="J4258" s="359"/>
      <c r="K4258" s="359"/>
      <c r="L4258" s="359"/>
    </row>
    <row r="4259" spans="2:12" ht="28.5">
      <c r="B4259" s="359"/>
      <c r="C4259" s="359" t="s">
        <v>16653</v>
      </c>
      <c r="D4259" s="359" t="s">
        <v>9104</v>
      </c>
      <c r="E4259" s="359" t="s">
        <v>9105</v>
      </c>
      <c r="F4259" s="359" t="s">
        <v>14384</v>
      </c>
      <c r="G4259" s="359" t="s">
        <v>14459</v>
      </c>
      <c r="H4259" s="359" t="s">
        <v>14332</v>
      </c>
      <c r="I4259" s="359" t="s">
        <v>14459</v>
      </c>
      <c r="J4259" s="359"/>
      <c r="K4259" s="359"/>
      <c r="L4259" s="359"/>
    </row>
    <row r="4260" spans="2:12">
      <c r="B4260" s="359"/>
      <c r="C4260" s="360"/>
      <c r="D4260" s="360"/>
      <c r="E4260" s="360"/>
      <c r="F4260" s="360"/>
      <c r="G4260" s="360"/>
      <c r="H4260" s="360"/>
      <c r="I4260" s="360"/>
      <c r="J4260" s="359"/>
      <c r="K4260" s="359"/>
      <c r="L4260" s="359"/>
    </row>
    <row r="4261" spans="2:12">
      <c r="B4261" s="359"/>
      <c r="C4261" s="359" t="s">
        <v>30100</v>
      </c>
      <c r="D4261" s="360"/>
      <c r="E4261" s="360"/>
      <c r="F4261" s="359" t="s">
        <v>14420</v>
      </c>
      <c r="G4261" s="359" t="s">
        <v>14429</v>
      </c>
      <c r="H4261" s="360"/>
      <c r="I4261" s="359" t="s">
        <v>14429</v>
      </c>
      <c r="J4261" s="359"/>
      <c r="K4261" s="359"/>
      <c r="L4261" s="359"/>
    </row>
    <row r="4262" spans="2:12">
      <c r="B4262" s="359"/>
      <c r="C4262" s="360"/>
      <c r="D4262" s="360"/>
      <c r="E4262" s="360"/>
      <c r="F4262" s="360"/>
      <c r="G4262" s="360"/>
      <c r="H4262" s="360"/>
      <c r="I4262" s="360"/>
      <c r="J4262" s="359"/>
      <c r="K4262" s="359"/>
      <c r="L4262" s="359"/>
    </row>
    <row r="4263" spans="2:12">
      <c r="B4263" s="359"/>
      <c r="C4263" s="359" t="s">
        <v>16654</v>
      </c>
      <c r="D4263" s="360"/>
      <c r="E4263" s="360"/>
      <c r="F4263" s="359" t="s">
        <v>14420</v>
      </c>
      <c r="G4263" s="359" t="s">
        <v>14390</v>
      </c>
      <c r="H4263" s="360"/>
      <c r="I4263" s="359" t="s">
        <v>14390</v>
      </c>
      <c r="J4263" s="359"/>
      <c r="K4263" s="359"/>
      <c r="L4263" s="359"/>
    </row>
    <row r="4264" spans="2:12">
      <c r="B4264" s="359"/>
      <c r="C4264" s="360"/>
      <c r="D4264" s="360"/>
      <c r="E4264" s="360"/>
      <c r="F4264" s="360"/>
      <c r="G4264" s="360"/>
      <c r="H4264" s="360"/>
      <c r="I4264" s="360"/>
      <c r="J4264" s="359"/>
      <c r="K4264" s="359"/>
      <c r="L4264" s="359"/>
    </row>
    <row r="4265" spans="2:12">
      <c r="B4265" s="359"/>
      <c r="C4265" s="360"/>
      <c r="D4265" s="360"/>
      <c r="E4265" s="360"/>
      <c r="F4265" s="359" t="s">
        <v>14389</v>
      </c>
      <c r="G4265" s="359" t="s">
        <v>14815</v>
      </c>
      <c r="H4265" s="360"/>
      <c r="I4265" s="359" t="s">
        <v>14815</v>
      </c>
      <c r="J4265" s="359"/>
      <c r="K4265" s="359"/>
      <c r="L4265" s="359"/>
    </row>
    <row r="4266" spans="2:12">
      <c r="B4266" s="359"/>
      <c r="C4266" s="360"/>
      <c r="D4266" s="360"/>
      <c r="E4266" s="360"/>
      <c r="F4266" s="360"/>
      <c r="G4266" s="360"/>
      <c r="H4266" s="360"/>
      <c r="I4266" s="360"/>
      <c r="J4266" s="359"/>
      <c r="K4266" s="359"/>
      <c r="L4266" s="359"/>
    </row>
    <row r="4267" spans="2:12">
      <c r="B4267" s="359"/>
      <c r="C4267" s="360"/>
      <c r="D4267" s="360"/>
      <c r="E4267" s="360"/>
      <c r="F4267" s="359" t="s">
        <v>14814</v>
      </c>
      <c r="G4267" s="359" t="s">
        <v>14392</v>
      </c>
      <c r="H4267" s="360"/>
      <c r="I4267" s="359" t="s">
        <v>14392</v>
      </c>
      <c r="J4267" s="359"/>
      <c r="K4267" s="359"/>
      <c r="L4267" s="359"/>
    </row>
    <row r="4268" spans="2:12">
      <c r="B4268" s="359"/>
      <c r="C4268" s="360"/>
      <c r="D4268" s="360"/>
      <c r="E4268" s="360"/>
      <c r="F4268" s="360"/>
      <c r="G4268" s="360"/>
      <c r="H4268" s="360"/>
      <c r="I4268" s="360"/>
      <c r="J4268" s="359"/>
      <c r="K4268" s="359"/>
      <c r="L4268" s="359"/>
    </row>
    <row r="4269" spans="2:12">
      <c r="B4269" s="359"/>
      <c r="C4269" s="360"/>
      <c r="D4269" s="360"/>
      <c r="E4269" s="360"/>
      <c r="F4269" s="359" t="s">
        <v>14391</v>
      </c>
      <c r="G4269" s="359" t="s">
        <v>14372</v>
      </c>
      <c r="H4269" s="360"/>
      <c r="I4269" s="359" t="s">
        <v>14373</v>
      </c>
      <c r="J4269" s="359"/>
      <c r="K4269" s="359"/>
      <c r="L4269" s="359"/>
    </row>
    <row r="4270" spans="2:12">
      <c r="B4270" s="359"/>
      <c r="C4270" s="360"/>
      <c r="D4270" s="360"/>
      <c r="E4270" s="360"/>
      <c r="F4270" s="360"/>
      <c r="G4270" s="360"/>
      <c r="H4270" s="360"/>
      <c r="I4270" s="360"/>
      <c r="J4270" s="359"/>
      <c r="K4270" s="359"/>
      <c r="L4270" s="359"/>
    </row>
    <row r="4271" spans="2:12">
      <c r="B4271" s="359"/>
      <c r="C4271" s="360"/>
      <c r="D4271" s="360"/>
      <c r="E4271" s="360"/>
      <c r="F4271" s="359" t="s">
        <v>14371</v>
      </c>
      <c r="G4271" s="359" t="s">
        <v>14373</v>
      </c>
      <c r="H4271" s="360"/>
      <c r="I4271" s="360"/>
      <c r="J4271" s="359"/>
      <c r="K4271" s="359"/>
      <c r="L4271" s="359"/>
    </row>
    <row r="4272" spans="2:12">
      <c r="B4272" s="359"/>
      <c r="C4272" s="360"/>
      <c r="D4272" s="360"/>
      <c r="E4272" s="360"/>
      <c r="F4272" s="360"/>
      <c r="G4272" s="360"/>
      <c r="H4272" s="360"/>
      <c r="I4272" s="360"/>
      <c r="J4272" s="359"/>
      <c r="K4272" s="359"/>
      <c r="L4272" s="359"/>
    </row>
    <row r="4273" spans="2:12" ht="28.5">
      <c r="B4273" s="361"/>
      <c r="C4273" s="362"/>
      <c r="D4273" s="362"/>
      <c r="E4273" s="362"/>
      <c r="F4273" s="361" t="s">
        <v>14374</v>
      </c>
      <c r="G4273" s="362"/>
      <c r="H4273" s="362"/>
      <c r="I4273" s="362"/>
      <c r="J4273" s="361"/>
      <c r="K4273" s="361"/>
      <c r="L4273" s="361"/>
    </row>
    <row r="4274" spans="2:12" ht="42.75">
      <c r="B4274" s="358" t="s">
        <v>9107</v>
      </c>
      <c r="C4274" s="358" t="s">
        <v>16655</v>
      </c>
      <c r="D4274" s="358" t="s">
        <v>9108</v>
      </c>
      <c r="E4274" s="358" t="s">
        <v>5512</v>
      </c>
      <c r="F4274" s="358" t="s">
        <v>28746</v>
      </c>
      <c r="G4274" s="358" t="s">
        <v>14377</v>
      </c>
      <c r="H4274" s="358" t="s">
        <v>14378</v>
      </c>
      <c r="I4274" s="358" t="s">
        <v>14377</v>
      </c>
      <c r="J4274" s="358"/>
      <c r="K4274" s="358" t="s">
        <v>28561</v>
      </c>
      <c r="L4274" s="358"/>
    </row>
    <row r="4275" spans="2:12">
      <c r="B4275" s="359"/>
      <c r="C4275" s="359"/>
      <c r="D4275" s="359"/>
      <c r="E4275" s="359"/>
      <c r="F4275" s="360"/>
      <c r="G4275" s="360"/>
      <c r="H4275" s="360"/>
      <c r="I4275" s="360"/>
      <c r="J4275" s="359"/>
      <c r="K4275" s="360"/>
      <c r="L4275" s="359"/>
    </row>
    <row r="4276" spans="2:12" ht="42.75">
      <c r="B4276" s="359"/>
      <c r="C4276" s="359"/>
      <c r="D4276" s="359"/>
      <c r="E4276" s="359"/>
      <c r="F4276" s="359" t="s">
        <v>14424</v>
      </c>
      <c r="G4276" s="359" t="s">
        <v>14427</v>
      </c>
      <c r="H4276" s="359" t="s">
        <v>14381</v>
      </c>
      <c r="I4276" s="359" t="s">
        <v>14427</v>
      </c>
      <c r="J4276" s="359"/>
      <c r="K4276" s="359" t="s">
        <v>28748</v>
      </c>
      <c r="L4276" s="359"/>
    </row>
    <row r="4277" spans="2:12">
      <c r="B4277" s="359"/>
      <c r="C4277" s="359"/>
      <c r="D4277" s="359"/>
      <c r="E4277" s="359"/>
      <c r="F4277" s="360"/>
      <c r="G4277" s="360"/>
      <c r="H4277" s="360"/>
      <c r="I4277" s="360"/>
      <c r="J4277" s="359"/>
      <c r="K4277" s="360"/>
      <c r="L4277" s="359"/>
    </row>
    <row r="4278" spans="2:12" ht="42.75">
      <c r="B4278" s="359"/>
      <c r="C4278" s="359"/>
      <c r="D4278" s="359"/>
      <c r="E4278" s="359"/>
      <c r="F4278" s="359" t="s">
        <v>14382</v>
      </c>
      <c r="G4278" s="359" t="s">
        <v>28747</v>
      </c>
      <c r="H4278" s="359" t="s">
        <v>14370</v>
      </c>
      <c r="I4278" s="359" t="s">
        <v>28747</v>
      </c>
      <c r="J4278" s="359"/>
      <c r="K4278" s="359" t="s">
        <v>28743</v>
      </c>
      <c r="L4278" s="359"/>
    </row>
    <row r="4279" spans="2:12">
      <c r="B4279" s="359"/>
      <c r="C4279" s="359"/>
      <c r="D4279" s="359"/>
      <c r="E4279" s="359"/>
      <c r="F4279" s="360"/>
      <c r="G4279" s="360"/>
      <c r="H4279" s="360"/>
      <c r="I4279" s="360"/>
      <c r="J4279" s="359"/>
      <c r="K4279" s="360"/>
      <c r="L4279" s="359"/>
    </row>
    <row r="4280" spans="2:12" ht="42.75">
      <c r="B4280" s="359"/>
      <c r="C4280" s="359"/>
      <c r="D4280" s="359"/>
      <c r="E4280" s="359"/>
      <c r="F4280" s="359" t="s">
        <v>14382</v>
      </c>
      <c r="G4280" s="359" t="s">
        <v>14383</v>
      </c>
      <c r="H4280" s="359" t="s">
        <v>14332</v>
      </c>
      <c r="I4280" s="359" t="s">
        <v>14383</v>
      </c>
      <c r="J4280" s="359"/>
      <c r="K4280" s="359" t="s">
        <v>28749</v>
      </c>
      <c r="L4280" s="359"/>
    </row>
    <row r="4281" spans="2:12">
      <c r="B4281" s="359"/>
      <c r="C4281" s="359"/>
      <c r="D4281" s="359"/>
      <c r="E4281" s="359"/>
      <c r="F4281" s="360"/>
      <c r="G4281" s="360"/>
      <c r="H4281" s="360"/>
      <c r="I4281" s="360"/>
      <c r="J4281" s="359"/>
      <c r="K4281" s="360"/>
      <c r="L4281" s="359"/>
    </row>
    <row r="4282" spans="2:12">
      <c r="B4282" s="359"/>
      <c r="C4282" s="359"/>
      <c r="D4282" s="359"/>
      <c r="E4282" s="359"/>
      <c r="F4282" s="359" t="s">
        <v>14384</v>
      </c>
      <c r="G4282" s="359" t="s">
        <v>14428</v>
      </c>
      <c r="H4282" s="360"/>
      <c r="I4282" s="359" t="s">
        <v>14428</v>
      </c>
      <c r="J4282" s="359"/>
      <c r="K4282" s="359" t="s">
        <v>14863</v>
      </c>
      <c r="L4282" s="359"/>
    </row>
    <row r="4283" spans="2:12">
      <c r="B4283" s="359"/>
      <c r="C4283" s="359"/>
      <c r="D4283" s="359"/>
      <c r="E4283" s="359"/>
      <c r="F4283" s="360"/>
      <c r="G4283" s="360"/>
      <c r="H4283" s="360"/>
      <c r="I4283" s="360"/>
      <c r="J4283" s="359"/>
      <c r="K4283" s="360"/>
      <c r="L4283" s="359"/>
    </row>
    <row r="4284" spans="2:12">
      <c r="B4284" s="359"/>
      <c r="C4284" s="359"/>
      <c r="D4284" s="359"/>
      <c r="E4284" s="359"/>
      <c r="F4284" s="359" t="s">
        <v>14389</v>
      </c>
      <c r="G4284" s="359" t="s">
        <v>14390</v>
      </c>
      <c r="H4284" s="360"/>
      <c r="I4284" s="359" t="s">
        <v>14390</v>
      </c>
      <c r="J4284" s="359"/>
      <c r="K4284" s="360"/>
      <c r="L4284" s="359"/>
    </row>
    <row r="4285" spans="2:12">
      <c r="B4285" s="359"/>
      <c r="C4285" s="359"/>
      <c r="D4285" s="359"/>
      <c r="E4285" s="359"/>
      <c r="F4285" s="360"/>
      <c r="G4285" s="360"/>
      <c r="H4285" s="360"/>
      <c r="I4285" s="360"/>
      <c r="J4285" s="359"/>
      <c r="K4285" s="360"/>
      <c r="L4285" s="359"/>
    </row>
    <row r="4286" spans="2:12">
      <c r="B4286" s="359"/>
      <c r="C4286" s="359"/>
      <c r="D4286" s="359"/>
      <c r="E4286" s="359"/>
      <c r="F4286" s="359" t="s">
        <v>14814</v>
      </c>
      <c r="G4286" s="359" t="s">
        <v>14815</v>
      </c>
      <c r="H4286" s="360"/>
      <c r="I4286" s="359" t="s">
        <v>14815</v>
      </c>
      <c r="J4286" s="359"/>
      <c r="K4286" s="360"/>
      <c r="L4286" s="359"/>
    </row>
    <row r="4287" spans="2:12">
      <c r="B4287" s="359"/>
      <c r="C4287" s="359"/>
      <c r="D4287" s="359"/>
      <c r="E4287" s="359"/>
      <c r="F4287" s="360"/>
      <c r="G4287" s="360"/>
      <c r="H4287" s="360"/>
      <c r="I4287" s="360"/>
      <c r="J4287" s="359"/>
      <c r="K4287" s="360"/>
      <c r="L4287" s="359"/>
    </row>
    <row r="4288" spans="2:12">
      <c r="B4288" s="359"/>
      <c r="C4288" s="359"/>
      <c r="D4288" s="359"/>
      <c r="E4288" s="359"/>
      <c r="F4288" s="359" t="s">
        <v>14391</v>
      </c>
      <c r="G4288" s="359" t="s">
        <v>14392</v>
      </c>
      <c r="H4288" s="360"/>
      <c r="I4288" s="359" t="s">
        <v>14392</v>
      </c>
      <c r="J4288" s="359"/>
      <c r="K4288" s="360"/>
      <c r="L4288" s="359"/>
    </row>
    <row r="4289" spans="2:12">
      <c r="B4289" s="359"/>
      <c r="C4289" s="359"/>
      <c r="D4289" s="359"/>
      <c r="E4289" s="359"/>
      <c r="F4289" s="360"/>
      <c r="G4289" s="360"/>
      <c r="H4289" s="360"/>
      <c r="I4289" s="360"/>
      <c r="J4289" s="359"/>
      <c r="K4289" s="360"/>
      <c r="L4289" s="359"/>
    </row>
    <row r="4290" spans="2:12">
      <c r="B4290" s="359"/>
      <c r="C4290" s="359"/>
      <c r="D4290" s="359"/>
      <c r="E4290" s="359"/>
      <c r="F4290" s="359" t="s">
        <v>14371</v>
      </c>
      <c r="G4290" s="359" t="s">
        <v>14372</v>
      </c>
      <c r="H4290" s="360"/>
      <c r="I4290" s="359" t="s">
        <v>14373</v>
      </c>
      <c r="J4290" s="359"/>
      <c r="K4290" s="360"/>
      <c r="L4290" s="359"/>
    </row>
    <row r="4291" spans="2:12">
      <c r="B4291" s="359"/>
      <c r="C4291" s="359"/>
      <c r="D4291" s="359"/>
      <c r="E4291" s="359"/>
      <c r="F4291" s="360"/>
      <c r="G4291" s="360"/>
      <c r="H4291" s="360"/>
      <c r="I4291" s="360"/>
      <c r="J4291" s="359"/>
      <c r="K4291" s="360"/>
      <c r="L4291" s="359"/>
    </row>
    <row r="4292" spans="2:12" ht="28.5">
      <c r="B4292" s="361"/>
      <c r="C4292" s="361"/>
      <c r="D4292" s="361"/>
      <c r="E4292" s="361"/>
      <c r="F4292" s="361" t="s">
        <v>14374</v>
      </c>
      <c r="G4292" s="361" t="s">
        <v>14373</v>
      </c>
      <c r="H4292" s="362"/>
      <c r="I4292" s="362"/>
      <c r="J4292" s="361"/>
      <c r="K4292" s="362"/>
      <c r="L4292" s="361"/>
    </row>
    <row r="4293" spans="2:12" ht="42.75">
      <c r="B4293" s="358" t="s">
        <v>9110</v>
      </c>
      <c r="C4293" s="358" t="s">
        <v>16656</v>
      </c>
      <c r="D4293" s="358" t="s">
        <v>9111</v>
      </c>
      <c r="E4293" s="358" t="s">
        <v>9112</v>
      </c>
      <c r="F4293" s="358" t="s">
        <v>14477</v>
      </c>
      <c r="G4293" s="358" t="s">
        <v>14478</v>
      </c>
      <c r="H4293" s="358" t="s">
        <v>14479</v>
      </c>
      <c r="I4293" s="358" t="s">
        <v>14478</v>
      </c>
      <c r="J4293" s="358"/>
      <c r="K4293" s="358" t="s">
        <v>28561</v>
      </c>
      <c r="L4293" s="358"/>
    </row>
    <row r="4294" spans="2:12">
      <c r="B4294" s="359"/>
      <c r="C4294" s="360"/>
      <c r="D4294" s="360"/>
      <c r="E4294" s="360"/>
      <c r="F4294" s="360"/>
      <c r="G4294" s="360"/>
      <c r="H4294" s="360"/>
      <c r="I4294" s="360"/>
      <c r="J4294" s="359"/>
      <c r="K4294" s="360"/>
      <c r="L4294" s="359"/>
    </row>
    <row r="4295" spans="2:12" ht="42.75">
      <c r="B4295" s="359"/>
      <c r="C4295" s="359" t="s">
        <v>16657</v>
      </c>
      <c r="D4295" s="359" t="s">
        <v>9114</v>
      </c>
      <c r="E4295" s="359" t="s">
        <v>9115</v>
      </c>
      <c r="F4295" s="359" t="s">
        <v>28746</v>
      </c>
      <c r="G4295" s="359" t="s">
        <v>14377</v>
      </c>
      <c r="H4295" s="359" t="s">
        <v>14341</v>
      </c>
      <c r="I4295" s="359" t="s">
        <v>14377</v>
      </c>
      <c r="J4295" s="359"/>
      <c r="K4295" s="359" t="s">
        <v>28748</v>
      </c>
      <c r="L4295" s="359"/>
    </row>
    <row r="4296" spans="2:12">
      <c r="B4296" s="359"/>
      <c r="C4296" s="360"/>
      <c r="D4296" s="360"/>
      <c r="E4296" s="360"/>
      <c r="F4296" s="360"/>
      <c r="G4296" s="360"/>
      <c r="H4296" s="360"/>
      <c r="I4296" s="360"/>
      <c r="J4296" s="359"/>
      <c r="K4296" s="360"/>
      <c r="L4296" s="359"/>
    </row>
    <row r="4297" spans="2:12" ht="42.75">
      <c r="B4297" s="359"/>
      <c r="C4297" s="360"/>
      <c r="D4297" s="360"/>
      <c r="E4297" s="360"/>
      <c r="F4297" s="359" t="s">
        <v>14424</v>
      </c>
      <c r="G4297" s="359" t="s">
        <v>14427</v>
      </c>
      <c r="H4297" s="359" t="s">
        <v>14381</v>
      </c>
      <c r="I4297" s="359" t="s">
        <v>14427</v>
      </c>
      <c r="J4297" s="359"/>
      <c r="K4297" s="359" t="s">
        <v>28743</v>
      </c>
      <c r="L4297" s="359"/>
    </row>
    <row r="4298" spans="2:12">
      <c r="B4298" s="359"/>
      <c r="C4298" s="360"/>
      <c r="D4298" s="360"/>
      <c r="E4298" s="360"/>
      <c r="F4298" s="360"/>
      <c r="G4298" s="360"/>
      <c r="H4298" s="360"/>
      <c r="I4298" s="360"/>
      <c r="J4298" s="359"/>
      <c r="K4298" s="360"/>
      <c r="L4298" s="359"/>
    </row>
    <row r="4299" spans="2:12" ht="42.75">
      <c r="B4299" s="359"/>
      <c r="C4299" s="360"/>
      <c r="D4299" s="360"/>
      <c r="E4299" s="360"/>
      <c r="F4299" s="359" t="s">
        <v>14384</v>
      </c>
      <c r="G4299" s="359" t="s">
        <v>28740</v>
      </c>
      <c r="H4299" s="359" t="s">
        <v>14367</v>
      </c>
      <c r="I4299" s="359" t="s">
        <v>28740</v>
      </c>
      <c r="J4299" s="359"/>
      <c r="K4299" s="359" t="s">
        <v>28750</v>
      </c>
      <c r="L4299" s="359"/>
    </row>
    <row r="4300" spans="2:12">
      <c r="B4300" s="359"/>
      <c r="C4300" s="360"/>
      <c r="D4300" s="360"/>
      <c r="E4300" s="360"/>
      <c r="F4300" s="360"/>
      <c r="G4300" s="360"/>
      <c r="H4300" s="360"/>
      <c r="I4300" s="360"/>
      <c r="J4300" s="359"/>
      <c r="K4300" s="360"/>
      <c r="L4300" s="359"/>
    </row>
    <row r="4301" spans="2:12">
      <c r="B4301" s="359"/>
      <c r="C4301" s="360"/>
      <c r="D4301" s="360"/>
      <c r="E4301" s="360"/>
      <c r="F4301" s="359" t="s">
        <v>14420</v>
      </c>
      <c r="G4301" s="359" t="s">
        <v>14459</v>
      </c>
      <c r="H4301" s="359" t="s">
        <v>14370</v>
      </c>
      <c r="I4301" s="359" t="s">
        <v>14459</v>
      </c>
      <c r="J4301" s="359"/>
      <c r="K4301" s="359" t="s">
        <v>14863</v>
      </c>
      <c r="L4301" s="359"/>
    </row>
    <row r="4302" spans="2:12">
      <c r="B4302" s="359"/>
      <c r="C4302" s="360"/>
      <c r="D4302" s="360"/>
      <c r="E4302" s="360"/>
      <c r="F4302" s="360"/>
      <c r="G4302" s="360"/>
      <c r="H4302" s="360"/>
      <c r="I4302" s="360"/>
      <c r="J4302" s="359"/>
      <c r="K4302" s="360"/>
      <c r="L4302" s="359"/>
    </row>
    <row r="4303" spans="2:12">
      <c r="B4303" s="359"/>
      <c r="C4303" s="360"/>
      <c r="D4303" s="360"/>
      <c r="E4303" s="360"/>
      <c r="F4303" s="359" t="s">
        <v>14420</v>
      </c>
      <c r="G4303" s="359" t="s">
        <v>14429</v>
      </c>
      <c r="H4303" s="359" t="s">
        <v>14332</v>
      </c>
      <c r="I4303" s="359" t="s">
        <v>14429</v>
      </c>
      <c r="J4303" s="359"/>
      <c r="K4303" s="360"/>
      <c r="L4303" s="359"/>
    </row>
    <row r="4304" spans="2:12">
      <c r="B4304" s="359"/>
      <c r="C4304" s="360"/>
      <c r="D4304" s="360"/>
      <c r="E4304" s="360"/>
      <c r="F4304" s="360"/>
      <c r="G4304" s="360"/>
      <c r="H4304" s="360"/>
      <c r="I4304" s="360"/>
      <c r="J4304" s="359"/>
      <c r="K4304" s="360"/>
      <c r="L4304" s="359"/>
    </row>
    <row r="4305" spans="2:12">
      <c r="B4305" s="359"/>
      <c r="C4305" s="360"/>
      <c r="D4305" s="360"/>
      <c r="E4305" s="360"/>
      <c r="F4305" s="359" t="s">
        <v>14389</v>
      </c>
      <c r="G4305" s="359" t="s">
        <v>14390</v>
      </c>
      <c r="H4305" s="360"/>
      <c r="I4305" s="359" t="s">
        <v>14390</v>
      </c>
      <c r="J4305" s="359"/>
      <c r="K4305" s="360"/>
      <c r="L4305" s="359"/>
    </row>
    <row r="4306" spans="2:12">
      <c r="B4306" s="359"/>
      <c r="C4306" s="360"/>
      <c r="D4306" s="360"/>
      <c r="E4306" s="360"/>
      <c r="F4306" s="360"/>
      <c r="G4306" s="360"/>
      <c r="H4306" s="360"/>
      <c r="I4306" s="360"/>
      <c r="J4306" s="359"/>
      <c r="K4306" s="360"/>
      <c r="L4306" s="359"/>
    </row>
    <row r="4307" spans="2:12">
      <c r="B4307" s="359"/>
      <c r="C4307" s="360"/>
      <c r="D4307" s="360"/>
      <c r="E4307" s="360"/>
      <c r="F4307" s="359" t="s">
        <v>14430</v>
      </c>
      <c r="G4307" s="359" t="s">
        <v>14431</v>
      </c>
      <c r="H4307" s="360"/>
      <c r="I4307" s="359" t="s">
        <v>14431</v>
      </c>
      <c r="J4307" s="359"/>
      <c r="K4307" s="360"/>
      <c r="L4307" s="359"/>
    </row>
    <row r="4308" spans="2:12">
      <c r="B4308" s="359"/>
      <c r="C4308" s="360"/>
      <c r="D4308" s="360"/>
      <c r="E4308" s="360"/>
      <c r="F4308" s="360"/>
      <c r="G4308" s="360"/>
      <c r="H4308" s="360"/>
      <c r="I4308" s="360"/>
      <c r="J4308" s="359"/>
      <c r="K4308" s="360"/>
      <c r="L4308" s="359"/>
    </row>
    <row r="4309" spans="2:12">
      <c r="B4309" s="359"/>
      <c r="C4309" s="360"/>
      <c r="D4309" s="360"/>
      <c r="E4309" s="360"/>
      <c r="F4309" s="359" t="s">
        <v>14814</v>
      </c>
      <c r="G4309" s="359" t="s">
        <v>14815</v>
      </c>
      <c r="H4309" s="360"/>
      <c r="I4309" s="359" t="s">
        <v>14815</v>
      </c>
      <c r="J4309" s="359"/>
      <c r="K4309" s="360"/>
      <c r="L4309" s="359"/>
    </row>
    <row r="4310" spans="2:12">
      <c r="B4310" s="359"/>
      <c r="C4310" s="360"/>
      <c r="D4310" s="360"/>
      <c r="E4310" s="360"/>
      <c r="F4310" s="360"/>
      <c r="G4310" s="360"/>
      <c r="H4310" s="360"/>
      <c r="I4310" s="360"/>
      <c r="J4310" s="359"/>
      <c r="K4310" s="360"/>
      <c r="L4310" s="359"/>
    </row>
    <row r="4311" spans="2:12">
      <c r="B4311" s="359"/>
      <c r="C4311" s="360"/>
      <c r="D4311" s="360"/>
      <c r="E4311" s="360"/>
      <c r="F4311" s="359" t="s">
        <v>14391</v>
      </c>
      <c r="G4311" s="359" t="s">
        <v>14392</v>
      </c>
      <c r="H4311" s="360"/>
      <c r="I4311" s="359" t="s">
        <v>14392</v>
      </c>
      <c r="J4311" s="359"/>
      <c r="K4311" s="360"/>
      <c r="L4311" s="359"/>
    </row>
    <row r="4312" spans="2:12">
      <c r="B4312" s="359"/>
      <c r="C4312" s="360"/>
      <c r="D4312" s="360"/>
      <c r="E4312" s="360"/>
      <c r="F4312" s="360"/>
      <c r="G4312" s="360"/>
      <c r="H4312" s="360"/>
      <c r="I4312" s="360"/>
      <c r="J4312" s="359"/>
      <c r="K4312" s="360"/>
      <c r="L4312" s="359"/>
    </row>
    <row r="4313" spans="2:12">
      <c r="B4313" s="359"/>
      <c r="C4313" s="360"/>
      <c r="D4313" s="360"/>
      <c r="E4313" s="360"/>
      <c r="F4313" s="359" t="s">
        <v>14371</v>
      </c>
      <c r="G4313" s="359" t="s">
        <v>14372</v>
      </c>
      <c r="H4313" s="360"/>
      <c r="I4313" s="359" t="s">
        <v>14373</v>
      </c>
      <c r="J4313" s="359"/>
      <c r="K4313" s="360"/>
      <c r="L4313" s="359"/>
    </row>
    <row r="4314" spans="2:12">
      <c r="B4314" s="359"/>
      <c r="C4314" s="360"/>
      <c r="D4314" s="360"/>
      <c r="E4314" s="360"/>
      <c r="F4314" s="360"/>
      <c r="G4314" s="360"/>
      <c r="H4314" s="360"/>
      <c r="I4314" s="360"/>
      <c r="J4314" s="359"/>
      <c r="K4314" s="360"/>
      <c r="L4314" s="359"/>
    </row>
    <row r="4315" spans="2:12" ht="28.5">
      <c r="B4315" s="361"/>
      <c r="C4315" s="362"/>
      <c r="D4315" s="362"/>
      <c r="E4315" s="362"/>
      <c r="F4315" s="361" t="s">
        <v>14374</v>
      </c>
      <c r="G4315" s="361" t="s">
        <v>14373</v>
      </c>
      <c r="H4315" s="362"/>
      <c r="I4315" s="362"/>
      <c r="J4315" s="361"/>
      <c r="K4315" s="362"/>
      <c r="L4315" s="361"/>
    </row>
    <row r="4316" spans="2:12" ht="28.5">
      <c r="B4316" s="358" t="s">
        <v>9117</v>
      </c>
      <c r="C4316" s="358" t="s">
        <v>16658</v>
      </c>
      <c r="D4316" s="358" t="s">
        <v>9118</v>
      </c>
      <c r="E4316" s="358" t="s">
        <v>9119</v>
      </c>
      <c r="F4316" s="358" t="s">
        <v>16528</v>
      </c>
      <c r="G4316" s="358" t="s">
        <v>14377</v>
      </c>
      <c r="H4316" s="358" t="s">
        <v>14381</v>
      </c>
      <c r="I4316" s="358" t="s">
        <v>28751</v>
      </c>
      <c r="J4316" s="358"/>
      <c r="K4316" s="358"/>
      <c r="L4316" s="358"/>
    </row>
    <row r="4317" spans="2:12">
      <c r="B4317" s="359"/>
      <c r="C4317" s="359"/>
      <c r="D4317" s="359"/>
      <c r="E4317" s="359"/>
      <c r="F4317" s="360"/>
      <c r="G4317" s="360"/>
      <c r="H4317" s="360"/>
      <c r="I4317" s="360"/>
      <c r="J4317" s="359"/>
      <c r="K4317" s="359"/>
      <c r="L4317" s="359"/>
    </row>
    <row r="4318" spans="2:12">
      <c r="B4318" s="359"/>
      <c r="C4318" s="359"/>
      <c r="D4318" s="359"/>
      <c r="E4318" s="359"/>
      <c r="F4318" s="359" t="s">
        <v>14384</v>
      </c>
      <c r="G4318" s="359" t="s">
        <v>14428</v>
      </c>
      <c r="H4318" s="359" t="s">
        <v>14367</v>
      </c>
      <c r="I4318" s="359" t="s">
        <v>14392</v>
      </c>
      <c r="J4318" s="359"/>
      <c r="K4318" s="359"/>
      <c r="L4318" s="359"/>
    </row>
    <row r="4319" spans="2:12">
      <c r="B4319" s="359"/>
      <c r="C4319" s="359"/>
      <c r="D4319" s="359"/>
      <c r="E4319" s="359"/>
      <c r="F4319" s="360"/>
      <c r="G4319" s="360"/>
      <c r="H4319" s="360"/>
      <c r="I4319" s="360"/>
      <c r="J4319" s="359"/>
      <c r="K4319" s="359"/>
      <c r="L4319" s="359"/>
    </row>
    <row r="4320" spans="2:12">
      <c r="B4320" s="359"/>
      <c r="C4320" s="359"/>
      <c r="D4320" s="359"/>
      <c r="E4320" s="359"/>
      <c r="F4320" s="359" t="s">
        <v>14391</v>
      </c>
      <c r="G4320" s="359" t="s">
        <v>14392</v>
      </c>
      <c r="H4320" s="359" t="s">
        <v>14370</v>
      </c>
      <c r="I4320" s="359" t="s">
        <v>14373</v>
      </c>
      <c r="J4320" s="359"/>
      <c r="K4320" s="359"/>
      <c r="L4320" s="359"/>
    </row>
    <row r="4321" spans="2:12">
      <c r="B4321" s="359"/>
      <c r="C4321" s="359"/>
      <c r="D4321" s="359"/>
      <c r="E4321" s="359"/>
      <c r="F4321" s="360"/>
      <c r="G4321" s="360"/>
      <c r="H4321" s="360"/>
      <c r="I4321" s="360"/>
      <c r="J4321" s="359"/>
      <c r="K4321" s="359"/>
      <c r="L4321" s="359"/>
    </row>
    <row r="4322" spans="2:12">
      <c r="B4322" s="359"/>
      <c r="C4322" s="359"/>
      <c r="D4322" s="359"/>
      <c r="E4322" s="359"/>
      <c r="F4322" s="359" t="s">
        <v>14371</v>
      </c>
      <c r="G4322" s="359" t="s">
        <v>14372</v>
      </c>
      <c r="H4322" s="359" t="s">
        <v>14332</v>
      </c>
      <c r="I4322" s="360"/>
      <c r="J4322" s="359"/>
      <c r="K4322" s="359"/>
      <c r="L4322" s="359"/>
    </row>
    <row r="4323" spans="2:12">
      <c r="B4323" s="359"/>
      <c r="C4323" s="359"/>
      <c r="D4323" s="359"/>
      <c r="E4323" s="359"/>
      <c r="F4323" s="360"/>
      <c r="G4323" s="360"/>
      <c r="H4323" s="360"/>
      <c r="I4323" s="360"/>
      <c r="J4323" s="359"/>
      <c r="K4323" s="359"/>
      <c r="L4323" s="359"/>
    </row>
    <row r="4324" spans="2:12" ht="28.5">
      <c r="B4324" s="361"/>
      <c r="C4324" s="361"/>
      <c r="D4324" s="361"/>
      <c r="E4324" s="361"/>
      <c r="F4324" s="361" t="s">
        <v>14374</v>
      </c>
      <c r="G4324" s="361" t="s">
        <v>14373</v>
      </c>
      <c r="H4324" s="362"/>
      <c r="I4324" s="362"/>
      <c r="J4324" s="361"/>
      <c r="K4324" s="361"/>
      <c r="L4324" s="361"/>
    </row>
    <row r="4325" spans="2:12" ht="71.25">
      <c r="B4325" s="358" t="s">
        <v>9121</v>
      </c>
      <c r="C4325" s="358" t="s">
        <v>16659</v>
      </c>
      <c r="D4325" s="358" t="s">
        <v>9122</v>
      </c>
      <c r="E4325" s="358" t="s">
        <v>9123</v>
      </c>
      <c r="F4325" s="358" t="s">
        <v>16528</v>
      </c>
      <c r="G4325" s="358" t="s">
        <v>14377</v>
      </c>
      <c r="H4325" s="358" t="s">
        <v>14381</v>
      </c>
      <c r="I4325" s="358" t="s">
        <v>14377</v>
      </c>
      <c r="J4325" s="358"/>
      <c r="K4325" s="358" t="s">
        <v>28752</v>
      </c>
      <c r="L4325" s="358"/>
    </row>
    <row r="4326" spans="2:12">
      <c r="B4326" s="359"/>
      <c r="C4326" s="359"/>
      <c r="D4326" s="359"/>
      <c r="E4326" s="359"/>
      <c r="F4326" s="360"/>
      <c r="G4326" s="360"/>
      <c r="H4326" s="360"/>
      <c r="I4326" s="360"/>
      <c r="J4326" s="359"/>
      <c r="K4326" s="360"/>
      <c r="L4326" s="359"/>
    </row>
    <row r="4327" spans="2:12" ht="42.75">
      <c r="B4327" s="359"/>
      <c r="C4327" s="359"/>
      <c r="D4327" s="359"/>
      <c r="E4327" s="359"/>
      <c r="F4327" s="359" t="s">
        <v>14426</v>
      </c>
      <c r="G4327" s="359" t="s">
        <v>14427</v>
      </c>
      <c r="H4327" s="359" t="s">
        <v>14367</v>
      </c>
      <c r="I4327" s="359" t="s">
        <v>14427</v>
      </c>
      <c r="J4327" s="359"/>
      <c r="K4327" s="359" t="s">
        <v>28753</v>
      </c>
      <c r="L4327" s="359"/>
    </row>
    <row r="4328" spans="2:12">
      <c r="B4328" s="359"/>
      <c r="C4328" s="359"/>
      <c r="D4328" s="359"/>
      <c r="E4328" s="359"/>
      <c r="F4328" s="360"/>
      <c r="G4328" s="360"/>
      <c r="H4328" s="360"/>
      <c r="I4328" s="360"/>
      <c r="J4328" s="359"/>
      <c r="K4328" s="360"/>
      <c r="L4328" s="359"/>
    </row>
    <row r="4329" spans="2:12" ht="28.5">
      <c r="B4329" s="359"/>
      <c r="C4329" s="359"/>
      <c r="D4329" s="359"/>
      <c r="E4329" s="359"/>
      <c r="F4329" s="359" t="s">
        <v>14424</v>
      </c>
      <c r="G4329" s="359" t="s">
        <v>28740</v>
      </c>
      <c r="H4329" s="359" t="s">
        <v>14370</v>
      </c>
      <c r="I4329" s="359" t="s">
        <v>28740</v>
      </c>
      <c r="J4329" s="359"/>
      <c r="K4329" s="359" t="s">
        <v>16660</v>
      </c>
      <c r="L4329" s="359"/>
    </row>
    <row r="4330" spans="2:12">
      <c r="B4330" s="359"/>
      <c r="C4330" s="359"/>
      <c r="D4330" s="359"/>
      <c r="E4330" s="359"/>
      <c r="F4330" s="360"/>
      <c r="G4330" s="360"/>
      <c r="H4330" s="360"/>
      <c r="I4330" s="360"/>
      <c r="J4330" s="359"/>
      <c r="K4330" s="360"/>
      <c r="L4330" s="359"/>
    </row>
    <row r="4331" spans="2:12">
      <c r="B4331" s="359"/>
      <c r="C4331" s="359"/>
      <c r="D4331" s="359"/>
      <c r="E4331" s="359"/>
      <c r="F4331" s="359" t="s">
        <v>14384</v>
      </c>
      <c r="G4331" s="359" t="s">
        <v>14459</v>
      </c>
      <c r="H4331" s="359" t="s">
        <v>14332</v>
      </c>
      <c r="I4331" s="359" t="s">
        <v>14459</v>
      </c>
      <c r="J4331" s="359"/>
      <c r="K4331" s="360"/>
      <c r="L4331" s="359"/>
    </row>
    <row r="4332" spans="2:12">
      <c r="B4332" s="359"/>
      <c r="C4332" s="359"/>
      <c r="D4332" s="359"/>
      <c r="E4332" s="359"/>
      <c r="F4332" s="360"/>
      <c r="G4332" s="360"/>
      <c r="H4332" s="360"/>
      <c r="I4332" s="360"/>
      <c r="J4332" s="359"/>
      <c r="K4332" s="360"/>
      <c r="L4332" s="359"/>
    </row>
    <row r="4333" spans="2:12">
      <c r="B4333" s="359"/>
      <c r="C4333" s="359"/>
      <c r="D4333" s="359"/>
      <c r="E4333" s="359"/>
      <c r="F4333" s="359" t="s">
        <v>14420</v>
      </c>
      <c r="G4333" s="359" t="s">
        <v>14429</v>
      </c>
      <c r="H4333" s="360"/>
      <c r="I4333" s="359" t="s">
        <v>14429</v>
      </c>
      <c r="J4333" s="359"/>
      <c r="K4333" s="360"/>
      <c r="L4333" s="359"/>
    </row>
    <row r="4334" spans="2:12">
      <c r="B4334" s="359"/>
      <c r="C4334" s="359"/>
      <c r="D4334" s="359"/>
      <c r="E4334" s="359"/>
      <c r="F4334" s="360"/>
      <c r="G4334" s="360"/>
      <c r="H4334" s="360"/>
      <c r="I4334" s="360"/>
      <c r="J4334" s="359"/>
      <c r="K4334" s="360"/>
      <c r="L4334" s="359"/>
    </row>
    <row r="4335" spans="2:12">
      <c r="B4335" s="359"/>
      <c r="C4335" s="359"/>
      <c r="D4335" s="359"/>
      <c r="E4335" s="359"/>
      <c r="F4335" s="359" t="s">
        <v>14420</v>
      </c>
      <c r="G4335" s="359" t="s">
        <v>14390</v>
      </c>
      <c r="H4335" s="360"/>
      <c r="I4335" s="359" t="s">
        <v>14390</v>
      </c>
      <c r="J4335" s="359"/>
      <c r="K4335" s="360"/>
      <c r="L4335" s="359"/>
    </row>
    <row r="4336" spans="2:12">
      <c r="B4336" s="359"/>
      <c r="C4336" s="359"/>
      <c r="D4336" s="359"/>
      <c r="E4336" s="359"/>
      <c r="F4336" s="360"/>
      <c r="G4336" s="360"/>
      <c r="H4336" s="360"/>
      <c r="I4336" s="360"/>
      <c r="J4336" s="359"/>
      <c r="K4336" s="360"/>
      <c r="L4336" s="359"/>
    </row>
    <row r="4337" spans="2:12">
      <c r="B4337" s="359"/>
      <c r="C4337" s="359"/>
      <c r="D4337" s="359"/>
      <c r="E4337" s="359"/>
      <c r="F4337" s="359" t="s">
        <v>14389</v>
      </c>
      <c r="G4337" s="359" t="s">
        <v>14815</v>
      </c>
      <c r="H4337" s="360"/>
      <c r="I4337" s="359" t="s">
        <v>14815</v>
      </c>
      <c r="J4337" s="359"/>
      <c r="K4337" s="360"/>
      <c r="L4337" s="359"/>
    </row>
    <row r="4338" spans="2:12">
      <c r="B4338" s="359"/>
      <c r="C4338" s="359"/>
      <c r="D4338" s="359"/>
      <c r="E4338" s="359"/>
      <c r="F4338" s="360"/>
      <c r="G4338" s="360"/>
      <c r="H4338" s="360"/>
      <c r="I4338" s="360"/>
      <c r="J4338" s="359"/>
      <c r="K4338" s="360"/>
      <c r="L4338" s="359"/>
    </row>
    <row r="4339" spans="2:12">
      <c r="B4339" s="359"/>
      <c r="C4339" s="359"/>
      <c r="D4339" s="359"/>
      <c r="E4339" s="359"/>
      <c r="F4339" s="359" t="s">
        <v>14814</v>
      </c>
      <c r="G4339" s="359" t="s">
        <v>14392</v>
      </c>
      <c r="H4339" s="360"/>
      <c r="I4339" s="359" t="s">
        <v>14392</v>
      </c>
      <c r="J4339" s="359"/>
      <c r="K4339" s="360"/>
      <c r="L4339" s="359"/>
    </row>
    <row r="4340" spans="2:12">
      <c r="B4340" s="359"/>
      <c r="C4340" s="359"/>
      <c r="D4340" s="359"/>
      <c r="E4340" s="359"/>
      <c r="F4340" s="360"/>
      <c r="G4340" s="360"/>
      <c r="H4340" s="360"/>
      <c r="I4340" s="360"/>
      <c r="J4340" s="359"/>
      <c r="K4340" s="360"/>
      <c r="L4340" s="359"/>
    </row>
    <row r="4341" spans="2:12">
      <c r="B4341" s="359"/>
      <c r="C4341" s="359"/>
      <c r="D4341" s="359"/>
      <c r="E4341" s="359"/>
      <c r="F4341" s="359" t="s">
        <v>14391</v>
      </c>
      <c r="G4341" s="359" t="s">
        <v>14372</v>
      </c>
      <c r="H4341" s="360"/>
      <c r="I4341" s="359" t="s">
        <v>14373</v>
      </c>
      <c r="J4341" s="359"/>
      <c r="K4341" s="360"/>
      <c r="L4341" s="359"/>
    </row>
    <row r="4342" spans="2:12">
      <c r="B4342" s="359"/>
      <c r="C4342" s="359"/>
      <c r="D4342" s="359"/>
      <c r="E4342" s="359"/>
      <c r="F4342" s="360"/>
      <c r="G4342" s="360"/>
      <c r="H4342" s="360"/>
      <c r="I4342" s="360"/>
      <c r="J4342" s="359"/>
      <c r="K4342" s="360"/>
      <c r="L4342" s="359"/>
    </row>
    <row r="4343" spans="2:12">
      <c r="B4343" s="359"/>
      <c r="C4343" s="359"/>
      <c r="D4343" s="359"/>
      <c r="E4343" s="359"/>
      <c r="F4343" s="359" t="s">
        <v>14371</v>
      </c>
      <c r="G4343" s="359" t="s">
        <v>14373</v>
      </c>
      <c r="H4343" s="360"/>
      <c r="I4343" s="360"/>
      <c r="J4343" s="359"/>
      <c r="K4343" s="360"/>
      <c r="L4343" s="359"/>
    </row>
    <row r="4344" spans="2:12">
      <c r="B4344" s="359"/>
      <c r="C4344" s="359"/>
      <c r="D4344" s="359"/>
      <c r="E4344" s="359"/>
      <c r="F4344" s="360"/>
      <c r="G4344" s="360"/>
      <c r="H4344" s="360"/>
      <c r="I4344" s="360"/>
      <c r="J4344" s="359"/>
      <c r="K4344" s="360"/>
      <c r="L4344" s="359"/>
    </row>
    <row r="4345" spans="2:12" ht="28.5">
      <c r="B4345" s="361"/>
      <c r="C4345" s="361"/>
      <c r="D4345" s="361"/>
      <c r="E4345" s="361"/>
      <c r="F4345" s="361" t="s">
        <v>14374</v>
      </c>
      <c r="G4345" s="362"/>
      <c r="H4345" s="362"/>
      <c r="I4345" s="362"/>
      <c r="J4345" s="361"/>
      <c r="K4345" s="362"/>
      <c r="L4345" s="361"/>
    </row>
    <row r="4346" spans="2:12" ht="28.5">
      <c r="B4346" s="358" t="s">
        <v>9125</v>
      </c>
      <c r="C4346" s="358" t="s">
        <v>16661</v>
      </c>
      <c r="D4346" s="358" t="s">
        <v>9126</v>
      </c>
      <c r="E4346" s="358" t="s">
        <v>9127</v>
      </c>
      <c r="F4346" s="358" t="s">
        <v>28746</v>
      </c>
      <c r="G4346" s="358" t="s">
        <v>14377</v>
      </c>
      <c r="H4346" s="358" t="s">
        <v>14381</v>
      </c>
      <c r="I4346" s="358" t="s">
        <v>14377</v>
      </c>
      <c r="J4346" s="358"/>
      <c r="K4346" s="358"/>
      <c r="L4346" s="358"/>
    </row>
    <row r="4347" spans="2:12">
      <c r="B4347" s="359"/>
      <c r="C4347" s="359"/>
      <c r="D4347" s="359"/>
      <c r="E4347" s="359"/>
      <c r="F4347" s="360"/>
      <c r="G4347" s="360"/>
      <c r="H4347" s="360"/>
      <c r="I4347" s="360"/>
      <c r="J4347" s="359"/>
      <c r="K4347" s="359"/>
      <c r="L4347" s="359"/>
    </row>
    <row r="4348" spans="2:12">
      <c r="B4348" s="359"/>
      <c r="C4348" s="359"/>
      <c r="D4348" s="359"/>
      <c r="E4348" s="359"/>
      <c r="F4348" s="359" t="s">
        <v>14497</v>
      </c>
      <c r="G4348" s="359" t="s">
        <v>14427</v>
      </c>
      <c r="H4348" s="359" t="s">
        <v>14370</v>
      </c>
      <c r="I4348" s="359" t="s">
        <v>14427</v>
      </c>
      <c r="J4348" s="359"/>
      <c r="K4348" s="359"/>
      <c r="L4348" s="359"/>
    </row>
    <row r="4349" spans="2:12">
      <c r="B4349" s="359"/>
      <c r="C4349" s="359"/>
      <c r="D4349" s="359"/>
      <c r="E4349" s="359"/>
      <c r="F4349" s="360"/>
      <c r="G4349" s="360"/>
      <c r="H4349" s="360"/>
      <c r="I4349" s="360"/>
      <c r="J4349" s="359"/>
      <c r="K4349" s="359"/>
      <c r="L4349" s="359"/>
    </row>
    <row r="4350" spans="2:12" ht="28.5">
      <c r="B4350" s="359"/>
      <c r="C4350" s="359"/>
      <c r="D4350" s="359"/>
      <c r="E4350" s="359"/>
      <c r="F4350" s="359" t="s">
        <v>14384</v>
      </c>
      <c r="G4350" s="359" t="s">
        <v>28740</v>
      </c>
      <c r="H4350" s="359" t="s">
        <v>14332</v>
      </c>
      <c r="I4350" s="359" t="s">
        <v>28740</v>
      </c>
      <c r="J4350" s="359"/>
      <c r="K4350" s="359"/>
      <c r="L4350" s="359"/>
    </row>
    <row r="4351" spans="2:12">
      <c r="B4351" s="359"/>
      <c r="C4351" s="359"/>
      <c r="D4351" s="359"/>
      <c r="E4351" s="359"/>
      <c r="F4351" s="360"/>
      <c r="G4351" s="360"/>
      <c r="H4351" s="360"/>
      <c r="I4351" s="360"/>
      <c r="J4351" s="359"/>
      <c r="K4351" s="359"/>
      <c r="L4351" s="359"/>
    </row>
    <row r="4352" spans="2:12">
      <c r="B4352" s="359"/>
      <c r="C4352" s="359"/>
      <c r="D4352" s="359"/>
      <c r="E4352" s="359"/>
      <c r="F4352" s="359" t="s">
        <v>14814</v>
      </c>
      <c r="G4352" s="359" t="s">
        <v>14815</v>
      </c>
      <c r="H4352" s="360"/>
      <c r="I4352" s="359" t="s">
        <v>14815</v>
      </c>
      <c r="J4352" s="359"/>
      <c r="K4352" s="359"/>
      <c r="L4352" s="359"/>
    </row>
    <row r="4353" spans="2:12">
      <c r="B4353" s="359"/>
      <c r="C4353" s="359"/>
      <c r="D4353" s="359"/>
      <c r="E4353" s="359"/>
      <c r="F4353" s="360"/>
      <c r="G4353" s="360"/>
      <c r="H4353" s="360"/>
      <c r="I4353" s="360"/>
      <c r="J4353" s="359"/>
      <c r="K4353" s="359"/>
      <c r="L4353" s="359"/>
    </row>
    <row r="4354" spans="2:12">
      <c r="B4354" s="359"/>
      <c r="C4354" s="359"/>
      <c r="D4354" s="359"/>
      <c r="E4354" s="359"/>
      <c r="F4354" s="359" t="s">
        <v>14391</v>
      </c>
      <c r="G4354" s="359" t="s">
        <v>14392</v>
      </c>
      <c r="H4354" s="360"/>
      <c r="I4354" s="359" t="s">
        <v>14392</v>
      </c>
      <c r="J4354" s="359"/>
      <c r="K4354" s="359"/>
      <c r="L4354" s="359"/>
    </row>
    <row r="4355" spans="2:12">
      <c r="B4355" s="359"/>
      <c r="C4355" s="359"/>
      <c r="D4355" s="359"/>
      <c r="E4355" s="359"/>
      <c r="F4355" s="360"/>
      <c r="G4355" s="360"/>
      <c r="H4355" s="360"/>
      <c r="I4355" s="360"/>
      <c r="J4355" s="359"/>
      <c r="K4355" s="359"/>
      <c r="L4355" s="359"/>
    </row>
    <row r="4356" spans="2:12">
      <c r="B4356" s="359"/>
      <c r="C4356" s="359"/>
      <c r="D4356" s="359"/>
      <c r="E4356" s="359"/>
      <c r="F4356" s="359" t="s">
        <v>14371</v>
      </c>
      <c r="G4356" s="359" t="s">
        <v>14372</v>
      </c>
      <c r="H4356" s="360"/>
      <c r="I4356" s="359" t="s">
        <v>14373</v>
      </c>
      <c r="J4356" s="359"/>
      <c r="K4356" s="359"/>
      <c r="L4356" s="359"/>
    </row>
    <row r="4357" spans="2:12">
      <c r="B4357" s="359"/>
      <c r="C4357" s="359"/>
      <c r="D4357" s="359"/>
      <c r="E4357" s="359"/>
      <c r="F4357" s="360"/>
      <c r="G4357" s="360"/>
      <c r="H4357" s="360"/>
      <c r="I4357" s="360"/>
      <c r="J4357" s="359"/>
      <c r="K4357" s="359"/>
      <c r="L4357" s="359"/>
    </row>
    <row r="4358" spans="2:12" ht="28.5">
      <c r="B4358" s="361"/>
      <c r="C4358" s="361"/>
      <c r="D4358" s="361"/>
      <c r="E4358" s="361"/>
      <c r="F4358" s="361" t="s">
        <v>14374</v>
      </c>
      <c r="G4358" s="361" t="s">
        <v>14373</v>
      </c>
      <c r="H4358" s="362"/>
      <c r="I4358" s="362"/>
      <c r="J4358" s="361"/>
      <c r="K4358" s="361"/>
      <c r="L4358" s="361"/>
    </row>
    <row r="4359" spans="2:12" ht="71.25">
      <c r="B4359" s="358" t="s">
        <v>9130</v>
      </c>
      <c r="C4359" s="358" t="s">
        <v>16662</v>
      </c>
      <c r="D4359" s="358" t="s">
        <v>9131</v>
      </c>
      <c r="E4359" s="358" t="s">
        <v>5429</v>
      </c>
      <c r="F4359" s="358" t="s">
        <v>28746</v>
      </c>
      <c r="G4359" s="358" t="s">
        <v>14377</v>
      </c>
      <c r="H4359" s="358" t="s">
        <v>14341</v>
      </c>
      <c r="I4359" s="358" t="s">
        <v>14377</v>
      </c>
      <c r="J4359" s="358"/>
      <c r="K4359" s="358" t="s">
        <v>28754</v>
      </c>
      <c r="L4359" s="358"/>
    </row>
    <row r="4360" spans="2:12">
      <c r="B4360" s="359"/>
      <c r="C4360" s="360"/>
      <c r="D4360" s="359"/>
      <c r="E4360" s="359"/>
      <c r="F4360" s="360"/>
      <c r="G4360" s="360"/>
      <c r="H4360" s="360"/>
      <c r="I4360" s="360"/>
      <c r="J4360" s="359"/>
      <c r="K4360" s="360"/>
      <c r="L4360" s="359"/>
    </row>
    <row r="4361" spans="2:12" ht="42.75">
      <c r="B4361" s="359"/>
      <c r="C4361" s="359" t="s">
        <v>16663</v>
      </c>
      <c r="D4361" s="359"/>
      <c r="E4361" s="359"/>
      <c r="F4361" s="359" t="s">
        <v>14424</v>
      </c>
      <c r="G4361" s="359" t="s">
        <v>14427</v>
      </c>
      <c r="H4361" s="359" t="s">
        <v>14381</v>
      </c>
      <c r="I4361" s="359" t="s">
        <v>14427</v>
      </c>
      <c r="J4361" s="359"/>
      <c r="K4361" s="359" t="s">
        <v>28749</v>
      </c>
      <c r="L4361" s="359"/>
    </row>
    <row r="4362" spans="2:12">
      <c r="B4362" s="359"/>
      <c r="C4362" s="360"/>
      <c r="D4362" s="359"/>
      <c r="E4362" s="359"/>
      <c r="F4362" s="360"/>
      <c r="G4362" s="360"/>
      <c r="H4362" s="360"/>
      <c r="I4362" s="360"/>
      <c r="J4362" s="359"/>
      <c r="K4362" s="360"/>
      <c r="L4362" s="359"/>
    </row>
    <row r="4363" spans="2:12" ht="28.5">
      <c r="B4363" s="359"/>
      <c r="C4363" s="360"/>
      <c r="D4363" s="359"/>
      <c r="E4363" s="359"/>
      <c r="F4363" s="359" t="s">
        <v>14384</v>
      </c>
      <c r="G4363" s="359" t="s">
        <v>28740</v>
      </c>
      <c r="H4363" s="359" t="s">
        <v>14370</v>
      </c>
      <c r="I4363" s="359" t="s">
        <v>28740</v>
      </c>
      <c r="J4363" s="359"/>
      <c r="K4363" s="359" t="s">
        <v>16660</v>
      </c>
      <c r="L4363" s="359"/>
    </row>
    <row r="4364" spans="2:12">
      <c r="B4364" s="359"/>
      <c r="C4364" s="360"/>
      <c r="D4364" s="359"/>
      <c r="E4364" s="359"/>
      <c r="F4364" s="360"/>
      <c r="G4364" s="360"/>
      <c r="H4364" s="360"/>
      <c r="I4364" s="360"/>
      <c r="J4364" s="359"/>
      <c r="K4364" s="360"/>
      <c r="L4364" s="359"/>
    </row>
    <row r="4365" spans="2:12">
      <c r="B4365" s="359"/>
      <c r="C4365" s="360"/>
      <c r="D4365" s="359"/>
      <c r="E4365" s="359"/>
      <c r="F4365" s="359" t="s">
        <v>14356</v>
      </c>
      <c r="G4365" s="359" t="s">
        <v>14340</v>
      </c>
      <c r="H4365" s="359" t="s">
        <v>14332</v>
      </c>
      <c r="I4365" s="359" t="s">
        <v>14340</v>
      </c>
      <c r="J4365" s="359"/>
      <c r="K4365" s="360"/>
      <c r="L4365" s="359"/>
    </row>
    <row r="4366" spans="2:12">
      <c r="B4366" s="359"/>
      <c r="C4366" s="360"/>
      <c r="D4366" s="359"/>
      <c r="E4366" s="359"/>
      <c r="F4366" s="360"/>
      <c r="G4366" s="360"/>
      <c r="H4366" s="360"/>
      <c r="I4366" s="360"/>
      <c r="J4366" s="359"/>
      <c r="K4366" s="360"/>
      <c r="L4366" s="359"/>
    </row>
    <row r="4367" spans="2:12">
      <c r="B4367" s="359"/>
      <c r="C4367" s="360"/>
      <c r="D4367" s="359"/>
      <c r="E4367" s="359"/>
      <c r="F4367" s="359" t="s">
        <v>14814</v>
      </c>
      <c r="G4367" s="359" t="s">
        <v>14815</v>
      </c>
      <c r="H4367" s="360"/>
      <c r="I4367" s="359" t="s">
        <v>14815</v>
      </c>
      <c r="J4367" s="359"/>
      <c r="K4367" s="360"/>
      <c r="L4367" s="359"/>
    </row>
    <row r="4368" spans="2:12">
      <c r="B4368" s="359"/>
      <c r="C4368" s="360"/>
      <c r="D4368" s="359"/>
      <c r="E4368" s="359"/>
      <c r="F4368" s="360"/>
      <c r="G4368" s="360"/>
      <c r="H4368" s="360"/>
      <c r="I4368" s="360"/>
      <c r="J4368" s="359"/>
      <c r="K4368" s="360"/>
      <c r="L4368" s="359"/>
    </row>
    <row r="4369" spans="2:12">
      <c r="B4369" s="359"/>
      <c r="C4369" s="360"/>
      <c r="D4369" s="359"/>
      <c r="E4369" s="359"/>
      <c r="F4369" s="359" t="s">
        <v>14391</v>
      </c>
      <c r="G4369" s="359" t="s">
        <v>14392</v>
      </c>
      <c r="H4369" s="360"/>
      <c r="I4369" s="359" t="s">
        <v>14392</v>
      </c>
      <c r="J4369" s="359"/>
      <c r="K4369" s="360"/>
      <c r="L4369" s="359"/>
    </row>
    <row r="4370" spans="2:12">
      <c r="B4370" s="359"/>
      <c r="C4370" s="360"/>
      <c r="D4370" s="359"/>
      <c r="E4370" s="359"/>
      <c r="F4370" s="360"/>
      <c r="G4370" s="360"/>
      <c r="H4370" s="360"/>
      <c r="I4370" s="360"/>
      <c r="J4370" s="359"/>
      <c r="K4370" s="360"/>
      <c r="L4370" s="359"/>
    </row>
    <row r="4371" spans="2:12">
      <c r="B4371" s="359"/>
      <c r="C4371" s="360"/>
      <c r="D4371" s="359"/>
      <c r="E4371" s="359"/>
      <c r="F4371" s="359" t="s">
        <v>14371</v>
      </c>
      <c r="G4371" s="359" t="s">
        <v>14372</v>
      </c>
      <c r="H4371" s="360"/>
      <c r="I4371" s="359" t="s">
        <v>14373</v>
      </c>
      <c r="J4371" s="359"/>
      <c r="K4371" s="360"/>
      <c r="L4371" s="359"/>
    </row>
    <row r="4372" spans="2:12">
      <c r="B4372" s="359"/>
      <c r="C4372" s="360"/>
      <c r="D4372" s="359"/>
      <c r="E4372" s="359"/>
      <c r="F4372" s="360"/>
      <c r="G4372" s="360"/>
      <c r="H4372" s="360"/>
      <c r="I4372" s="360"/>
      <c r="J4372" s="359"/>
      <c r="K4372" s="360"/>
      <c r="L4372" s="359"/>
    </row>
    <row r="4373" spans="2:12" ht="28.5">
      <c r="B4373" s="361"/>
      <c r="C4373" s="362"/>
      <c r="D4373" s="361"/>
      <c r="E4373" s="361"/>
      <c r="F4373" s="361" t="s">
        <v>14374</v>
      </c>
      <c r="G4373" s="361" t="s">
        <v>14373</v>
      </c>
      <c r="H4373" s="362"/>
      <c r="I4373" s="362"/>
      <c r="J4373" s="361"/>
      <c r="K4373" s="362"/>
      <c r="L4373" s="361"/>
    </row>
    <row r="4374" spans="2:12" ht="71.25">
      <c r="B4374" s="358" t="s">
        <v>9133</v>
      </c>
      <c r="C4374" s="358" t="s">
        <v>16664</v>
      </c>
      <c r="D4374" s="358" t="s">
        <v>9134</v>
      </c>
      <c r="E4374" s="358" t="s">
        <v>9135</v>
      </c>
      <c r="F4374" s="358" t="s">
        <v>28746</v>
      </c>
      <c r="G4374" s="358" t="s">
        <v>14377</v>
      </c>
      <c r="H4374" s="358" t="s">
        <v>14381</v>
      </c>
      <c r="I4374" s="358" t="s">
        <v>14377</v>
      </c>
      <c r="J4374" s="358"/>
      <c r="K4374" s="358" t="s">
        <v>28755</v>
      </c>
      <c r="L4374" s="358"/>
    </row>
    <row r="4375" spans="2:12">
      <c r="B4375" s="359"/>
      <c r="C4375" s="360"/>
      <c r="D4375" s="360"/>
      <c r="E4375" s="360"/>
      <c r="F4375" s="360"/>
      <c r="G4375" s="360"/>
      <c r="H4375" s="360"/>
      <c r="I4375" s="360"/>
      <c r="J4375" s="359"/>
      <c r="K4375" s="360"/>
      <c r="L4375" s="359"/>
    </row>
    <row r="4376" spans="2:12" ht="42.75">
      <c r="B4376" s="359"/>
      <c r="C4376" s="359" t="s">
        <v>16665</v>
      </c>
      <c r="D4376" s="359" t="s">
        <v>9137</v>
      </c>
      <c r="E4376" s="359" t="s">
        <v>9138</v>
      </c>
      <c r="F4376" s="359" t="s">
        <v>14424</v>
      </c>
      <c r="G4376" s="359" t="s">
        <v>14427</v>
      </c>
      <c r="H4376" s="359" t="s">
        <v>14367</v>
      </c>
      <c r="I4376" s="359" t="s">
        <v>14427</v>
      </c>
      <c r="J4376" s="359"/>
      <c r="K4376" s="359" t="s">
        <v>28753</v>
      </c>
      <c r="L4376" s="359"/>
    </row>
    <row r="4377" spans="2:12">
      <c r="B4377" s="359"/>
      <c r="C4377" s="360"/>
      <c r="D4377" s="360"/>
      <c r="E4377" s="360"/>
      <c r="F4377" s="360"/>
      <c r="G4377" s="360"/>
      <c r="H4377" s="360"/>
      <c r="I4377" s="360"/>
      <c r="J4377" s="359"/>
      <c r="K4377" s="360"/>
      <c r="L4377" s="359"/>
    </row>
    <row r="4378" spans="2:12" ht="28.5">
      <c r="B4378" s="359"/>
      <c r="C4378" s="360"/>
      <c r="D4378" s="360"/>
      <c r="E4378" s="360"/>
      <c r="F4378" s="359" t="s">
        <v>14384</v>
      </c>
      <c r="G4378" s="359" t="s">
        <v>28740</v>
      </c>
      <c r="H4378" s="359" t="s">
        <v>14370</v>
      </c>
      <c r="I4378" s="359" t="s">
        <v>28740</v>
      </c>
      <c r="J4378" s="359"/>
      <c r="K4378" s="359" t="s">
        <v>16660</v>
      </c>
      <c r="L4378" s="359"/>
    </row>
    <row r="4379" spans="2:12">
      <c r="B4379" s="359"/>
      <c r="C4379" s="360"/>
      <c r="D4379" s="360"/>
      <c r="E4379" s="360"/>
      <c r="F4379" s="360"/>
      <c r="G4379" s="360"/>
      <c r="H4379" s="360"/>
      <c r="I4379" s="360"/>
      <c r="J4379" s="359"/>
      <c r="K4379" s="360"/>
      <c r="L4379" s="359"/>
    </row>
    <row r="4380" spans="2:12">
      <c r="B4380" s="359"/>
      <c r="C4380" s="360"/>
      <c r="D4380" s="360"/>
      <c r="E4380" s="360"/>
      <c r="F4380" s="359" t="s">
        <v>14420</v>
      </c>
      <c r="G4380" s="359" t="s">
        <v>14459</v>
      </c>
      <c r="H4380" s="359" t="s">
        <v>14332</v>
      </c>
      <c r="I4380" s="359" t="s">
        <v>14459</v>
      </c>
      <c r="J4380" s="359"/>
      <c r="K4380" s="360"/>
      <c r="L4380" s="359"/>
    </row>
    <row r="4381" spans="2:12">
      <c r="B4381" s="359"/>
      <c r="C4381" s="360"/>
      <c r="D4381" s="360"/>
      <c r="E4381" s="360"/>
      <c r="F4381" s="360"/>
      <c r="G4381" s="360"/>
      <c r="H4381" s="360"/>
      <c r="I4381" s="360"/>
      <c r="J4381" s="359"/>
      <c r="K4381" s="360"/>
      <c r="L4381" s="359"/>
    </row>
    <row r="4382" spans="2:12">
      <c r="B4382" s="359"/>
      <c r="C4382" s="360"/>
      <c r="D4382" s="360"/>
      <c r="E4382" s="360"/>
      <c r="F4382" s="359" t="s">
        <v>14420</v>
      </c>
      <c r="G4382" s="359" t="s">
        <v>14429</v>
      </c>
      <c r="H4382" s="360"/>
      <c r="I4382" s="359" t="s">
        <v>14429</v>
      </c>
      <c r="J4382" s="359"/>
      <c r="K4382" s="360"/>
      <c r="L4382" s="359"/>
    </row>
    <row r="4383" spans="2:12">
      <c r="B4383" s="359"/>
      <c r="C4383" s="360"/>
      <c r="D4383" s="360"/>
      <c r="E4383" s="360"/>
      <c r="F4383" s="360"/>
      <c r="G4383" s="360"/>
      <c r="H4383" s="360"/>
      <c r="I4383" s="360"/>
      <c r="J4383" s="359"/>
      <c r="K4383" s="360"/>
      <c r="L4383" s="359"/>
    </row>
    <row r="4384" spans="2:12">
      <c r="B4384" s="359"/>
      <c r="C4384" s="360"/>
      <c r="D4384" s="360"/>
      <c r="E4384" s="360"/>
      <c r="F4384" s="359" t="s">
        <v>14814</v>
      </c>
      <c r="G4384" s="359" t="s">
        <v>14815</v>
      </c>
      <c r="H4384" s="360"/>
      <c r="I4384" s="359" t="s">
        <v>14815</v>
      </c>
      <c r="J4384" s="359"/>
      <c r="K4384" s="360"/>
      <c r="L4384" s="359"/>
    </row>
    <row r="4385" spans="2:12">
      <c r="B4385" s="359"/>
      <c r="C4385" s="360"/>
      <c r="D4385" s="360"/>
      <c r="E4385" s="360"/>
      <c r="F4385" s="360"/>
      <c r="G4385" s="360"/>
      <c r="H4385" s="360"/>
      <c r="I4385" s="360"/>
      <c r="J4385" s="359"/>
      <c r="K4385" s="360"/>
      <c r="L4385" s="359"/>
    </row>
    <row r="4386" spans="2:12">
      <c r="B4386" s="359"/>
      <c r="C4386" s="360"/>
      <c r="D4386" s="360"/>
      <c r="E4386" s="360"/>
      <c r="F4386" s="359" t="s">
        <v>14391</v>
      </c>
      <c r="G4386" s="359" t="s">
        <v>14392</v>
      </c>
      <c r="H4386" s="360"/>
      <c r="I4386" s="359" t="s">
        <v>14392</v>
      </c>
      <c r="J4386" s="359"/>
      <c r="K4386" s="360"/>
      <c r="L4386" s="359"/>
    </row>
    <row r="4387" spans="2:12">
      <c r="B4387" s="359"/>
      <c r="C4387" s="360"/>
      <c r="D4387" s="360"/>
      <c r="E4387" s="360"/>
      <c r="F4387" s="360"/>
      <c r="G4387" s="360"/>
      <c r="H4387" s="360"/>
      <c r="I4387" s="360"/>
      <c r="J4387" s="359"/>
      <c r="K4387" s="360"/>
      <c r="L4387" s="359"/>
    </row>
    <row r="4388" spans="2:12">
      <c r="B4388" s="359"/>
      <c r="C4388" s="360"/>
      <c r="D4388" s="360"/>
      <c r="E4388" s="360"/>
      <c r="F4388" s="359" t="s">
        <v>14371</v>
      </c>
      <c r="G4388" s="359" t="s">
        <v>14372</v>
      </c>
      <c r="H4388" s="360"/>
      <c r="I4388" s="359" t="s">
        <v>14373</v>
      </c>
      <c r="J4388" s="359"/>
      <c r="K4388" s="360"/>
      <c r="L4388" s="359"/>
    </row>
    <row r="4389" spans="2:12">
      <c r="B4389" s="359"/>
      <c r="C4389" s="360"/>
      <c r="D4389" s="360"/>
      <c r="E4389" s="360"/>
      <c r="F4389" s="360"/>
      <c r="G4389" s="360"/>
      <c r="H4389" s="360"/>
      <c r="I4389" s="360"/>
      <c r="J4389" s="359"/>
      <c r="K4389" s="360"/>
      <c r="L4389" s="359"/>
    </row>
    <row r="4390" spans="2:12" ht="28.5">
      <c r="B4390" s="361"/>
      <c r="C4390" s="362"/>
      <c r="D4390" s="362"/>
      <c r="E4390" s="362"/>
      <c r="F4390" s="361" t="s">
        <v>14374</v>
      </c>
      <c r="G4390" s="361" t="s">
        <v>14373</v>
      </c>
      <c r="H4390" s="362"/>
      <c r="I4390" s="362"/>
      <c r="J4390" s="361"/>
      <c r="K4390" s="362"/>
      <c r="L4390" s="361"/>
    </row>
    <row r="4391" spans="2:12" ht="71.25">
      <c r="B4391" s="358" t="s">
        <v>9141</v>
      </c>
      <c r="C4391" s="358" t="s">
        <v>16666</v>
      </c>
      <c r="D4391" s="358" t="s">
        <v>9142</v>
      </c>
      <c r="E4391" s="358" t="s">
        <v>5724</v>
      </c>
      <c r="F4391" s="358" t="s">
        <v>28746</v>
      </c>
      <c r="G4391" s="358" t="s">
        <v>14377</v>
      </c>
      <c r="H4391" s="358" t="s">
        <v>14381</v>
      </c>
      <c r="I4391" s="358" t="s">
        <v>14377</v>
      </c>
      <c r="J4391" s="358"/>
      <c r="K4391" s="358" t="s">
        <v>28754</v>
      </c>
      <c r="L4391" s="358"/>
    </row>
    <row r="4392" spans="2:12">
      <c r="B4392" s="359"/>
      <c r="C4392" s="360"/>
      <c r="D4392" s="359"/>
      <c r="E4392" s="359"/>
      <c r="F4392" s="360"/>
      <c r="G4392" s="360"/>
      <c r="H4392" s="360"/>
      <c r="I4392" s="360"/>
      <c r="J4392" s="359"/>
      <c r="K4392" s="360"/>
      <c r="L4392" s="359"/>
    </row>
    <row r="4393" spans="2:12" ht="42.75">
      <c r="B4393" s="359"/>
      <c r="C4393" s="359" t="s">
        <v>16667</v>
      </c>
      <c r="D4393" s="359"/>
      <c r="E4393" s="359"/>
      <c r="F4393" s="359" t="s">
        <v>14424</v>
      </c>
      <c r="G4393" s="359" t="s">
        <v>14427</v>
      </c>
      <c r="H4393" s="359" t="s">
        <v>14370</v>
      </c>
      <c r="I4393" s="359" t="s">
        <v>14427</v>
      </c>
      <c r="J4393" s="359"/>
      <c r="K4393" s="359" t="s">
        <v>28753</v>
      </c>
      <c r="L4393" s="359"/>
    </row>
    <row r="4394" spans="2:12">
      <c r="B4394" s="359"/>
      <c r="C4394" s="360"/>
      <c r="D4394" s="359"/>
      <c r="E4394" s="359"/>
      <c r="F4394" s="360"/>
      <c r="G4394" s="360"/>
      <c r="H4394" s="360"/>
      <c r="I4394" s="360"/>
      <c r="J4394" s="359"/>
      <c r="K4394" s="360"/>
      <c r="L4394" s="359"/>
    </row>
    <row r="4395" spans="2:12" ht="28.5">
      <c r="B4395" s="359"/>
      <c r="C4395" s="360"/>
      <c r="D4395" s="359"/>
      <c r="E4395" s="359"/>
      <c r="F4395" s="359" t="s">
        <v>14384</v>
      </c>
      <c r="G4395" s="359" t="s">
        <v>28740</v>
      </c>
      <c r="H4395" s="359" t="s">
        <v>14332</v>
      </c>
      <c r="I4395" s="359" t="s">
        <v>28740</v>
      </c>
      <c r="J4395" s="359"/>
      <c r="K4395" s="359" t="s">
        <v>16660</v>
      </c>
      <c r="L4395" s="359"/>
    </row>
    <row r="4396" spans="2:12">
      <c r="B4396" s="359"/>
      <c r="C4396" s="360"/>
      <c r="D4396" s="359"/>
      <c r="E4396" s="359"/>
      <c r="F4396" s="360"/>
      <c r="G4396" s="360"/>
      <c r="H4396" s="360"/>
      <c r="I4396" s="360"/>
      <c r="J4396" s="359"/>
      <c r="K4396" s="360"/>
      <c r="L4396" s="359"/>
    </row>
    <row r="4397" spans="2:12">
      <c r="B4397" s="359"/>
      <c r="C4397" s="360"/>
      <c r="D4397" s="359"/>
      <c r="E4397" s="359"/>
      <c r="F4397" s="359" t="s">
        <v>14814</v>
      </c>
      <c r="G4397" s="359" t="s">
        <v>14815</v>
      </c>
      <c r="H4397" s="360"/>
      <c r="I4397" s="359" t="s">
        <v>14815</v>
      </c>
      <c r="J4397" s="359"/>
      <c r="K4397" s="360"/>
      <c r="L4397" s="359"/>
    </row>
    <row r="4398" spans="2:12">
      <c r="B4398" s="359"/>
      <c r="C4398" s="360"/>
      <c r="D4398" s="359"/>
      <c r="E4398" s="359"/>
      <c r="F4398" s="360"/>
      <c r="G4398" s="360"/>
      <c r="H4398" s="360"/>
      <c r="I4398" s="360"/>
      <c r="J4398" s="359"/>
      <c r="K4398" s="360"/>
      <c r="L4398" s="359"/>
    </row>
    <row r="4399" spans="2:12">
      <c r="B4399" s="359"/>
      <c r="C4399" s="360"/>
      <c r="D4399" s="359"/>
      <c r="E4399" s="359"/>
      <c r="F4399" s="359" t="s">
        <v>14391</v>
      </c>
      <c r="G4399" s="359" t="s">
        <v>14392</v>
      </c>
      <c r="H4399" s="360"/>
      <c r="I4399" s="359" t="s">
        <v>14392</v>
      </c>
      <c r="J4399" s="359"/>
      <c r="K4399" s="360"/>
      <c r="L4399" s="359"/>
    </row>
    <row r="4400" spans="2:12">
      <c r="B4400" s="359"/>
      <c r="C4400" s="360"/>
      <c r="D4400" s="359"/>
      <c r="E4400" s="359"/>
      <c r="F4400" s="360"/>
      <c r="G4400" s="360"/>
      <c r="H4400" s="360"/>
      <c r="I4400" s="360"/>
      <c r="J4400" s="359"/>
      <c r="K4400" s="360"/>
      <c r="L4400" s="359"/>
    </row>
    <row r="4401" spans="2:12">
      <c r="B4401" s="359"/>
      <c r="C4401" s="360"/>
      <c r="D4401" s="359"/>
      <c r="E4401" s="359"/>
      <c r="F4401" s="359" t="s">
        <v>14371</v>
      </c>
      <c r="G4401" s="359" t="s">
        <v>14372</v>
      </c>
      <c r="H4401" s="360"/>
      <c r="I4401" s="359" t="s">
        <v>14373</v>
      </c>
      <c r="J4401" s="359"/>
      <c r="K4401" s="360"/>
      <c r="L4401" s="359"/>
    </row>
    <row r="4402" spans="2:12">
      <c r="B4402" s="359"/>
      <c r="C4402" s="360"/>
      <c r="D4402" s="359"/>
      <c r="E4402" s="359"/>
      <c r="F4402" s="360"/>
      <c r="G4402" s="360"/>
      <c r="H4402" s="360"/>
      <c r="I4402" s="360"/>
      <c r="J4402" s="359"/>
      <c r="K4402" s="360"/>
      <c r="L4402" s="359"/>
    </row>
    <row r="4403" spans="2:12" ht="28.5">
      <c r="B4403" s="361"/>
      <c r="C4403" s="362"/>
      <c r="D4403" s="361"/>
      <c r="E4403" s="361"/>
      <c r="F4403" s="361" t="s">
        <v>14374</v>
      </c>
      <c r="G4403" s="361" t="s">
        <v>14373</v>
      </c>
      <c r="H4403" s="362"/>
      <c r="I4403" s="362"/>
      <c r="J4403" s="361"/>
      <c r="K4403" s="362"/>
      <c r="L4403" s="361"/>
    </row>
    <row r="4404" spans="2:12" ht="71.25">
      <c r="B4404" s="358" t="s">
        <v>9144</v>
      </c>
      <c r="C4404" s="358" t="s">
        <v>16668</v>
      </c>
      <c r="D4404" s="358" t="s">
        <v>9145</v>
      </c>
      <c r="E4404" s="358" t="s">
        <v>5516</v>
      </c>
      <c r="F4404" s="358" t="s">
        <v>28746</v>
      </c>
      <c r="G4404" s="358" t="s">
        <v>14377</v>
      </c>
      <c r="H4404" s="358" t="s">
        <v>14381</v>
      </c>
      <c r="I4404" s="358" t="s">
        <v>14377</v>
      </c>
      <c r="J4404" s="358"/>
      <c r="K4404" s="358" t="s">
        <v>28754</v>
      </c>
      <c r="L4404" s="358"/>
    </row>
    <row r="4405" spans="2:12">
      <c r="B4405" s="359"/>
      <c r="C4405" s="359"/>
      <c r="D4405" s="359"/>
      <c r="E4405" s="359"/>
      <c r="F4405" s="360"/>
      <c r="G4405" s="360"/>
      <c r="H4405" s="360"/>
      <c r="I4405" s="360"/>
      <c r="J4405" s="359"/>
      <c r="K4405" s="360"/>
      <c r="L4405" s="359"/>
    </row>
    <row r="4406" spans="2:12" ht="42.75">
      <c r="B4406" s="359"/>
      <c r="C4406" s="359"/>
      <c r="D4406" s="359"/>
      <c r="E4406" s="359"/>
      <c r="F4406" s="359" t="s">
        <v>14424</v>
      </c>
      <c r="G4406" s="359" t="s">
        <v>14427</v>
      </c>
      <c r="H4406" s="359" t="s">
        <v>14370</v>
      </c>
      <c r="I4406" s="359" t="s">
        <v>14427</v>
      </c>
      <c r="J4406" s="359"/>
      <c r="K4406" s="359" t="s">
        <v>28757</v>
      </c>
      <c r="L4406" s="359"/>
    </row>
    <row r="4407" spans="2:12">
      <c r="B4407" s="359"/>
      <c r="C4407" s="359"/>
      <c r="D4407" s="359"/>
      <c r="E4407" s="359"/>
      <c r="F4407" s="360"/>
      <c r="G4407" s="360"/>
      <c r="H4407" s="360"/>
      <c r="I4407" s="360"/>
      <c r="J4407" s="359"/>
      <c r="K4407" s="360"/>
      <c r="L4407" s="359"/>
    </row>
    <row r="4408" spans="2:12" ht="42.75">
      <c r="B4408" s="359"/>
      <c r="C4408" s="359"/>
      <c r="D4408" s="359"/>
      <c r="E4408" s="359"/>
      <c r="F4408" s="359" t="s">
        <v>14384</v>
      </c>
      <c r="G4408" s="359" t="s">
        <v>28740</v>
      </c>
      <c r="H4408" s="359" t="s">
        <v>14332</v>
      </c>
      <c r="I4408" s="359" t="s">
        <v>28756</v>
      </c>
      <c r="J4408" s="359"/>
      <c r="K4408" s="359" t="s">
        <v>16660</v>
      </c>
      <c r="L4408" s="359"/>
    </row>
    <row r="4409" spans="2:12">
      <c r="B4409" s="359"/>
      <c r="C4409" s="359"/>
      <c r="D4409" s="359"/>
      <c r="E4409" s="359"/>
      <c r="F4409" s="360"/>
      <c r="G4409" s="360"/>
      <c r="H4409" s="360"/>
      <c r="I4409" s="360"/>
      <c r="J4409" s="359"/>
      <c r="K4409" s="360"/>
      <c r="L4409" s="359"/>
    </row>
    <row r="4410" spans="2:12">
      <c r="B4410" s="359"/>
      <c r="C4410" s="359"/>
      <c r="D4410" s="359"/>
      <c r="E4410" s="359"/>
      <c r="F4410" s="359" t="s">
        <v>14814</v>
      </c>
      <c r="G4410" s="359" t="s">
        <v>14815</v>
      </c>
      <c r="H4410" s="360"/>
      <c r="I4410" s="359" t="s">
        <v>14392</v>
      </c>
      <c r="J4410" s="359"/>
      <c r="K4410" s="360"/>
      <c r="L4410" s="359"/>
    </row>
    <row r="4411" spans="2:12">
      <c r="B4411" s="359"/>
      <c r="C4411" s="359"/>
      <c r="D4411" s="359"/>
      <c r="E4411" s="359"/>
      <c r="F4411" s="360"/>
      <c r="G4411" s="360"/>
      <c r="H4411" s="360"/>
      <c r="I4411" s="360"/>
      <c r="J4411" s="359"/>
      <c r="K4411" s="360"/>
      <c r="L4411" s="359"/>
    </row>
    <row r="4412" spans="2:12">
      <c r="B4412" s="359"/>
      <c r="C4412" s="359"/>
      <c r="D4412" s="359"/>
      <c r="E4412" s="359"/>
      <c r="F4412" s="359" t="s">
        <v>14391</v>
      </c>
      <c r="G4412" s="359" t="s">
        <v>14392</v>
      </c>
      <c r="H4412" s="360"/>
      <c r="I4412" s="359" t="s">
        <v>14373</v>
      </c>
      <c r="J4412" s="359"/>
      <c r="K4412" s="360"/>
      <c r="L4412" s="359"/>
    </row>
    <row r="4413" spans="2:12">
      <c r="B4413" s="359"/>
      <c r="C4413" s="359"/>
      <c r="D4413" s="359"/>
      <c r="E4413" s="359"/>
      <c r="F4413" s="360"/>
      <c r="G4413" s="360"/>
      <c r="H4413" s="360"/>
      <c r="I4413" s="360"/>
      <c r="J4413" s="359"/>
      <c r="K4413" s="360"/>
      <c r="L4413" s="359"/>
    </row>
    <row r="4414" spans="2:12">
      <c r="B4414" s="359"/>
      <c r="C4414" s="359"/>
      <c r="D4414" s="359"/>
      <c r="E4414" s="359"/>
      <c r="F4414" s="359" t="s">
        <v>14371</v>
      </c>
      <c r="G4414" s="359" t="s">
        <v>14372</v>
      </c>
      <c r="H4414" s="360"/>
      <c r="I4414" s="360"/>
      <c r="J4414" s="359"/>
      <c r="K4414" s="360"/>
      <c r="L4414" s="359"/>
    </row>
    <row r="4415" spans="2:12">
      <c r="B4415" s="359"/>
      <c r="C4415" s="359"/>
      <c r="D4415" s="359"/>
      <c r="E4415" s="359"/>
      <c r="F4415" s="360"/>
      <c r="G4415" s="360"/>
      <c r="H4415" s="360"/>
      <c r="I4415" s="360"/>
      <c r="J4415" s="359"/>
      <c r="K4415" s="360"/>
      <c r="L4415" s="359"/>
    </row>
    <row r="4416" spans="2:12" ht="28.5">
      <c r="B4416" s="361"/>
      <c r="C4416" s="361"/>
      <c r="D4416" s="361"/>
      <c r="E4416" s="361"/>
      <c r="F4416" s="361" t="s">
        <v>14374</v>
      </c>
      <c r="G4416" s="361" t="s">
        <v>14373</v>
      </c>
      <c r="H4416" s="362"/>
      <c r="I4416" s="362"/>
      <c r="J4416" s="361"/>
      <c r="K4416" s="362"/>
      <c r="L4416" s="361"/>
    </row>
    <row r="4417" spans="2:12" ht="71.25">
      <c r="B4417" s="358" t="s">
        <v>9147</v>
      </c>
      <c r="C4417" s="358" t="s">
        <v>16669</v>
      </c>
      <c r="D4417" s="358" t="s">
        <v>9148</v>
      </c>
      <c r="E4417" s="358" t="s">
        <v>9149</v>
      </c>
      <c r="F4417" s="358" t="s">
        <v>28746</v>
      </c>
      <c r="G4417" s="358" t="s">
        <v>14377</v>
      </c>
      <c r="H4417" s="358" t="s">
        <v>14381</v>
      </c>
      <c r="I4417" s="358" t="s">
        <v>14377</v>
      </c>
      <c r="J4417" s="358"/>
      <c r="K4417" s="358" t="s">
        <v>28754</v>
      </c>
      <c r="L4417" s="358"/>
    </row>
    <row r="4418" spans="2:12">
      <c r="B4418" s="359"/>
      <c r="C4418" s="360"/>
      <c r="D4418" s="360"/>
      <c r="E4418" s="360"/>
      <c r="F4418" s="360"/>
      <c r="G4418" s="360"/>
      <c r="H4418" s="360"/>
      <c r="I4418" s="360"/>
      <c r="J4418" s="359"/>
      <c r="K4418" s="360"/>
      <c r="L4418" s="359"/>
    </row>
    <row r="4419" spans="2:12" ht="42.75">
      <c r="B4419" s="359"/>
      <c r="C4419" s="359" t="s">
        <v>16670</v>
      </c>
      <c r="D4419" s="359" t="s">
        <v>9151</v>
      </c>
      <c r="E4419" s="359" t="s">
        <v>9152</v>
      </c>
      <c r="F4419" s="359" t="s">
        <v>14424</v>
      </c>
      <c r="G4419" s="359" t="s">
        <v>14427</v>
      </c>
      <c r="H4419" s="359" t="s">
        <v>14370</v>
      </c>
      <c r="I4419" s="359" t="s">
        <v>14427</v>
      </c>
      <c r="J4419" s="359"/>
      <c r="K4419" s="359" t="s">
        <v>28758</v>
      </c>
      <c r="L4419" s="359"/>
    </row>
    <row r="4420" spans="2:12">
      <c r="B4420" s="359"/>
      <c r="C4420" s="360"/>
      <c r="D4420" s="360"/>
      <c r="E4420" s="360"/>
      <c r="F4420" s="360"/>
      <c r="G4420" s="360"/>
      <c r="H4420" s="360"/>
      <c r="I4420" s="360"/>
      <c r="J4420" s="359"/>
      <c r="K4420" s="360"/>
      <c r="L4420" s="359"/>
    </row>
    <row r="4421" spans="2:12" ht="42.75">
      <c r="B4421" s="359"/>
      <c r="C4421" s="359" t="s">
        <v>16671</v>
      </c>
      <c r="D4421" s="359" t="s">
        <v>9154</v>
      </c>
      <c r="E4421" s="359" t="s">
        <v>9155</v>
      </c>
      <c r="F4421" s="359" t="s">
        <v>14384</v>
      </c>
      <c r="G4421" s="359" t="s">
        <v>28740</v>
      </c>
      <c r="H4421" s="359" t="s">
        <v>14332</v>
      </c>
      <c r="I4421" s="359" t="s">
        <v>28756</v>
      </c>
      <c r="J4421" s="359"/>
      <c r="K4421" s="359" t="s">
        <v>16660</v>
      </c>
      <c r="L4421" s="359"/>
    </row>
    <row r="4422" spans="2:12">
      <c r="B4422" s="359"/>
      <c r="C4422" s="360"/>
      <c r="D4422" s="360"/>
      <c r="E4422" s="360"/>
      <c r="F4422" s="360"/>
      <c r="G4422" s="360"/>
      <c r="H4422" s="360"/>
      <c r="I4422" s="360"/>
      <c r="J4422" s="359"/>
      <c r="K4422" s="360"/>
      <c r="L4422" s="359"/>
    </row>
    <row r="4423" spans="2:12">
      <c r="B4423" s="359"/>
      <c r="C4423" s="360"/>
      <c r="D4423" s="360"/>
      <c r="E4423" s="360"/>
      <c r="F4423" s="359" t="s">
        <v>14814</v>
      </c>
      <c r="G4423" s="359" t="s">
        <v>14815</v>
      </c>
      <c r="H4423" s="360"/>
      <c r="I4423" s="359" t="s">
        <v>14392</v>
      </c>
      <c r="J4423" s="359"/>
      <c r="K4423" s="360"/>
      <c r="L4423" s="359"/>
    </row>
    <row r="4424" spans="2:12">
      <c r="B4424" s="359"/>
      <c r="C4424" s="360"/>
      <c r="D4424" s="360"/>
      <c r="E4424" s="360"/>
      <c r="F4424" s="360"/>
      <c r="G4424" s="360"/>
      <c r="H4424" s="360"/>
      <c r="I4424" s="360"/>
      <c r="J4424" s="359"/>
      <c r="K4424" s="360"/>
      <c r="L4424" s="359"/>
    </row>
    <row r="4425" spans="2:12">
      <c r="B4425" s="359"/>
      <c r="C4425" s="360"/>
      <c r="D4425" s="360"/>
      <c r="E4425" s="360"/>
      <c r="F4425" s="359" t="s">
        <v>14391</v>
      </c>
      <c r="G4425" s="359" t="s">
        <v>14392</v>
      </c>
      <c r="H4425" s="360"/>
      <c r="I4425" s="359" t="s">
        <v>14373</v>
      </c>
      <c r="J4425" s="359"/>
      <c r="K4425" s="360"/>
      <c r="L4425" s="359"/>
    </row>
    <row r="4426" spans="2:12">
      <c r="B4426" s="359"/>
      <c r="C4426" s="360"/>
      <c r="D4426" s="360"/>
      <c r="E4426" s="360"/>
      <c r="F4426" s="360"/>
      <c r="G4426" s="360"/>
      <c r="H4426" s="360"/>
      <c r="I4426" s="360"/>
      <c r="J4426" s="359"/>
      <c r="K4426" s="360"/>
      <c r="L4426" s="359"/>
    </row>
    <row r="4427" spans="2:12">
      <c r="B4427" s="359"/>
      <c r="C4427" s="360"/>
      <c r="D4427" s="360"/>
      <c r="E4427" s="360"/>
      <c r="F4427" s="359" t="s">
        <v>14371</v>
      </c>
      <c r="G4427" s="359" t="s">
        <v>14372</v>
      </c>
      <c r="H4427" s="360"/>
      <c r="I4427" s="360"/>
      <c r="J4427" s="359"/>
      <c r="K4427" s="360"/>
      <c r="L4427" s="359"/>
    </row>
    <row r="4428" spans="2:12">
      <c r="B4428" s="359"/>
      <c r="C4428" s="360"/>
      <c r="D4428" s="360"/>
      <c r="E4428" s="360"/>
      <c r="F4428" s="360"/>
      <c r="G4428" s="360"/>
      <c r="H4428" s="360"/>
      <c r="I4428" s="360"/>
      <c r="J4428" s="359"/>
      <c r="K4428" s="360"/>
      <c r="L4428" s="359"/>
    </row>
    <row r="4429" spans="2:12" ht="28.5">
      <c r="B4429" s="361"/>
      <c r="C4429" s="362"/>
      <c r="D4429" s="362"/>
      <c r="E4429" s="362"/>
      <c r="F4429" s="361" t="s">
        <v>14374</v>
      </c>
      <c r="G4429" s="361" t="s">
        <v>14373</v>
      </c>
      <c r="H4429" s="362"/>
      <c r="I4429" s="362"/>
      <c r="J4429" s="361"/>
      <c r="K4429" s="362"/>
      <c r="L4429" s="361"/>
    </row>
    <row r="4430" spans="2:12" ht="71.25">
      <c r="B4430" s="358" t="s">
        <v>9157</v>
      </c>
      <c r="C4430" s="358" t="s">
        <v>16672</v>
      </c>
      <c r="D4430" s="358" t="s">
        <v>9158</v>
      </c>
      <c r="E4430" s="358" t="s">
        <v>9159</v>
      </c>
      <c r="F4430" s="358" t="s">
        <v>28746</v>
      </c>
      <c r="G4430" s="358" t="s">
        <v>14377</v>
      </c>
      <c r="H4430" s="358" t="s">
        <v>14381</v>
      </c>
      <c r="I4430" s="358" t="s">
        <v>14377</v>
      </c>
      <c r="J4430" s="358"/>
      <c r="K4430" s="358" t="s">
        <v>28754</v>
      </c>
      <c r="L4430" s="358"/>
    </row>
    <row r="4431" spans="2:12">
      <c r="B4431" s="359"/>
      <c r="C4431" s="360"/>
      <c r="D4431" s="360"/>
      <c r="E4431" s="360"/>
      <c r="F4431" s="360"/>
      <c r="G4431" s="360"/>
      <c r="H4431" s="360"/>
      <c r="I4431" s="360"/>
      <c r="J4431" s="359"/>
      <c r="K4431" s="360"/>
      <c r="L4431" s="359"/>
    </row>
    <row r="4432" spans="2:12" ht="42.75">
      <c r="B4432" s="359"/>
      <c r="C4432" s="359" t="s">
        <v>16673</v>
      </c>
      <c r="D4432" s="359" t="s">
        <v>9161</v>
      </c>
      <c r="E4432" s="359" t="s">
        <v>9162</v>
      </c>
      <c r="F4432" s="359" t="s">
        <v>14424</v>
      </c>
      <c r="G4432" s="359" t="s">
        <v>14427</v>
      </c>
      <c r="H4432" s="359" t="s">
        <v>14367</v>
      </c>
      <c r="I4432" s="359" t="s">
        <v>14427</v>
      </c>
      <c r="J4432" s="359"/>
      <c r="K4432" s="359" t="s">
        <v>28759</v>
      </c>
      <c r="L4432" s="359"/>
    </row>
    <row r="4433" spans="2:12">
      <c r="B4433" s="359"/>
      <c r="C4433" s="360"/>
      <c r="D4433" s="360"/>
      <c r="E4433" s="360"/>
      <c r="F4433" s="360"/>
      <c r="G4433" s="360"/>
      <c r="H4433" s="360"/>
      <c r="I4433" s="360"/>
      <c r="J4433" s="359"/>
      <c r="K4433" s="360"/>
      <c r="L4433" s="359"/>
    </row>
    <row r="4434" spans="2:12" ht="28.5">
      <c r="B4434" s="359"/>
      <c r="C4434" s="360"/>
      <c r="D4434" s="360"/>
      <c r="E4434" s="360"/>
      <c r="F4434" s="359" t="s">
        <v>14384</v>
      </c>
      <c r="G4434" s="359" t="s">
        <v>28740</v>
      </c>
      <c r="H4434" s="359" t="s">
        <v>14370</v>
      </c>
      <c r="I4434" s="359" t="s">
        <v>28740</v>
      </c>
      <c r="J4434" s="359"/>
      <c r="K4434" s="359" t="s">
        <v>14863</v>
      </c>
      <c r="L4434" s="359"/>
    </row>
    <row r="4435" spans="2:12">
      <c r="B4435" s="359"/>
      <c r="C4435" s="360"/>
      <c r="D4435" s="360"/>
      <c r="E4435" s="360"/>
      <c r="F4435" s="360"/>
      <c r="G4435" s="360"/>
      <c r="H4435" s="360"/>
      <c r="I4435" s="360"/>
      <c r="J4435" s="359"/>
      <c r="K4435" s="360"/>
      <c r="L4435" s="359"/>
    </row>
    <row r="4436" spans="2:12">
      <c r="B4436" s="359"/>
      <c r="C4436" s="360"/>
      <c r="D4436" s="360"/>
      <c r="E4436" s="360"/>
      <c r="F4436" s="359" t="s">
        <v>14420</v>
      </c>
      <c r="G4436" s="359" t="s">
        <v>14459</v>
      </c>
      <c r="H4436" s="359" t="s">
        <v>14332</v>
      </c>
      <c r="I4436" s="359" t="s">
        <v>14459</v>
      </c>
      <c r="J4436" s="359"/>
      <c r="K4436" s="360"/>
      <c r="L4436" s="359"/>
    </row>
    <row r="4437" spans="2:12">
      <c r="B4437" s="359"/>
      <c r="C4437" s="360"/>
      <c r="D4437" s="360"/>
      <c r="E4437" s="360"/>
      <c r="F4437" s="360"/>
      <c r="G4437" s="360"/>
      <c r="H4437" s="360"/>
      <c r="I4437" s="360"/>
      <c r="J4437" s="359"/>
      <c r="K4437" s="360"/>
      <c r="L4437" s="359"/>
    </row>
    <row r="4438" spans="2:12">
      <c r="B4438" s="359"/>
      <c r="C4438" s="360"/>
      <c r="D4438" s="360"/>
      <c r="E4438" s="360"/>
      <c r="F4438" s="359" t="s">
        <v>14420</v>
      </c>
      <c r="G4438" s="359" t="s">
        <v>14429</v>
      </c>
      <c r="H4438" s="360"/>
      <c r="I4438" s="359" t="s">
        <v>14429</v>
      </c>
      <c r="J4438" s="359"/>
      <c r="K4438" s="360"/>
      <c r="L4438" s="359"/>
    </row>
    <row r="4439" spans="2:12">
      <c r="B4439" s="359"/>
      <c r="C4439" s="360"/>
      <c r="D4439" s="360"/>
      <c r="E4439" s="360"/>
      <c r="F4439" s="360"/>
      <c r="G4439" s="360"/>
      <c r="H4439" s="360"/>
      <c r="I4439" s="360"/>
      <c r="J4439" s="359"/>
      <c r="K4439" s="360"/>
      <c r="L4439" s="359"/>
    </row>
    <row r="4440" spans="2:12">
      <c r="B4440" s="359"/>
      <c r="C4440" s="360"/>
      <c r="D4440" s="360"/>
      <c r="E4440" s="360"/>
      <c r="F4440" s="359" t="s">
        <v>14814</v>
      </c>
      <c r="G4440" s="359" t="s">
        <v>14815</v>
      </c>
      <c r="H4440" s="360"/>
      <c r="I4440" s="359" t="s">
        <v>14815</v>
      </c>
      <c r="J4440" s="359"/>
      <c r="K4440" s="360"/>
      <c r="L4440" s="359"/>
    </row>
    <row r="4441" spans="2:12">
      <c r="B4441" s="359"/>
      <c r="C4441" s="360"/>
      <c r="D4441" s="360"/>
      <c r="E4441" s="360"/>
      <c r="F4441" s="360"/>
      <c r="G4441" s="360"/>
      <c r="H4441" s="360"/>
      <c r="I4441" s="360"/>
      <c r="J4441" s="359"/>
      <c r="K4441" s="360"/>
      <c r="L4441" s="359"/>
    </row>
    <row r="4442" spans="2:12">
      <c r="B4442" s="359"/>
      <c r="C4442" s="360"/>
      <c r="D4442" s="360"/>
      <c r="E4442" s="360"/>
      <c r="F4442" s="359" t="s">
        <v>14391</v>
      </c>
      <c r="G4442" s="359" t="s">
        <v>14392</v>
      </c>
      <c r="H4442" s="360"/>
      <c r="I4442" s="359" t="s">
        <v>14392</v>
      </c>
      <c r="J4442" s="359"/>
      <c r="K4442" s="360"/>
      <c r="L4442" s="359"/>
    </row>
    <row r="4443" spans="2:12">
      <c r="B4443" s="359"/>
      <c r="C4443" s="360"/>
      <c r="D4443" s="360"/>
      <c r="E4443" s="360"/>
      <c r="F4443" s="360"/>
      <c r="G4443" s="360"/>
      <c r="H4443" s="360"/>
      <c r="I4443" s="360"/>
      <c r="J4443" s="359"/>
      <c r="K4443" s="360"/>
      <c r="L4443" s="359"/>
    </row>
    <row r="4444" spans="2:12">
      <c r="B4444" s="359"/>
      <c r="C4444" s="360"/>
      <c r="D4444" s="360"/>
      <c r="E4444" s="360"/>
      <c r="F4444" s="359" t="s">
        <v>14371</v>
      </c>
      <c r="G4444" s="359" t="s">
        <v>14372</v>
      </c>
      <c r="H4444" s="360"/>
      <c r="I4444" s="359" t="s">
        <v>14373</v>
      </c>
      <c r="J4444" s="359"/>
      <c r="K4444" s="360"/>
      <c r="L4444" s="359"/>
    </row>
    <row r="4445" spans="2:12">
      <c r="B4445" s="359"/>
      <c r="C4445" s="360"/>
      <c r="D4445" s="360"/>
      <c r="E4445" s="360"/>
      <c r="F4445" s="360"/>
      <c r="G4445" s="360"/>
      <c r="H4445" s="360"/>
      <c r="I4445" s="360"/>
      <c r="J4445" s="359"/>
      <c r="K4445" s="360"/>
      <c r="L4445" s="359"/>
    </row>
    <row r="4446" spans="2:12" ht="28.5">
      <c r="B4446" s="361"/>
      <c r="C4446" s="362"/>
      <c r="D4446" s="362"/>
      <c r="E4446" s="362"/>
      <c r="F4446" s="361" t="s">
        <v>14374</v>
      </c>
      <c r="G4446" s="361" t="s">
        <v>14373</v>
      </c>
      <c r="H4446" s="362"/>
      <c r="I4446" s="362"/>
      <c r="J4446" s="361"/>
      <c r="K4446" s="362"/>
      <c r="L4446" s="361"/>
    </row>
    <row r="4447" spans="2:12" ht="71.25">
      <c r="B4447" s="358" t="s">
        <v>9163</v>
      </c>
      <c r="C4447" s="358" t="s">
        <v>16674</v>
      </c>
      <c r="D4447" s="358" t="s">
        <v>9164</v>
      </c>
      <c r="E4447" s="358" t="s">
        <v>5390</v>
      </c>
      <c r="F4447" s="358" t="s">
        <v>28746</v>
      </c>
      <c r="G4447" s="358" t="s">
        <v>14377</v>
      </c>
      <c r="H4447" s="358" t="s">
        <v>14381</v>
      </c>
      <c r="I4447" s="358" t="s">
        <v>14377</v>
      </c>
      <c r="J4447" s="358"/>
      <c r="K4447" s="358" t="s">
        <v>28754</v>
      </c>
      <c r="L4447" s="358"/>
    </row>
    <row r="4448" spans="2:12">
      <c r="B4448" s="359"/>
      <c r="C4448" s="359"/>
      <c r="D4448" s="359"/>
      <c r="E4448" s="359"/>
      <c r="F4448" s="360"/>
      <c r="G4448" s="360"/>
      <c r="H4448" s="360"/>
      <c r="I4448" s="360"/>
      <c r="J4448" s="359"/>
      <c r="K4448" s="360"/>
      <c r="L4448" s="359"/>
    </row>
    <row r="4449" spans="2:12" ht="42.75">
      <c r="B4449" s="359"/>
      <c r="C4449" s="359"/>
      <c r="D4449" s="359"/>
      <c r="E4449" s="359"/>
      <c r="F4449" s="359" t="s">
        <v>14424</v>
      </c>
      <c r="G4449" s="359" t="s">
        <v>14427</v>
      </c>
      <c r="H4449" s="359" t="s">
        <v>14370</v>
      </c>
      <c r="I4449" s="359" t="s">
        <v>14427</v>
      </c>
      <c r="J4449" s="359"/>
      <c r="K4449" s="359" t="s">
        <v>28759</v>
      </c>
      <c r="L4449" s="359"/>
    </row>
    <row r="4450" spans="2:12">
      <c r="B4450" s="359"/>
      <c r="C4450" s="359"/>
      <c r="D4450" s="359"/>
      <c r="E4450" s="359"/>
      <c r="F4450" s="360"/>
      <c r="G4450" s="360"/>
      <c r="H4450" s="360"/>
      <c r="I4450" s="360"/>
      <c r="J4450" s="359"/>
      <c r="K4450" s="360"/>
      <c r="L4450" s="359"/>
    </row>
    <row r="4451" spans="2:12" ht="28.5">
      <c r="B4451" s="359"/>
      <c r="C4451" s="359"/>
      <c r="D4451" s="359"/>
      <c r="E4451" s="359"/>
      <c r="F4451" s="359" t="s">
        <v>14384</v>
      </c>
      <c r="G4451" s="359" t="s">
        <v>28740</v>
      </c>
      <c r="H4451" s="359" t="s">
        <v>14332</v>
      </c>
      <c r="I4451" s="359" t="s">
        <v>28740</v>
      </c>
      <c r="J4451" s="359"/>
      <c r="K4451" s="359" t="s">
        <v>16660</v>
      </c>
      <c r="L4451" s="359"/>
    </row>
    <row r="4452" spans="2:12">
      <c r="B4452" s="359"/>
      <c r="C4452" s="359"/>
      <c r="D4452" s="359"/>
      <c r="E4452" s="359"/>
      <c r="F4452" s="360"/>
      <c r="G4452" s="360"/>
      <c r="H4452" s="360"/>
      <c r="I4452" s="360"/>
      <c r="J4452" s="359"/>
      <c r="K4452" s="360"/>
      <c r="L4452" s="359"/>
    </row>
    <row r="4453" spans="2:12">
      <c r="B4453" s="359"/>
      <c r="C4453" s="359"/>
      <c r="D4453" s="359"/>
      <c r="E4453" s="359"/>
      <c r="F4453" s="359" t="s">
        <v>14814</v>
      </c>
      <c r="G4453" s="359" t="s">
        <v>14815</v>
      </c>
      <c r="H4453" s="360"/>
      <c r="I4453" s="359" t="s">
        <v>14815</v>
      </c>
      <c r="J4453" s="359"/>
      <c r="K4453" s="360"/>
      <c r="L4453" s="359"/>
    </row>
    <row r="4454" spans="2:12">
      <c r="B4454" s="359"/>
      <c r="C4454" s="359"/>
      <c r="D4454" s="359"/>
      <c r="E4454" s="359"/>
      <c r="F4454" s="360"/>
      <c r="G4454" s="360"/>
      <c r="H4454" s="360"/>
      <c r="I4454" s="360"/>
      <c r="J4454" s="359"/>
      <c r="K4454" s="360"/>
      <c r="L4454" s="359"/>
    </row>
    <row r="4455" spans="2:12">
      <c r="B4455" s="359"/>
      <c r="C4455" s="359"/>
      <c r="D4455" s="359"/>
      <c r="E4455" s="359"/>
      <c r="F4455" s="359" t="s">
        <v>14391</v>
      </c>
      <c r="G4455" s="359" t="s">
        <v>14392</v>
      </c>
      <c r="H4455" s="360"/>
      <c r="I4455" s="359" t="s">
        <v>14392</v>
      </c>
      <c r="J4455" s="359"/>
      <c r="K4455" s="360"/>
      <c r="L4455" s="359"/>
    </row>
    <row r="4456" spans="2:12">
      <c r="B4456" s="359"/>
      <c r="C4456" s="359"/>
      <c r="D4456" s="359"/>
      <c r="E4456" s="359"/>
      <c r="F4456" s="360"/>
      <c r="G4456" s="360"/>
      <c r="H4456" s="360"/>
      <c r="I4456" s="360"/>
      <c r="J4456" s="359"/>
      <c r="K4456" s="360"/>
      <c r="L4456" s="359"/>
    </row>
    <row r="4457" spans="2:12">
      <c r="B4457" s="359"/>
      <c r="C4457" s="359"/>
      <c r="D4457" s="359"/>
      <c r="E4457" s="359"/>
      <c r="F4457" s="359" t="s">
        <v>14371</v>
      </c>
      <c r="G4457" s="359" t="s">
        <v>14372</v>
      </c>
      <c r="H4457" s="360"/>
      <c r="I4457" s="359" t="s">
        <v>14373</v>
      </c>
      <c r="J4457" s="359"/>
      <c r="K4457" s="360"/>
      <c r="L4457" s="359"/>
    </row>
    <row r="4458" spans="2:12">
      <c r="B4458" s="359"/>
      <c r="C4458" s="359"/>
      <c r="D4458" s="359"/>
      <c r="E4458" s="359"/>
      <c r="F4458" s="360"/>
      <c r="G4458" s="360"/>
      <c r="H4458" s="360"/>
      <c r="I4458" s="360"/>
      <c r="J4458" s="359"/>
      <c r="K4458" s="360"/>
      <c r="L4458" s="359"/>
    </row>
    <row r="4459" spans="2:12" ht="28.5">
      <c r="B4459" s="361"/>
      <c r="C4459" s="361"/>
      <c r="D4459" s="361"/>
      <c r="E4459" s="361"/>
      <c r="F4459" s="361" t="s">
        <v>14374</v>
      </c>
      <c r="G4459" s="361" t="s">
        <v>14373</v>
      </c>
      <c r="H4459" s="362"/>
      <c r="I4459" s="362"/>
      <c r="J4459" s="361"/>
      <c r="K4459" s="362"/>
      <c r="L4459" s="361"/>
    </row>
    <row r="4460" spans="2:12" ht="71.25">
      <c r="B4460" s="358" t="s">
        <v>9166</v>
      </c>
      <c r="C4460" s="358" t="s">
        <v>16675</v>
      </c>
      <c r="D4460" s="358" t="s">
        <v>9167</v>
      </c>
      <c r="E4460" s="358" t="s">
        <v>5293</v>
      </c>
      <c r="F4460" s="358" t="s">
        <v>28746</v>
      </c>
      <c r="G4460" s="358" t="s">
        <v>14377</v>
      </c>
      <c r="H4460" s="358" t="s">
        <v>14381</v>
      </c>
      <c r="I4460" s="358" t="s">
        <v>14377</v>
      </c>
      <c r="J4460" s="358"/>
      <c r="K4460" s="358" t="s">
        <v>28754</v>
      </c>
      <c r="L4460" s="358"/>
    </row>
    <row r="4461" spans="2:12">
      <c r="B4461" s="359"/>
      <c r="C4461" s="359"/>
      <c r="D4461" s="359"/>
      <c r="E4461" s="359"/>
      <c r="F4461" s="360"/>
      <c r="G4461" s="360"/>
      <c r="H4461" s="360"/>
      <c r="I4461" s="360"/>
      <c r="J4461" s="359"/>
      <c r="K4461" s="360"/>
      <c r="L4461" s="359"/>
    </row>
    <row r="4462" spans="2:12" ht="42.75">
      <c r="B4462" s="359"/>
      <c r="C4462" s="359"/>
      <c r="D4462" s="359"/>
      <c r="E4462" s="359"/>
      <c r="F4462" s="359" t="s">
        <v>14424</v>
      </c>
      <c r="G4462" s="359" t="s">
        <v>14427</v>
      </c>
      <c r="H4462" s="359" t="s">
        <v>14370</v>
      </c>
      <c r="I4462" s="359" t="s">
        <v>14427</v>
      </c>
      <c r="J4462" s="359"/>
      <c r="K4462" s="359" t="s">
        <v>28758</v>
      </c>
      <c r="L4462" s="359"/>
    </row>
    <row r="4463" spans="2:12">
      <c r="B4463" s="359"/>
      <c r="C4463" s="359"/>
      <c r="D4463" s="359"/>
      <c r="E4463" s="359"/>
      <c r="F4463" s="360"/>
      <c r="G4463" s="360"/>
      <c r="H4463" s="360"/>
      <c r="I4463" s="360"/>
      <c r="J4463" s="359"/>
      <c r="K4463" s="360"/>
      <c r="L4463" s="359"/>
    </row>
    <row r="4464" spans="2:12" ht="28.5">
      <c r="B4464" s="359"/>
      <c r="C4464" s="359"/>
      <c r="D4464" s="359"/>
      <c r="E4464" s="359"/>
      <c r="F4464" s="359" t="s">
        <v>14384</v>
      </c>
      <c r="G4464" s="359" t="s">
        <v>28740</v>
      </c>
      <c r="H4464" s="359" t="s">
        <v>14332</v>
      </c>
      <c r="I4464" s="359" t="s">
        <v>28740</v>
      </c>
      <c r="J4464" s="359"/>
      <c r="K4464" s="359" t="s">
        <v>16660</v>
      </c>
      <c r="L4464" s="359"/>
    </row>
    <row r="4465" spans="2:12">
      <c r="B4465" s="359"/>
      <c r="C4465" s="359"/>
      <c r="D4465" s="359"/>
      <c r="E4465" s="359"/>
      <c r="F4465" s="360"/>
      <c r="G4465" s="360"/>
      <c r="H4465" s="360"/>
      <c r="I4465" s="360"/>
      <c r="J4465" s="359"/>
      <c r="K4465" s="360"/>
      <c r="L4465" s="359"/>
    </row>
    <row r="4466" spans="2:12">
      <c r="B4466" s="359"/>
      <c r="C4466" s="359"/>
      <c r="D4466" s="359"/>
      <c r="E4466" s="359"/>
      <c r="F4466" s="359" t="s">
        <v>14814</v>
      </c>
      <c r="G4466" s="359" t="s">
        <v>14815</v>
      </c>
      <c r="H4466" s="360"/>
      <c r="I4466" s="359" t="s">
        <v>14815</v>
      </c>
      <c r="J4466" s="359"/>
      <c r="K4466" s="360"/>
      <c r="L4466" s="359"/>
    </row>
    <row r="4467" spans="2:12">
      <c r="B4467" s="359"/>
      <c r="C4467" s="359"/>
      <c r="D4467" s="359"/>
      <c r="E4467" s="359"/>
      <c r="F4467" s="360"/>
      <c r="G4467" s="360"/>
      <c r="H4467" s="360"/>
      <c r="I4467" s="360"/>
      <c r="J4467" s="359"/>
      <c r="K4467" s="360"/>
      <c r="L4467" s="359"/>
    </row>
    <row r="4468" spans="2:12">
      <c r="B4468" s="359"/>
      <c r="C4468" s="359"/>
      <c r="D4468" s="359"/>
      <c r="E4468" s="359"/>
      <c r="F4468" s="359" t="s">
        <v>14391</v>
      </c>
      <c r="G4468" s="359" t="s">
        <v>14392</v>
      </c>
      <c r="H4468" s="360"/>
      <c r="I4468" s="359" t="s">
        <v>14392</v>
      </c>
      <c r="J4468" s="359"/>
      <c r="K4468" s="360"/>
      <c r="L4468" s="359"/>
    </row>
    <row r="4469" spans="2:12">
      <c r="B4469" s="359"/>
      <c r="C4469" s="359"/>
      <c r="D4469" s="359"/>
      <c r="E4469" s="359"/>
      <c r="F4469" s="360"/>
      <c r="G4469" s="360"/>
      <c r="H4469" s="360"/>
      <c r="I4469" s="360"/>
      <c r="J4469" s="359"/>
      <c r="K4469" s="360"/>
      <c r="L4469" s="359"/>
    </row>
    <row r="4470" spans="2:12">
      <c r="B4470" s="359"/>
      <c r="C4470" s="359"/>
      <c r="D4470" s="359"/>
      <c r="E4470" s="359"/>
      <c r="F4470" s="359" t="s">
        <v>14371</v>
      </c>
      <c r="G4470" s="359" t="s">
        <v>14372</v>
      </c>
      <c r="H4470" s="360"/>
      <c r="I4470" s="359" t="s">
        <v>14373</v>
      </c>
      <c r="J4470" s="359"/>
      <c r="K4470" s="360"/>
      <c r="L4470" s="359"/>
    </row>
    <row r="4471" spans="2:12">
      <c r="B4471" s="359"/>
      <c r="C4471" s="359"/>
      <c r="D4471" s="359"/>
      <c r="E4471" s="359"/>
      <c r="F4471" s="360"/>
      <c r="G4471" s="360"/>
      <c r="H4471" s="360"/>
      <c r="I4471" s="360"/>
      <c r="J4471" s="359"/>
      <c r="K4471" s="360"/>
      <c r="L4471" s="359"/>
    </row>
    <row r="4472" spans="2:12" ht="28.5">
      <c r="B4472" s="361"/>
      <c r="C4472" s="361"/>
      <c r="D4472" s="361"/>
      <c r="E4472" s="361"/>
      <c r="F4472" s="361" t="s">
        <v>14374</v>
      </c>
      <c r="G4472" s="361" t="s">
        <v>14373</v>
      </c>
      <c r="H4472" s="362"/>
      <c r="I4472" s="362"/>
      <c r="J4472" s="361"/>
      <c r="K4472" s="362"/>
      <c r="L4472" s="361"/>
    </row>
    <row r="4473" spans="2:12" ht="71.25">
      <c r="B4473" s="358" t="s">
        <v>9170</v>
      </c>
      <c r="C4473" s="358" t="s">
        <v>16676</v>
      </c>
      <c r="D4473" s="358" t="s">
        <v>9171</v>
      </c>
      <c r="E4473" s="358" t="s">
        <v>5706</v>
      </c>
      <c r="F4473" s="358" t="s">
        <v>28746</v>
      </c>
      <c r="G4473" s="358" t="s">
        <v>14377</v>
      </c>
      <c r="H4473" s="358" t="s">
        <v>14381</v>
      </c>
      <c r="I4473" s="358" t="s">
        <v>14377</v>
      </c>
      <c r="J4473" s="358"/>
      <c r="K4473" s="358" t="s">
        <v>28755</v>
      </c>
      <c r="L4473" s="358"/>
    </row>
    <row r="4474" spans="2:12">
      <c r="B4474" s="359"/>
      <c r="C4474" s="360"/>
      <c r="D4474" s="359"/>
      <c r="E4474" s="359"/>
      <c r="F4474" s="360"/>
      <c r="G4474" s="360"/>
      <c r="H4474" s="360"/>
      <c r="I4474" s="360"/>
      <c r="J4474" s="359"/>
      <c r="K4474" s="360"/>
      <c r="L4474" s="359"/>
    </row>
    <row r="4475" spans="2:12" ht="42.75">
      <c r="B4475" s="359"/>
      <c r="C4475" s="359" t="s">
        <v>16677</v>
      </c>
      <c r="D4475" s="359"/>
      <c r="E4475" s="359"/>
      <c r="F4475" s="359" t="s">
        <v>14424</v>
      </c>
      <c r="G4475" s="359" t="s">
        <v>14427</v>
      </c>
      <c r="H4475" s="359" t="s">
        <v>14370</v>
      </c>
      <c r="I4475" s="359" t="s">
        <v>14427</v>
      </c>
      <c r="J4475" s="359"/>
      <c r="K4475" s="359" t="s">
        <v>28760</v>
      </c>
      <c r="L4475" s="359"/>
    </row>
    <row r="4476" spans="2:12">
      <c r="B4476" s="359"/>
      <c r="C4476" s="360"/>
      <c r="D4476" s="359"/>
      <c r="E4476" s="359"/>
      <c r="F4476" s="360"/>
      <c r="G4476" s="360"/>
      <c r="H4476" s="360"/>
      <c r="I4476" s="360"/>
      <c r="J4476" s="359"/>
      <c r="K4476" s="360"/>
      <c r="L4476" s="359"/>
    </row>
    <row r="4477" spans="2:12" ht="28.5">
      <c r="B4477" s="359"/>
      <c r="C4477" s="360"/>
      <c r="D4477" s="359"/>
      <c r="E4477" s="359"/>
      <c r="F4477" s="359" t="s">
        <v>14384</v>
      </c>
      <c r="G4477" s="359" t="s">
        <v>28740</v>
      </c>
      <c r="H4477" s="359" t="s">
        <v>14332</v>
      </c>
      <c r="I4477" s="359" t="s">
        <v>28740</v>
      </c>
      <c r="J4477" s="359"/>
      <c r="K4477" s="359" t="s">
        <v>16660</v>
      </c>
      <c r="L4477" s="359"/>
    </row>
    <row r="4478" spans="2:12">
      <c r="B4478" s="359"/>
      <c r="C4478" s="360"/>
      <c r="D4478" s="359"/>
      <c r="E4478" s="359"/>
      <c r="F4478" s="360"/>
      <c r="G4478" s="360"/>
      <c r="H4478" s="360"/>
      <c r="I4478" s="360"/>
      <c r="J4478" s="359"/>
      <c r="K4478" s="360"/>
      <c r="L4478" s="359"/>
    </row>
    <row r="4479" spans="2:12">
      <c r="B4479" s="359"/>
      <c r="C4479" s="360"/>
      <c r="D4479" s="359"/>
      <c r="E4479" s="359"/>
      <c r="F4479" s="359" t="s">
        <v>14814</v>
      </c>
      <c r="G4479" s="359" t="s">
        <v>14815</v>
      </c>
      <c r="H4479" s="360"/>
      <c r="I4479" s="359" t="s">
        <v>14815</v>
      </c>
      <c r="J4479" s="359"/>
      <c r="K4479" s="360"/>
      <c r="L4479" s="359"/>
    </row>
    <row r="4480" spans="2:12">
      <c r="B4480" s="359"/>
      <c r="C4480" s="360"/>
      <c r="D4480" s="359"/>
      <c r="E4480" s="359"/>
      <c r="F4480" s="360"/>
      <c r="G4480" s="360"/>
      <c r="H4480" s="360"/>
      <c r="I4480" s="360"/>
      <c r="J4480" s="359"/>
      <c r="K4480" s="360"/>
      <c r="L4480" s="359"/>
    </row>
    <row r="4481" spans="2:12">
      <c r="B4481" s="359"/>
      <c r="C4481" s="360"/>
      <c r="D4481" s="359"/>
      <c r="E4481" s="359"/>
      <c r="F4481" s="359" t="s">
        <v>14391</v>
      </c>
      <c r="G4481" s="359" t="s">
        <v>14392</v>
      </c>
      <c r="H4481" s="360"/>
      <c r="I4481" s="359" t="s">
        <v>14392</v>
      </c>
      <c r="J4481" s="359"/>
      <c r="K4481" s="360"/>
      <c r="L4481" s="359"/>
    </row>
    <row r="4482" spans="2:12">
      <c r="B4482" s="359"/>
      <c r="C4482" s="360"/>
      <c r="D4482" s="359"/>
      <c r="E4482" s="359"/>
      <c r="F4482" s="360"/>
      <c r="G4482" s="360"/>
      <c r="H4482" s="360"/>
      <c r="I4482" s="360"/>
      <c r="J4482" s="359"/>
      <c r="K4482" s="360"/>
      <c r="L4482" s="359"/>
    </row>
    <row r="4483" spans="2:12">
      <c r="B4483" s="359"/>
      <c r="C4483" s="360"/>
      <c r="D4483" s="359"/>
      <c r="E4483" s="359"/>
      <c r="F4483" s="359" t="s">
        <v>14371</v>
      </c>
      <c r="G4483" s="359" t="s">
        <v>14372</v>
      </c>
      <c r="H4483" s="360"/>
      <c r="I4483" s="359" t="s">
        <v>14373</v>
      </c>
      <c r="J4483" s="359"/>
      <c r="K4483" s="360"/>
      <c r="L4483" s="359"/>
    </row>
    <row r="4484" spans="2:12">
      <c r="B4484" s="359"/>
      <c r="C4484" s="360"/>
      <c r="D4484" s="359"/>
      <c r="E4484" s="359"/>
      <c r="F4484" s="360"/>
      <c r="G4484" s="360"/>
      <c r="H4484" s="360"/>
      <c r="I4484" s="360"/>
      <c r="J4484" s="359"/>
      <c r="K4484" s="360"/>
      <c r="L4484" s="359"/>
    </row>
    <row r="4485" spans="2:12" ht="28.5">
      <c r="B4485" s="361"/>
      <c r="C4485" s="362"/>
      <c r="D4485" s="361"/>
      <c r="E4485" s="361"/>
      <c r="F4485" s="361" t="s">
        <v>14374</v>
      </c>
      <c r="G4485" s="361" t="s">
        <v>14373</v>
      </c>
      <c r="H4485" s="362"/>
      <c r="I4485" s="362"/>
      <c r="J4485" s="361"/>
      <c r="K4485" s="362"/>
      <c r="L4485" s="361"/>
    </row>
    <row r="4486" spans="2:12" ht="71.25">
      <c r="B4486" s="358" t="s">
        <v>9173</v>
      </c>
      <c r="C4486" s="358" t="s">
        <v>16678</v>
      </c>
      <c r="D4486" s="358" t="s">
        <v>8356</v>
      </c>
      <c r="E4486" s="358" t="s">
        <v>9174</v>
      </c>
      <c r="F4486" s="358" t="s">
        <v>16528</v>
      </c>
      <c r="G4486" s="358" t="s">
        <v>14377</v>
      </c>
      <c r="H4486" s="358" t="s">
        <v>14381</v>
      </c>
      <c r="I4486" s="358" t="s">
        <v>14377</v>
      </c>
      <c r="J4486" s="358"/>
      <c r="K4486" s="358" t="s">
        <v>28761</v>
      </c>
      <c r="L4486" s="358"/>
    </row>
    <row r="4487" spans="2:12">
      <c r="B4487" s="359"/>
      <c r="C4487" s="359"/>
      <c r="D4487" s="359"/>
      <c r="E4487" s="359"/>
      <c r="F4487" s="360"/>
      <c r="G4487" s="360"/>
      <c r="H4487" s="360"/>
      <c r="I4487" s="360"/>
      <c r="J4487" s="359"/>
      <c r="K4487" s="360"/>
      <c r="L4487" s="359"/>
    </row>
    <row r="4488" spans="2:12" ht="42.75">
      <c r="B4488" s="359"/>
      <c r="C4488" s="359"/>
      <c r="D4488" s="359"/>
      <c r="E4488" s="359"/>
      <c r="F4488" s="359" t="s">
        <v>14426</v>
      </c>
      <c r="G4488" s="359" t="s">
        <v>14427</v>
      </c>
      <c r="H4488" s="359" t="s">
        <v>14370</v>
      </c>
      <c r="I4488" s="359" t="s">
        <v>14427</v>
      </c>
      <c r="J4488" s="359"/>
      <c r="K4488" s="359" t="s">
        <v>28749</v>
      </c>
      <c r="L4488" s="359"/>
    </row>
    <row r="4489" spans="2:12">
      <c r="B4489" s="359"/>
      <c r="C4489" s="359"/>
      <c r="D4489" s="359"/>
      <c r="E4489" s="359"/>
      <c r="F4489" s="360"/>
      <c r="G4489" s="360"/>
      <c r="H4489" s="360"/>
      <c r="I4489" s="360"/>
      <c r="J4489" s="359"/>
      <c r="K4489" s="360"/>
      <c r="L4489" s="359"/>
    </row>
    <row r="4490" spans="2:12" ht="28.5">
      <c r="B4490" s="359"/>
      <c r="C4490" s="359"/>
      <c r="D4490" s="359"/>
      <c r="E4490" s="359"/>
      <c r="F4490" s="359" t="s">
        <v>14424</v>
      </c>
      <c r="G4490" s="359" t="s">
        <v>28740</v>
      </c>
      <c r="H4490" s="359" t="s">
        <v>14332</v>
      </c>
      <c r="I4490" s="359" t="s">
        <v>28740</v>
      </c>
      <c r="J4490" s="359"/>
      <c r="K4490" s="359" t="s">
        <v>16660</v>
      </c>
      <c r="L4490" s="359"/>
    </row>
    <row r="4491" spans="2:12">
      <c r="B4491" s="359"/>
      <c r="C4491" s="359"/>
      <c r="D4491" s="359"/>
      <c r="E4491" s="359"/>
      <c r="F4491" s="360"/>
      <c r="G4491" s="360"/>
      <c r="H4491" s="360"/>
      <c r="I4491" s="360"/>
      <c r="J4491" s="359"/>
      <c r="K4491" s="360"/>
      <c r="L4491" s="359"/>
    </row>
    <row r="4492" spans="2:12">
      <c r="B4492" s="359"/>
      <c r="C4492" s="359"/>
      <c r="D4492" s="359"/>
      <c r="E4492" s="359"/>
      <c r="F4492" s="359" t="s">
        <v>14384</v>
      </c>
      <c r="G4492" s="359" t="s">
        <v>14815</v>
      </c>
      <c r="H4492" s="360"/>
      <c r="I4492" s="359" t="s">
        <v>14815</v>
      </c>
      <c r="J4492" s="359"/>
      <c r="K4492" s="360"/>
      <c r="L4492" s="359"/>
    </row>
    <row r="4493" spans="2:12">
      <c r="B4493" s="359"/>
      <c r="C4493" s="359"/>
      <c r="D4493" s="359"/>
      <c r="E4493" s="359"/>
      <c r="F4493" s="360"/>
      <c r="G4493" s="360"/>
      <c r="H4493" s="360"/>
      <c r="I4493" s="360"/>
      <c r="J4493" s="359"/>
      <c r="K4493" s="360"/>
      <c r="L4493" s="359"/>
    </row>
    <row r="4494" spans="2:12">
      <c r="B4494" s="359"/>
      <c r="C4494" s="359"/>
      <c r="D4494" s="359"/>
      <c r="E4494" s="359"/>
      <c r="F4494" s="359" t="s">
        <v>14814</v>
      </c>
      <c r="G4494" s="359" t="s">
        <v>14392</v>
      </c>
      <c r="H4494" s="360"/>
      <c r="I4494" s="359" t="s">
        <v>14392</v>
      </c>
      <c r="J4494" s="359"/>
      <c r="K4494" s="360"/>
      <c r="L4494" s="359"/>
    </row>
    <row r="4495" spans="2:12">
      <c r="B4495" s="359"/>
      <c r="C4495" s="359"/>
      <c r="D4495" s="359"/>
      <c r="E4495" s="359"/>
      <c r="F4495" s="360"/>
      <c r="G4495" s="360"/>
      <c r="H4495" s="360"/>
      <c r="I4495" s="360"/>
      <c r="J4495" s="359"/>
      <c r="K4495" s="360"/>
      <c r="L4495" s="359"/>
    </row>
    <row r="4496" spans="2:12">
      <c r="B4496" s="359"/>
      <c r="C4496" s="359"/>
      <c r="D4496" s="359"/>
      <c r="E4496" s="359"/>
      <c r="F4496" s="359" t="s">
        <v>14391</v>
      </c>
      <c r="G4496" s="359" t="s">
        <v>14372</v>
      </c>
      <c r="H4496" s="360"/>
      <c r="I4496" s="359" t="s">
        <v>14373</v>
      </c>
      <c r="J4496" s="359"/>
      <c r="K4496" s="360"/>
      <c r="L4496" s="359"/>
    </row>
    <row r="4497" spans="2:12">
      <c r="B4497" s="359"/>
      <c r="C4497" s="359"/>
      <c r="D4497" s="359"/>
      <c r="E4497" s="359"/>
      <c r="F4497" s="360"/>
      <c r="G4497" s="360"/>
      <c r="H4497" s="360"/>
      <c r="I4497" s="360"/>
      <c r="J4497" s="359"/>
      <c r="K4497" s="360"/>
      <c r="L4497" s="359"/>
    </row>
    <row r="4498" spans="2:12">
      <c r="B4498" s="359"/>
      <c r="C4498" s="359"/>
      <c r="D4498" s="359"/>
      <c r="E4498" s="359"/>
      <c r="F4498" s="359" t="s">
        <v>14371</v>
      </c>
      <c r="G4498" s="359" t="s">
        <v>14373</v>
      </c>
      <c r="H4498" s="360"/>
      <c r="I4498" s="360"/>
      <c r="J4498" s="359"/>
      <c r="K4498" s="360"/>
      <c r="L4498" s="359"/>
    </row>
    <row r="4499" spans="2:12">
      <c r="B4499" s="359"/>
      <c r="C4499" s="359"/>
      <c r="D4499" s="359"/>
      <c r="E4499" s="359"/>
      <c r="F4499" s="360"/>
      <c r="G4499" s="360"/>
      <c r="H4499" s="360"/>
      <c r="I4499" s="360"/>
      <c r="J4499" s="359"/>
      <c r="K4499" s="360"/>
      <c r="L4499" s="359"/>
    </row>
    <row r="4500" spans="2:12" ht="28.5">
      <c r="B4500" s="361"/>
      <c r="C4500" s="361"/>
      <c r="D4500" s="361"/>
      <c r="E4500" s="361"/>
      <c r="F4500" s="361" t="s">
        <v>14374</v>
      </c>
      <c r="G4500" s="362"/>
      <c r="H4500" s="362"/>
      <c r="I4500" s="362"/>
      <c r="J4500" s="361"/>
      <c r="K4500" s="362"/>
      <c r="L4500" s="361"/>
    </row>
    <row r="4501" spans="2:12" ht="71.25">
      <c r="B4501" s="358" t="s">
        <v>9176</v>
      </c>
      <c r="C4501" s="358" t="s">
        <v>16679</v>
      </c>
      <c r="D4501" s="358" t="s">
        <v>9177</v>
      </c>
      <c r="E4501" s="358" t="s">
        <v>5708</v>
      </c>
      <c r="F4501" s="358" t="s">
        <v>16528</v>
      </c>
      <c r="G4501" s="358" t="s">
        <v>14377</v>
      </c>
      <c r="H4501" s="358" t="s">
        <v>14341</v>
      </c>
      <c r="I4501" s="358" t="s">
        <v>14377</v>
      </c>
      <c r="J4501" s="358"/>
      <c r="K4501" s="358" t="s">
        <v>28754</v>
      </c>
      <c r="L4501" s="358"/>
    </row>
    <row r="4502" spans="2:12">
      <c r="B4502" s="359"/>
      <c r="C4502" s="359"/>
      <c r="D4502" s="359"/>
      <c r="E4502" s="359"/>
      <c r="F4502" s="360"/>
      <c r="G4502" s="360"/>
      <c r="H4502" s="360"/>
      <c r="I4502" s="360"/>
      <c r="J4502" s="359"/>
      <c r="K4502" s="360"/>
      <c r="L4502" s="359"/>
    </row>
    <row r="4503" spans="2:12" ht="42.75">
      <c r="B4503" s="359"/>
      <c r="C4503" s="359"/>
      <c r="D4503" s="359"/>
      <c r="E4503" s="359"/>
      <c r="F4503" s="359" t="s">
        <v>14426</v>
      </c>
      <c r="G4503" s="359" t="s">
        <v>14427</v>
      </c>
      <c r="H4503" s="359" t="s">
        <v>14381</v>
      </c>
      <c r="I4503" s="359" t="s">
        <v>14427</v>
      </c>
      <c r="J4503" s="359"/>
      <c r="K4503" s="359" t="s">
        <v>28749</v>
      </c>
      <c r="L4503" s="359"/>
    </row>
    <row r="4504" spans="2:12">
      <c r="B4504" s="359"/>
      <c r="C4504" s="359"/>
      <c r="D4504" s="359"/>
      <c r="E4504" s="359"/>
      <c r="F4504" s="360"/>
      <c r="G4504" s="360"/>
      <c r="H4504" s="360"/>
      <c r="I4504" s="360"/>
      <c r="J4504" s="359"/>
      <c r="K4504" s="360"/>
      <c r="L4504" s="359"/>
    </row>
    <row r="4505" spans="2:12" ht="28.5">
      <c r="B4505" s="359"/>
      <c r="C4505" s="359"/>
      <c r="D4505" s="359"/>
      <c r="E4505" s="359"/>
      <c r="F4505" s="359" t="s">
        <v>14424</v>
      </c>
      <c r="G4505" s="359" t="s">
        <v>28740</v>
      </c>
      <c r="H4505" s="359" t="s">
        <v>14370</v>
      </c>
      <c r="I4505" s="359" t="s">
        <v>28740</v>
      </c>
      <c r="J4505" s="359"/>
      <c r="K4505" s="359" t="s">
        <v>16660</v>
      </c>
      <c r="L4505" s="359"/>
    </row>
    <row r="4506" spans="2:12">
      <c r="B4506" s="359"/>
      <c r="C4506" s="359"/>
      <c r="D4506" s="359"/>
      <c r="E4506" s="359"/>
      <c r="F4506" s="360"/>
      <c r="G4506" s="360"/>
      <c r="H4506" s="360"/>
      <c r="I4506" s="360"/>
      <c r="J4506" s="359"/>
      <c r="K4506" s="360"/>
      <c r="L4506" s="359"/>
    </row>
    <row r="4507" spans="2:12">
      <c r="B4507" s="359"/>
      <c r="C4507" s="359"/>
      <c r="D4507" s="359"/>
      <c r="E4507" s="359"/>
      <c r="F4507" s="359" t="s">
        <v>14384</v>
      </c>
      <c r="G4507" s="359" t="s">
        <v>14340</v>
      </c>
      <c r="H4507" s="359" t="s">
        <v>14332</v>
      </c>
      <c r="I4507" s="359" t="s">
        <v>14340</v>
      </c>
      <c r="J4507" s="359"/>
      <c r="K4507" s="360"/>
      <c r="L4507" s="359"/>
    </row>
    <row r="4508" spans="2:12">
      <c r="B4508" s="359"/>
      <c r="C4508" s="359"/>
      <c r="D4508" s="359"/>
      <c r="E4508" s="359"/>
      <c r="F4508" s="360"/>
      <c r="G4508" s="360"/>
      <c r="H4508" s="360"/>
      <c r="I4508" s="360"/>
      <c r="J4508" s="359"/>
      <c r="K4508" s="360"/>
      <c r="L4508" s="359"/>
    </row>
    <row r="4509" spans="2:12">
      <c r="B4509" s="359"/>
      <c r="C4509" s="359"/>
      <c r="D4509" s="359"/>
      <c r="E4509" s="359"/>
      <c r="F4509" s="359" t="s">
        <v>14339</v>
      </c>
      <c r="G4509" s="359" t="s">
        <v>14815</v>
      </c>
      <c r="H4509" s="360"/>
      <c r="I4509" s="359" t="s">
        <v>14815</v>
      </c>
      <c r="J4509" s="359"/>
      <c r="K4509" s="360"/>
      <c r="L4509" s="359"/>
    </row>
    <row r="4510" spans="2:12">
      <c r="B4510" s="359"/>
      <c r="C4510" s="359"/>
      <c r="D4510" s="359"/>
      <c r="E4510" s="359"/>
      <c r="F4510" s="360"/>
      <c r="G4510" s="360"/>
      <c r="H4510" s="360"/>
      <c r="I4510" s="360"/>
      <c r="J4510" s="359"/>
      <c r="K4510" s="360"/>
      <c r="L4510" s="359"/>
    </row>
    <row r="4511" spans="2:12">
      <c r="B4511" s="359"/>
      <c r="C4511" s="359"/>
      <c r="D4511" s="359"/>
      <c r="E4511" s="359"/>
      <c r="F4511" s="359" t="s">
        <v>14814</v>
      </c>
      <c r="G4511" s="359" t="s">
        <v>14392</v>
      </c>
      <c r="H4511" s="360"/>
      <c r="I4511" s="359" t="s">
        <v>14392</v>
      </c>
      <c r="J4511" s="359"/>
      <c r="K4511" s="360"/>
      <c r="L4511" s="359"/>
    </row>
    <row r="4512" spans="2:12">
      <c r="B4512" s="359"/>
      <c r="C4512" s="359"/>
      <c r="D4512" s="359"/>
      <c r="E4512" s="359"/>
      <c r="F4512" s="360"/>
      <c r="G4512" s="360"/>
      <c r="H4512" s="360"/>
      <c r="I4512" s="360"/>
      <c r="J4512" s="359"/>
      <c r="K4512" s="360"/>
      <c r="L4512" s="359"/>
    </row>
    <row r="4513" spans="2:12">
      <c r="B4513" s="359"/>
      <c r="C4513" s="359"/>
      <c r="D4513" s="359"/>
      <c r="E4513" s="359"/>
      <c r="F4513" s="359" t="s">
        <v>14391</v>
      </c>
      <c r="G4513" s="359" t="s">
        <v>14372</v>
      </c>
      <c r="H4513" s="360"/>
      <c r="I4513" s="359" t="s">
        <v>14373</v>
      </c>
      <c r="J4513" s="359"/>
      <c r="K4513" s="360"/>
      <c r="L4513" s="359"/>
    </row>
    <row r="4514" spans="2:12">
      <c r="B4514" s="359"/>
      <c r="C4514" s="359"/>
      <c r="D4514" s="359"/>
      <c r="E4514" s="359"/>
      <c r="F4514" s="360"/>
      <c r="G4514" s="360"/>
      <c r="H4514" s="360"/>
      <c r="I4514" s="360"/>
      <c r="J4514" s="359"/>
      <c r="K4514" s="360"/>
      <c r="L4514" s="359"/>
    </row>
    <row r="4515" spans="2:12">
      <c r="B4515" s="359"/>
      <c r="C4515" s="359"/>
      <c r="D4515" s="359"/>
      <c r="E4515" s="359"/>
      <c r="F4515" s="359" t="s">
        <v>14371</v>
      </c>
      <c r="G4515" s="359" t="s">
        <v>14373</v>
      </c>
      <c r="H4515" s="360"/>
      <c r="I4515" s="360"/>
      <c r="J4515" s="359"/>
      <c r="K4515" s="360"/>
      <c r="L4515" s="359"/>
    </row>
    <row r="4516" spans="2:12">
      <c r="B4516" s="359"/>
      <c r="C4516" s="359"/>
      <c r="D4516" s="359"/>
      <c r="E4516" s="359"/>
      <c r="F4516" s="360"/>
      <c r="G4516" s="360"/>
      <c r="H4516" s="360"/>
      <c r="I4516" s="360"/>
      <c r="J4516" s="359"/>
      <c r="K4516" s="360"/>
      <c r="L4516" s="359"/>
    </row>
    <row r="4517" spans="2:12" ht="28.5">
      <c r="B4517" s="361"/>
      <c r="C4517" s="361"/>
      <c r="D4517" s="361"/>
      <c r="E4517" s="361"/>
      <c r="F4517" s="361" t="s">
        <v>14374</v>
      </c>
      <c r="G4517" s="362"/>
      <c r="H4517" s="362"/>
      <c r="I4517" s="362"/>
      <c r="J4517" s="361"/>
      <c r="K4517" s="362"/>
      <c r="L4517" s="361"/>
    </row>
    <row r="4518" spans="2:12" ht="71.25">
      <c r="B4518" s="358" t="s">
        <v>9179</v>
      </c>
      <c r="C4518" s="358" t="s">
        <v>16680</v>
      </c>
      <c r="D4518" s="358" t="s">
        <v>9180</v>
      </c>
      <c r="E4518" s="358" t="s">
        <v>9181</v>
      </c>
      <c r="F4518" s="358" t="s">
        <v>16528</v>
      </c>
      <c r="G4518" s="358" t="s">
        <v>14377</v>
      </c>
      <c r="H4518" s="358" t="s">
        <v>14381</v>
      </c>
      <c r="I4518" s="358" t="s">
        <v>14377</v>
      </c>
      <c r="J4518" s="358"/>
      <c r="K4518" s="358" t="s">
        <v>28754</v>
      </c>
      <c r="L4518" s="358"/>
    </row>
    <row r="4519" spans="2:12">
      <c r="B4519" s="359"/>
      <c r="C4519" s="360"/>
      <c r="D4519" s="360"/>
      <c r="E4519" s="360"/>
      <c r="F4519" s="360"/>
      <c r="G4519" s="360"/>
      <c r="H4519" s="360"/>
      <c r="I4519" s="360"/>
      <c r="J4519" s="359"/>
      <c r="K4519" s="360"/>
      <c r="L4519" s="359"/>
    </row>
    <row r="4520" spans="2:12" ht="42.75">
      <c r="B4520" s="359"/>
      <c r="C4520" s="359" t="s">
        <v>16681</v>
      </c>
      <c r="D4520" s="359" t="s">
        <v>9183</v>
      </c>
      <c r="E4520" s="359" t="s">
        <v>9184</v>
      </c>
      <c r="F4520" s="359" t="s">
        <v>14426</v>
      </c>
      <c r="G4520" s="359" t="s">
        <v>14427</v>
      </c>
      <c r="H4520" s="359" t="s">
        <v>14370</v>
      </c>
      <c r="I4520" s="359" t="s">
        <v>14427</v>
      </c>
      <c r="J4520" s="359"/>
      <c r="K4520" s="359" t="s">
        <v>28757</v>
      </c>
      <c r="L4520" s="359"/>
    </row>
    <row r="4521" spans="2:12">
      <c r="B4521" s="359"/>
      <c r="C4521" s="360"/>
      <c r="D4521" s="360"/>
      <c r="E4521" s="360"/>
      <c r="F4521" s="360"/>
      <c r="G4521" s="360"/>
      <c r="H4521" s="360"/>
      <c r="I4521" s="360"/>
      <c r="J4521" s="359"/>
      <c r="K4521" s="360"/>
      <c r="L4521" s="359"/>
    </row>
    <row r="4522" spans="2:12" ht="42.75">
      <c r="B4522" s="359"/>
      <c r="C4522" s="359" t="s">
        <v>16682</v>
      </c>
      <c r="D4522" s="359" t="s">
        <v>9186</v>
      </c>
      <c r="E4522" s="359" t="s">
        <v>9187</v>
      </c>
      <c r="F4522" s="359" t="s">
        <v>14424</v>
      </c>
      <c r="G4522" s="359" t="s">
        <v>28756</v>
      </c>
      <c r="H4522" s="359" t="s">
        <v>14332</v>
      </c>
      <c r="I4522" s="359" t="s">
        <v>28740</v>
      </c>
      <c r="J4522" s="359"/>
      <c r="K4522" s="359" t="s">
        <v>16660</v>
      </c>
      <c r="L4522" s="359"/>
    </row>
    <row r="4523" spans="2:12">
      <c r="B4523" s="359"/>
      <c r="C4523" s="360"/>
      <c r="D4523" s="360"/>
      <c r="E4523" s="360"/>
      <c r="F4523" s="360"/>
      <c r="G4523" s="360"/>
      <c r="H4523" s="360"/>
      <c r="I4523" s="360"/>
      <c r="J4523" s="359"/>
      <c r="K4523" s="360"/>
      <c r="L4523" s="359"/>
    </row>
    <row r="4524" spans="2:12" ht="28.5">
      <c r="B4524" s="359"/>
      <c r="C4524" s="359" t="s">
        <v>16683</v>
      </c>
      <c r="D4524" s="359" t="s">
        <v>28762</v>
      </c>
      <c r="E4524" s="359" t="s">
        <v>9190</v>
      </c>
      <c r="F4524" s="359" t="s">
        <v>14384</v>
      </c>
      <c r="G4524" s="359" t="s">
        <v>14392</v>
      </c>
      <c r="H4524" s="360"/>
      <c r="I4524" s="359" t="s">
        <v>14815</v>
      </c>
      <c r="J4524" s="359"/>
      <c r="K4524" s="360"/>
      <c r="L4524" s="359"/>
    </row>
    <row r="4525" spans="2:12">
      <c r="B4525" s="359"/>
      <c r="C4525" s="360"/>
      <c r="D4525" s="360"/>
      <c r="E4525" s="360"/>
      <c r="F4525" s="360"/>
      <c r="G4525" s="360"/>
      <c r="H4525" s="360"/>
      <c r="I4525" s="360"/>
      <c r="J4525" s="359"/>
      <c r="K4525" s="360"/>
      <c r="L4525" s="359"/>
    </row>
    <row r="4526" spans="2:12">
      <c r="B4526" s="359"/>
      <c r="C4526" s="360"/>
      <c r="D4526" s="360"/>
      <c r="E4526" s="360"/>
      <c r="F4526" s="359" t="s">
        <v>14814</v>
      </c>
      <c r="G4526" s="359" t="s">
        <v>14372</v>
      </c>
      <c r="H4526" s="360"/>
      <c r="I4526" s="359" t="s">
        <v>14392</v>
      </c>
      <c r="J4526" s="359"/>
      <c r="K4526" s="360"/>
      <c r="L4526" s="359"/>
    </row>
    <row r="4527" spans="2:12">
      <c r="B4527" s="359"/>
      <c r="C4527" s="360"/>
      <c r="D4527" s="360"/>
      <c r="E4527" s="360"/>
      <c r="F4527" s="360"/>
      <c r="G4527" s="360"/>
      <c r="H4527" s="360"/>
      <c r="I4527" s="360"/>
      <c r="J4527" s="359"/>
      <c r="K4527" s="360"/>
      <c r="L4527" s="359"/>
    </row>
    <row r="4528" spans="2:12">
      <c r="B4528" s="359"/>
      <c r="C4528" s="360"/>
      <c r="D4528" s="360"/>
      <c r="E4528" s="360"/>
      <c r="F4528" s="359" t="s">
        <v>14391</v>
      </c>
      <c r="G4528" s="359" t="s">
        <v>14373</v>
      </c>
      <c r="H4528" s="360"/>
      <c r="I4528" s="359" t="s">
        <v>14373</v>
      </c>
      <c r="J4528" s="359"/>
      <c r="K4528" s="360"/>
      <c r="L4528" s="359"/>
    </row>
    <row r="4529" spans="2:12">
      <c r="B4529" s="359"/>
      <c r="C4529" s="360"/>
      <c r="D4529" s="360"/>
      <c r="E4529" s="360"/>
      <c r="F4529" s="360"/>
      <c r="G4529" s="360"/>
      <c r="H4529" s="360"/>
      <c r="I4529" s="360"/>
      <c r="J4529" s="359"/>
      <c r="K4529" s="360"/>
      <c r="L4529" s="359"/>
    </row>
    <row r="4530" spans="2:12">
      <c r="B4530" s="359"/>
      <c r="C4530" s="360"/>
      <c r="D4530" s="360"/>
      <c r="E4530" s="360"/>
      <c r="F4530" s="359" t="s">
        <v>14371</v>
      </c>
      <c r="G4530" s="360"/>
      <c r="H4530" s="360"/>
      <c r="I4530" s="360"/>
      <c r="J4530" s="359"/>
      <c r="K4530" s="360"/>
      <c r="L4530" s="359"/>
    </row>
    <row r="4531" spans="2:12">
      <c r="B4531" s="359"/>
      <c r="C4531" s="360"/>
      <c r="D4531" s="360"/>
      <c r="E4531" s="360"/>
      <c r="F4531" s="360"/>
      <c r="G4531" s="360"/>
      <c r="H4531" s="360"/>
      <c r="I4531" s="360"/>
      <c r="J4531" s="359"/>
      <c r="K4531" s="360"/>
      <c r="L4531" s="359"/>
    </row>
    <row r="4532" spans="2:12" ht="28.5">
      <c r="B4532" s="361"/>
      <c r="C4532" s="362"/>
      <c r="D4532" s="362"/>
      <c r="E4532" s="362"/>
      <c r="F4532" s="361" t="s">
        <v>14374</v>
      </c>
      <c r="G4532" s="362"/>
      <c r="H4532" s="362"/>
      <c r="I4532" s="362"/>
      <c r="J4532" s="361"/>
      <c r="K4532" s="362"/>
      <c r="L4532" s="361"/>
    </row>
    <row r="4533" spans="2:12" ht="71.25">
      <c r="B4533" s="358" t="s">
        <v>9192</v>
      </c>
      <c r="C4533" s="358" t="s">
        <v>16684</v>
      </c>
      <c r="D4533" s="358" t="s">
        <v>9193</v>
      </c>
      <c r="E4533" s="358" t="s">
        <v>9194</v>
      </c>
      <c r="F4533" s="358" t="s">
        <v>28746</v>
      </c>
      <c r="G4533" s="358" t="s">
        <v>14377</v>
      </c>
      <c r="H4533" s="358" t="s">
        <v>14381</v>
      </c>
      <c r="I4533" s="358" t="s">
        <v>14377</v>
      </c>
      <c r="J4533" s="358"/>
      <c r="K4533" s="358" t="s">
        <v>28754</v>
      </c>
      <c r="L4533" s="358"/>
    </row>
    <row r="4534" spans="2:12">
      <c r="B4534" s="359"/>
      <c r="C4534" s="359"/>
      <c r="D4534" s="359"/>
      <c r="E4534" s="359"/>
      <c r="F4534" s="360"/>
      <c r="G4534" s="360"/>
      <c r="H4534" s="360"/>
      <c r="I4534" s="360"/>
      <c r="J4534" s="359"/>
      <c r="K4534" s="360"/>
      <c r="L4534" s="359"/>
    </row>
    <row r="4535" spans="2:12" ht="42.75">
      <c r="B4535" s="359"/>
      <c r="C4535" s="359"/>
      <c r="D4535" s="359"/>
      <c r="E4535" s="359"/>
      <c r="F4535" s="359" t="s">
        <v>14424</v>
      </c>
      <c r="G4535" s="359" t="s">
        <v>14427</v>
      </c>
      <c r="H4535" s="359" t="s">
        <v>14370</v>
      </c>
      <c r="I4535" s="359" t="s">
        <v>14427</v>
      </c>
      <c r="J4535" s="359"/>
      <c r="K4535" s="359" t="s">
        <v>28753</v>
      </c>
      <c r="L4535" s="359"/>
    </row>
    <row r="4536" spans="2:12">
      <c r="B4536" s="359"/>
      <c r="C4536" s="359"/>
      <c r="D4536" s="359"/>
      <c r="E4536" s="359"/>
      <c r="F4536" s="360"/>
      <c r="G4536" s="360"/>
      <c r="H4536" s="360"/>
      <c r="I4536" s="360"/>
      <c r="J4536" s="359"/>
      <c r="K4536" s="360"/>
      <c r="L4536" s="359"/>
    </row>
    <row r="4537" spans="2:12" ht="28.5">
      <c r="B4537" s="359"/>
      <c r="C4537" s="359"/>
      <c r="D4537" s="359"/>
      <c r="E4537" s="359"/>
      <c r="F4537" s="359" t="s">
        <v>14384</v>
      </c>
      <c r="G4537" s="359" t="s">
        <v>28740</v>
      </c>
      <c r="H4537" s="359" t="s">
        <v>14332</v>
      </c>
      <c r="I4537" s="359" t="s">
        <v>28740</v>
      </c>
      <c r="J4537" s="359"/>
      <c r="K4537" s="359" t="s">
        <v>16660</v>
      </c>
      <c r="L4537" s="359"/>
    </row>
    <row r="4538" spans="2:12">
      <c r="B4538" s="359"/>
      <c r="C4538" s="359"/>
      <c r="D4538" s="359"/>
      <c r="E4538" s="359"/>
      <c r="F4538" s="360"/>
      <c r="G4538" s="360"/>
      <c r="H4538" s="360"/>
      <c r="I4538" s="360"/>
      <c r="J4538" s="359"/>
      <c r="K4538" s="360"/>
      <c r="L4538" s="359"/>
    </row>
    <row r="4539" spans="2:12">
      <c r="B4539" s="359"/>
      <c r="C4539" s="359"/>
      <c r="D4539" s="359"/>
      <c r="E4539" s="359"/>
      <c r="F4539" s="359" t="s">
        <v>14814</v>
      </c>
      <c r="G4539" s="359" t="s">
        <v>14815</v>
      </c>
      <c r="H4539" s="360"/>
      <c r="I4539" s="359" t="s">
        <v>14815</v>
      </c>
      <c r="J4539" s="359"/>
      <c r="K4539" s="360"/>
      <c r="L4539" s="359"/>
    </row>
    <row r="4540" spans="2:12">
      <c r="B4540" s="359"/>
      <c r="C4540" s="359"/>
      <c r="D4540" s="359"/>
      <c r="E4540" s="359"/>
      <c r="F4540" s="360"/>
      <c r="G4540" s="360"/>
      <c r="H4540" s="360"/>
      <c r="I4540" s="360"/>
      <c r="J4540" s="359"/>
      <c r="K4540" s="360"/>
      <c r="L4540" s="359"/>
    </row>
    <row r="4541" spans="2:12">
      <c r="B4541" s="359"/>
      <c r="C4541" s="359"/>
      <c r="D4541" s="359"/>
      <c r="E4541" s="359"/>
      <c r="F4541" s="359" t="s">
        <v>14391</v>
      </c>
      <c r="G4541" s="359" t="s">
        <v>14392</v>
      </c>
      <c r="H4541" s="360"/>
      <c r="I4541" s="359" t="s">
        <v>14392</v>
      </c>
      <c r="J4541" s="359"/>
      <c r="K4541" s="360"/>
      <c r="L4541" s="359"/>
    </row>
    <row r="4542" spans="2:12">
      <c r="B4542" s="359"/>
      <c r="C4542" s="359"/>
      <c r="D4542" s="359"/>
      <c r="E4542" s="359"/>
      <c r="F4542" s="360"/>
      <c r="G4542" s="360"/>
      <c r="H4542" s="360"/>
      <c r="I4542" s="360"/>
      <c r="J4542" s="359"/>
      <c r="K4542" s="360"/>
      <c r="L4542" s="359"/>
    </row>
    <row r="4543" spans="2:12">
      <c r="B4543" s="359"/>
      <c r="C4543" s="359"/>
      <c r="D4543" s="359"/>
      <c r="E4543" s="359"/>
      <c r="F4543" s="359" t="s">
        <v>14371</v>
      </c>
      <c r="G4543" s="359" t="s">
        <v>14372</v>
      </c>
      <c r="H4543" s="360"/>
      <c r="I4543" s="359" t="s">
        <v>14373</v>
      </c>
      <c r="J4543" s="359"/>
      <c r="K4543" s="360"/>
      <c r="L4543" s="359"/>
    </row>
    <row r="4544" spans="2:12">
      <c r="B4544" s="359"/>
      <c r="C4544" s="359"/>
      <c r="D4544" s="359"/>
      <c r="E4544" s="359"/>
      <c r="F4544" s="360"/>
      <c r="G4544" s="360"/>
      <c r="H4544" s="360"/>
      <c r="I4544" s="360"/>
      <c r="J4544" s="359"/>
      <c r="K4544" s="360"/>
      <c r="L4544" s="359"/>
    </row>
    <row r="4545" spans="2:12" ht="28.5">
      <c r="B4545" s="361"/>
      <c r="C4545" s="361"/>
      <c r="D4545" s="361"/>
      <c r="E4545" s="361"/>
      <c r="F4545" s="361" t="s">
        <v>14374</v>
      </c>
      <c r="G4545" s="361" t="s">
        <v>14373</v>
      </c>
      <c r="H4545" s="362"/>
      <c r="I4545" s="362"/>
      <c r="J4545" s="361"/>
      <c r="K4545" s="362"/>
      <c r="L4545" s="361"/>
    </row>
    <row r="4546" spans="2:12" ht="71.25">
      <c r="B4546" s="358" t="s">
        <v>9195</v>
      </c>
      <c r="C4546" s="358" t="s">
        <v>16685</v>
      </c>
      <c r="D4546" s="358" t="s">
        <v>9196</v>
      </c>
      <c r="E4546" s="358" t="s">
        <v>5435</v>
      </c>
      <c r="F4546" s="358" t="s">
        <v>28746</v>
      </c>
      <c r="G4546" s="358" t="s">
        <v>14377</v>
      </c>
      <c r="H4546" s="358" t="s">
        <v>14381</v>
      </c>
      <c r="I4546" s="358" t="s">
        <v>14377</v>
      </c>
      <c r="J4546" s="358"/>
      <c r="K4546" s="358" t="s">
        <v>28754</v>
      </c>
      <c r="L4546" s="358"/>
    </row>
    <row r="4547" spans="2:12">
      <c r="B4547" s="359"/>
      <c r="C4547" s="359"/>
      <c r="D4547" s="359"/>
      <c r="E4547" s="359"/>
      <c r="F4547" s="360"/>
      <c r="G4547" s="360"/>
      <c r="H4547" s="360"/>
      <c r="I4547" s="360"/>
      <c r="J4547" s="359"/>
      <c r="K4547" s="360"/>
      <c r="L4547" s="359"/>
    </row>
    <row r="4548" spans="2:12" ht="42.75">
      <c r="B4548" s="359"/>
      <c r="C4548" s="359"/>
      <c r="D4548" s="359"/>
      <c r="E4548" s="359"/>
      <c r="F4548" s="359" t="s">
        <v>14424</v>
      </c>
      <c r="G4548" s="359" t="s">
        <v>14427</v>
      </c>
      <c r="H4548" s="359" t="s">
        <v>14370</v>
      </c>
      <c r="I4548" s="359" t="s">
        <v>14427</v>
      </c>
      <c r="J4548" s="359"/>
      <c r="K4548" s="359" t="s">
        <v>28763</v>
      </c>
      <c r="L4548" s="359"/>
    </row>
    <row r="4549" spans="2:12">
      <c r="B4549" s="359"/>
      <c r="C4549" s="359"/>
      <c r="D4549" s="359"/>
      <c r="E4549" s="359"/>
      <c r="F4549" s="360"/>
      <c r="G4549" s="360"/>
      <c r="H4549" s="360"/>
      <c r="I4549" s="360"/>
      <c r="J4549" s="359"/>
      <c r="K4549" s="360"/>
      <c r="L4549" s="359"/>
    </row>
    <row r="4550" spans="2:12" ht="28.5">
      <c r="B4550" s="359"/>
      <c r="C4550" s="359"/>
      <c r="D4550" s="359"/>
      <c r="E4550" s="359"/>
      <c r="F4550" s="359" t="s">
        <v>14384</v>
      </c>
      <c r="G4550" s="359" t="s">
        <v>28740</v>
      </c>
      <c r="H4550" s="359" t="s">
        <v>14332</v>
      </c>
      <c r="I4550" s="359" t="s">
        <v>28740</v>
      </c>
      <c r="J4550" s="359"/>
      <c r="K4550" s="359" t="s">
        <v>16660</v>
      </c>
      <c r="L4550" s="359"/>
    </row>
    <row r="4551" spans="2:12">
      <c r="B4551" s="359"/>
      <c r="C4551" s="359"/>
      <c r="D4551" s="359"/>
      <c r="E4551" s="359"/>
      <c r="F4551" s="360"/>
      <c r="G4551" s="360"/>
      <c r="H4551" s="360"/>
      <c r="I4551" s="360"/>
      <c r="J4551" s="359"/>
      <c r="K4551" s="360"/>
      <c r="L4551" s="359"/>
    </row>
    <row r="4552" spans="2:12">
      <c r="B4552" s="359"/>
      <c r="C4552" s="359"/>
      <c r="D4552" s="359"/>
      <c r="E4552" s="359"/>
      <c r="F4552" s="359" t="s">
        <v>14814</v>
      </c>
      <c r="G4552" s="359" t="s">
        <v>14815</v>
      </c>
      <c r="H4552" s="360"/>
      <c r="I4552" s="359" t="s">
        <v>14815</v>
      </c>
      <c r="J4552" s="359"/>
      <c r="K4552" s="360"/>
      <c r="L4552" s="359"/>
    </row>
    <row r="4553" spans="2:12">
      <c r="B4553" s="359"/>
      <c r="C4553" s="359"/>
      <c r="D4553" s="359"/>
      <c r="E4553" s="359"/>
      <c r="F4553" s="360"/>
      <c r="G4553" s="360"/>
      <c r="H4553" s="360"/>
      <c r="I4553" s="360"/>
      <c r="J4553" s="359"/>
      <c r="K4553" s="360"/>
      <c r="L4553" s="359"/>
    </row>
    <row r="4554" spans="2:12">
      <c r="B4554" s="359"/>
      <c r="C4554" s="359"/>
      <c r="D4554" s="359"/>
      <c r="E4554" s="359"/>
      <c r="F4554" s="359" t="s">
        <v>14391</v>
      </c>
      <c r="G4554" s="359" t="s">
        <v>14392</v>
      </c>
      <c r="H4554" s="360"/>
      <c r="I4554" s="359" t="s">
        <v>14392</v>
      </c>
      <c r="J4554" s="359"/>
      <c r="K4554" s="360"/>
      <c r="L4554" s="359"/>
    </row>
    <row r="4555" spans="2:12">
      <c r="B4555" s="359"/>
      <c r="C4555" s="359"/>
      <c r="D4555" s="359"/>
      <c r="E4555" s="359"/>
      <c r="F4555" s="360"/>
      <c r="G4555" s="360"/>
      <c r="H4555" s="360"/>
      <c r="I4555" s="360"/>
      <c r="J4555" s="359"/>
      <c r="K4555" s="360"/>
      <c r="L4555" s="359"/>
    </row>
    <row r="4556" spans="2:12">
      <c r="B4556" s="359"/>
      <c r="C4556" s="359"/>
      <c r="D4556" s="359"/>
      <c r="E4556" s="359"/>
      <c r="F4556" s="359" t="s">
        <v>14371</v>
      </c>
      <c r="G4556" s="359" t="s">
        <v>14372</v>
      </c>
      <c r="H4556" s="360"/>
      <c r="I4556" s="359" t="s">
        <v>14373</v>
      </c>
      <c r="J4556" s="359"/>
      <c r="K4556" s="360"/>
      <c r="L4556" s="359"/>
    </row>
    <row r="4557" spans="2:12">
      <c r="B4557" s="359"/>
      <c r="C4557" s="359"/>
      <c r="D4557" s="359"/>
      <c r="E4557" s="359"/>
      <c r="F4557" s="360"/>
      <c r="G4557" s="360"/>
      <c r="H4557" s="360"/>
      <c r="I4557" s="360"/>
      <c r="J4557" s="359"/>
      <c r="K4557" s="360"/>
      <c r="L4557" s="359"/>
    </row>
    <row r="4558" spans="2:12" ht="28.5">
      <c r="B4558" s="361"/>
      <c r="C4558" s="361"/>
      <c r="D4558" s="361"/>
      <c r="E4558" s="361"/>
      <c r="F4558" s="361" t="s">
        <v>14374</v>
      </c>
      <c r="G4558" s="361" t="s">
        <v>14373</v>
      </c>
      <c r="H4558" s="362"/>
      <c r="I4558" s="362"/>
      <c r="J4558" s="361"/>
      <c r="K4558" s="362"/>
      <c r="L4558" s="361"/>
    </row>
    <row r="4559" spans="2:12" ht="28.5">
      <c r="B4559" s="358" t="s">
        <v>9198</v>
      </c>
      <c r="C4559" s="358" t="s">
        <v>16686</v>
      </c>
      <c r="D4559" s="358" t="s">
        <v>9199</v>
      </c>
      <c r="E4559" s="358" t="s">
        <v>9200</v>
      </c>
      <c r="F4559" s="358" t="s">
        <v>16528</v>
      </c>
      <c r="G4559" s="358" t="s">
        <v>14377</v>
      </c>
      <c r="H4559" s="358" t="s">
        <v>14381</v>
      </c>
      <c r="I4559" s="358" t="s">
        <v>14377</v>
      </c>
      <c r="J4559" s="358"/>
      <c r="K4559" s="358"/>
      <c r="L4559" s="358"/>
    </row>
    <row r="4560" spans="2:12">
      <c r="B4560" s="359"/>
      <c r="C4560" s="360"/>
      <c r="D4560" s="360"/>
      <c r="E4560" s="360"/>
      <c r="F4560" s="360"/>
      <c r="G4560" s="360"/>
      <c r="H4560" s="360"/>
      <c r="I4560" s="360"/>
      <c r="J4560" s="359"/>
      <c r="K4560" s="359"/>
      <c r="L4560" s="359"/>
    </row>
    <row r="4561" spans="2:12" ht="28.5">
      <c r="B4561" s="359"/>
      <c r="C4561" s="359" t="s">
        <v>16687</v>
      </c>
      <c r="D4561" s="359" t="s">
        <v>9202</v>
      </c>
      <c r="E4561" s="359" t="s">
        <v>9203</v>
      </c>
      <c r="F4561" s="359" t="s">
        <v>14384</v>
      </c>
      <c r="G4561" s="359" t="s">
        <v>14428</v>
      </c>
      <c r="H4561" s="359" t="s">
        <v>14370</v>
      </c>
      <c r="I4561" s="359" t="s">
        <v>14428</v>
      </c>
      <c r="J4561" s="359"/>
      <c r="K4561" s="359"/>
      <c r="L4561" s="359"/>
    </row>
    <row r="4562" spans="2:12">
      <c r="B4562" s="359"/>
      <c r="C4562" s="360"/>
      <c r="D4562" s="360"/>
      <c r="E4562" s="360"/>
      <c r="F4562" s="360"/>
      <c r="G4562" s="360"/>
      <c r="H4562" s="360"/>
      <c r="I4562" s="360"/>
      <c r="J4562" s="359"/>
      <c r="K4562" s="359"/>
      <c r="L4562" s="359"/>
    </row>
    <row r="4563" spans="2:12" ht="28.5">
      <c r="B4563" s="359"/>
      <c r="C4563" s="359" t="s">
        <v>16688</v>
      </c>
      <c r="D4563" s="359" t="s">
        <v>9205</v>
      </c>
      <c r="E4563" s="359" t="s">
        <v>9206</v>
      </c>
      <c r="F4563" s="359" t="s">
        <v>14814</v>
      </c>
      <c r="G4563" s="359" t="s">
        <v>14815</v>
      </c>
      <c r="H4563" s="359" t="s">
        <v>14332</v>
      </c>
      <c r="I4563" s="359" t="s">
        <v>14815</v>
      </c>
      <c r="J4563" s="359"/>
      <c r="K4563" s="359"/>
      <c r="L4563" s="359"/>
    </row>
    <row r="4564" spans="2:12">
      <c r="B4564" s="359"/>
      <c r="C4564" s="360"/>
      <c r="D4564" s="360"/>
      <c r="E4564" s="360"/>
      <c r="F4564" s="360"/>
      <c r="G4564" s="360"/>
      <c r="H4564" s="360"/>
      <c r="I4564" s="360"/>
      <c r="J4564" s="359"/>
      <c r="K4564" s="359"/>
      <c r="L4564" s="359"/>
    </row>
    <row r="4565" spans="2:12" ht="28.5">
      <c r="B4565" s="359"/>
      <c r="C4565" s="359" t="s">
        <v>16689</v>
      </c>
      <c r="D4565" s="359" t="s">
        <v>9208</v>
      </c>
      <c r="E4565" s="359" t="s">
        <v>9209</v>
      </c>
      <c r="F4565" s="359" t="s">
        <v>14391</v>
      </c>
      <c r="G4565" s="359" t="s">
        <v>14392</v>
      </c>
      <c r="H4565" s="360"/>
      <c r="I4565" s="359" t="s">
        <v>14392</v>
      </c>
      <c r="J4565" s="359"/>
      <c r="K4565" s="359"/>
      <c r="L4565" s="359"/>
    </row>
    <row r="4566" spans="2:12">
      <c r="B4566" s="359"/>
      <c r="C4566" s="360"/>
      <c r="D4566" s="360"/>
      <c r="E4566" s="360"/>
      <c r="F4566" s="360"/>
      <c r="G4566" s="360"/>
      <c r="H4566" s="360"/>
      <c r="I4566" s="360"/>
      <c r="J4566" s="359"/>
      <c r="K4566" s="359"/>
      <c r="L4566" s="359"/>
    </row>
    <row r="4567" spans="2:12" ht="28.5">
      <c r="B4567" s="359"/>
      <c r="C4567" s="359" t="s">
        <v>16690</v>
      </c>
      <c r="D4567" s="359" t="s">
        <v>9211</v>
      </c>
      <c r="E4567" s="359" t="s">
        <v>9212</v>
      </c>
      <c r="F4567" s="359" t="s">
        <v>14371</v>
      </c>
      <c r="G4567" s="359" t="s">
        <v>14372</v>
      </c>
      <c r="H4567" s="360"/>
      <c r="I4567" s="359" t="s">
        <v>14373</v>
      </c>
      <c r="J4567" s="359"/>
      <c r="K4567" s="359"/>
      <c r="L4567" s="359"/>
    </row>
    <row r="4568" spans="2:12">
      <c r="B4568" s="359"/>
      <c r="C4568" s="360"/>
      <c r="D4568" s="360"/>
      <c r="E4568" s="360"/>
      <c r="F4568" s="360"/>
      <c r="G4568" s="360"/>
      <c r="H4568" s="360"/>
      <c r="I4568" s="360"/>
      <c r="J4568" s="359"/>
      <c r="K4568" s="359"/>
      <c r="L4568" s="359"/>
    </row>
    <row r="4569" spans="2:12" ht="28.5">
      <c r="B4569" s="359"/>
      <c r="C4569" s="359" t="s">
        <v>16691</v>
      </c>
      <c r="D4569" s="359" t="s">
        <v>9214</v>
      </c>
      <c r="E4569" s="359" t="s">
        <v>9215</v>
      </c>
      <c r="F4569" s="359" t="s">
        <v>14374</v>
      </c>
      <c r="G4569" s="359" t="s">
        <v>14373</v>
      </c>
      <c r="H4569" s="360"/>
      <c r="I4569" s="360"/>
      <c r="J4569" s="359"/>
      <c r="K4569" s="359"/>
      <c r="L4569" s="359"/>
    </row>
    <row r="4570" spans="2:12">
      <c r="B4570" s="359"/>
      <c r="C4570" s="360"/>
      <c r="D4570" s="360"/>
      <c r="E4570" s="360"/>
      <c r="F4570" s="360"/>
      <c r="G4570" s="360"/>
      <c r="H4570" s="360"/>
      <c r="I4570" s="360"/>
      <c r="J4570" s="359"/>
      <c r="K4570" s="359"/>
      <c r="L4570" s="359"/>
    </row>
    <row r="4571" spans="2:12" ht="28.5">
      <c r="B4571" s="359"/>
      <c r="C4571" s="359" t="s">
        <v>16692</v>
      </c>
      <c r="D4571" s="359" t="s">
        <v>28765</v>
      </c>
      <c r="E4571" s="359" t="s">
        <v>9218</v>
      </c>
      <c r="F4571" s="360"/>
      <c r="G4571" s="360"/>
      <c r="H4571" s="360"/>
      <c r="I4571" s="360"/>
      <c r="J4571" s="359"/>
      <c r="K4571" s="359"/>
      <c r="L4571" s="359"/>
    </row>
    <row r="4572" spans="2:12">
      <c r="B4572" s="359"/>
      <c r="C4572" s="360"/>
      <c r="D4572" s="360"/>
      <c r="E4572" s="360"/>
      <c r="F4572" s="360"/>
      <c r="G4572" s="360"/>
      <c r="H4572" s="360"/>
      <c r="I4572" s="360"/>
      <c r="J4572" s="359"/>
      <c r="K4572" s="359"/>
      <c r="L4572" s="359"/>
    </row>
    <row r="4573" spans="2:12" ht="28.5">
      <c r="B4573" s="361"/>
      <c r="C4573" s="361" t="s">
        <v>28764</v>
      </c>
      <c r="D4573" s="361" t="s">
        <v>28766</v>
      </c>
      <c r="E4573" s="361" t="s">
        <v>9221</v>
      </c>
      <c r="F4573" s="362"/>
      <c r="G4573" s="362"/>
      <c r="H4573" s="362"/>
      <c r="I4573" s="362"/>
      <c r="J4573" s="361"/>
      <c r="K4573" s="361"/>
      <c r="L4573" s="361"/>
    </row>
    <row r="4574" spans="2:12" ht="42.75">
      <c r="B4574" s="358" t="s">
        <v>9223</v>
      </c>
      <c r="C4574" s="358" t="s">
        <v>16693</v>
      </c>
      <c r="D4574" s="358" t="s">
        <v>8356</v>
      </c>
      <c r="E4574" s="358" t="s">
        <v>9224</v>
      </c>
      <c r="F4574" s="358" t="s">
        <v>16528</v>
      </c>
      <c r="G4574" s="358" t="s">
        <v>14377</v>
      </c>
      <c r="H4574" s="358" t="s">
        <v>14381</v>
      </c>
      <c r="I4574" s="358" t="s">
        <v>28767</v>
      </c>
      <c r="J4574" s="358"/>
      <c r="K4574" s="358"/>
      <c r="L4574" s="358"/>
    </row>
    <row r="4575" spans="2:12">
      <c r="B4575" s="359"/>
      <c r="C4575" s="359"/>
      <c r="D4575" s="359"/>
      <c r="E4575" s="359"/>
      <c r="F4575" s="360"/>
      <c r="G4575" s="360"/>
      <c r="H4575" s="360"/>
      <c r="I4575" s="360"/>
      <c r="J4575" s="359"/>
      <c r="K4575" s="359"/>
      <c r="L4575" s="359"/>
    </row>
    <row r="4576" spans="2:12">
      <c r="B4576" s="359"/>
      <c r="C4576" s="359"/>
      <c r="D4576" s="359"/>
      <c r="E4576" s="359"/>
      <c r="F4576" s="359" t="s">
        <v>14384</v>
      </c>
      <c r="G4576" s="359" t="s">
        <v>14428</v>
      </c>
      <c r="H4576" s="359" t="s">
        <v>14370</v>
      </c>
      <c r="I4576" s="359" t="s">
        <v>14392</v>
      </c>
      <c r="J4576" s="359"/>
      <c r="K4576" s="359"/>
      <c r="L4576" s="359"/>
    </row>
    <row r="4577" spans="2:12">
      <c r="B4577" s="359"/>
      <c r="C4577" s="359"/>
      <c r="D4577" s="359"/>
      <c r="E4577" s="359"/>
      <c r="F4577" s="360"/>
      <c r="G4577" s="360"/>
      <c r="H4577" s="360"/>
      <c r="I4577" s="360"/>
      <c r="J4577" s="359"/>
      <c r="K4577" s="359"/>
      <c r="L4577" s="359"/>
    </row>
    <row r="4578" spans="2:12">
      <c r="B4578" s="359"/>
      <c r="C4578" s="359"/>
      <c r="D4578" s="359"/>
      <c r="E4578" s="359"/>
      <c r="F4578" s="359" t="s">
        <v>14814</v>
      </c>
      <c r="G4578" s="359" t="s">
        <v>14815</v>
      </c>
      <c r="H4578" s="359" t="s">
        <v>14332</v>
      </c>
      <c r="I4578" s="359" t="s">
        <v>14373</v>
      </c>
      <c r="J4578" s="359"/>
      <c r="K4578" s="359"/>
      <c r="L4578" s="359"/>
    </row>
    <row r="4579" spans="2:12">
      <c r="B4579" s="359"/>
      <c r="C4579" s="359"/>
      <c r="D4579" s="359"/>
      <c r="E4579" s="359"/>
      <c r="F4579" s="360"/>
      <c r="G4579" s="360"/>
      <c r="H4579" s="360"/>
      <c r="I4579" s="360"/>
      <c r="J4579" s="359"/>
      <c r="K4579" s="359"/>
      <c r="L4579" s="359"/>
    </row>
    <row r="4580" spans="2:12">
      <c r="B4580" s="359"/>
      <c r="C4580" s="359"/>
      <c r="D4580" s="359"/>
      <c r="E4580" s="359"/>
      <c r="F4580" s="359" t="s">
        <v>14391</v>
      </c>
      <c r="G4580" s="359" t="s">
        <v>14392</v>
      </c>
      <c r="H4580" s="360"/>
      <c r="I4580" s="360"/>
      <c r="J4580" s="359"/>
      <c r="K4580" s="359"/>
      <c r="L4580" s="359"/>
    </row>
    <row r="4581" spans="2:12">
      <c r="B4581" s="359"/>
      <c r="C4581" s="359"/>
      <c r="D4581" s="359"/>
      <c r="E4581" s="359"/>
      <c r="F4581" s="360"/>
      <c r="G4581" s="360"/>
      <c r="H4581" s="360"/>
      <c r="I4581" s="360"/>
      <c r="J4581" s="359"/>
      <c r="K4581" s="359"/>
      <c r="L4581" s="359"/>
    </row>
    <row r="4582" spans="2:12">
      <c r="B4582" s="359"/>
      <c r="C4582" s="359"/>
      <c r="D4582" s="359"/>
      <c r="E4582" s="359"/>
      <c r="F4582" s="359" t="s">
        <v>14371</v>
      </c>
      <c r="G4582" s="359" t="s">
        <v>14372</v>
      </c>
      <c r="H4582" s="360"/>
      <c r="I4582" s="360"/>
      <c r="J4582" s="359"/>
      <c r="K4582" s="359"/>
      <c r="L4582" s="359"/>
    </row>
    <row r="4583" spans="2:12">
      <c r="B4583" s="359"/>
      <c r="C4583" s="359"/>
      <c r="D4583" s="359"/>
      <c r="E4583" s="359"/>
      <c r="F4583" s="360"/>
      <c r="G4583" s="360"/>
      <c r="H4583" s="360"/>
      <c r="I4583" s="360"/>
      <c r="J4583" s="359"/>
      <c r="K4583" s="359"/>
      <c r="L4583" s="359"/>
    </row>
    <row r="4584" spans="2:12" ht="28.5">
      <c r="B4584" s="361"/>
      <c r="C4584" s="361"/>
      <c r="D4584" s="361"/>
      <c r="E4584" s="361"/>
      <c r="F4584" s="361" t="s">
        <v>14374</v>
      </c>
      <c r="G4584" s="361" t="s">
        <v>14373</v>
      </c>
      <c r="H4584" s="362"/>
      <c r="I4584" s="362"/>
      <c r="J4584" s="361"/>
      <c r="K4584" s="361"/>
      <c r="L4584" s="361"/>
    </row>
    <row r="4585" spans="2:12">
      <c r="B4585" s="358" t="s">
        <v>9226</v>
      </c>
      <c r="C4585" s="358" t="s">
        <v>16694</v>
      </c>
      <c r="D4585" s="358" t="s">
        <v>9227</v>
      </c>
      <c r="E4585" s="358" t="s">
        <v>5388</v>
      </c>
      <c r="F4585" s="358" t="s">
        <v>16528</v>
      </c>
      <c r="G4585" s="358" t="s">
        <v>14377</v>
      </c>
      <c r="H4585" s="358" t="s">
        <v>14381</v>
      </c>
      <c r="I4585" s="358" t="s">
        <v>14377</v>
      </c>
      <c r="J4585" s="358" t="s">
        <v>14534</v>
      </c>
      <c r="K4585" s="358"/>
      <c r="L4585" s="358"/>
    </row>
    <row r="4586" spans="2:12">
      <c r="B4586" s="359"/>
      <c r="C4586" s="359"/>
      <c r="D4586" s="359"/>
      <c r="E4586" s="359"/>
      <c r="F4586" s="360"/>
      <c r="G4586" s="360"/>
      <c r="H4586" s="360"/>
      <c r="I4586" s="360"/>
      <c r="J4586" s="359"/>
      <c r="K4586" s="359"/>
      <c r="L4586" s="359"/>
    </row>
    <row r="4587" spans="2:12">
      <c r="B4587" s="359"/>
      <c r="C4587" s="359"/>
      <c r="D4587" s="359"/>
      <c r="E4587" s="359"/>
      <c r="F4587" s="359" t="s">
        <v>14384</v>
      </c>
      <c r="G4587" s="359" t="s">
        <v>14428</v>
      </c>
      <c r="H4587" s="359" t="s">
        <v>14370</v>
      </c>
      <c r="I4587" s="359" t="s">
        <v>14428</v>
      </c>
      <c r="J4587" s="359"/>
      <c r="K4587" s="359"/>
      <c r="L4587" s="359"/>
    </row>
    <row r="4588" spans="2:12">
      <c r="B4588" s="359"/>
      <c r="C4588" s="359"/>
      <c r="D4588" s="359"/>
      <c r="E4588" s="359"/>
      <c r="F4588" s="360"/>
      <c r="G4588" s="360"/>
      <c r="H4588" s="360"/>
      <c r="I4588" s="360"/>
      <c r="J4588" s="359"/>
      <c r="K4588" s="359"/>
      <c r="L4588" s="359"/>
    </row>
    <row r="4589" spans="2:12">
      <c r="B4589" s="359"/>
      <c r="C4589" s="359"/>
      <c r="D4589" s="359"/>
      <c r="E4589" s="359"/>
      <c r="F4589" s="359" t="s">
        <v>14814</v>
      </c>
      <c r="G4589" s="359" t="s">
        <v>14815</v>
      </c>
      <c r="H4589" s="359" t="s">
        <v>14332</v>
      </c>
      <c r="I4589" s="359" t="s">
        <v>14815</v>
      </c>
      <c r="J4589" s="359"/>
      <c r="K4589" s="359"/>
      <c r="L4589" s="359"/>
    </row>
    <row r="4590" spans="2:12">
      <c r="B4590" s="359"/>
      <c r="C4590" s="359"/>
      <c r="D4590" s="359"/>
      <c r="E4590" s="359"/>
      <c r="F4590" s="360"/>
      <c r="G4590" s="360"/>
      <c r="H4590" s="360"/>
      <c r="I4590" s="360"/>
      <c r="J4590" s="359"/>
      <c r="K4590" s="359"/>
      <c r="L4590" s="359"/>
    </row>
    <row r="4591" spans="2:12">
      <c r="B4591" s="359"/>
      <c r="C4591" s="359"/>
      <c r="D4591" s="359"/>
      <c r="E4591" s="359"/>
      <c r="F4591" s="359" t="s">
        <v>14391</v>
      </c>
      <c r="G4591" s="359" t="s">
        <v>14392</v>
      </c>
      <c r="H4591" s="360"/>
      <c r="I4591" s="359" t="s">
        <v>14392</v>
      </c>
      <c r="J4591" s="359"/>
      <c r="K4591" s="359"/>
      <c r="L4591" s="359"/>
    </row>
    <row r="4592" spans="2:12">
      <c r="B4592" s="359"/>
      <c r="C4592" s="359"/>
      <c r="D4592" s="359"/>
      <c r="E4592" s="359"/>
      <c r="F4592" s="360"/>
      <c r="G4592" s="360"/>
      <c r="H4592" s="360"/>
      <c r="I4592" s="360"/>
      <c r="J4592" s="359"/>
      <c r="K4592" s="359"/>
      <c r="L4592" s="359"/>
    </row>
    <row r="4593" spans="2:12">
      <c r="B4593" s="359"/>
      <c r="C4593" s="359"/>
      <c r="D4593" s="359"/>
      <c r="E4593" s="359"/>
      <c r="F4593" s="359" t="s">
        <v>14371</v>
      </c>
      <c r="G4593" s="359" t="s">
        <v>14372</v>
      </c>
      <c r="H4593" s="360"/>
      <c r="I4593" s="359" t="s">
        <v>14373</v>
      </c>
      <c r="J4593" s="359"/>
      <c r="K4593" s="359"/>
      <c r="L4593" s="359"/>
    </row>
    <row r="4594" spans="2:12">
      <c r="B4594" s="359"/>
      <c r="C4594" s="359"/>
      <c r="D4594" s="359"/>
      <c r="E4594" s="359"/>
      <c r="F4594" s="360"/>
      <c r="G4594" s="360"/>
      <c r="H4594" s="360"/>
      <c r="I4594" s="360"/>
      <c r="J4594" s="359"/>
      <c r="K4594" s="359"/>
      <c r="L4594" s="359"/>
    </row>
    <row r="4595" spans="2:12" ht="28.5">
      <c r="B4595" s="361"/>
      <c r="C4595" s="361"/>
      <c r="D4595" s="361"/>
      <c r="E4595" s="361"/>
      <c r="F4595" s="361" t="s">
        <v>14374</v>
      </c>
      <c r="G4595" s="361" t="s">
        <v>14373</v>
      </c>
      <c r="H4595" s="362"/>
      <c r="I4595" s="362"/>
      <c r="J4595" s="361"/>
      <c r="K4595" s="361"/>
      <c r="L4595" s="361"/>
    </row>
    <row r="4596" spans="2:12">
      <c r="B4596" s="358" t="s">
        <v>9228</v>
      </c>
      <c r="C4596" s="358" t="s">
        <v>16695</v>
      </c>
      <c r="D4596" s="358" t="s">
        <v>9229</v>
      </c>
      <c r="E4596" s="358" t="s">
        <v>2377</v>
      </c>
      <c r="F4596" s="358" t="s">
        <v>16528</v>
      </c>
      <c r="G4596" s="358" t="s">
        <v>14377</v>
      </c>
      <c r="H4596" s="358" t="s">
        <v>14381</v>
      </c>
      <c r="I4596" s="358" t="s">
        <v>14377</v>
      </c>
      <c r="J4596" s="358"/>
      <c r="K4596" s="358"/>
      <c r="L4596" s="358"/>
    </row>
    <row r="4597" spans="2:12">
      <c r="B4597" s="359"/>
      <c r="C4597" s="359"/>
      <c r="D4597" s="359"/>
      <c r="E4597" s="359"/>
      <c r="F4597" s="360"/>
      <c r="G4597" s="360"/>
      <c r="H4597" s="360"/>
      <c r="I4597" s="360"/>
      <c r="J4597" s="359"/>
      <c r="K4597" s="359"/>
      <c r="L4597" s="359"/>
    </row>
    <row r="4598" spans="2:12">
      <c r="B4598" s="359"/>
      <c r="C4598" s="359"/>
      <c r="D4598" s="359"/>
      <c r="E4598" s="359"/>
      <c r="F4598" s="359" t="s">
        <v>14384</v>
      </c>
      <c r="G4598" s="359" t="s">
        <v>14428</v>
      </c>
      <c r="H4598" s="359" t="s">
        <v>14370</v>
      </c>
      <c r="I4598" s="359" t="s">
        <v>14428</v>
      </c>
      <c r="J4598" s="359"/>
      <c r="K4598" s="359"/>
      <c r="L4598" s="359"/>
    </row>
    <row r="4599" spans="2:12">
      <c r="B4599" s="359"/>
      <c r="C4599" s="359"/>
      <c r="D4599" s="359"/>
      <c r="E4599" s="359"/>
      <c r="F4599" s="360"/>
      <c r="G4599" s="360"/>
      <c r="H4599" s="360"/>
      <c r="I4599" s="360"/>
      <c r="J4599" s="359"/>
      <c r="K4599" s="359"/>
      <c r="L4599" s="359"/>
    </row>
    <row r="4600" spans="2:12">
      <c r="B4600" s="359"/>
      <c r="C4600" s="359"/>
      <c r="D4600" s="359"/>
      <c r="E4600" s="359"/>
      <c r="F4600" s="359" t="s">
        <v>14814</v>
      </c>
      <c r="G4600" s="359" t="s">
        <v>14815</v>
      </c>
      <c r="H4600" s="359" t="s">
        <v>14332</v>
      </c>
      <c r="I4600" s="359" t="s">
        <v>14815</v>
      </c>
      <c r="J4600" s="359"/>
      <c r="K4600" s="359"/>
      <c r="L4600" s="359"/>
    </row>
    <row r="4601" spans="2:12">
      <c r="B4601" s="359"/>
      <c r="C4601" s="359"/>
      <c r="D4601" s="359"/>
      <c r="E4601" s="359"/>
      <c r="F4601" s="360"/>
      <c r="G4601" s="360"/>
      <c r="H4601" s="360"/>
      <c r="I4601" s="360"/>
      <c r="J4601" s="359"/>
      <c r="K4601" s="359"/>
      <c r="L4601" s="359"/>
    </row>
    <row r="4602" spans="2:12">
      <c r="B4602" s="359"/>
      <c r="C4602" s="359"/>
      <c r="D4602" s="359"/>
      <c r="E4602" s="359"/>
      <c r="F4602" s="359" t="s">
        <v>14391</v>
      </c>
      <c r="G4602" s="359" t="s">
        <v>14392</v>
      </c>
      <c r="H4602" s="360"/>
      <c r="I4602" s="359" t="s">
        <v>14392</v>
      </c>
      <c r="J4602" s="359"/>
      <c r="K4602" s="359"/>
      <c r="L4602" s="359"/>
    </row>
    <row r="4603" spans="2:12">
      <c r="B4603" s="359"/>
      <c r="C4603" s="359"/>
      <c r="D4603" s="359"/>
      <c r="E4603" s="359"/>
      <c r="F4603" s="360"/>
      <c r="G4603" s="360"/>
      <c r="H4603" s="360"/>
      <c r="I4603" s="360"/>
      <c r="J4603" s="359"/>
      <c r="K4603" s="359"/>
      <c r="L4603" s="359"/>
    </row>
    <row r="4604" spans="2:12">
      <c r="B4604" s="359"/>
      <c r="C4604" s="359"/>
      <c r="D4604" s="359"/>
      <c r="E4604" s="359"/>
      <c r="F4604" s="359" t="s">
        <v>14371</v>
      </c>
      <c r="G4604" s="359" t="s">
        <v>14372</v>
      </c>
      <c r="H4604" s="360"/>
      <c r="I4604" s="359" t="s">
        <v>14373</v>
      </c>
      <c r="J4604" s="359"/>
      <c r="K4604" s="359"/>
      <c r="L4604" s="359"/>
    </row>
    <row r="4605" spans="2:12">
      <c r="B4605" s="359"/>
      <c r="C4605" s="359"/>
      <c r="D4605" s="359"/>
      <c r="E4605" s="359"/>
      <c r="F4605" s="360"/>
      <c r="G4605" s="360"/>
      <c r="H4605" s="360"/>
      <c r="I4605" s="360"/>
      <c r="J4605" s="359"/>
      <c r="K4605" s="359"/>
      <c r="L4605" s="359"/>
    </row>
    <row r="4606" spans="2:12" ht="28.5">
      <c r="B4606" s="361"/>
      <c r="C4606" s="361"/>
      <c r="D4606" s="361"/>
      <c r="E4606" s="361"/>
      <c r="F4606" s="361" t="s">
        <v>14374</v>
      </c>
      <c r="G4606" s="361" t="s">
        <v>14373</v>
      </c>
      <c r="H4606" s="362"/>
      <c r="I4606" s="362"/>
      <c r="J4606" s="361"/>
      <c r="K4606" s="361"/>
      <c r="L4606" s="361"/>
    </row>
    <row r="4607" spans="2:12" ht="28.5">
      <c r="B4607" s="358" t="s">
        <v>9231</v>
      </c>
      <c r="C4607" s="358" t="s">
        <v>16696</v>
      </c>
      <c r="D4607" s="358" t="s">
        <v>9232</v>
      </c>
      <c r="E4607" s="358" t="s">
        <v>9233</v>
      </c>
      <c r="F4607" s="358" t="s">
        <v>16528</v>
      </c>
      <c r="G4607" s="358" t="s">
        <v>14377</v>
      </c>
      <c r="H4607" s="358" t="s">
        <v>14381</v>
      </c>
      <c r="I4607" s="358" t="s">
        <v>14377</v>
      </c>
      <c r="J4607" s="358"/>
      <c r="K4607" s="358"/>
      <c r="L4607" s="358"/>
    </row>
    <row r="4608" spans="2:12">
      <c r="B4608" s="359"/>
      <c r="C4608" s="360"/>
      <c r="D4608" s="360"/>
      <c r="E4608" s="360"/>
      <c r="F4608" s="360"/>
      <c r="G4608" s="360"/>
      <c r="H4608" s="360"/>
      <c r="I4608" s="360"/>
      <c r="J4608" s="359"/>
      <c r="K4608" s="359"/>
      <c r="L4608" s="359"/>
    </row>
    <row r="4609" spans="2:12" ht="28.5">
      <c r="B4609" s="359"/>
      <c r="C4609" s="359" t="s">
        <v>16697</v>
      </c>
      <c r="D4609" s="359" t="s">
        <v>9235</v>
      </c>
      <c r="E4609" s="359" t="s">
        <v>9236</v>
      </c>
      <c r="F4609" s="359" t="s">
        <v>14384</v>
      </c>
      <c r="G4609" s="359" t="s">
        <v>14428</v>
      </c>
      <c r="H4609" s="359" t="s">
        <v>14367</v>
      </c>
      <c r="I4609" s="359" t="s">
        <v>28738</v>
      </c>
      <c r="J4609" s="359"/>
      <c r="K4609" s="359"/>
      <c r="L4609" s="359"/>
    </row>
    <row r="4610" spans="2:12">
      <c r="B4610" s="359"/>
      <c r="C4610" s="360"/>
      <c r="D4610" s="360"/>
      <c r="E4610" s="360"/>
      <c r="F4610" s="360"/>
      <c r="G4610" s="360"/>
      <c r="H4610" s="360"/>
      <c r="I4610" s="360"/>
      <c r="J4610" s="359"/>
      <c r="K4610" s="359"/>
      <c r="L4610" s="359"/>
    </row>
    <row r="4611" spans="2:12" ht="28.5">
      <c r="B4611" s="359"/>
      <c r="C4611" s="359" t="s">
        <v>16698</v>
      </c>
      <c r="D4611" s="359" t="s">
        <v>9238</v>
      </c>
      <c r="E4611" s="359" t="s">
        <v>9239</v>
      </c>
      <c r="F4611" s="359" t="s">
        <v>14391</v>
      </c>
      <c r="G4611" s="359" t="s">
        <v>14392</v>
      </c>
      <c r="H4611" s="359" t="s">
        <v>14370</v>
      </c>
      <c r="I4611" s="359" t="s">
        <v>14373</v>
      </c>
      <c r="J4611" s="359"/>
      <c r="K4611" s="359"/>
      <c r="L4611" s="359"/>
    </row>
    <row r="4612" spans="2:12">
      <c r="B4612" s="359"/>
      <c r="C4612" s="360"/>
      <c r="D4612" s="360"/>
      <c r="E4612" s="360"/>
      <c r="F4612" s="360"/>
      <c r="G4612" s="360"/>
      <c r="H4612" s="360"/>
      <c r="I4612" s="360"/>
      <c r="J4612" s="359"/>
      <c r="K4612" s="359"/>
      <c r="L4612" s="359"/>
    </row>
    <row r="4613" spans="2:12" ht="28.5">
      <c r="B4613" s="359"/>
      <c r="C4613" s="359" t="s">
        <v>16699</v>
      </c>
      <c r="D4613" s="359" t="s">
        <v>9241</v>
      </c>
      <c r="E4613" s="359" t="s">
        <v>9242</v>
      </c>
      <c r="F4613" s="359" t="s">
        <v>14371</v>
      </c>
      <c r="G4613" s="359" t="s">
        <v>14372</v>
      </c>
      <c r="H4613" s="359" t="s">
        <v>14332</v>
      </c>
      <c r="I4613" s="360"/>
      <c r="J4613" s="359"/>
      <c r="K4613" s="359"/>
      <c r="L4613" s="359"/>
    </row>
    <row r="4614" spans="2:12">
      <c r="B4614" s="359"/>
      <c r="C4614" s="360"/>
      <c r="D4614" s="360"/>
      <c r="E4614" s="360"/>
      <c r="F4614" s="360"/>
      <c r="G4614" s="360"/>
      <c r="H4614" s="360"/>
      <c r="I4614" s="360"/>
      <c r="J4614" s="359"/>
      <c r="K4614" s="359"/>
      <c r="L4614" s="359"/>
    </row>
    <row r="4615" spans="2:12" ht="28.5">
      <c r="B4615" s="361"/>
      <c r="C4615" s="361" t="s">
        <v>16700</v>
      </c>
      <c r="D4615" s="361" t="s">
        <v>9244</v>
      </c>
      <c r="E4615" s="361" t="s">
        <v>9245</v>
      </c>
      <c r="F4615" s="361" t="s">
        <v>14374</v>
      </c>
      <c r="G4615" s="361" t="s">
        <v>14373</v>
      </c>
      <c r="H4615" s="362"/>
      <c r="I4615" s="362"/>
      <c r="J4615" s="361"/>
      <c r="K4615" s="361"/>
      <c r="L4615" s="361"/>
    </row>
    <row r="4616" spans="2:12" ht="42.75">
      <c r="B4616" s="358" t="s">
        <v>9247</v>
      </c>
      <c r="C4616" s="358" t="s">
        <v>16701</v>
      </c>
      <c r="D4616" s="358" t="s">
        <v>9248</v>
      </c>
      <c r="E4616" s="358" t="s">
        <v>9249</v>
      </c>
      <c r="F4616" s="358" t="s">
        <v>16528</v>
      </c>
      <c r="G4616" s="358" t="s">
        <v>14377</v>
      </c>
      <c r="H4616" s="358" t="s">
        <v>14381</v>
      </c>
      <c r="I4616" s="358" t="s">
        <v>28768</v>
      </c>
      <c r="J4616" s="358"/>
      <c r="K4616" s="358"/>
      <c r="L4616" s="358"/>
    </row>
    <row r="4617" spans="2:12">
      <c r="B4617" s="359"/>
      <c r="C4617" s="359"/>
      <c r="D4617" s="359"/>
      <c r="E4617" s="359"/>
      <c r="F4617" s="360"/>
      <c r="G4617" s="360"/>
      <c r="H4617" s="360"/>
      <c r="I4617" s="360"/>
      <c r="J4617" s="359"/>
      <c r="K4617" s="359"/>
      <c r="L4617" s="359"/>
    </row>
    <row r="4618" spans="2:12">
      <c r="B4618" s="359"/>
      <c r="C4618" s="359"/>
      <c r="D4618" s="359"/>
      <c r="E4618" s="359"/>
      <c r="F4618" s="359" t="s">
        <v>14384</v>
      </c>
      <c r="G4618" s="359" t="s">
        <v>14428</v>
      </c>
      <c r="H4618" s="359" t="s">
        <v>14367</v>
      </c>
      <c r="I4618" s="359" t="s">
        <v>14373</v>
      </c>
      <c r="J4618" s="359"/>
      <c r="K4618" s="359"/>
      <c r="L4618" s="359"/>
    </row>
    <row r="4619" spans="2:12">
      <c r="B4619" s="359"/>
      <c r="C4619" s="359"/>
      <c r="D4619" s="359"/>
      <c r="E4619" s="359"/>
      <c r="F4619" s="360"/>
      <c r="G4619" s="360"/>
      <c r="H4619" s="360"/>
      <c r="I4619" s="360"/>
      <c r="J4619" s="359"/>
      <c r="K4619" s="359"/>
      <c r="L4619" s="359"/>
    </row>
    <row r="4620" spans="2:12">
      <c r="B4620" s="359"/>
      <c r="C4620" s="359"/>
      <c r="D4620" s="359"/>
      <c r="E4620" s="359"/>
      <c r="F4620" s="359" t="s">
        <v>14391</v>
      </c>
      <c r="G4620" s="359" t="s">
        <v>14392</v>
      </c>
      <c r="H4620" s="359" t="s">
        <v>14370</v>
      </c>
      <c r="I4620" s="360"/>
      <c r="J4620" s="359"/>
      <c r="K4620" s="359"/>
      <c r="L4620" s="359"/>
    </row>
    <row r="4621" spans="2:12">
      <c r="B4621" s="359"/>
      <c r="C4621" s="359"/>
      <c r="D4621" s="359"/>
      <c r="E4621" s="359"/>
      <c r="F4621" s="360"/>
      <c r="G4621" s="360"/>
      <c r="H4621" s="360"/>
      <c r="I4621" s="360"/>
      <c r="J4621" s="359"/>
      <c r="K4621" s="359"/>
      <c r="L4621" s="359"/>
    </row>
    <row r="4622" spans="2:12">
      <c r="B4622" s="359"/>
      <c r="C4622" s="359"/>
      <c r="D4622" s="359"/>
      <c r="E4622" s="359"/>
      <c r="F4622" s="359" t="s">
        <v>14371</v>
      </c>
      <c r="G4622" s="359" t="s">
        <v>14372</v>
      </c>
      <c r="H4622" s="359" t="s">
        <v>14332</v>
      </c>
      <c r="I4622" s="360"/>
      <c r="J4622" s="359"/>
      <c r="K4622" s="359"/>
      <c r="L4622" s="359"/>
    </row>
    <row r="4623" spans="2:12">
      <c r="B4623" s="359"/>
      <c r="C4623" s="359"/>
      <c r="D4623" s="359"/>
      <c r="E4623" s="359"/>
      <c r="F4623" s="360"/>
      <c r="G4623" s="360"/>
      <c r="H4623" s="360"/>
      <c r="I4623" s="360"/>
      <c r="J4623" s="359"/>
      <c r="K4623" s="359"/>
      <c r="L4623" s="359"/>
    </row>
    <row r="4624" spans="2:12" ht="28.5">
      <c r="B4624" s="361"/>
      <c r="C4624" s="361"/>
      <c r="D4624" s="361"/>
      <c r="E4624" s="361"/>
      <c r="F4624" s="361" t="s">
        <v>14374</v>
      </c>
      <c r="G4624" s="361" t="s">
        <v>14373</v>
      </c>
      <c r="H4624" s="362"/>
      <c r="I4624" s="362"/>
      <c r="J4624" s="361"/>
      <c r="K4624" s="361"/>
      <c r="L4624" s="361"/>
    </row>
    <row r="4625" spans="2:12">
      <c r="B4625" s="358" t="s">
        <v>9252</v>
      </c>
      <c r="C4625" s="358" t="s">
        <v>16702</v>
      </c>
      <c r="D4625" s="358" t="s">
        <v>9253</v>
      </c>
      <c r="E4625" s="358" t="s">
        <v>995</v>
      </c>
      <c r="F4625" s="358" t="s">
        <v>16528</v>
      </c>
      <c r="G4625" s="358" t="s">
        <v>14669</v>
      </c>
      <c r="H4625" s="358" t="s">
        <v>14381</v>
      </c>
      <c r="I4625" s="358" t="s">
        <v>14669</v>
      </c>
      <c r="J4625" s="358"/>
      <c r="K4625" s="358"/>
      <c r="L4625" s="358"/>
    </row>
    <row r="4626" spans="2:12">
      <c r="B4626" s="359"/>
      <c r="C4626" s="360"/>
      <c r="D4626" s="359"/>
      <c r="E4626" s="359"/>
      <c r="F4626" s="360"/>
      <c r="G4626" s="360"/>
      <c r="H4626" s="360"/>
      <c r="I4626" s="360"/>
      <c r="J4626" s="359"/>
      <c r="K4626" s="359"/>
      <c r="L4626" s="359"/>
    </row>
    <row r="4627" spans="2:12" ht="28.5">
      <c r="B4627" s="359"/>
      <c r="C4627" s="359" t="s">
        <v>16703</v>
      </c>
      <c r="D4627" s="359"/>
      <c r="E4627" s="359"/>
      <c r="F4627" s="359" t="s">
        <v>14384</v>
      </c>
      <c r="G4627" s="359" t="s">
        <v>14428</v>
      </c>
      <c r="H4627" s="359" t="s">
        <v>14367</v>
      </c>
      <c r="I4627" s="359" t="s">
        <v>28738</v>
      </c>
      <c r="J4627" s="359"/>
      <c r="K4627" s="359"/>
      <c r="L4627" s="359"/>
    </row>
    <row r="4628" spans="2:12">
      <c r="B4628" s="359"/>
      <c r="C4628" s="360"/>
      <c r="D4628" s="359"/>
      <c r="E4628" s="359"/>
      <c r="F4628" s="360"/>
      <c r="G4628" s="360"/>
      <c r="H4628" s="360"/>
      <c r="I4628" s="360"/>
      <c r="J4628" s="359"/>
      <c r="K4628" s="359"/>
      <c r="L4628" s="359"/>
    </row>
    <row r="4629" spans="2:12">
      <c r="B4629" s="359"/>
      <c r="C4629" s="360"/>
      <c r="D4629" s="359"/>
      <c r="E4629" s="359"/>
      <c r="F4629" s="359" t="s">
        <v>14391</v>
      </c>
      <c r="G4629" s="359" t="s">
        <v>14392</v>
      </c>
      <c r="H4629" s="359" t="s">
        <v>14370</v>
      </c>
      <c r="I4629" s="359" t="s">
        <v>14373</v>
      </c>
      <c r="J4629" s="359"/>
      <c r="K4629" s="359"/>
      <c r="L4629" s="359"/>
    </row>
    <row r="4630" spans="2:12">
      <c r="B4630" s="359"/>
      <c r="C4630" s="360"/>
      <c r="D4630" s="359"/>
      <c r="E4630" s="359"/>
      <c r="F4630" s="360"/>
      <c r="G4630" s="360"/>
      <c r="H4630" s="360"/>
      <c r="I4630" s="360"/>
      <c r="J4630" s="359"/>
      <c r="K4630" s="359"/>
      <c r="L4630" s="359"/>
    </row>
    <row r="4631" spans="2:12">
      <c r="B4631" s="359"/>
      <c r="C4631" s="360"/>
      <c r="D4631" s="359"/>
      <c r="E4631" s="359"/>
      <c r="F4631" s="359" t="s">
        <v>14371</v>
      </c>
      <c r="G4631" s="359" t="s">
        <v>14372</v>
      </c>
      <c r="H4631" s="359" t="s">
        <v>14332</v>
      </c>
      <c r="I4631" s="360"/>
      <c r="J4631" s="359"/>
      <c r="K4631" s="359"/>
      <c r="L4631" s="359"/>
    </row>
    <row r="4632" spans="2:12">
      <c r="B4632" s="359"/>
      <c r="C4632" s="360"/>
      <c r="D4632" s="359"/>
      <c r="E4632" s="359"/>
      <c r="F4632" s="360"/>
      <c r="G4632" s="360"/>
      <c r="H4632" s="360"/>
      <c r="I4632" s="360"/>
      <c r="J4632" s="359"/>
      <c r="K4632" s="359"/>
      <c r="L4632" s="359"/>
    </row>
    <row r="4633" spans="2:12" ht="28.5">
      <c r="B4633" s="361"/>
      <c r="C4633" s="362"/>
      <c r="D4633" s="361"/>
      <c r="E4633" s="361"/>
      <c r="F4633" s="361" t="s">
        <v>14374</v>
      </c>
      <c r="G4633" s="361" t="s">
        <v>14373</v>
      </c>
      <c r="H4633" s="362"/>
      <c r="I4633" s="362"/>
      <c r="J4633" s="361"/>
      <c r="K4633" s="361"/>
      <c r="L4633" s="361"/>
    </row>
    <row r="4634" spans="2:12" ht="42.75">
      <c r="B4634" s="358" t="s">
        <v>9255</v>
      </c>
      <c r="C4634" s="358" t="s">
        <v>16704</v>
      </c>
      <c r="D4634" s="358" t="s">
        <v>9256</v>
      </c>
      <c r="E4634" s="358" t="s">
        <v>9257</v>
      </c>
      <c r="F4634" s="358" t="s">
        <v>16528</v>
      </c>
      <c r="G4634" s="358" t="s">
        <v>14377</v>
      </c>
      <c r="H4634" s="358" t="s">
        <v>14381</v>
      </c>
      <c r="I4634" s="358" t="s">
        <v>28768</v>
      </c>
      <c r="J4634" s="358"/>
      <c r="K4634" s="358"/>
      <c r="L4634" s="358"/>
    </row>
    <row r="4635" spans="2:12">
      <c r="B4635" s="359"/>
      <c r="C4635" s="360"/>
      <c r="D4635" s="360"/>
      <c r="E4635" s="360"/>
      <c r="F4635" s="360"/>
      <c r="G4635" s="360"/>
      <c r="H4635" s="360"/>
      <c r="I4635" s="360"/>
      <c r="J4635" s="359"/>
      <c r="K4635" s="359"/>
      <c r="L4635" s="359"/>
    </row>
    <row r="4636" spans="2:12" ht="28.5">
      <c r="B4636" s="359"/>
      <c r="C4636" s="359" t="s">
        <v>16705</v>
      </c>
      <c r="D4636" s="359" t="s">
        <v>9259</v>
      </c>
      <c r="E4636" s="359" t="s">
        <v>9260</v>
      </c>
      <c r="F4636" s="359" t="s">
        <v>14384</v>
      </c>
      <c r="G4636" s="359" t="s">
        <v>14428</v>
      </c>
      <c r="H4636" s="359" t="s">
        <v>14367</v>
      </c>
      <c r="I4636" s="359" t="s">
        <v>14373</v>
      </c>
      <c r="J4636" s="359"/>
      <c r="K4636" s="359"/>
      <c r="L4636" s="359"/>
    </row>
    <row r="4637" spans="2:12">
      <c r="B4637" s="359"/>
      <c r="C4637" s="360"/>
      <c r="D4637" s="360"/>
      <c r="E4637" s="360"/>
      <c r="F4637" s="360"/>
      <c r="G4637" s="360"/>
      <c r="H4637" s="360"/>
      <c r="I4637" s="360"/>
      <c r="J4637" s="359"/>
      <c r="K4637" s="359"/>
      <c r="L4637" s="359"/>
    </row>
    <row r="4638" spans="2:12">
      <c r="B4638" s="359"/>
      <c r="C4638" s="360"/>
      <c r="D4638" s="360"/>
      <c r="E4638" s="360"/>
      <c r="F4638" s="359" t="s">
        <v>14391</v>
      </c>
      <c r="G4638" s="359" t="s">
        <v>14392</v>
      </c>
      <c r="H4638" s="359" t="s">
        <v>14370</v>
      </c>
      <c r="I4638" s="360"/>
      <c r="J4638" s="359"/>
      <c r="K4638" s="359"/>
      <c r="L4638" s="359"/>
    </row>
    <row r="4639" spans="2:12">
      <c r="B4639" s="359"/>
      <c r="C4639" s="360"/>
      <c r="D4639" s="360"/>
      <c r="E4639" s="360"/>
      <c r="F4639" s="360"/>
      <c r="G4639" s="360"/>
      <c r="H4639" s="360"/>
      <c r="I4639" s="360"/>
      <c r="J4639" s="359"/>
      <c r="K4639" s="359"/>
      <c r="L4639" s="359"/>
    </row>
    <row r="4640" spans="2:12">
      <c r="B4640" s="359"/>
      <c r="C4640" s="360"/>
      <c r="D4640" s="360"/>
      <c r="E4640" s="360"/>
      <c r="F4640" s="359" t="s">
        <v>14371</v>
      </c>
      <c r="G4640" s="359" t="s">
        <v>14372</v>
      </c>
      <c r="H4640" s="359" t="s">
        <v>14332</v>
      </c>
      <c r="I4640" s="360"/>
      <c r="J4640" s="359"/>
      <c r="K4640" s="359"/>
      <c r="L4640" s="359"/>
    </row>
    <row r="4641" spans="2:12">
      <c r="B4641" s="359"/>
      <c r="C4641" s="360"/>
      <c r="D4641" s="360"/>
      <c r="E4641" s="360"/>
      <c r="F4641" s="360"/>
      <c r="G4641" s="360"/>
      <c r="H4641" s="360"/>
      <c r="I4641" s="360"/>
      <c r="J4641" s="359"/>
      <c r="K4641" s="359"/>
      <c r="L4641" s="359"/>
    </row>
    <row r="4642" spans="2:12" ht="28.5">
      <c r="B4642" s="361"/>
      <c r="C4642" s="362"/>
      <c r="D4642" s="362"/>
      <c r="E4642" s="362"/>
      <c r="F4642" s="361" t="s">
        <v>14374</v>
      </c>
      <c r="G4642" s="361" t="s">
        <v>14373</v>
      </c>
      <c r="H4642" s="362"/>
      <c r="I4642" s="362"/>
      <c r="J4642" s="361"/>
      <c r="K4642" s="361"/>
      <c r="L4642" s="361"/>
    </row>
    <row r="4643" spans="2:12" ht="42.75">
      <c r="B4643" s="358" t="s">
        <v>9261</v>
      </c>
      <c r="C4643" s="358" t="s">
        <v>16706</v>
      </c>
      <c r="D4643" s="358" t="s">
        <v>9262</v>
      </c>
      <c r="E4643" s="358" t="s">
        <v>5453</v>
      </c>
      <c r="F4643" s="358" t="s">
        <v>16528</v>
      </c>
      <c r="G4643" s="358" t="s">
        <v>14377</v>
      </c>
      <c r="H4643" s="358" t="s">
        <v>14381</v>
      </c>
      <c r="I4643" s="358" t="s">
        <v>28768</v>
      </c>
      <c r="J4643" s="358"/>
      <c r="K4643" s="358"/>
      <c r="L4643" s="358"/>
    </row>
    <row r="4644" spans="2:12">
      <c r="B4644" s="359"/>
      <c r="C4644" s="359"/>
      <c r="D4644" s="359"/>
      <c r="E4644" s="359"/>
      <c r="F4644" s="360"/>
      <c r="G4644" s="360"/>
      <c r="H4644" s="360"/>
      <c r="I4644" s="360"/>
      <c r="J4644" s="359"/>
      <c r="K4644" s="359"/>
      <c r="L4644" s="359"/>
    </row>
    <row r="4645" spans="2:12">
      <c r="B4645" s="359"/>
      <c r="C4645" s="359"/>
      <c r="D4645" s="359"/>
      <c r="E4645" s="359"/>
      <c r="F4645" s="359" t="s">
        <v>14384</v>
      </c>
      <c r="G4645" s="359" t="s">
        <v>14428</v>
      </c>
      <c r="H4645" s="359" t="s">
        <v>14367</v>
      </c>
      <c r="I4645" s="359" t="s">
        <v>14373</v>
      </c>
      <c r="J4645" s="359"/>
      <c r="K4645" s="359"/>
      <c r="L4645" s="359"/>
    </row>
    <row r="4646" spans="2:12">
      <c r="B4646" s="359"/>
      <c r="C4646" s="359"/>
      <c r="D4646" s="359"/>
      <c r="E4646" s="359"/>
      <c r="F4646" s="360"/>
      <c r="G4646" s="360"/>
      <c r="H4646" s="360"/>
      <c r="I4646" s="360"/>
      <c r="J4646" s="359"/>
      <c r="K4646" s="359"/>
      <c r="L4646" s="359"/>
    </row>
    <row r="4647" spans="2:12">
      <c r="B4647" s="359"/>
      <c r="C4647" s="359"/>
      <c r="D4647" s="359"/>
      <c r="E4647" s="359"/>
      <c r="F4647" s="359" t="s">
        <v>14391</v>
      </c>
      <c r="G4647" s="359" t="s">
        <v>14392</v>
      </c>
      <c r="H4647" s="359" t="s">
        <v>14370</v>
      </c>
      <c r="I4647" s="360"/>
      <c r="J4647" s="359"/>
      <c r="K4647" s="359"/>
      <c r="L4647" s="359"/>
    </row>
    <row r="4648" spans="2:12">
      <c r="B4648" s="359"/>
      <c r="C4648" s="359"/>
      <c r="D4648" s="359"/>
      <c r="E4648" s="359"/>
      <c r="F4648" s="360"/>
      <c r="G4648" s="360"/>
      <c r="H4648" s="360"/>
      <c r="I4648" s="360"/>
      <c r="J4648" s="359"/>
      <c r="K4648" s="359"/>
      <c r="L4648" s="359"/>
    </row>
    <row r="4649" spans="2:12">
      <c r="B4649" s="359"/>
      <c r="C4649" s="359"/>
      <c r="D4649" s="359"/>
      <c r="E4649" s="359"/>
      <c r="F4649" s="359" t="s">
        <v>14371</v>
      </c>
      <c r="G4649" s="359" t="s">
        <v>14372</v>
      </c>
      <c r="H4649" s="359" t="s">
        <v>14332</v>
      </c>
      <c r="I4649" s="360"/>
      <c r="J4649" s="359"/>
      <c r="K4649" s="359"/>
      <c r="L4649" s="359"/>
    </row>
    <row r="4650" spans="2:12">
      <c r="B4650" s="359"/>
      <c r="C4650" s="359"/>
      <c r="D4650" s="359"/>
      <c r="E4650" s="359"/>
      <c r="F4650" s="360"/>
      <c r="G4650" s="360"/>
      <c r="H4650" s="360"/>
      <c r="I4650" s="360"/>
      <c r="J4650" s="359"/>
      <c r="K4650" s="359"/>
      <c r="L4650" s="359"/>
    </row>
    <row r="4651" spans="2:12" ht="28.5">
      <c r="B4651" s="361"/>
      <c r="C4651" s="361"/>
      <c r="D4651" s="361"/>
      <c r="E4651" s="361"/>
      <c r="F4651" s="361" t="s">
        <v>14374</v>
      </c>
      <c r="G4651" s="361" t="s">
        <v>14373</v>
      </c>
      <c r="H4651" s="362"/>
      <c r="I4651" s="362"/>
      <c r="J4651" s="361"/>
      <c r="K4651" s="361"/>
      <c r="L4651" s="361"/>
    </row>
    <row r="4652" spans="2:12" ht="42.75">
      <c r="B4652" s="358" t="s">
        <v>9264</v>
      </c>
      <c r="C4652" s="358" t="s">
        <v>16707</v>
      </c>
      <c r="D4652" s="358" t="s">
        <v>8356</v>
      </c>
      <c r="E4652" s="358" t="s">
        <v>9265</v>
      </c>
      <c r="F4652" s="358" t="s">
        <v>16528</v>
      </c>
      <c r="G4652" s="358" t="s">
        <v>14377</v>
      </c>
      <c r="H4652" s="358" t="s">
        <v>14381</v>
      </c>
      <c r="I4652" s="358" t="s">
        <v>28768</v>
      </c>
      <c r="J4652" s="358"/>
      <c r="K4652" s="358"/>
      <c r="L4652" s="358"/>
    </row>
    <row r="4653" spans="2:12">
      <c r="B4653" s="359"/>
      <c r="C4653" s="359"/>
      <c r="D4653" s="359"/>
      <c r="E4653" s="359"/>
      <c r="F4653" s="360"/>
      <c r="G4653" s="360"/>
      <c r="H4653" s="360"/>
      <c r="I4653" s="360"/>
      <c r="J4653" s="359"/>
      <c r="K4653" s="359"/>
      <c r="L4653" s="359"/>
    </row>
    <row r="4654" spans="2:12">
      <c r="B4654" s="359"/>
      <c r="C4654" s="359"/>
      <c r="D4654" s="359"/>
      <c r="E4654" s="359"/>
      <c r="F4654" s="359" t="s">
        <v>14384</v>
      </c>
      <c r="G4654" s="359" t="s">
        <v>14428</v>
      </c>
      <c r="H4654" s="359" t="s">
        <v>14367</v>
      </c>
      <c r="I4654" s="359" t="s">
        <v>14373</v>
      </c>
      <c r="J4654" s="359"/>
      <c r="K4654" s="359"/>
      <c r="L4654" s="359"/>
    </row>
    <row r="4655" spans="2:12">
      <c r="B4655" s="359"/>
      <c r="C4655" s="359"/>
      <c r="D4655" s="359"/>
      <c r="E4655" s="359"/>
      <c r="F4655" s="360"/>
      <c r="G4655" s="360"/>
      <c r="H4655" s="360"/>
      <c r="I4655" s="360"/>
      <c r="J4655" s="359"/>
      <c r="K4655" s="359"/>
      <c r="L4655" s="359"/>
    </row>
    <row r="4656" spans="2:12">
      <c r="B4656" s="359"/>
      <c r="C4656" s="359"/>
      <c r="D4656" s="359"/>
      <c r="E4656" s="359"/>
      <c r="F4656" s="359" t="s">
        <v>14391</v>
      </c>
      <c r="G4656" s="359" t="s">
        <v>14392</v>
      </c>
      <c r="H4656" s="359" t="s">
        <v>14370</v>
      </c>
      <c r="I4656" s="360"/>
      <c r="J4656" s="359"/>
      <c r="K4656" s="359"/>
      <c r="L4656" s="359"/>
    </row>
    <row r="4657" spans="2:12">
      <c r="B4657" s="359"/>
      <c r="C4657" s="359"/>
      <c r="D4657" s="359"/>
      <c r="E4657" s="359"/>
      <c r="F4657" s="360"/>
      <c r="G4657" s="360"/>
      <c r="H4657" s="360"/>
      <c r="I4657" s="360"/>
      <c r="J4657" s="359"/>
      <c r="K4657" s="359"/>
      <c r="L4657" s="359"/>
    </row>
    <row r="4658" spans="2:12">
      <c r="B4658" s="359"/>
      <c r="C4658" s="359"/>
      <c r="D4658" s="359"/>
      <c r="E4658" s="359"/>
      <c r="F4658" s="359" t="s">
        <v>14371</v>
      </c>
      <c r="G4658" s="359" t="s">
        <v>14372</v>
      </c>
      <c r="H4658" s="359" t="s">
        <v>14332</v>
      </c>
      <c r="I4658" s="360"/>
      <c r="J4658" s="359"/>
      <c r="K4658" s="359"/>
      <c r="L4658" s="359"/>
    </row>
    <row r="4659" spans="2:12">
      <c r="B4659" s="359"/>
      <c r="C4659" s="359"/>
      <c r="D4659" s="359"/>
      <c r="E4659" s="359"/>
      <c r="F4659" s="360"/>
      <c r="G4659" s="360"/>
      <c r="H4659" s="360"/>
      <c r="I4659" s="360"/>
      <c r="J4659" s="359"/>
      <c r="K4659" s="359"/>
      <c r="L4659" s="359"/>
    </row>
    <row r="4660" spans="2:12" ht="28.5">
      <c r="B4660" s="361"/>
      <c r="C4660" s="361"/>
      <c r="D4660" s="361"/>
      <c r="E4660" s="361"/>
      <c r="F4660" s="361" t="s">
        <v>14374</v>
      </c>
      <c r="G4660" s="361" t="s">
        <v>14373</v>
      </c>
      <c r="H4660" s="362"/>
      <c r="I4660" s="362"/>
      <c r="J4660" s="361"/>
      <c r="K4660" s="361"/>
      <c r="L4660" s="361"/>
    </row>
    <row r="4661" spans="2:12" ht="42.75">
      <c r="B4661" s="358" t="s">
        <v>9267</v>
      </c>
      <c r="C4661" s="358" t="s">
        <v>16708</v>
      </c>
      <c r="D4661" s="358" t="s">
        <v>8356</v>
      </c>
      <c r="E4661" s="358" t="s">
        <v>9268</v>
      </c>
      <c r="F4661" s="358" t="s">
        <v>16528</v>
      </c>
      <c r="G4661" s="358" t="s">
        <v>14377</v>
      </c>
      <c r="H4661" s="358" t="s">
        <v>14381</v>
      </c>
      <c r="I4661" s="358" t="s">
        <v>28768</v>
      </c>
      <c r="J4661" s="358"/>
      <c r="K4661" s="358"/>
      <c r="L4661" s="358"/>
    </row>
    <row r="4662" spans="2:12">
      <c r="B4662" s="359"/>
      <c r="C4662" s="359"/>
      <c r="D4662" s="359"/>
      <c r="E4662" s="359"/>
      <c r="F4662" s="360"/>
      <c r="G4662" s="360"/>
      <c r="H4662" s="360"/>
      <c r="I4662" s="360"/>
      <c r="J4662" s="359"/>
      <c r="K4662" s="359"/>
      <c r="L4662" s="359"/>
    </row>
    <row r="4663" spans="2:12">
      <c r="B4663" s="359"/>
      <c r="C4663" s="359"/>
      <c r="D4663" s="359"/>
      <c r="E4663" s="359"/>
      <c r="F4663" s="359" t="s">
        <v>14384</v>
      </c>
      <c r="G4663" s="359" t="s">
        <v>14428</v>
      </c>
      <c r="H4663" s="359" t="s">
        <v>14367</v>
      </c>
      <c r="I4663" s="359" t="s">
        <v>14373</v>
      </c>
      <c r="J4663" s="359"/>
      <c r="K4663" s="359"/>
      <c r="L4663" s="359"/>
    </row>
    <row r="4664" spans="2:12">
      <c r="B4664" s="359"/>
      <c r="C4664" s="359"/>
      <c r="D4664" s="359"/>
      <c r="E4664" s="359"/>
      <c r="F4664" s="360"/>
      <c r="G4664" s="360"/>
      <c r="H4664" s="360"/>
      <c r="I4664" s="360"/>
      <c r="J4664" s="359"/>
      <c r="K4664" s="359"/>
      <c r="L4664" s="359"/>
    </row>
    <row r="4665" spans="2:12">
      <c r="B4665" s="359"/>
      <c r="C4665" s="359"/>
      <c r="D4665" s="359"/>
      <c r="E4665" s="359"/>
      <c r="F4665" s="359" t="s">
        <v>14391</v>
      </c>
      <c r="G4665" s="359" t="s">
        <v>14392</v>
      </c>
      <c r="H4665" s="359" t="s">
        <v>14370</v>
      </c>
      <c r="I4665" s="360"/>
      <c r="J4665" s="359"/>
      <c r="K4665" s="359"/>
      <c r="L4665" s="359"/>
    </row>
    <row r="4666" spans="2:12">
      <c r="B4666" s="359"/>
      <c r="C4666" s="359"/>
      <c r="D4666" s="359"/>
      <c r="E4666" s="359"/>
      <c r="F4666" s="360"/>
      <c r="G4666" s="360"/>
      <c r="H4666" s="360"/>
      <c r="I4666" s="360"/>
      <c r="J4666" s="359"/>
      <c r="K4666" s="359"/>
      <c r="L4666" s="359"/>
    </row>
    <row r="4667" spans="2:12">
      <c r="B4667" s="359"/>
      <c r="C4667" s="359"/>
      <c r="D4667" s="359"/>
      <c r="E4667" s="359"/>
      <c r="F4667" s="359" t="s">
        <v>14371</v>
      </c>
      <c r="G4667" s="359" t="s">
        <v>14372</v>
      </c>
      <c r="H4667" s="359" t="s">
        <v>14332</v>
      </c>
      <c r="I4667" s="360"/>
      <c r="J4667" s="359"/>
      <c r="K4667" s="359"/>
      <c r="L4667" s="359"/>
    </row>
    <row r="4668" spans="2:12">
      <c r="B4668" s="359"/>
      <c r="C4668" s="359"/>
      <c r="D4668" s="359"/>
      <c r="E4668" s="359"/>
      <c r="F4668" s="360"/>
      <c r="G4668" s="360"/>
      <c r="H4668" s="360"/>
      <c r="I4668" s="360"/>
      <c r="J4668" s="359"/>
      <c r="K4668" s="359"/>
      <c r="L4668" s="359"/>
    </row>
    <row r="4669" spans="2:12" ht="28.5">
      <c r="B4669" s="361"/>
      <c r="C4669" s="361"/>
      <c r="D4669" s="361"/>
      <c r="E4669" s="361"/>
      <c r="F4669" s="361" t="s">
        <v>14374</v>
      </c>
      <c r="G4669" s="361" t="s">
        <v>14373</v>
      </c>
      <c r="H4669" s="362"/>
      <c r="I4669" s="362"/>
      <c r="J4669" s="361"/>
      <c r="K4669" s="361"/>
      <c r="L4669" s="361"/>
    </row>
    <row r="4670" spans="2:12" ht="42.75">
      <c r="B4670" s="358" t="s">
        <v>9270</v>
      </c>
      <c r="C4670" s="358" t="s">
        <v>16709</v>
      </c>
      <c r="D4670" s="358" t="s">
        <v>9273</v>
      </c>
      <c r="E4670" s="358" t="s">
        <v>9274</v>
      </c>
      <c r="F4670" s="358" t="s">
        <v>16528</v>
      </c>
      <c r="G4670" s="358" t="s">
        <v>14377</v>
      </c>
      <c r="H4670" s="358" t="s">
        <v>14381</v>
      </c>
      <c r="I4670" s="358" t="s">
        <v>28768</v>
      </c>
      <c r="J4670" s="358"/>
      <c r="K4670" s="358"/>
      <c r="L4670" s="358"/>
    </row>
    <row r="4671" spans="2:12">
      <c r="B4671" s="359"/>
      <c r="C4671" s="360"/>
      <c r="D4671" s="360"/>
      <c r="E4671" s="360"/>
      <c r="F4671" s="360"/>
      <c r="G4671" s="360"/>
      <c r="H4671" s="360"/>
      <c r="I4671" s="359"/>
      <c r="J4671" s="359"/>
      <c r="K4671" s="359"/>
      <c r="L4671" s="359"/>
    </row>
    <row r="4672" spans="2:12" ht="28.5">
      <c r="B4672" s="359"/>
      <c r="C4672" s="359" t="s">
        <v>28769</v>
      </c>
      <c r="D4672" s="359" t="s">
        <v>9276</v>
      </c>
      <c r="E4672" s="359" t="s">
        <v>9277</v>
      </c>
      <c r="F4672" s="359" t="s">
        <v>14384</v>
      </c>
      <c r="G4672" s="359" t="s">
        <v>14428</v>
      </c>
      <c r="H4672" s="359" t="s">
        <v>14367</v>
      </c>
      <c r="I4672" s="359"/>
      <c r="J4672" s="359"/>
      <c r="K4672" s="359"/>
      <c r="L4672" s="359"/>
    </row>
    <row r="4673" spans="2:12">
      <c r="B4673" s="359"/>
      <c r="C4673" s="360"/>
      <c r="D4673" s="360"/>
      <c r="E4673" s="360"/>
      <c r="F4673" s="360"/>
      <c r="G4673" s="360"/>
      <c r="H4673" s="360"/>
      <c r="I4673" s="359"/>
      <c r="J4673" s="359"/>
      <c r="K4673" s="359"/>
      <c r="L4673" s="359"/>
    </row>
    <row r="4674" spans="2:12" ht="28.5">
      <c r="B4674" s="359"/>
      <c r="C4674" s="359" t="s">
        <v>16710</v>
      </c>
      <c r="D4674" s="359" t="s">
        <v>17239</v>
      </c>
      <c r="E4674" s="359" t="s">
        <v>9279</v>
      </c>
      <c r="F4674" s="359" t="s">
        <v>14391</v>
      </c>
      <c r="G4674" s="359" t="s">
        <v>14392</v>
      </c>
      <c r="H4674" s="359" t="s">
        <v>14332</v>
      </c>
      <c r="I4674" s="359"/>
      <c r="J4674" s="359"/>
      <c r="K4674" s="359"/>
      <c r="L4674" s="359"/>
    </row>
    <row r="4675" spans="2:12">
      <c r="B4675" s="359"/>
      <c r="C4675" s="360"/>
      <c r="D4675" s="360"/>
      <c r="E4675" s="360"/>
      <c r="F4675" s="360"/>
      <c r="G4675" s="360"/>
      <c r="H4675" s="360"/>
      <c r="I4675" s="359"/>
      <c r="J4675" s="359"/>
      <c r="K4675" s="359"/>
      <c r="L4675" s="359"/>
    </row>
    <row r="4676" spans="2:12">
      <c r="B4676" s="361"/>
      <c r="C4676" s="361" t="s">
        <v>16711</v>
      </c>
      <c r="D4676" s="362"/>
      <c r="E4676" s="362"/>
      <c r="F4676" s="362"/>
      <c r="G4676" s="362"/>
      <c r="H4676" s="362"/>
      <c r="I4676" s="361"/>
      <c r="J4676" s="361"/>
      <c r="K4676" s="361"/>
      <c r="L4676" s="361"/>
    </row>
    <row r="4677" spans="2:12" ht="28.5">
      <c r="B4677" s="358" t="s">
        <v>9282</v>
      </c>
      <c r="C4677" s="358" t="s">
        <v>16712</v>
      </c>
      <c r="D4677" s="358" t="s">
        <v>9283</v>
      </c>
      <c r="E4677" s="358" t="s">
        <v>5455</v>
      </c>
      <c r="F4677" s="358" t="s">
        <v>16528</v>
      </c>
      <c r="G4677" s="358" t="s">
        <v>14377</v>
      </c>
      <c r="H4677" s="358" t="s">
        <v>14381</v>
      </c>
      <c r="I4677" s="358" t="s">
        <v>28751</v>
      </c>
      <c r="J4677" s="358"/>
      <c r="K4677" s="358"/>
      <c r="L4677" s="358"/>
    </row>
    <row r="4678" spans="2:12">
      <c r="B4678" s="359"/>
      <c r="C4678" s="360"/>
      <c r="D4678" s="359"/>
      <c r="E4678" s="359"/>
      <c r="F4678" s="360"/>
      <c r="G4678" s="360"/>
      <c r="H4678" s="360"/>
      <c r="I4678" s="360"/>
      <c r="J4678" s="359"/>
      <c r="K4678" s="359"/>
      <c r="L4678" s="359"/>
    </row>
    <row r="4679" spans="2:12">
      <c r="B4679" s="359"/>
      <c r="C4679" s="359" t="s">
        <v>16713</v>
      </c>
      <c r="D4679" s="359"/>
      <c r="E4679" s="359"/>
      <c r="F4679" s="359" t="s">
        <v>14384</v>
      </c>
      <c r="G4679" s="359" t="s">
        <v>14428</v>
      </c>
      <c r="H4679" s="359" t="s">
        <v>14367</v>
      </c>
      <c r="I4679" s="359" t="s">
        <v>14392</v>
      </c>
      <c r="J4679" s="359"/>
      <c r="K4679" s="359"/>
      <c r="L4679" s="359"/>
    </row>
    <row r="4680" spans="2:12">
      <c r="B4680" s="359"/>
      <c r="C4680" s="360"/>
      <c r="D4680" s="359"/>
      <c r="E4680" s="359"/>
      <c r="F4680" s="360"/>
      <c r="G4680" s="360"/>
      <c r="H4680" s="360"/>
      <c r="I4680" s="360"/>
      <c r="J4680" s="359"/>
      <c r="K4680" s="359"/>
      <c r="L4680" s="359"/>
    </row>
    <row r="4681" spans="2:12">
      <c r="B4681" s="361"/>
      <c r="C4681" s="362"/>
      <c r="D4681" s="361"/>
      <c r="E4681" s="361"/>
      <c r="F4681" s="361" t="s">
        <v>14391</v>
      </c>
      <c r="G4681" s="361" t="s">
        <v>14392</v>
      </c>
      <c r="H4681" s="361" t="s">
        <v>14332</v>
      </c>
      <c r="I4681" s="362"/>
      <c r="J4681" s="361"/>
      <c r="K4681" s="361"/>
      <c r="L4681" s="361"/>
    </row>
    <row r="4682" spans="2:12" ht="28.5">
      <c r="B4682" s="358" t="s">
        <v>9285</v>
      </c>
      <c r="C4682" s="358" t="s">
        <v>16714</v>
      </c>
      <c r="D4682" s="358" t="s">
        <v>9286</v>
      </c>
      <c r="E4682" s="358" t="s">
        <v>9287</v>
      </c>
      <c r="F4682" s="358" t="s">
        <v>16528</v>
      </c>
      <c r="G4682" s="358" t="s">
        <v>14377</v>
      </c>
      <c r="H4682" s="358" t="s">
        <v>14381</v>
      </c>
      <c r="I4682" s="358" t="s">
        <v>28751</v>
      </c>
      <c r="J4682" s="358"/>
      <c r="K4682" s="358"/>
      <c r="L4682" s="358"/>
    </row>
    <row r="4683" spans="2:12">
      <c r="B4683" s="359"/>
      <c r="C4683" s="359"/>
      <c r="D4683" s="359"/>
      <c r="E4683" s="359"/>
      <c r="F4683" s="360"/>
      <c r="G4683" s="360"/>
      <c r="H4683" s="360"/>
      <c r="I4683" s="360"/>
      <c r="J4683" s="359"/>
      <c r="K4683" s="359"/>
      <c r="L4683" s="359"/>
    </row>
    <row r="4684" spans="2:12">
      <c r="B4684" s="359"/>
      <c r="C4684" s="359"/>
      <c r="D4684" s="359"/>
      <c r="E4684" s="359"/>
      <c r="F4684" s="359" t="s">
        <v>14384</v>
      </c>
      <c r="G4684" s="359" t="s">
        <v>14428</v>
      </c>
      <c r="H4684" s="359" t="s">
        <v>14367</v>
      </c>
      <c r="I4684" s="359" t="s">
        <v>14392</v>
      </c>
      <c r="J4684" s="359"/>
      <c r="K4684" s="359"/>
      <c r="L4684" s="359"/>
    </row>
    <row r="4685" spans="2:12">
      <c r="B4685" s="359"/>
      <c r="C4685" s="359"/>
      <c r="D4685" s="359"/>
      <c r="E4685" s="359"/>
      <c r="F4685" s="360"/>
      <c r="G4685" s="360"/>
      <c r="H4685" s="360"/>
      <c r="I4685" s="360"/>
      <c r="J4685" s="359"/>
      <c r="K4685" s="359"/>
      <c r="L4685" s="359"/>
    </row>
    <row r="4686" spans="2:12">
      <c r="B4686" s="361"/>
      <c r="C4686" s="361"/>
      <c r="D4686" s="361"/>
      <c r="E4686" s="361"/>
      <c r="F4686" s="361" t="s">
        <v>14391</v>
      </c>
      <c r="G4686" s="361" t="s">
        <v>14392</v>
      </c>
      <c r="H4686" s="361" t="s">
        <v>14332</v>
      </c>
      <c r="I4686" s="362"/>
      <c r="J4686" s="361"/>
      <c r="K4686" s="361"/>
      <c r="L4686" s="361"/>
    </row>
    <row r="4687" spans="2:12" ht="71.25">
      <c r="B4687" s="358" t="s">
        <v>9288</v>
      </c>
      <c r="C4687" s="358" t="s">
        <v>16715</v>
      </c>
      <c r="D4687" s="358" t="s">
        <v>9289</v>
      </c>
      <c r="E4687" s="358" t="s">
        <v>5400</v>
      </c>
      <c r="F4687" s="358" t="s">
        <v>16528</v>
      </c>
      <c r="G4687" s="358" t="s">
        <v>14377</v>
      </c>
      <c r="H4687" s="358" t="s">
        <v>14381</v>
      </c>
      <c r="I4687" s="358" t="s">
        <v>14377</v>
      </c>
      <c r="J4687" s="358" t="s">
        <v>14534</v>
      </c>
      <c r="K4687" s="358" t="s">
        <v>28754</v>
      </c>
      <c r="L4687" s="358"/>
    </row>
    <row r="4688" spans="2:12">
      <c r="B4688" s="359"/>
      <c r="C4688" s="359"/>
      <c r="D4688" s="359"/>
      <c r="E4688" s="359"/>
      <c r="F4688" s="360"/>
      <c r="G4688" s="360"/>
      <c r="H4688" s="360"/>
      <c r="I4688" s="360"/>
      <c r="J4688" s="359"/>
      <c r="K4688" s="360"/>
      <c r="L4688" s="359"/>
    </row>
    <row r="4689" spans="2:12" ht="42.75">
      <c r="B4689" s="359"/>
      <c r="C4689" s="359"/>
      <c r="D4689" s="359"/>
      <c r="E4689" s="359"/>
      <c r="F4689" s="359" t="s">
        <v>14426</v>
      </c>
      <c r="G4689" s="359" t="s">
        <v>14427</v>
      </c>
      <c r="H4689" s="359" t="s">
        <v>14370</v>
      </c>
      <c r="I4689" s="359" t="s">
        <v>14427</v>
      </c>
      <c r="J4689" s="359"/>
      <c r="K4689" s="359" t="s">
        <v>28763</v>
      </c>
      <c r="L4689" s="359"/>
    </row>
    <row r="4690" spans="2:12">
      <c r="B4690" s="359"/>
      <c r="C4690" s="359"/>
      <c r="D4690" s="359"/>
      <c r="E4690" s="359"/>
      <c r="F4690" s="360"/>
      <c r="G4690" s="360"/>
      <c r="H4690" s="360"/>
      <c r="I4690" s="360"/>
      <c r="J4690" s="359"/>
      <c r="K4690" s="360"/>
      <c r="L4690" s="359"/>
    </row>
    <row r="4691" spans="2:12" ht="28.5">
      <c r="B4691" s="359"/>
      <c r="C4691" s="359"/>
      <c r="D4691" s="359"/>
      <c r="E4691" s="359"/>
      <c r="F4691" s="359" t="s">
        <v>14424</v>
      </c>
      <c r="G4691" s="359" t="s">
        <v>28740</v>
      </c>
      <c r="H4691" s="359" t="s">
        <v>14332</v>
      </c>
      <c r="I4691" s="359" t="s">
        <v>28740</v>
      </c>
      <c r="J4691" s="359"/>
      <c r="K4691" s="359" t="s">
        <v>16660</v>
      </c>
      <c r="L4691" s="359"/>
    </row>
    <row r="4692" spans="2:12">
      <c r="B4692" s="359"/>
      <c r="C4692" s="359"/>
      <c r="D4692" s="359"/>
      <c r="E4692" s="359"/>
      <c r="F4692" s="360"/>
      <c r="G4692" s="360"/>
      <c r="H4692" s="360"/>
      <c r="I4692" s="360"/>
      <c r="J4692" s="359"/>
      <c r="K4692" s="360"/>
      <c r="L4692" s="359"/>
    </row>
    <row r="4693" spans="2:12">
      <c r="B4693" s="359"/>
      <c r="C4693" s="359"/>
      <c r="D4693" s="359"/>
      <c r="E4693" s="359"/>
      <c r="F4693" s="359" t="s">
        <v>14384</v>
      </c>
      <c r="G4693" s="359" t="s">
        <v>14815</v>
      </c>
      <c r="H4693" s="360"/>
      <c r="I4693" s="359" t="s">
        <v>14815</v>
      </c>
      <c r="J4693" s="359"/>
      <c r="K4693" s="360"/>
      <c r="L4693" s="359"/>
    </row>
    <row r="4694" spans="2:12">
      <c r="B4694" s="359"/>
      <c r="C4694" s="359"/>
      <c r="D4694" s="359"/>
      <c r="E4694" s="359"/>
      <c r="F4694" s="360"/>
      <c r="G4694" s="360"/>
      <c r="H4694" s="360"/>
      <c r="I4694" s="360"/>
      <c r="J4694" s="359"/>
      <c r="K4694" s="360"/>
      <c r="L4694" s="359"/>
    </row>
    <row r="4695" spans="2:12">
      <c r="B4695" s="359"/>
      <c r="C4695" s="359"/>
      <c r="D4695" s="359"/>
      <c r="E4695" s="359"/>
      <c r="F4695" s="359" t="s">
        <v>14814</v>
      </c>
      <c r="G4695" s="359" t="s">
        <v>14392</v>
      </c>
      <c r="H4695" s="360"/>
      <c r="I4695" s="359" t="s">
        <v>14392</v>
      </c>
      <c r="J4695" s="359"/>
      <c r="K4695" s="360"/>
      <c r="L4695" s="359"/>
    </row>
    <row r="4696" spans="2:12">
      <c r="B4696" s="359"/>
      <c r="C4696" s="359"/>
      <c r="D4696" s="359"/>
      <c r="E4696" s="359"/>
      <c r="F4696" s="360"/>
      <c r="G4696" s="360"/>
      <c r="H4696" s="360"/>
      <c r="I4696" s="360"/>
      <c r="J4696" s="359"/>
      <c r="K4696" s="360"/>
      <c r="L4696" s="359"/>
    </row>
    <row r="4697" spans="2:12">
      <c r="B4697" s="359"/>
      <c r="C4697" s="359"/>
      <c r="D4697" s="359"/>
      <c r="E4697" s="359"/>
      <c r="F4697" s="359" t="s">
        <v>14391</v>
      </c>
      <c r="G4697" s="359" t="s">
        <v>14372</v>
      </c>
      <c r="H4697" s="360"/>
      <c r="I4697" s="359" t="s">
        <v>14373</v>
      </c>
      <c r="J4697" s="359"/>
      <c r="K4697" s="360"/>
      <c r="L4697" s="359"/>
    </row>
    <row r="4698" spans="2:12">
      <c r="B4698" s="359"/>
      <c r="C4698" s="359"/>
      <c r="D4698" s="359"/>
      <c r="E4698" s="359"/>
      <c r="F4698" s="360"/>
      <c r="G4698" s="360"/>
      <c r="H4698" s="360"/>
      <c r="I4698" s="360"/>
      <c r="J4698" s="359"/>
      <c r="K4698" s="360"/>
      <c r="L4698" s="359"/>
    </row>
    <row r="4699" spans="2:12">
      <c r="B4699" s="359"/>
      <c r="C4699" s="359"/>
      <c r="D4699" s="359"/>
      <c r="E4699" s="359"/>
      <c r="F4699" s="359" t="s">
        <v>14371</v>
      </c>
      <c r="G4699" s="359" t="s">
        <v>14373</v>
      </c>
      <c r="H4699" s="360"/>
      <c r="I4699" s="360"/>
      <c r="J4699" s="359"/>
      <c r="K4699" s="360"/>
      <c r="L4699" s="359"/>
    </row>
    <row r="4700" spans="2:12">
      <c r="B4700" s="359"/>
      <c r="C4700" s="359"/>
      <c r="D4700" s="359"/>
      <c r="E4700" s="359"/>
      <c r="F4700" s="360"/>
      <c r="G4700" s="360"/>
      <c r="H4700" s="360"/>
      <c r="I4700" s="360"/>
      <c r="J4700" s="359"/>
      <c r="K4700" s="360"/>
      <c r="L4700" s="359"/>
    </row>
    <row r="4701" spans="2:12" ht="28.5">
      <c r="B4701" s="361"/>
      <c r="C4701" s="361"/>
      <c r="D4701" s="361"/>
      <c r="E4701" s="361"/>
      <c r="F4701" s="361" t="s">
        <v>14374</v>
      </c>
      <c r="G4701" s="362"/>
      <c r="H4701" s="362"/>
      <c r="I4701" s="362"/>
      <c r="J4701" s="361"/>
      <c r="K4701" s="362"/>
      <c r="L4701" s="361"/>
    </row>
    <row r="4702" spans="2:12" ht="71.25">
      <c r="B4702" s="358" t="s">
        <v>9291</v>
      </c>
      <c r="C4702" s="358" t="s">
        <v>16716</v>
      </c>
      <c r="D4702" s="358" t="s">
        <v>9292</v>
      </c>
      <c r="E4702" s="358" t="s">
        <v>2324</v>
      </c>
      <c r="F4702" s="358" t="s">
        <v>16528</v>
      </c>
      <c r="G4702" s="358" t="s">
        <v>14377</v>
      </c>
      <c r="H4702" s="358" t="s">
        <v>14381</v>
      </c>
      <c r="I4702" s="358" t="s">
        <v>14377</v>
      </c>
      <c r="J4702" s="358"/>
      <c r="K4702" s="358" t="s">
        <v>28770</v>
      </c>
      <c r="L4702" s="358"/>
    </row>
    <row r="4703" spans="2:12">
      <c r="B4703" s="359"/>
      <c r="C4703" s="359"/>
      <c r="D4703" s="359"/>
      <c r="E4703" s="359"/>
      <c r="F4703" s="360"/>
      <c r="G4703" s="360"/>
      <c r="H4703" s="360"/>
      <c r="I4703" s="360"/>
      <c r="J4703" s="359"/>
      <c r="K4703" s="360"/>
      <c r="L4703" s="359"/>
    </row>
    <row r="4704" spans="2:12" ht="42.75">
      <c r="B4704" s="359"/>
      <c r="C4704" s="359"/>
      <c r="D4704" s="359"/>
      <c r="E4704" s="359"/>
      <c r="F4704" s="359" t="s">
        <v>14426</v>
      </c>
      <c r="G4704" s="359" t="s">
        <v>14427</v>
      </c>
      <c r="H4704" s="359" t="s">
        <v>14370</v>
      </c>
      <c r="I4704" s="359" t="s">
        <v>14427</v>
      </c>
      <c r="J4704" s="359"/>
      <c r="K4704" s="359" t="s">
        <v>28763</v>
      </c>
      <c r="L4704" s="359"/>
    </row>
    <row r="4705" spans="2:12">
      <c r="B4705" s="359"/>
      <c r="C4705" s="359"/>
      <c r="D4705" s="359"/>
      <c r="E4705" s="359"/>
      <c r="F4705" s="360"/>
      <c r="G4705" s="360"/>
      <c r="H4705" s="360"/>
      <c r="I4705" s="360"/>
      <c r="J4705" s="359"/>
      <c r="K4705" s="360"/>
      <c r="L4705" s="359"/>
    </row>
    <row r="4706" spans="2:12" ht="28.5">
      <c r="B4706" s="359"/>
      <c r="C4706" s="359"/>
      <c r="D4706" s="359"/>
      <c r="E4706" s="359"/>
      <c r="F4706" s="359" t="s">
        <v>14424</v>
      </c>
      <c r="G4706" s="359" t="s">
        <v>28740</v>
      </c>
      <c r="H4706" s="359" t="s">
        <v>14332</v>
      </c>
      <c r="I4706" s="359" t="s">
        <v>28740</v>
      </c>
      <c r="J4706" s="359"/>
      <c r="K4706" s="359" t="s">
        <v>16660</v>
      </c>
      <c r="L4706" s="359"/>
    </row>
    <row r="4707" spans="2:12">
      <c r="B4707" s="359"/>
      <c r="C4707" s="359"/>
      <c r="D4707" s="359"/>
      <c r="E4707" s="359"/>
      <c r="F4707" s="360"/>
      <c r="G4707" s="360"/>
      <c r="H4707" s="360"/>
      <c r="I4707" s="360"/>
      <c r="J4707" s="359"/>
      <c r="K4707" s="360"/>
      <c r="L4707" s="359"/>
    </row>
    <row r="4708" spans="2:12">
      <c r="B4708" s="359"/>
      <c r="C4708" s="359"/>
      <c r="D4708" s="359"/>
      <c r="E4708" s="359"/>
      <c r="F4708" s="359" t="s">
        <v>14384</v>
      </c>
      <c r="G4708" s="359" t="s">
        <v>14815</v>
      </c>
      <c r="H4708" s="360"/>
      <c r="I4708" s="359" t="s">
        <v>14815</v>
      </c>
      <c r="J4708" s="359"/>
      <c r="K4708" s="360"/>
      <c r="L4708" s="359"/>
    </row>
    <row r="4709" spans="2:12">
      <c r="B4709" s="359"/>
      <c r="C4709" s="359"/>
      <c r="D4709" s="359"/>
      <c r="E4709" s="359"/>
      <c r="F4709" s="360"/>
      <c r="G4709" s="360"/>
      <c r="H4709" s="360"/>
      <c r="I4709" s="360"/>
      <c r="J4709" s="359"/>
      <c r="K4709" s="360"/>
      <c r="L4709" s="359"/>
    </row>
    <row r="4710" spans="2:12">
      <c r="B4710" s="359"/>
      <c r="C4710" s="359"/>
      <c r="D4710" s="359"/>
      <c r="E4710" s="359"/>
      <c r="F4710" s="359" t="s">
        <v>14814</v>
      </c>
      <c r="G4710" s="359" t="s">
        <v>14392</v>
      </c>
      <c r="H4710" s="360"/>
      <c r="I4710" s="359" t="s">
        <v>14392</v>
      </c>
      <c r="J4710" s="359"/>
      <c r="K4710" s="360"/>
      <c r="L4710" s="359"/>
    </row>
    <row r="4711" spans="2:12">
      <c r="B4711" s="359"/>
      <c r="C4711" s="359"/>
      <c r="D4711" s="359"/>
      <c r="E4711" s="359"/>
      <c r="F4711" s="360"/>
      <c r="G4711" s="360"/>
      <c r="H4711" s="360"/>
      <c r="I4711" s="360"/>
      <c r="J4711" s="359"/>
      <c r="K4711" s="360"/>
      <c r="L4711" s="359"/>
    </row>
    <row r="4712" spans="2:12">
      <c r="B4712" s="359"/>
      <c r="C4712" s="359"/>
      <c r="D4712" s="359"/>
      <c r="E4712" s="359"/>
      <c r="F4712" s="359" t="s">
        <v>14391</v>
      </c>
      <c r="G4712" s="359" t="s">
        <v>14372</v>
      </c>
      <c r="H4712" s="360"/>
      <c r="I4712" s="359" t="s">
        <v>14373</v>
      </c>
      <c r="J4712" s="359"/>
      <c r="K4712" s="360"/>
      <c r="L4712" s="359"/>
    </row>
    <row r="4713" spans="2:12">
      <c r="B4713" s="359"/>
      <c r="C4713" s="359"/>
      <c r="D4713" s="359"/>
      <c r="E4713" s="359"/>
      <c r="F4713" s="360"/>
      <c r="G4713" s="360"/>
      <c r="H4713" s="360"/>
      <c r="I4713" s="360"/>
      <c r="J4713" s="359"/>
      <c r="K4713" s="360"/>
      <c r="L4713" s="359"/>
    </row>
    <row r="4714" spans="2:12">
      <c r="B4714" s="359"/>
      <c r="C4714" s="359"/>
      <c r="D4714" s="359"/>
      <c r="E4714" s="359"/>
      <c r="F4714" s="359" t="s">
        <v>14371</v>
      </c>
      <c r="G4714" s="359" t="s">
        <v>14373</v>
      </c>
      <c r="H4714" s="360"/>
      <c r="I4714" s="360"/>
      <c r="J4714" s="359"/>
      <c r="K4714" s="360"/>
      <c r="L4714" s="359"/>
    </row>
    <row r="4715" spans="2:12">
      <c r="B4715" s="359"/>
      <c r="C4715" s="359"/>
      <c r="D4715" s="359"/>
      <c r="E4715" s="359"/>
      <c r="F4715" s="360"/>
      <c r="G4715" s="360"/>
      <c r="H4715" s="360"/>
      <c r="I4715" s="360"/>
      <c r="J4715" s="359"/>
      <c r="K4715" s="360"/>
      <c r="L4715" s="359"/>
    </row>
    <row r="4716" spans="2:12" ht="28.5">
      <c r="B4716" s="361"/>
      <c r="C4716" s="361"/>
      <c r="D4716" s="361"/>
      <c r="E4716" s="361"/>
      <c r="F4716" s="361" t="s">
        <v>14374</v>
      </c>
      <c r="G4716" s="362"/>
      <c r="H4716" s="362"/>
      <c r="I4716" s="362"/>
      <c r="J4716" s="361"/>
      <c r="K4716" s="362"/>
      <c r="L4716" s="361"/>
    </row>
    <row r="4717" spans="2:12" ht="28.5">
      <c r="B4717" s="358" t="s">
        <v>9294</v>
      </c>
      <c r="C4717" s="358" t="s">
        <v>16717</v>
      </c>
      <c r="D4717" s="358" t="s">
        <v>9295</v>
      </c>
      <c r="E4717" s="358" t="s">
        <v>5482</v>
      </c>
      <c r="F4717" s="358" t="s">
        <v>16528</v>
      </c>
      <c r="G4717" s="358" t="s">
        <v>14377</v>
      </c>
      <c r="H4717" s="358" t="s">
        <v>14381</v>
      </c>
      <c r="I4717" s="358" t="s">
        <v>28751</v>
      </c>
      <c r="J4717" s="358"/>
      <c r="K4717" s="358"/>
      <c r="L4717" s="358"/>
    </row>
    <row r="4718" spans="2:12">
      <c r="B4718" s="359"/>
      <c r="C4718" s="359"/>
      <c r="D4718" s="359"/>
      <c r="E4718" s="359"/>
      <c r="F4718" s="360"/>
      <c r="G4718" s="360"/>
      <c r="H4718" s="360"/>
      <c r="I4718" s="360"/>
      <c r="J4718" s="359"/>
      <c r="K4718" s="359"/>
      <c r="L4718" s="359"/>
    </row>
    <row r="4719" spans="2:12">
      <c r="B4719" s="359"/>
      <c r="C4719" s="359"/>
      <c r="D4719" s="359"/>
      <c r="E4719" s="359"/>
      <c r="F4719" s="359" t="s">
        <v>14384</v>
      </c>
      <c r="G4719" s="359" t="s">
        <v>14428</v>
      </c>
      <c r="H4719" s="359" t="s">
        <v>14370</v>
      </c>
      <c r="I4719" s="359" t="s">
        <v>14815</v>
      </c>
      <c r="J4719" s="359"/>
      <c r="K4719" s="359"/>
      <c r="L4719" s="359"/>
    </row>
    <row r="4720" spans="2:12">
      <c r="B4720" s="359"/>
      <c r="C4720" s="359"/>
      <c r="D4720" s="359"/>
      <c r="E4720" s="359"/>
      <c r="F4720" s="360"/>
      <c r="G4720" s="360"/>
      <c r="H4720" s="360"/>
      <c r="I4720" s="360"/>
      <c r="J4720" s="359"/>
      <c r="K4720" s="359"/>
      <c r="L4720" s="359"/>
    </row>
    <row r="4721" spans="2:12">
      <c r="B4721" s="359"/>
      <c r="C4721" s="359"/>
      <c r="D4721" s="359"/>
      <c r="E4721" s="359"/>
      <c r="F4721" s="359" t="s">
        <v>14814</v>
      </c>
      <c r="G4721" s="359" t="s">
        <v>14815</v>
      </c>
      <c r="H4721" s="359" t="s">
        <v>14332</v>
      </c>
      <c r="I4721" s="359" t="s">
        <v>14392</v>
      </c>
      <c r="J4721" s="359"/>
      <c r="K4721" s="359"/>
      <c r="L4721" s="359"/>
    </row>
    <row r="4722" spans="2:12">
      <c r="B4722" s="359"/>
      <c r="C4722" s="359"/>
      <c r="D4722" s="359"/>
      <c r="E4722" s="359"/>
      <c r="F4722" s="360"/>
      <c r="G4722" s="360"/>
      <c r="H4722" s="360"/>
      <c r="I4722" s="360"/>
      <c r="J4722" s="359"/>
      <c r="K4722" s="359"/>
      <c r="L4722" s="359"/>
    </row>
    <row r="4723" spans="2:12">
      <c r="B4723" s="359"/>
      <c r="C4723" s="359"/>
      <c r="D4723" s="359"/>
      <c r="E4723" s="359"/>
      <c r="F4723" s="359" t="s">
        <v>14391</v>
      </c>
      <c r="G4723" s="359" t="s">
        <v>14392</v>
      </c>
      <c r="H4723" s="360"/>
      <c r="I4723" s="359" t="s">
        <v>14373</v>
      </c>
      <c r="J4723" s="359"/>
      <c r="K4723" s="359"/>
      <c r="L4723" s="359"/>
    </row>
    <row r="4724" spans="2:12">
      <c r="B4724" s="359"/>
      <c r="C4724" s="359"/>
      <c r="D4724" s="359"/>
      <c r="E4724" s="359"/>
      <c r="F4724" s="360"/>
      <c r="G4724" s="360"/>
      <c r="H4724" s="360"/>
      <c r="I4724" s="360"/>
      <c r="J4724" s="359"/>
      <c r="K4724" s="359"/>
      <c r="L4724" s="359"/>
    </row>
    <row r="4725" spans="2:12">
      <c r="B4725" s="359"/>
      <c r="C4725" s="359"/>
      <c r="D4725" s="359"/>
      <c r="E4725" s="359"/>
      <c r="F4725" s="359" t="s">
        <v>14371</v>
      </c>
      <c r="G4725" s="359" t="s">
        <v>14372</v>
      </c>
      <c r="H4725" s="360"/>
      <c r="I4725" s="360"/>
      <c r="J4725" s="359"/>
      <c r="K4725" s="359"/>
      <c r="L4725" s="359"/>
    </row>
    <row r="4726" spans="2:12">
      <c r="B4726" s="359"/>
      <c r="C4726" s="359"/>
      <c r="D4726" s="359"/>
      <c r="E4726" s="359"/>
      <c r="F4726" s="360"/>
      <c r="G4726" s="360"/>
      <c r="H4726" s="360"/>
      <c r="I4726" s="360"/>
      <c r="J4726" s="359"/>
      <c r="K4726" s="359"/>
      <c r="L4726" s="359"/>
    </row>
    <row r="4727" spans="2:12" ht="28.5">
      <c r="B4727" s="361"/>
      <c r="C4727" s="361"/>
      <c r="D4727" s="361"/>
      <c r="E4727" s="361"/>
      <c r="F4727" s="361" t="s">
        <v>14374</v>
      </c>
      <c r="G4727" s="361" t="s">
        <v>14373</v>
      </c>
      <c r="H4727" s="362"/>
      <c r="I4727" s="362"/>
      <c r="J4727" s="361"/>
      <c r="K4727" s="361"/>
      <c r="L4727" s="361"/>
    </row>
    <row r="4728" spans="2:12" ht="28.5">
      <c r="B4728" s="358" t="s">
        <v>9296</v>
      </c>
      <c r="C4728" s="358" t="s">
        <v>16718</v>
      </c>
      <c r="D4728" s="358" t="s">
        <v>9297</v>
      </c>
      <c r="E4728" s="358" t="s">
        <v>5437</v>
      </c>
      <c r="F4728" s="358" t="s">
        <v>16528</v>
      </c>
      <c r="G4728" s="358" t="s">
        <v>14377</v>
      </c>
      <c r="H4728" s="358" t="s">
        <v>14381</v>
      </c>
      <c r="I4728" s="358" t="s">
        <v>28751</v>
      </c>
      <c r="J4728" s="358"/>
      <c r="K4728" s="358"/>
      <c r="L4728" s="358"/>
    </row>
    <row r="4729" spans="2:12">
      <c r="B4729" s="359"/>
      <c r="C4729" s="359"/>
      <c r="D4729" s="359"/>
      <c r="E4729" s="359"/>
      <c r="F4729" s="360"/>
      <c r="G4729" s="360"/>
      <c r="H4729" s="360"/>
      <c r="I4729" s="360"/>
      <c r="J4729" s="359"/>
      <c r="K4729" s="359"/>
      <c r="L4729" s="359"/>
    </row>
    <row r="4730" spans="2:12">
      <c r="B4730" s="359"/>
      <c r="C4730" s="359"/>
      <c r="D4730" s="359"/>
      <c r="E4730" s="359"/>
      <c r="F4730" s="359" t="s">
        <v>14384</v>
      </c>
      <c r="G4730" s="359" t="s">
        <v>14428</v>
      </c>
      <c r="H4730" s="359" t="s">
        <v>14367</v>
      </c>
      <c r="I4730" s="359" t="s">
        <v>14392</v>
      </c>
      <c r="J4730" s="359"/>
      <c r="K4730" s="359"/>
      <c r="L4730" s="359"/>
    </row>
    <row r="4731" spans="2:12">
      <c r="B4731" s="359"/>
      <c r="C4731" s="359"/>
      <c r="D4731" s="359"/>
      <c r="E4731" s="359"/>
      <c r="F4731" s="360"/>
      <c r="G4731" s="360"/>
      <c r="H4731" s="360"/>
      <c r="I4731" s="360"/>
      <c r="J4731" s="359"/>
      <c r="K4731" s="359"/>
      <c r="L4731" s="359"/>
    </row>
    <row r="4732" spans="2:12">
      <c r="B4732" s="359"/>
      <c r="C4732" s="359"/>
      <c r="D4732" s="359"/>
      <c r="E4732" s="359"/>
      <c r="F4732" s="359" t="s">
        <v>14391</v>
      </c>
      <c r="G4732" s="359" t="s">
        <v>14392</v>
      </c>
      <c r="H4732" s="359" t="s">
        <v>14370</v>
      </c>
      <c r="I4732" s="359" t="s">
        <v>14373</v>
      </c>
      <c r="J4732" s="359"/>
      <c r="K4732" s="359"/>
      <c r="L4732" s="359"/>
    </row>
    <row r="4733" spans="2:12">
      <c r="B4733" s="359"/>
      <c r="C4733" s="359"/>
      <c r="D4733" s="359"/>
      <c r="E4733" s="359"/>
      <c r="F4733" s="360"/>
      <c r="G4733" s="360"/>
      <c r="H4733" s="360"/>
      <c r="I4733" s="360"/>
      <c r="J4733" s="359"/>
      <c r="K4733" s="359"/>
      <c r="L4733" s="359"/>
    </row>
    <row r="4734" spans="2:12">
      <c r="B4734" s="359"/>
      <c r="C4734" s="359"/>
      <c r="D4734" s="359"/>
      <c r="E4734" s="359"/>
      <c r="F4734" s="359" t="s">
        <v>14371</v>
      </c>
      <c r="G4734" s="359" t="s">
        <v>14372</v>
      </c>
      <c r="H4734" s="359" t="s">
        <v>14332</v>
      </c>
      <c r="I4734" s="360"/>
      <c r="J4734" s="359"/>
      <c r="K4734" s="359"/>
      <c r="L4734" s="359"/>
    </row>
    <row r="4735" spans="2:12">
      <c r="B4735" s="359"/>
      <c r="C4735" s="359"/>
      <c r="D4735" s="359"/>
      <c r="E4735" s="359"/>
      <c r="F4735" s="360"/>
      <c r="G4735" s="360"/>
      <c r="H4735" s="360"/>
      <c r="I4735" s="360"/>
      <c r="J4735" s="359"/>
      <c r="K4735" s="359"/>
      <c r="L4735" s="359"/>
    </row>
    <row r="4736" spans="2:12" ht="28.5">
      <c r="B4736" s="361"/>
      <c r="C4736" s="361"/>
      <c r="D4736" s="361"/>
      <c r="E4736" s="361"/>
      <c r="F4736" s="361" t="s">
        <v>14374</v>
      </c>
      <c r="G4736" s="361" t="s">
        <v>14373</v>
      </c>
      <c r="H4736" s="362"/>
      <c r="I4736" s="362"/>
      <c r="J4736" s="361"/>
      <c r="K4736" s="361"/>
      <c r="L4736" s="361"/>
    </row>
    <row r="4737" spans="2:12" ht="42.75">
      <c r="B4737" s="358" t="s">
        <v>9298</v>
      </c>
      <c r="C4737" s="358" t="s">
        <v>16719</v>
      </c>
      <c r="D4737" s="358" t="s">
        <v>8356</v>
      </c>
      <c r="E4737" s="358" t="s">
        <v>4660</v>
      </c>
      <c r="F4737" s="358" t="s">
        <v>16528</v>
      </c>
      <c r="G4737" s="358" t="s">
        <v>14377</v>
      </c>
      <c r="H4737" s="358" t="s">
        <v>14381</v>
      </c>
      <c r="I4737" s="358" t="s">
        <v>28772</v>
      </c>
      <c r="J4737" s="358"/>
      <c r="K4737" s="358"/>
      <c r="L4737" s="358"/>
    </row>
    <row r="4738" spans="2:12">
      <c r="B4738" s="359"/>
      <c r="C4738" s="359"/>
      <c r="D4738" s="359"/>
      <c r="E4738" s="359"/>
      <c r="F4738" s="360"/>
      <c r="G4738" s="360"/>
      <c r="H4738" s="360"/>
      <c r="I4738" s="360"/>
      <c r="J4738" s="359"/>
      <c r="K4738" s="359"/>
      <c r="L4738" s="359"/>
    </row>
    <row r="4739" spans="2:12" ht="28.5">
      <c r="B4739" s="359"/>
      <c r="C4739" s="359"/>
      <c r="D4739" s="359"/>
      <c r="E4739" s="359"/>
      <c r="F4739" s="359" t="s">
        <v>14497</v>
      </c>
      <c r="G4739" s="359" t="s">
        <v>28771</v>
      </c>
      <c r="H4739" s="359" t="s">
        <v>14367</v>
      </c>
      <c r="I4739" s="359" t="s">
        <v>14392</v>
      </c>
      <c r="J4739" s="359"/>
      <c r="K4739" s="359"/>
      <c r="L4739" s="359"/>
    </row>
    <row r="4740" spans="2:12">
      <c r="B4740" s="359"/>
      <c r="C4740" s="359"/>
      <c r="D4740" s="359"/>
      <c r="E4740" s="359"/>
      <c r="F4740" s="360"/>
      <c r="G4740" s="360"/>
      <c r="H4740" s="360"/>
      <c r="I4740" s="360"/>
      <c r="J4740" s="359"/>
      <c r="K4740" s="359"/>
      <c r="L4740" s="359"/>
    </row>
    <row r="4741" spans="2:12">
      <c r="B4741" s="359"/>
      <c r="C4741" s="359"/>
      <c r="D4741" s="359"/>
      <c r="E4741" s="359"/>
      <c r="F4741" s="359" t="s">
        <v>14384</v>
      </c>
      <c r="G4741" s="359" t="s">
        <v>14392</v>
      </c>
      <c r="H4741" s="359" t="s">
        <v>14370</v>
      </c>
      <c r="I4741" s="359" t="s">
        <v>14373</v>
      </c>
      <c r="J4741" s="359"/>
      <c r="K4741" s="359"/>
      <c r="L4741" s="359"/>
    </row>
    <row r="4742" spans="2:12">
      <c r="B4742" s="359"/>
      <c r="C4742" s="359"/>
      <c r="D4742" s="359"/>
      <c r="E4742" s="359"/>
      <c r="F4742" s="360"/>
      <c r="G4742" s="360"/>
      <c r="H4742" s="360"/>
      <c r="I4742" s="360"/>
      <c r="J4742" s="359"/>
      <c r="K4742" s="359"/>
      <c r="L4742" s="359"/>
    </row>
    <row r="4743" spans="2:12">
      <c r="B4743" s="359"/>
      <c r="C4743" s="359"/>
      <c r="D4743" s="359"/>
      <c r="E4743" s="359"/>
      <c r="F4743" s="359" t="s">
        <v>14391</v>
      </c>
      <c r="G4743" s="359" t="s">
        <v>14372</v>
      </c>
      <c r="H4743" s="359" t="s">
        <v>14332</v>
      </c>
      <c r="I4743" s="360"/>
      <c r="J4743" s="359"/>
      <c r="K4743" s="359"/>
      <c r="L4743" s="359"/>
    </row>
    <row r="4744" spans="2:12">
      <c r="B4744" s="359"/>
      <c r="C4744" s="359"/>
      <c r="D4744" s="359"/>
      <c r="E4744" s="359"/>
      <c r="F4744" s="360"/>
      <c r="G4744" s="360"/>
      <c r="H4744" s="360"/>
      <c r="I4744" s="360"/>
      <c r="J4744" s="359"/>
      <c r="K4744" s="359"/>
      <c r="L4744" s="359"/>
    </row>
    <row r="4745" spans="2:12">
      <c r="B4745" s="359"/>
      <c r="C4745" s="359"/>
      <c r="D4745" s="359"/>
      <c r="E4745" s="359"/>
      <c r="F4745" s="359" t="s">
        <v>14371</v>
      </c>
      <c r="G4745" s="359" t="s">
        <v>14373</v>
      </c>
      <c r="H4745" s="360"/>
      <c r="I4745" s="360"/>
      <c r="J4745" s="359"/>
      <c r="K4745" s="359"/>
      <c r="L4745" s="359"/>
    </row>
    <row r="4746" spans="2:12">
      <c r="B4746" s="359"/>
      <c r="C4746" s="359"/>
      <c r="D4746" s="359"/>
      <c r="E4746" s="359"/>
      <c r="F4746" s="360"/>
      <c r="G4746" s="360"/>
      <c r="H4746" s="360"/>
      <c r="I4746" s="360"/>
      <c r="J4746" s="359"/>
      <c r="K4746" s="359"/>
      <c r="L4746" s="359"/>
    </row>
    <row r="4747" spans="2:12" ht="28.5">
      <c r="B4747" s="361"/>
      <c r="C4747" s="361"/>
      <c r="D4747" s="361"/>
      <c r="E4747" s="361"/>
      <c r="F4747" s="361" t="s">
        <v>14374</v>
      </c>
      <c r="G4747" s="362"/>
      <c r="H4747" s="362"/>
      <c r="I4747" s="362"/>
      <c r="J4747" s="361"/>
      <c r="K4747" s="361"/>
      <c r="L4747" s="361"/>
    </row>
    <row r="4748" spans="2:12" ht="28.5">
      <c r="B4748" s="358" t="s">
        <v>9300</v>
      </c>
      <c r="C4748" s="358" t="s">
        <v>16720</v>
      </c>
      <c r="D4748" s="358" t="s">
        <v>9301</v>
      </c>
      <c r="E4748" s="358" t="s">
        <v>9302</v>
      </c>
      <c r="F4748" s="358" t="s">
        <v>16528</v>
      </c>
      <c r="G4748" s="358" t="s">
        <v>14377</v>
      </c>
      <c r="H4748" s="358" t="s">
        <v>14381</v>
      </c>
      <c r="I4748" s="358" t="s">
        <v>28751</v>
      </c>
      <c r="J4748" s="358"/>
      <c r="K4748" s="358"/>
      <c r="L4748" s="358"/>
    </row>
    <row r="4749" spans="2:12">
      <c r="B4749" s="359"/>
      <c r="C4749" s="360"/>
      <c r="D4749" s="360"/>
      <c r="E4749" s="360"/>
      <c r="F4749" s="360"/>
      <c r="G4749" s="360"/>
      <c r="H4749" s="360"/>
      <c r="I4749" s="360"/>
      <c r="J4749" s="359"/>
      <c r="K4749" s="359"/>
      <c r="L4749" s="359"/>
    </row>
    <row r="4750" spans="2:12" ht="28.5">
      <c r="B4750" s="359"/>
      <c r="C4750" s="359" t="s">
        <v>16721</v>
      </c>
      <c r="D4750" s="359" t="s">
        <v>9304</v>
      </c>
      <c r="E4750" s="359" t="s">
        <v>9305</v>
      </c>
      <c r="F4750" s="359" t="s">
        <v>14384</v>
      </c>
      <c r="G4750" s="359" t="s">
        <v>14428</v>
      </c>
      <c r="H4750" s="359" t="s">
        <v>14367</v>
      </c>
      <c r="I4750" s="359" t="s">
        <v>14392</v>
      </c>
      <c r="J4750" s="359"/>
      <c r="K4750" s="359"/>
      <c r="L4750" s="359"/>
    </row>
    <row r="4751" spans="2:12">
      <c r="B4751" s="359"/>
      <c r="C4751" s="360"/>
      <c r="D4751" s="360"/>
      <c r="E4751" s="360"/>
      <c r="F4751" s="360"/>
      <c r="G4751" s="360"/>
      <c r="H4751" s="360"/>
      <c r="I4751" s="360"/>
      <c r="J4751" s="359"/>
      <c r="K4751" s="359"/>
      <c r="L4751" s="359"/>
    </row>
    <row r="4752" spans="2:12">
      <c r="B4752" s="359"/>
      <c r="C4752" s="360"/>
      <c r="D4752" s="360"/>
      <c r="E4752" s="360"/>
      <c r="F4752" s="359" t="s">
        <v>14391</v>
      </c>
      <c r="G4752" s="359" t="s">
        <v>14392</v>
      </c>
      <c r="H4752" s="359" t="s">
        <v>14370</v>
      </c>
      <c r="I4752" s="359" t="s">
        <v>14373</v>
      </c>
      <c r="J4752" s="359"/>
      <c r="K4752" s="359"/>
      <c r="L4752" s="359"/>
    </row>
    <row r="4753" spans="2:12">
      <c r="B4753" s="359"/>
      <c r="C4753" s="360"/>
      <c r="D4753" s="360"/>
      <c r="E4753" s="360"/>
      <c r="F4753" s="360"/>
      <c r="G4753" s="360"/>
      <c r="H4753" s="360"/>
      <c r="I4753" s="360"/>
      <c r="J4753" s="359"/>
      <c r="K4753" s="359"/>
      <c r="L4753" s="359"/>
    </row>
    <row r="4754" spans="2:12">
      <c r="B4754" s="359"/>
      <c r="C4754" s="360"/>
      <c r="D4754" s="360"/>
      <c r="E4754" s="360"/>
      <c r="F4754" s="359" t="s">
        <v>14371</v>
      </c>
      <c r="G4754" s="359" t="s">
        <v>14372</v>
      </c>
      <c r="H4754" s="359" t="s">
        <v>14332</v>
      </c>
      <c r="I4754" s="360"/>
      <c r="J4754" s="359"/>
      <c r="K4754" s="359"/>
      <c r="L4754" s="359"/>
    </row>
    <row r="4755" spans="2:12">
      <c r="B4755" s="359"/>
      <c r="C4755" s="360"/>
      <c r="D4755" s="360"/>
      <c r="E4755" s="360"/>
      <c r="F4755" s="360"/>
      <c r="G4755" s="360"/>
      <c r="H4755" s="360"/>
      <c r="I4755" s="360"/>
      <c r="J4755" s="359"/>
      <c r="K4755" s="359"/>
      <c r="L4755" s="359"/>
    </row>
    <row r="4756" spans="2:12" ht="28.5">
      <c r="B4756" s="361"/>
      <c r="C4756" s="362"/>
      <c r="D4756" s="362"/>
      <c r="E4756" s="362"/>
      <c r="F4756" s="361" t="s">
        <v>14374</v>
      </c>
      <c r="G4756" s="361" t="s">
        <v>14373</v>
      </c>
      <c r="H4756" s="362"/>
      <c r="I4756" s="362"/>
      <c r="J4756" s="361"/>
      <c r="K4756" s="361"/>
      <c r="L4756" s="361"/>
    </row>
    <row r="4757" spans="2:12" ht="28.5">
      <c r="B4757" s="358" t="s">
        <v>9307</v>
      </c>
      <c r="C4757" s="358" t="s">
        <v>16722</v>
      </c>
      <c r="D4757" s="358" t="s">
        <v>9308</v>
      </c>
      <c r="E4757" s="358" t="s">
        <v>5355</v>
      </c>
      <c r="F4757" s="358" t="s">
        <v>16528</v>
      </c>
      <c r="G4757" s="358" t="s">
        <v>14377</v>
      </c>
      <c r="H4757" s="358" t="s">
        <v>14381</v>
      </c>
      <c r="I4757" s="358" t="s">
        <v>28751</v>
      </c>
      <c r="J4757" s="358"/>
      <c r="K4757" s="358"/>
      <c r="L4757" s="358"/>
    </row>
    <row r="4758" spans="2:12">
      <c r="B4758" s="359"/>
      <c r="C4758" s="360"/>
      <c r="D4758" s="359"/>
      <c r="E4758" s="359"/>
      <c r="F4758" s="360"/>
      <c r="G4758" s="360"/>
      <c r="H4758" s="360"/>
      <c r="I4758" s="360"/>
      <c r="J4758" s="359"/>
      <c r="K4758" s="359"/>
      <c r="L4758" s="359"/>
    </row>
    <row r="4759" spans="2:12">
      <c r="B4759" s="359"/>
      <c r="C4759" s="359" t="s">
        <v>28773</v>
      </c>
      <c r="D4759" s="359"/>
      <c r="E4759" s="359"/>
      <c r="F4759" s="359" t="s">
        <v>14384</v>
      </c>
      <c r="G4759" s="359" t="s">
        <v>14428</v>
      </c>
      <c r="H4759" s="359" t="s">
        <v>14367</v>
      </c>
      <c r="I4759" s="359" t="s">
        <v>14392</v>
      </c>
      <c r="J4759" s="359"/>
      <c r="K4759" s="359"/>
      <c r="L4759" s="359"/>
    </row>
    <row r="4760" spans="2:12">
      <c r="B4760" s="359"/>
      <c r="C4760" s="360"/>
      <c r="D4760" s="359"/>
      <c r="E4760" s="359"/>
      <c r="F4760" s="360"/>
      <c r="G4760" s="360"/>
      <c r="H4760" s="360"/>
      <c r="I4760" s="360"/>
      <c r="J4760" s="359"/>
      <c r="K4760" s="359"/>
      <c r="L4760" s="359"/>
    </row>
    <row r="4761" spans="2:12">
      <c r="B4761" s="361"/>
      <c r="C4761" s="362"/>
      <c r="D4761" s="361"/>
      <c r="E4761" s="361"/>
      <c r="F4761" s="361" t="s">
        <v>14391</v>
      </c>
      <c r="G4761" s="361" t="s">
        <v>14392</v>
      </c>
      <c r="H4761" s="361" t="s">
        <v>14332</v>
      </c>
      <c r="I4761" s="362"/>
      <c r="J4761" s="361"/>
      <c r="K4761" s="361"/>
      <c r="L4761" s="361"/>
    </row>
    <row r="4762" spans="2:12" ht="71.25">
      <c r="B4762" s="358" t="s">
        <v>9312</v>
      </c>
      <c r="C4762" s="358" t="s">
        <v>16723</v>
      </c>
      <c r="D4762" s="358" t="s">
        <v>9313</v>
      </c>
      <c r="E4762" s="358" t="s">
        <v>9314</v>
      </c>
      <c r="F4762" s="358" t="s">
        <v>28746</v>
      </c>
      <c r="G4762" s="358" t="s">
        <v>14377</v>
      </c>
      <c r="H4762" s="358" t="s">
        <v>14381</v>
      </c>
      <c r="I4762" s="358" t="s">
        <v>14377</v>
      </c>
      <c r="J4762" s="358"/>
      <c r="K4762" s="358" t="s">
        <v>28774</v>
      </c>
      <c r="L4762" s="358"/>
    </row>
    <row r="4763" spans="2:12">
      <c r="B4763" s="359"/>
      <c r="C4763" s="360"/>
      <c r="D4763" s="360"/>
      <c r="E4763" s="360"/>
      <c r="F4763" s="360"/>
      <c r="G4763" s="360"/>
      <c r="H4763" s="360"/>
      <c r="I4763" s="360"/>
      <c r="J4763" s="359"/>
      <c r="K4763" s="360"/>
      <c r="L4763" s="359"/>
    </row>
    <row r="4764" spans="2:12" ht="42.75">
      <c r="B4764" s="359"/>
      <c r="C4764" s="359" t="s">
        <v>16724</v>
      </c>
      <c r="D4764" s="359" t="s">
        <v>9316</v>
      </c>
      <c r="E4764" s="359" t="s">
        <v>9317</v>
      </c>
      <c r="F4764" s="359" t="s">
        <v>14424</v>
      </c>
      <c r="G4764" s="359" t="s">
        <v>14427</v>
      </c>
      <c r="H4764" s="359" t="s">
        <v>14370</v>
      </c>
      <c r="I4764" s="359" t="s">
        <v>14427</v>
      </c>
      <c r="J4764" s="359"/>
      <c r="K4764" s="359" t="s">
        <v>28775</v>
      </c>
      <c r="L4764" s="359"/>
    </row>
    <row r="4765" spans="2:12">
      <c r="B4765" s="359"/>
      <c r="C4765" s="360"/>
      <c r="D4765" s="360"/>
      <c r="E4765" s="360"/>
      <c r="F4765" s="360"/>
      <c r="G4765" s="360"/>
      <c r="H4765" s="360"/>
      <c r="I4765" s="360"/>
      <c r="J4765" s="359"/>
      <c r="K4765" s="360"/>
      <c r="L4765" s="359"/>
    </row>
    <row r="4766" spans="2:12" ht="28.5">
      <c r="B4766" s="359"/>
      <c r="C4766" s="359" t="s">
        <v>16725</v>
      </c>
      <c r="D4766" s="359" t="s">
        <v>9319</v>
      </c>
      <c r="E4766" s="359" t="s">
        <v>9320</v>
      </c>
      <c r="F4766" s="359" t="s">
        <v>14384</v>
      </c>
      <c r="G4766" s="359" t="s">
        <v>28740</v>
      </c>
      <c r="H4766" s="359" t="s">
        <v>14332</v>
      </c>
      <c r="I4766" s="359" t="s">
        <v>28740</v>
      </c>
      <c r="J4766" s="359"/>
      <c r="K4766" s="359" t="s">
        <v>16660</v>
      </c>
      <c r="L4766" s="359"/>
    </row>
    <row r="4767" spans="2:12">
      <c r="B4767" s="359"/>
      <c r="C4767" s="360"/>
      <c r="D4767" s="360"/>
      <c r="E4767" s="360"/>
      <c r="F4767" s="360"/>
      <c r="G4767" s="360"/>
      <c r="H4767" s="360"/>
      <c r="I4767" s="360"/>
      <c r="J4767" s="359"/>
      <c r="K4767" s="360"/>
      <c r="L4767" s="359"/>
    </row>
    <row r="4768" spans="2:12">
      <c r="B4768" s="359"/>
      <c r="C4768" s="360"/>
      <c r="D4768" s="360"/>
      <c r="E4768" s="360"/>
      <c r="F4768" s="359" t="s">
        <v>14814</v>
      </c>
      <c r="G4768" s="359" t="s">
        <v>14815</v>
      </c>
      <c r="H4768" s="360"/>
      <c r="I4768" s="359" t="s">
        <v>14815</v>
      </c>
      <c r="J4768" s="359"/>
      <c r="K4768" s="360"/>
      <c r="L4768" s="359"/>
    </row>
    <row r="4769" spans="2:12">
      <c r="B4769" s="359"/>
      <c r="C4769" s="360"/>
      <c r="D4769" s="360"/>
      <c r="E4769" s="360"/>
      <c r="F4769" s="360"/>
      <c r="G4769" s="360"/>
      <c r="H4769" s="360"/>
      <c r="I4769" s="360"/>
      <c r="J4769" s="359"/>
      <c r="K4769" s="360"/>
      <c r="L4769" s="359"/>
    </row>
    <row r="4770" spans="2:12">
      <c r="B4770" s="359"/>
      <c r="C4770" s="360"/>
      <c r="D4770" s="360"/>
      <c r="E4770" s="360"/>
      <c r="F4770" s="359" t="s">
        <v>14391</v>
      </c>
      <c r="G4770" s="359" t="s">
        <v>14392</v>
      </c>
      <c r="H4770" s="360"/>
      <c r="I4770" s="359" t="s">
        <v>14392</v>
      </c>
      <c r="J4770" s="359"/>
      <c r="K4770" s="360"/>
      <c r="L4770" s="359"/>
    </row>
    <row r="4771" spans="2:12">
      <c r="B4771" s="359"/>
      <c r="C4771" s="360"/>
      <c r="D4771" s="360"/>
      <c r="E4771" s="360"/>
      <c r="F4771" s="360"/>
      <c r="G4771" s="360"/>
      <c r="H4771" s="360"/>
      <c r="I4771" s="360"/>
      <c r="J4771" s="359"/>
      <c r="K4771" s="360"/>
      <c r="L4771" s="359"/>
    </row>
    <row r="4772" spans="2:12">
      <c r="B4772" s="359"/>
      <c r="C4772" s="360"/>
      <c r="D4772" s="360"/>
      <c r="E4772" s="360"/>
      <c r="F4772" s="359" t="s">
        <v>14371</v>
      </c>
      <c r="G4772" s="359" t="s">
        <v>14372</v>
      </c>
      <c r="H4772" s="360"/>
      <c r="I4772" s="359" t="s">
        <v>14373</v>
      </c>
      <c r="J4772" s="359"/>
      <c r="K4772" s="360"/>
      <c r="L4772" s="359"/>
    </row>
    <row r="4773" spans="2:12">
      <c r="B4773" s="359"/>
      <c r="C4773" s="360"/>
      <c r="D4773" s="360"/>
      <c r="E4773" s="360"/>
      <c r="F4773" s="360"/>
      <c r="G4773" s="360"/>
      <c r="H4773" s="360"/>
      <c r="I4773" s="360"/>
      <c r="J4773" s="359"/>
      <c r="K4773" s="360"/>
      <c r="L4773" s="359"/>
    </row>
    <row r="4774" spans="2:12" ht="28.5">
      <c r="B4774" s="361"/>
      <c r="C4774" s="362"/>
      <c r="D4774" s="362"/>
      <c r="E4774" s="362"/>
      <c r="F4774" s="361" t="s">
        <v>14374</v>
      </c>
      <c r="G4774" s="361" t="s">
        <v>14373</v>
      </c>
      <c r="H4774" s="362"/>
      <c r="I4774" s="362"/>
      <c r="J4774" s="361"/>
      <c r="K4774" s="362"/>
      <c r="L4774" s="361"/>
    </row>
    <row r="4775" spans="2:12" ht="28.5">
      <c r="B4775" s="358" t="s">
        <v>9322</v>
      </c>
      <c r="C4775" s="358" t="s">
        <v>16726</v>
      </c>
      <c r="D4775" s="358" t="s">
        <v>9323</v>
      </c>
      <c r="E4775" s="358" t="s">
        <v>9324</v>
      </c>
      <c r="F4775" s="358" t="s">
        <v>28746</v>
      </c>
      <c r="G4775" s="358" t="s">
        <v>14377</v>
      </c>
      <c r="H4775" s="358" t="s">
        <v>14381</v>
      </c>
      <c r="I4775" s="358" t="s">
        <v>14377</v>
      </c>
      <c r="J4775" s="358"/>
      <c r="K4775" s="358" t="s">
        <v>16041</v>
      </c>
      <c r="L4775" s="358"/>
    </row>
    <row r="4776" spans="2:12">
      <c r="B4776" s="359"/>
      <c r="C4776" s="360"/>
      <c r="D4776" s="360"/>
      <c r="E4776" s="360"/>
      <c r="F4776" s="360"/>
      <c r="G4776" s="360"/>
      <c r="H4776" s="360"/>
      <c r="I4776" s="360"/>
      <c r="J4776" s="359"/>
      <c r="K4776" s="360"/>
      <c r="L4776" s="359"/>
    </row>
    <row r="4777" spans="2:12" ht="57">
      <c r="B4777" s="359"/>
      <c r="C4777" s="359" t="s">
        <v>16727</v>
      </c>
      <c r="D4777" s="359" t="s">
        <v>9326</v>
      </c>
      <c r="E4777" s="359" t="s">
        <v>9327</v>
      </c>
      <c r="F4777" s="359" t="s">
        <v>14424</v>
      </c>
      <c r="G4777" s="359" t="s">
        <v>14427</v>
      </c>
      <c r="H4777" s="359" t="s">
        <v>14370</v>
      </c>
      <c r="I4777" s="359" t="s">
        <v>14427</v>
      </c>
      <c r="J4777" s="359"/>
      <c r="K4777" s="359" t="s">
        <v>28780</v>
      </c>
      <c r="L4777" s="359"/>
    </row>
    <row r="4778" spans="2:12">
      <c r="B4778" s="359"/>
      <c r="C4778" s="360"/>
      <c r="D4778" s="360"/>
      <c r="E4778" s="360"/>
      <c r="F4778" s="360"/>
      <c r="G4778" s="360"/>
      <c r="H4778" s="360"/>
      <c r="I4778" s="360"/>
      <c r="J4778" s="359"/>
      <c r="K4778" s="360"/>
      <c r="L4778" s="359"/>
    </row>
    <row r="4779" spans="2:12" ht="28.5">
      <c r="B4779" s="359"/>
      <c r="C4779" s="359" t="s">
        <v>16728</v>
      </c>
      <c r="D4779" s="359" t="s">
        <v>9329</v>
      </c>
      <c r="E4779" s="359" t="s">
        <v>9330</v>
      </c>
      <c r="F4779" s="359" t="s">
        <v>14384</v>
      </c>
      <c r="G4779" s="359" t="s">
        <v>28740</v>
      </c>
      <c r="H4779" s="359" t="s">
        <v>14332</v>
      </c>
      <c r="I4779" s="359" t="s">
        <v>28740</v>
      </c>
      <c r="J4779" s="359"/>
      <c r="K4779" s="359" t="s">
        <v>28744</v>
      </c>
      <c r="L4779" s="359"/>
    </row>
    <row r="4780" spans="2:12">
      <c r="B4780" s="359"/>
      <c r="C4780" s="360"/>
      <c r="D4780" s="360"/>
      <c r="E4780" s="360"/>
      <c r="F4780" s="360"/>
      <c r="G4780" s="360"/>
      <c r="H4780" s="360"/>
      <c r="I4780" s="360"/>
      <c r="J4780" s="359"/>
      <c r="K4780" s="360"/>
      <c r="L4780" s="359"/>
    </row>
    <row r="4781" spans="2:12" ht="28.5">
      <c r="B4781" s="359"/>
      <c r="C4781" s="359" t="s">
        <v>16729</v>
      </c>
      <c r="D4781" s="359" t="s">
        <v>9332</v>
      </c>
      <c r="E4781" s="359" t="s">
        <v>9333</v>
      </c>
      <c r="F4781" s="359" t="s">
        <v>14814</v>
      </c>
      <c r="G4781" s="359" t="s">
        <v>14815</v>
      </c>
      <c r="H4781" s="360"/>
      <c r="I4781" s="359" t="s">
        <v>14815</v>
      </c>
      <c r="J4781" s="359"/>
      <c r="K4781" s="359" t="s">
        <v>28781</v>
      </c>
      <c r="L4781" s="359"/>
    </row>
    <row r="4782" spans="2:12">
      <c r="B4782" s="359"/>
      <c r="C4782" s="360"/>
      <c r="D4782" s="360"/>
      <c r="E4782" s="360"/>
      <c r="F4782" s="360"/>
      <c r="G4782" s="360"/>
      <c r="H4782" s="360"/>
      <c r="I4782" s="360"/>
      <c r="J4782" s="359"/>
      <c r="K4782" s="360"/>
      <c r="L4782" s="359"/>
    </row>
    <row r="4783" spans="2:12" ht="28.5">
      <c r="B4783" s="359"/>
      <c r="C4783" s="359" t="s">
        <v>16730</v>
      </c>
      <c r="D4783" s="359" t="s">
        <v>9335</v>
      </c>
      <c r="E4783" s="359" t="s">
        <v>9336</v>
      </c>
      <c r="F4783" s="359" t="s">
        <v>14391</v>
      </c>
      <c r="G4783" s="359" t="s">
        <v>14392</v>
      </c>
      <c r="H4783" s="360"/>
      <c r="I4783" s="359" t="s">
        <v>14392</v>
      </c>
      <c r="J4783" s="359"/>
      <c r="K4783" s="360"/>
      <c r="L4783" s="359"/>
    </row>
    <row r="4784" spans="2:12">
      <c r="B4784" s="359"/>
      <c r="C4784" s="360"/>
      <c r="D4784" s="360"/>
      <c r="E4784" s="360"/>
      <c r="F4784" s="360"/>
      <c r="G4784" s="360"/>
      <c r="H4784" s="360"/>
      <c r="I4784" s="360"/>
      <c r="J4784" s="359"/>
      <c r="K4784" s="360"/>
      <c r="L4784" s="359"/>
    </row>
    <row r="4785" spans="2:12" ht="28.5">
      <c r="B4785" s="359"/>
      <c r="C4785" s="359" t="s">
        <v>16731</v>
      </c>
      <c r="D4785" s="359" t="s">
        <v>9338</v>
      </c>
      <c r="E4785" s="359" t="s">
        <v>9339</v>
      </c>
      <c r="F4785" s="359" t="s">
        <v>14371</v>
      </c>
      <c r="G4785" s="359" t="s">
        <v>14372</v>
      </c>
      <c r="H4785" s="360"/>
      <c r="I4785" s="359" t="s">
        <v>14373</v>
      </c>
      <c r="J4785" s="359"/>
      <c r="K4785" s="360"/>
      <c r="L4785" s="359"/>
    </row>
    <row r="4786" spans="2:12">
      <c r="B4786" s="359"/>
      <c r="C4786" s="360"/>
      <c r="D4786" s="360"/>
      <c r="E4786" s="360"/>
      <c r="F4786" s="360"/>
      <c r="G4786" s="360"/>
      <c r="H4786" s="360"/>
      <c r="I4786" s="360"/>
      <c r="J4786" s="359"/>
      <c r="K4786" s="360"/>
      <c r="L4786" s="359"/>
    </row>
    <row r="4787" spans="2:12" ht="28.5">
      <c r="B4787" s="359"/>
      <c r="C4787" s="359" t="s">
        <v>16732</v>
      </c>
      <c r="D4787" s="359" t="s">
        <v>9341</v>
      </c>
      <c r="E4787" s="359" t="s">
        <v>9342</v>
      </c>
      <c r="F4787" s="359" t="s">
        <v>14374</v>
      </c>
      <c r="G4787" s="359" t="s">
        <v>14373</v>
      </c>
      <c r="H4787" s="360"/>
      <c r="I4787" s="360"/>
      <c r="J4787" s="359"/>
      <c r="K4787" s="360"/>
      <c r="L4787" s="359"/>
    </row>
    <row r="4788" spans="2:12">
      <c r="B4788" s="359"/>
      <c r="C4788" s="360"/>
      <c r="D4788" s="360"/>
      <c r="E4788" s="360"/>
      <c r="F4788" s="360"/>
      <c r="G4788" s="360"/>
      <c r="H4788" s="360"/>
      <c r="I4788" s="360"/>
      <c r="J4788" s="359"/>
      <c r="K4788" s="360"/>
      <c r="L4788" s="359"/>
    </row>
    <row r="4789" spans="2:12" ht="28.5">
      <c r="B4789" s="359"/>
      <c r="C4789" s="359" t="s">
        <v>16733</v>
      </c>
      <c r="D4789" s="359" t="s">
        <v>9344</v>
      </c>
      <c r="E4789" s="359" t="s">
        <v>9345</v>
      </c>
      <c r="F4789" s="360"/>
      <c r="G4789" s="360"/>
      <c r="H4789" s="360"/>
      <c r="I4789" s="360"/>
      <c r="J4789" s="359"/>
      <c r="K4789" s="360"/>
      <c r="L4789" s="359"/>
    </row>
    <row r="4790" spans="2:12">
      <c r="B4790" s="359"/>
      <c r="C4790" s="360"/>
      <c r="D4790" s="360"/>
      <c r="E4790" s="360"/>
      <c r="F4790" s="360"/>
      <c r="G4790" s="360"/>
      <c r="H4790" s="360"/>
      <c r="I4790" s="360"/>
      <c r="J4790" s="359"/>
      <c r="K4790" s="360"/>
      <c r="L4790" s="359"/>
    </row>
    <row r="4791" spans="2:12" ht="28.5">
      <c r="B4791" s="359"/>
      <c r="C4791" s="359" t="s">
        <v>28776</v>
      </c>
      <c r="D4791" s="359" t="s">
        <v>9347</v>
      </c>
      <c r="E4791" s="359" t="s">
        <v>9348</v>
      </c>
      <c r="F4791" s="360"/>
      <c r="G4791" s="360"/>
      <c r="H4791" s="360"/>
      <c r="I4791" s="360"/>
      <c r="J4791" s="359"/>
      <c r="K4791" s="360"/>
      <c r="L4791" s="359"/>
    </row>
    <row r="4792" spans="2:12">
      <c r="B4792" s="359"/>
      <c r="C4792" s="360"/>
      <c r="D4792" s="360"/>
      <c r="E4792" s="360"/>
      <c r="F4792" s="360"/>
      <c r="G4792" s="360"/>
      <c r="H4792" s="360"/>
      <c r="I4792" s="360"/>
      <c r="J4792" s="359"/>
      <c r="K4792" s="360"/>
      <c r="L4792" s="359"/>
    </row>
    <row r="4793" spans="2:12" ht="28.5">
      <c r="B4793" s="359"/>
      <c r="C4793" s="359" t="s">
        <v>16734</v>
      </c>
      <c r="D4793" s="359" t="s">
        <v>9350</v>
      </c>
      <c r="E4793" s="359" t="s">
        <v>9351</v>
      </c>
      <c r="F4793" s="360"/>
      <c r="G4793" s="360"/>
      <c r="H4793" s="360"/>
      <c r="I4793" s="360"/>
      <c r="J4793" s="359"/>
      <c r="K4793" s="360"/>
      <c r="L4793" s="359"/>
    </row>
    <row r="4794" spans="2:12">
      <c r="B4794" s="359"/>
      <c r="C4794" s="360"/>
      <c r="D4794" s="360"/>
      <c r="E4794" s="360"/>
      <c r="F4794" s="360"/>
      <c r="G4794" s="360"/>
      <c r="H4794" s="360"/>
      <c r="I4794" s="360"/>
      <c r="J4794" s="359"/>
      <c r="K4794" s="360"/>
      <c r="L4794" s="359"/>
    </row>
    <row r="4795" spans="2:12" ht="28.5">
      <c r="B4795" s="359"/>
      <c r="C4795" s="359" t="s">
        <v>16735</v>
      </c>
      <c r="D4795" s="359" t="s">
        <v>9353</v>
      </c>
      <c r="E4795" s="359" t="s">
        <v>9354</v>
      </c>
      <c r="F4795" s="360"/>
      <c r="G4795" s="360"/>
      <c r="H4795" s="360"/>
      <c r="I4795" s="360"/>
      <c r="J4795" s="359"/>
      <c r="K4795" s="360"/>
      <c r="L4795" s="359"/>
    </row>
    <row r="4796" spans="2:12">
      <c r="B4796" s="359"/>
      <c r="C4796" s="360"/>
      <c r="D4796" s="360"/>
      <c r="E4796" s="360"/>
      <c r="F4796" s="360"/>
      <c r="G4796" s="360"/>
      <c r="H4796" s="360"/>
      <c r="I4796" s="360"/>
      <c r="J4796" s="359"/>
      <c r="K4796" s="360"/>
      <c r="L4796" s="359"/>
    </row>
    <row r="4797" spans="2:12" ht="28.5">
      <c r="B4797" s="359"/>
      <c r="C4797" s="359" t="s">
        <v>16736</v>
      </c>
      <c r="D4797" s="359" t="s">
        <v>9356</v>
      </c>
      <c r="E4797" s="359" t="s">
        <v>9357</v>
      </c>
      <c r="F4797" s="360"/>
      <c r="G4797" s="360"/>
      <c r="H4797" s="360"/>
      <c r="I4797" s="360"/>
      <c r="J4797" s="359"/>
      <c r="K4797" s="360"/>
      <c r="L4797" s="359"/>
    </row>
    <row r="4798" spans="2:12">
      <c r="B4798" s="359"/>
      <c r="C4798" s="360"/>
      <c r="D4798" s="360"/>
      <c r="E4798" s="360"/>
      <c r="F4798" s="360"/>
      <c r="G4798" s="360"/>
      <c r="H4798" s="360"/>
      <c r="I4798" s="360"/>
      <c r="J4798" s="359"/>
      <c r="K4798" s="360"/>
      <c r="L4798" s="359"/>
    </row>
    <row r="4799" spans="2:12" ht="28.5">
      <c r="B4799" s="359"/>
      <c r="C4799" s="359" t="s">
        <v>16737</v>
      </c>
      <c r="D4799" s="359" t="s">
        <v>9359</v>
      </c>
      <c r="E4799" s="359" t="s">
        <v>9360</v>
      </c>
      <c r="F4799" s="360"/>
      <c r="G4799" s="360"/>
      <c r="H4799" s="360"/>
      <c r="I4799" s="360"/>
      <c r="J4799" s="359"/>
      <c r="K4799" s="360"/>
      <c r="L4799" s="359"/>
    </row>
    <row r="4800" spans="2:12">
      <c r="B4800" s="359"/>
      <c r="C4800" s="360"/>
      <c r="D4800" s="360"/>
      <c r="E4800" s="360"/>
      <c r="F4800" s="360"/>
      <c r="G4800" s="360"/>
      <c r="H4800" s="360"/>
      <c r="I4800" s="360"/>
      <c r="J4800" s="359"/>
      <c r="K4800" s="360"/>
      <c r="L4800" s="359"/>
    </row>
    <row r="4801" spans="2:12" ht="28.5">
      <c r="B4801" s="359"/>
      <c r="C4801" s="359" t="s">
        <v>16738</v>
      </c>
      <c r="D4801" s="359" t="s">
        <v>9362</v>
      </c>
      <c r="E4801" s="359" t="s">
        <v>9363</v>
      </c>
      <c r="F4801" s="360"/>
      <c r="G4801" s="360"/>
      <c r="H4801" s="360"/>
      <c r="I4801" s="360"/>
      <c r="J4801" s="359"/>
      <c r="K4801" s="360"/>
      <c r="L4801" s="359"/>
    </row>
    <row r="4802" spans="2:12">
      <c r="B4802" s="359"/>
      <c r="C4802" s="360"/>
      <c r="D4802" s="360"/>
      <c r="E4802" s="360"/>
      <c r="F4802" s="360"/>
      <c r="G4802" s="360"/>
      <c r="H4802" s="360"/>
      <c r="I4802" s="360"/>
      <c r="J4802" s="359"/>
      <c r="K4802" s="360"/>
      <c r="L4802" s="359"/>
    </row>
    <row r="4803" spans="2:12" ht="28.5">
      <c r="B4803" s="359"/>
      <c r="C4803" s="359" t="s">
        <v>28777</v>
      </c>
      <c r="D4803" s="359" t="s">
        <v>9365</v>
      </c>
      <c r="E4803" s="359" t="s">
        <v>9366</v>
      </c>
      <c r="F4803" s="360"/>
      <c r="G4803" s="360"/>
      <c r="H4803" s="360"/>
      <c r="I4803" s="360"/>
      <c r="J4803" s="359"/>
      <c r="K4803" s="360"/>
      <c r="L4803" s="359"/>
    </row>
    <row r="4804" spans="2:12">
      <c r="B4804" s="359"/>
      <c r="C4804" s="360"/>
      <c r="D4804" s="360"/>
      <c r="E4804" s="360"/>
      <c r="F4804" s="360"/>
      <c r="G4804" s="360"/>
      <c r="H4804" s="360"/>
      <c r="I4804" s="360"/>
      <c r="J4804" s="359"/>
      <c r="K4804" s="360"/>
      <c r="L4804" s="359"/>
    </row>
    <row r="4805" spans="2:12" ht="28.5">
      <c r="B4805" s="359"/>
      <c r="C4805" s="359" t="s">
        <v>16739</v>
      </c>
      <c r="D4805" s="359" t="s">
        <v>9368</v>
      </c>
      <c r="E4805" s="359" t="s">
        <v>9369</v>
      </c>
      <c r="F4805" s="360"/>
      <c r="G4805" s="360"/>
      <c r="H4805" s="360"/>
      <c r="I4805" s="360"/>
      <c r="J4805" s="359"/>
      <c r="K4805" s="360"/>
      <c r="L4805" s="359"/>
    </row>
    <row r="4806" spans="2:12">
      <c r="B4806" s="359"/>
      <c r="C4806" s="360"/>
      <c r="D4806" s="360"/>
      <c r="E4806" s="360"/>
      <c r="F4806" s="360"/>
      <c r="G4806" s="360"/>
      <c r="H4806" s="360"/>
      <c r="I4806" s="360"/>
      <c r="J4806" s="359"/>
      <c r="K4806" s="360"/>
      <c r="L4806" s="359"/>
    </row>
    <row r="4807" spans="2:12" ht="28.5">
      <c r="B4807" s="359"/>
      <c r="C4807" s="359" t="s">
        <v>27506</v>
      </c>
      <c r="D4807" s="359" t="s">
        <v>9371</v>
      </c>
      <c r="E4807" s="359" t="s">
        <v>9372</v>
      </c>
      <c r="F4807" s="360"/>
      <c r="G4807" s="360"/>
      <c r="H4807" s="360"/>
      <c r="I4807" s="360"/>
      <c r="J4807" s="359"/>
      <c r="K4807" s="360"/>
      <c r="L4807" s="359"/>
    </row>
    <row r="4808" spans="2:12">
      <c r="B4808" s="359"/>
      <c r="C4808" s="360"/>
      <c r="D4808" s="360"/>
      <c r="E4808" s="360"/>
      <c r="F4808" s="360"/>
      <c r="G4808" s="360"/>
      <c r="H4808" s="360"/>
      <c r="I4808" s="360"/>
      <c r="J4808" s="359"/>
      <c r="K4808" s="360"/>
      <c r="L4808" s="359"/>
    </row>
    <row r="4809" spans="2:12" ht="28.5">
      <c r="B4809" s="359"/>
      <c r="C4809" s="359" t="s">
        <v>27507</v>
      </c>
      <c r="D4809" s="359" t="s">
        <v>9373</v>
      </c>
      <c r="E4809" s="359" t="s">
        <v>9374</v>
      </c>
      <c r="F4809" s="360"/>
      <c r="G4809" s="360"/>
      <c r="H4809" s="360"/>
      <c r="I4809" s="360"/>
      <c r="J4809" s="359"/>
      <c r="K4809" s="360"/>
      <c r="L4809" s="359"/>
    </row>
    <row r="4810" spans="2:12">
      <c r="B4810" s="359"/>
      <c r="C4810" s="360"/>
      <c r="D4810" s="360"/>
      <c r="E4810" s="360"/>
      <c r="F4810" s="360"/>
      <c r="G4810" s="360"/>
      <c r="H4810" s="360"/>
      <c r="I4810" s="360"/>
      <c r="J4810" s="359"/>
      <c r="K4810" s="360"/>
      <c r="L4810" s="359"/>
    </row>
    <row r="4811" spans="2:12" ht="28.5">
      <c r="B4811" s="359"/>
      <c r="C4811" s="359" t="s">
        <v>16740</v>
      </c>
      <c r="D4811" s="359" t="s">
        <v>9376</v>
      </c>
      <c r="E4811" s="359" t="s">
        <v>9377</v>
      </c>
      <c r="F4811" s="360"/>
      <c r="G4811" s="360"/>
      <c r="H4811" s="360"/>
      <c r="I4811" s="360"/>
      <c r="J4811" s="359"/>
      <c r="K4811" s="360"/>
      <c r="L4811" s="359"/>
    </row>
    <row r="4812" spans="2:12">
      <c r="B4812" s="359"/>
      <c r="C4812" s="360"/>
      <c r="D4812" s="360"/>
      <c r="E4812" s="360"/>
      <c r="F4812" s="360"/>
      <c r="G4812" s="360"/>
      <c r="H4812" s="360"/>
      <c r="I4812" s="360"/>
      <c r="J4812" s="359"/>
      <c r="K4812" s="360"/>
      <c r="L4812" s="359"/>
    </row>
    <row r="4813" spans="2:12" ht="28.5">
      <c r="B4813" s="359"/>
      <c r="C4813" s="359" t="s">
        <v>9381</v>
      </c>
      <c r="D4813" s="359" t="s">
        <v>9405</v>
      </c>
      <c r="E4813" s="359" t="s">
        <v>9380</v>
      </c>
      <c r="F4813" s="360"/>
      <c r="G4813" s="360"/>
      <c r="H4813" s="360"/>
      <c r="I4813" s="360"/>
      <c r="J4813" s="359"/>
      <c r="K4813" s="360"/>
      <c r="L4813" s="359"/>
    </row>
    <row r="4814" spans="2:12">
      <c r="B4814" s="359"/>
      <c r="C4814" s="360"/>
      <c r="D4814" s="360"/>
      <c r="E4814" s="360"/>
      <c r="F4814" s="360"/>
      <c r="G4814" s="360"/>
      <c r="H4814" s="360"/>
      <c r="I4814" s="360"/>
      <c r="J4814" s="359"/>
      <c r="K4814" s="360"/>
      <c r="L4814" s="359"/>
    </row>
    <row r="4815" spans="2:12" ht="28.5">
      <c r="B4815" s="359"/>
      <c r="C4815" s="359" t="s">
        <v>9384</v>
      </c>
      <c r="D4815" s="359" t="s">
        <v>9407</v>
      </c>
      <c r="E4815" s="359" t="s">
        <v>9383</v>
      </c>
      <c r="F4815" s="360"/>
      <c r="G4815" s="360"/>
      <c r="H4815" s="360"/>
      <c r="I4815" s="360"/>
      <c r="J4815" s="359"/>
      <c r="K4815" s="360"/>
      <c r="L4815" s="359"/>
    </row>
    <row r="4816" spans="2:12">
      <c r="B4816" s="359"/>
      <c r="C4816" s="360"/>
      <c r="D4816" s="360"/>
      <c r="E4816" s="360"/>
      <c r="F4816" s="360"/>
      <c r="G4816" s="360"/>
      <c r="H4816" s="360"/>
      <c r="I4816" s="360"/>
      <c r="J4816" s="359"/>
      <c r="K4816" s="360"/>
      <c r="L4816" s="359"/>
    </row>
    <row r="4817" spans="2:12" ht="28.5">
      <c r="B4817" s="359"/>
      <c r="C4817" s="359" t="s">
        <v>9387</v>
      </c>
      <c r="D4817" s="359" t="s">
        <v>28778</v>
      </c>
      <c r="E4817" s="359" t="s">
        <v>9386</v>
      </c>
      <c r="F4817" s="360"/>
      <c r="G4817" s="360"/>
      <c r="H4817" s="360"/>
      <c r="I4817" s="360"/>
      <c r="J4817" s="359"/>
      <c r="K4817" s="360"/>
      <c r="L4817" s="359"/>
    </row>
    <row r="4818" spans="2:12">
      <c r="B4818" s="359"/>
      <c r="C4818" s="360"/>
      <c r="D4818" s="360"/>
      <c r="E4818" s="360"/>
      <c r="F4818" s="360"/>
      <c r="G4818" s="360"/>
      <c r="H4818" s="360"/>
      <c r="I4818" s="360"/>
      <c r="J4818" s="359"/>
      <c r="K4818" s="360"/>
      <c r="L4818" s="359"/>
    </row>
    <row r="4819" spans="2:12" ht="28.5">
      <c r="B4819" s="359"/>
      <c r="C4819" s="359" t="s">
        <v>13032</v>
      </c>
      <c r="D4819" s="359" t="s">
        <v>9379</v>
      </c>
      <c r="E4819" s="359" t="s">
        <v>9389</v>
      </c>
      <c r="F4819" s="360"/>
      <c r="G4819" s="360"/>
      <c r="H4819" s="360"/>
      <c r="I4819" s="360"/>
      <c r="J4819" s="359"/>
      <c r="K4819" s="360"/>
      <c r="L4819" s="359"/>
    </row>
    <row r="4820" spans="2:12">
      <c r="B4820" s="359"/>
      <c r="C4820" s="360"/>
      <c r="D4820" s="360"/>
      <c r="E4820" s="360"/>
      <c r="F4820" s="360"/>
      <c r="G4820" s="360"/>
      <c r="H4820" s="360"/>
      <c r="I4820" s="360"/>
      <c r="J4820" s="359"/>
      <c r="K4820" s="360"/>
      <c r="L4820" s="359"/>
    </row>
    <row r="4821" spans="2:12" ht="28.5">
      <c r="B4821" s="359"/>
      <c r="C4821" s="359" t="s">
        <v>30101</v>
      </c>
      <c r="D4821" s="359" t="s">
        <v>9382</v>
      </c>
      <c r="E4821" s="359" t="s">
        <v>9392</v>
      </c>
      <c r="F4821" s="360"/>
      <c r="G4821" s="360"/>
      <c r="H4821" s="360"/>
      <c r="I4821" s="360"/>
      <c r="J4821" s="359"/>
      <c r="K4821" s="360"/>
      <c r="L4821" s="359"/>
    </row>
    <row r="4822" spans="2:12">
      <c r="B4822" s="359"/>
      <c r="C4822" s="360"/>
      <c r="D4822" s="360"/>
      <c r="E4822" s="360"/>
      <c r="F4822" s="360"/>
      <c r="G4822" s="360"/>
      <c r="H4822" s="360"/>
      <c r="I4822" s="360"/>
      <c r="J4822" s="359"/>
      <c r="K4822" s="360"/>
      <c r="L4822" s="359"/>
    </row>
    <row r="4823" spans="2:12">
      <c r="B4823" s="359"/>
      <c r="C4823" s="359" t="s">
        <v>9396</v>
      </c>
      <c r="D4823" s="359" t="s">
        <v>9385</v>
      </c>
      <c r="E4823" s="359" t="s">
        <v>5178</v>
      </c>
      <c r="F4823" s="360"/>
      <c r="G4823" s="360"/>
      <c r="H4823" s="360"/>
      <c r="I4823" s="360"/>
      <c r="J4823" s="359"/>
      <c r="K4823" s="360"/>
      <c r="L4823" s="359"/>
    </row>
    <row r="4824" spans="2:12">
      <c r="B4824" s="359"/>
      <c r="C4824" s="360"/>
      <c r="D4824" s="360"/>
      <c r="E4824" s="360"/>
      <c r="F4824" s="360"/>
      <c r="G4824" s="360"/>
      <c r="H4824" s="360"/>
      <c r="I4824" s="360"/>
      <c r="J4824" s="359"/>
      <c r="K4824" s="360"/>
      <c r="L4824" s="359"/>
    </row>
    <row r="4825" spans="2:12">
      <c r="B4825" s="359"/>
      <c r="C4825" s="359" t="s">
        <v>9399</v>
      </c>
      <c r="D4825" s="359" t="s">
        <v>9388</v>
      </c>
      <c r="E4825" s="359" t="s">
        <v>28779</v>
      </c>
      <c r="F4825" s="360"/>
      <c r="G4825" s="360"/>
      <c r="H4825" s="360"/>
      <c r="I4825" s="360"/>
      <c r="J4825" s="359"/>
      <c r="K4825" s="360"/>
      <c r="L4825" s="359"/>
    </row>
    <row r="4826" spans="2:12">
      <c r="B4826" s="359"/>
      <c r="C4826" s="360"/>
      <c r="D4826" s="360"/>
      <c r="E4826" s="360"/>
      <c r="F4826" s="360"/>
      <c r="G4826" s="360"/>
      <c r="H4826" s="360"/>
      <c r="I4826" s="360"/>
      <c r="J4826" s="359"/>
      <c r="K4826" s="360"/>
      <c r="L4826" s="359"/>
    </row>
    <row r="4827" spans="2:12" ht="28.5">
      <c r="B4827" s="359"/>
      <c r="C4827" s="359" t="s">
        <v>9402</v>
      </c>
      <c r="D4827" s="359" t="s">
        <v>9391</v>
      </c>
      <c r="E4827" s="359" t="s">
        <v>9398</v>
      </c>
      <c r="F4827" s="360"/>
      <c r="G4827" s="360"/>
      <c r="H4827" s="360"/>
      <c r="I4827" s="360"/>
      <c r="J4827" s="359"/>
      <c r="K4827" s="360"/>
      <c r="L4827" s="359"/>
    </row>
    <row r="4828" spans="2:12">
      <c r="B4828" s="359"/>
      <c r="C4828" s="360"/>
      <c r="D4828" s="360"/>
      <c r="E4828" s="360"/>
      <c r="F4828" s="360"/>
      <c r="G4828" s="360"/>
      <c r="H4828" s="360"/>
      <c r="I4828" s="360"/>
      <c r="J4828" s="359"/>
      <c r="K4828" s="360"/>
      <c r="L4828" s="359"/>
    </row>
    <row r="4829" spans="2:12" ht="28.5">
      <c r="B4829" s="359"/>
      <c r="C4829" s="359" t="s">
        <v>27508</v>
      </c>
      <c r="D4829" s="359" t="s">
        <v>9394</v>
      </c>
      <c r="E4829" s="359" t="s">
        <v>9401</v>
      </c>
      <c r="F4829" s="360"/>
      <c r="G4829" s="360"/>
      <c r="H4829" s="360"/>
      <c r="I4829" s="360"/>
      <c r="J4829" s="359"/>
      <c r="K4829" s="360"/>
      <c r="L4829" s="359"/>
    </row>
    <row r="4830" spans="2:12">
      <c r="B4830" s="359"/>
      <c r="C4830" s="360"/>
      <c r="D4830" s="360"/>
      <c r="E4830" s="360"/>
      <c r="F4830" s="360"/>
      <c r="G4830" s="360"/>
      <c r="H4830" s="360"/>
      <c r="I4830" s="360"/>
      <c r="J4830" s="359"/>
      <c r="K4830" s="360"/>
      <c r="L4830" s="359"/>
    </row>
    <row r="4831" spans="2:12" ht="28.5">
      <c r="B4831" s="359"/>
      <c r="C4831" s="359" t="s">
        <v>30102</v>
      </c>
      <c r="D4831" s="359" t="s">
        <v>9397</v>
      </c>
      <c r="E4831" s="359" t="s">
        <v>9404</v>
      </c>
      <c r="F4831" s="360"/>
      <c r="G4831" s="360"/>
      <c r="H4831" s="360"/>
      <c r="I4831" s="360"/>
      <c r="J4831" s="359"/>
      <c r="K4831" s="360"/>
      <c r="L4831" s="359"/>
    </row>
    <row r="4832" spans="2:12">
      <c r="B4832" s="359"/>
      <c r="C4832" s="360"/>
      <c r="D4832" s="360"/>
      <c r="E4832" s="360"/>
      <c r="F4832" s="360"/>
      <c r="G4832" s="360"/>
      <c r="H4832" s="360"/>
      <c r="I4832" s="360"/>
      <c r="J4832" s="359"/>
      <c r="K4832" s="360"/>
      <c r="L4832" s="359"/>
    </row>
    <row r="4833" spans="2:12" ht="28.5">
      <c r="B4833" s="359"/>
      <c r="C4833" s="359" t="s">
        <v>16741</v>
      </c>
      <c r="D4833" s="359" t="s">
        <v>9400</v>
      </c>
      <c r="E4833" s="359" t="s">
        <v>9406</v>
      </c>
      <c r="F4833" s="360"/>
      <c r="G4833" s="360"/>
      <c r="H4833" s="360"/>
      <c r="I4833" s="360"/>
      <c r="J4833" s="359"/>
      <c r="K4833" s="360"/>
      <c r="L4833" s="359"/>
    </row>
    <row r="4834" spans="2:12">
      <c r="B4834" s="359"/>
      <c r="C4834" s="360"/>
      <c r="D4834" s="360"/>
      <c r="E4834" s="360"/>
      <c r="F4834" s="360"/>
      <c r="G4834" s="360"/>
      <c r="H4834" s="360"/>
      <c r="I4834" s="360"/>
      <c r="J4834" s="359"/>
      <c r="K4834" s="360"/>
      <c r="L4834" s="359"/>
    </row>
    <row r="4835" spans="2:12" ht="28.5">
      <c r="B4835" s="359"/>
      <c r="C4835" s="360"/>
      <c r="D4835" s="359" t="s">
        <v>9403</v>
      </c>
      <c r="E4835" s="359" t="s">
        <v>9408</v>
      </c>
      <c r="F4835" s="360"/>
      <c r="G4835" s="360"/>
      <c r="H4835" s="360"/>
      <c r="I4835" s="360"/>
      <c r="J4835" s="359"/>
      <c r="K4835" s="360"/>
      <c r="L4835" s="359"/>
    </row>
    <row r="4836" spans="2:12">
      <c r="B4836" s="359"/>
      <c r="C4836" s="360"/>
      <c r="D4836" s="360"/>
      <c r="E4836" s="360"/>
      <c r="F4836" s="360"/>
      <c r="G4836" s="360"/>
      <c r="H4836" s="360"/>
      <c r="I4836" s="360"/>
      <c r="J4836" s="359"/>
      <c r="K4836" s="360"/>
      <c r="L4836" s="359"/>
    </row>
    <row r="4837" spans="2:12" ht="28.5">
      <c r="B4837" s="361"/>
      <c r="C4837" s="362"/>
      <c r="D4837" s="362"/>
      <c r="E4837" s="361" t="s">
        <v>9411</v>
      </c>
      <c r="F4837" s="362"/>
      <c r="G4837" s="362"/>
      <c r="H4837" s="362"/>
      <c r="I4837" s="362"/>
      <c r="J4837" s="361"/>
      <c r="K4837" s="362"/>
      <c r="L4837" s="361"/>
    </row>
    <row r="4838" spans="2:12" ht="28.5">
      <c r="B4838" s="358" t="s">
        <v>9413</v>
      </c>
      <c r="C4838" s="358" t="s">
        <v>16742</v>
      </c>
      <c r="D4838" s="358" t="s">
        <v>9414</v>
      </c>
      <c r="E4838" s="358" t="s">
        <v>9415</v>
      </c>
      <c r="F4838" s="358" t="s">
        <v>16528</v>
      </c>
      <c r="G4838" s="358" t="s">
        <v>14377</v>
      </c>
      <c r="H4838" s="358" t="s">
        <v>14381</v>
      </c>
      <c r="I4838" s="358" t="s">
        <v>28751</v>
      </c>
      <c r="J4838" s="358"/>
      <c r="K4838" s="358"/>
      <c r="L4838" s="358"/>
    </row>
    <row r="4839" spans="2:12">
      <c r="B4839" s="359"/>
      <c r="C4839" s="360"/>
      <c r="D4839" s="360"/>
      <c r="E4839" s="360"/>
      <c r="F4839" s="360"/>
      <c r="G4839" s="360"/>
      <c r="H4839" s="360"/>
      <c r="I4839" s="360"/>
      <c r="J4839" s="359"/>
      <c r="K4839" s="359"/>
      <c r="L4839" s="359"/>
    </row>
    <row r="4840" spans="2:12" ht="28.5">
      <c r="B4840" s="359"/>
      <c r="C4840" s="359" t="s">
        <v>16743</v>
      </c>
      <c r="D4840" s="359" t="s">
        <v>9417</v>
      </c>
      <c r="E4840" s="359" t="s">
        <v>9418</v>
      </c>
      <c r="F4840" s="359" t="s">
        <v>14384</v>
      </c>
      <c r="G4840" s="359" t="s">
        <v>14428</v>
      </c>
      <c r="H4840" s="359" t="s">
        <v>14370</v>
      </c>
      <c r="I4840" s="359" t="s">
        <v>14815</v>
      </c>
      <c r="J4840" s="359"/>
      <c r="K4840" s="359"/>
      <c r="L4840" s="359"/>
    </row>
    <row r="4841" spans="2:12">
      <c r="B4841" s="359"/>
      <c r="C4841" s="360"/>
      <c r="D4841" s="360"/>
      <c r="E4841" s="360"/>
      <c r="F4841" s="360"/>
      <c r="G4841" s="360"/>
      <c r="H4841" s="360"/>
      <c r="I4841" s="360"/>
      <c r="J4841" s="359"/>
      <c r="K4841" s="359"/>
      <c r="L4841" s="359"/>
    </row>
    <row r="4842" spans="2:12" ht="28.5">
      <c r="B4842" s="359"/>
      <c r="C4842" s="359" t="s">
        <v>28782</v>
      </c>
      <c r="D4842" s="359" t="s">
        <v>9420</v>
      </c>
      <c r="E4842" s="359" t="s">
        <v>9421</v>
      </c>
      <c r="F4842" s="359" t="s">
        <v>14814</v>
      </c>
      <c r="G4842" s="359" t="s">
        <v>14815</v>
      </c>
      <c r="H4842" s="359" t="s">
        <v>14332</v>
      </c>
      <c r="I4842" s="359" t="s">
        <v>14392</v>
      </c>
      <c r="J4842" s="359"/>
      <c r="K4842" s="359"/>
      <c r="L4842" s="359"/>
    </row>
    <row r="4843" spans="2:12">
      <c r="B4843" s="359"/>
      <c r="C4843" s="360"/>
      <c r="D4843" s="360"/>
      <c r="E4843" s="360"/>
      <c r="F4843" s="360"/>
      <c r="G4843" s="360"/>
      <c r="H4843" s="360"/>
      <c r="I4843" s="360"/>
      <c r="J4843" s="359"/>
      <c r="K4843" s="359"/>
      <c r="L4843" s="359"/>
    </row>
    <row r="4844" spans="2:12" ht="28.5">
      <c r="B4844" s="359"/>
      <c r="C4844" s="360"/>
      <c r="D4844" s="359" t="s">
        <v>9423</v>
      </c>
      <c r="E4844" s="359" t="s">
        <v>9424</v>
      </c>
      <c r="F4844" s="359" t="s">
        <v>14391</v>
      </c>
      <c r="G4844" s="359" t="s">
        <v>14392</v>
      </c>
      <c r="H4844" s="360"/>
      <c r="I4844" s="359" t="s">
        <v>14373</v>
      </c>
      <c r="J4844" s="359"/>
      <c r="K4844" s="359"/>
      <c r="L4844" s="359"/>
    </row>
    <row r="4845" spans="2:12">
      <c r="B4845" s="359"/>
      <c r="C4845" s="360"/>
      <c r="D4845" s="360"/>
      <c r="E4845" s="360"/>
      <c r="F4845" s="360"/>
      <c r="G4845" s="360"/>
      <c r="H4845" s="360"/>
      <c r="I4845" s="360"/>
      <c r="J4845" s="359"/>
      <c r="K4845" s="359"/>
      <c r="L4845" s="359"/>
    </row>
    <row r="4846" spans="2:12">
      <c r="B4846" s="359"/>
      <c r="C4846" s="360"/>
      <c r="D4846" s="360"/>
      <c r="E4846" s="360"/>
      <c r="F4846" s="359" t="s">
        <v>14371</v>
      </c>
      <c r="G4846" s="359" t="s">
        <v>14372</v>
      </c>
      <c r="H4846" s="360"/>
      <c r="I4846" s="360"/>
      <c r="J4846" s="359"/>
      <c r="K4846" s="359"/>
      <c r="L4846" s="359"/>
    </row>
    <row r="4847" spans="2:12">
      <c r="B4847" s="359"/>
      <c r="C4847" s="360"/>
      <c r="D4847" s="360"/>
      <c r="E4847" s="360"/>
      <c r="F4847" s="360"/>
      <c r="G4847" s="360"/>
      <c r="H4847" s="360"/>
      <c r="I4847" s="360"/>
      <c r="J4847" s="359"/>
      <c r="K4847" s="359"/>
      <c r="L4847" s="359"/>
    </row>
    <row r="4848" spans="2:12" ht="28.5">
      <c r="B4848" s="361"/>
      <c r="C4848" s="362"/>
      <c r="D4848" s="362"/>
      <c r="E4848" s="362"/>
      <c r="F4848" s="361" t="s">
        <v>14374</v>
      </c>
      <c r="G4848" s="361" t="s">
        <v>14373</v>
      </c>
      <c r="H4848" s="362"/>
      <c r="I4848" s="362"/>
      <c r="J4848" s="361"/>
      <c r="K4848" s="361"/>
      <c r="L4848" s="361"/>
    </row>
    <row r="4849" spans="2:12" ht="28.5">
      <c r="B4849" s="358" t="s">
        <v>9426</v>
      </c>
      <c r="C4849" s="358" t="s">
        <v>16744</v>
      </c>
      <c r="D4849" s="358" t="s">
        <v>9427</v>
      </c>
      <c r="E4849" s="358" t="s">
        <v>9428</v>
      </c>
      <c r="F4849" s="358" t="s">
        <v>16528</v>
      </c>
      <c r="G4849" s="358" t="s">
        <v>14377</v>
      </c>
      <c r="H4849" s="358" t="s">
        <v>14381</v>
      </c>
      <c r="I4849" s="358" t="s">
        <v>28751</v>
      </c>
      <c r="J4849" s="358"/>
      <c r="K4849" s="358"/>
      <c r="L4849" s="358"/>
    </row>
    <row r="4850" spans="2:12">
      <c r="B4850" s="359"/>
      <c r="C4850" s="360"/>
      <c r="D4850" s="360"/>
      <c r="E4850" s="360"/>
      <c r="F4850" s="360"/>
      <c r="G4850" s="360"/>
      <c r="H4850" s="360"/>
      <c r="I4850" s="360"/>
      <c r="J4850" s="359"/>
      <c r="K4850" s="359"/>
      <c r="L4850" s="359"/>
    </row>
    <row r="4851" spans="2:12" ht="28.5">
      <c r="B4851" s="359"/>
      <c r="C4851" s="359" t="s">
        <v>16745</v>
      </c>
      <c r="D4851" s="359" t="s">
        <v>9430</v>
      </c>
      <c r="E4851" s="359" t="s">
        <v>9431</v>
      </c>
      <c r="F4851" s="359" t="s">
        <v>14384</v>
      </c>
      <c r="G4851" s="359" t="s">
        <v>14428</v>
      </c>
      <c r="H4851" s="359" t="s">
        <v>14367</v>
      </c>
      <c r="I4851" s="359" t="s">
        <v>14392</v>
      </c>
      <c r="J4851" s="359"/>
      <c r="K4851" s="359"/>
      <c r="L4851" s="359"/>
    </row>
    <row r="4852" spans="2:12">
      <c r="B4852" s="359"/>
      <c r="C4852" s="360"/>
      <c r="D4852" s="360"/>
      <c r="E4852" s="360"/>
      <c r="F4852" s="360"/>
      <c r="G4852" s="360"/>
      <c r="H4852" s="360"/>
      <c r="I4852" s="360"/>
      <c r="J4852" s="359"/>
      <c r="K4852" s="359"/>
      <c r="L4852" s="359"/>
    </row>
    <row r="4853" spans="2:12" ht="28.5">
      <c r="B4853" s="359"/>
      <c r="C4853" s="359" t="s">
        <v>16746</v>
      </c>
      <c r="D4853" s="359" t="s">
        <v>9433</v>
      </c>
      <c r="E4853" s="359" t="s">
        <v>9434</v>
      </c>
      <c r="F4853" s="359" t="s">
        <v>14391</v>
      </c>
      <c r="G4853" s="359" t="s">
        <v>14392</v>
      </c>
      <c r="H4853" s="359" t="s">
        <v>14370</v>
      </c>
      <c r="I4853" s="359" t="s">
        <v>14373</v>
      </c>
      <c r="J4853" s="359"/>
      <c r="K4853" s="359"/>
      <c r="L4853" s="359"/>
    </row>
    <row r="4854" spans="2:12">
      <c r="B4854" s="359"/>
      <c r="C4854" s="360"/>
      <c r="D4854" s="360"/>
      <c r="E4854" s="360"/>
      <c r="F4854" s="360"/>
      <c r="G4854" s="360"/>
      <c r="H4854" s="360"/>
      <c r="I4854" s="360"/>
      <c r="J4854" s="359"/>
      <c r="K4854" s="359"/>
      <c r="L4854" s="359"/>
    </row>
    <row r="4855" spans="2:12" ht="28.5">
      <c r="B4855" s="359"/>
      <c r="C4855" s="359" t="s">
        <v>16747</v>
      </c>
      <c r="D4855" s="359" t="s">
        <v>9436</v>
      </c>
      <c r="E4855" s="359" t="s">
        <v>9437</v>
      </c>
      <c r="F4855" s="359" t="s">
        <v>14371</v>
      </c>
      <c r="G4855" s="359" t="s">
        <v>14372</v>
      </c>
      <c r="H4855" s="359" t="s">
        <v>14332</v>
      </c>
      <c r="I4855" s="360"/>
      <c r="J4855" s="359"/>
      <c r="K4855" s="359"/>
      <c r="L4855" s="359"/>
    </row>
    <row r="4856" spans="2:12">
      <c r="B4856" s="359"/>
      <c r="C4856" s="360"/>
      <c r="D4856" s="360"/>
      <c r="E4856" s="360"/>
      <c r="F4856" s="360"/>
      <c r="G4856" s="360"/>
      <c r="H4856" s="360"/>
      <c r="I4856" s="360"/>
      <c r="J4856" s="359"/>
      <c r="K4856" s="359"/>
      <c r="L4856" s="359"/>
    </row>
    <row r="4857" spans="2:12" ht="28.5">
      <c r="B4857" s="359"/>
      <c r="C4857" s="359" t="s">
        <v>16748</v>
      </c>
      <c r="D4857" s="359" t="s">
        <v>9439</v>
      </c>
      <c r="E4857" s="359" t="s">
        <v>9440</v>
      </c>
      <c r="F4857" s="359" t="s">
        <v>14374</v>
      </c>
      <c r="G4857" s="359" t="s">
        <v>14373</v>
      </c>
      <c r="H4857" s="360"/>
      <c r="I4857" s="360"/>
      <c r="J4857" s="359"/>
      <c r="K4857" s="359"/>
      <c r="L4857" s="359"/>
    </row>
    <row r="4858" spans="2:12">
      <c r="B4858" s="359"/>
      <c r="C4858" s="360"/>
      <c r="D4858" s="360"/>
      <c r="E4858" s="360"/>
      <c r="F4858" s="360"/>
      <c r="G4858" s="360"/>
      <c r="H4858" s="360"/>
      <c r="I4858" s="360"/>
      <c r="J4858" s="359"/>
      <c r="K4858" s="359"/>
      <c r="L4858" s="359"/>
    </row>
    <row r="4859" spans="2:12" ht="28.5">
      <c r="B4859" s="359"/>
      <c r="C4859" s="359" t="s">
        <v>16749</v>
      </c>
      <c r="D4859" s="359" t="s">
        <v>9442</v>
      </c>
      <c r="E4859" s="359" t="s">
        <v>9443</v>
      </c>
      <c r="F4859" s="360"/>
      <c r="G4859" s="360"/>
      <c r="H4859" s="360"/>
      <c r="I4859" s="360"/>
      <c r="J4859" s="359"/>
      <c r="K4859" s="359"/>
      <c r="L4859" s="359"/>
    </row>
    <row r="4860" spans="2:12">
      <c r="B4860" s="359"/>
      <c r="C4860" s="360"/>
      <c r="D4860" s="360"/>
      <c r="E4860" s="360"/>
      <c r="F4860" s="360"/>
      <c r="G4860" s="360"/>
      <c r="H4860" s="360"/>
      <c r="I4860" s="360"/>
      <c r="J4860" s="359"/>
      <c r="K4860" s="359"/>
      <c r="L4860" s="359"/>
    </row>
    <row r="4861" spans="2:12" ht="28.5">
      <c r="B4861" s="359"/>
      <c r="C4861" s="359" t="s">
        <v>16750</v>
      </c>
      <c r="D4861" s="359" t="s">
        <v>9445</v>
      </c>
      <c r="E4861" s="359" t="s">
        <v>9446</v>
      </c>
      <c r="F4861" s="360"/>
      <c r="G4861" s="360"/>
      <c r="H4861" s="360"/>
      <c r="I4861" s="360"/>
      <c r="J4861" s="359"/>
      <c r="K4861" s="359"/>
      <c r="L4861" s="359"/>
    </row>
    <row r="4862" spans="2:12">
      <c r="B4862" s="359"/>
      <c r="C4862" s="360"/>
      <c r="D4862" s="360"/>
      <c r="E4862" s="360"/>
      <c r="F4862" s="360"/>
      <c r="G4862" s="360"/>
      <c r="H4862" s="360"/>
      <c r="I4862" s="360"/>
      <c r="J4862" s="359"/>
      <c r="K4862" s="359"/>
      <c r="L4862" s="359"/>
    </row>
    <row r="4863" spans="2:12" ht="28.5">
      <c r="B4863" s="361"/>
      <c r="C4863" s="361" t="s">
        <v>16751</v>
      </c>
      <c r="D4863" s="361" t="s">
        <v>28766</v>
      </c>
      <c r="E4863" s="361" t="s">
        <v>9448</v>
      </c>
      <c r="F4863" s="362"/>
      <c r="G4863" s="362"/>
      <c r="H4863" s="362"/>
      <c r="I4863" s="362"/>
      <c r="J4863" s="361"/>
      <c r="K4863" s="361"/>
      <c r="L4863" s="361"/>
    </row>
    <row r="4864" spans="2:12" ht="28.5">
      <c r="B4864" s="358" t="s">
        <v>9450</v>
      </c>
      <c r="C4864" s="358" t="s">
        <v>16752</v>
      </c>
      <c r="D4864" s="358" t="s">
        <v>9451</v>
      </c>
      <c r="E4864" s="358" t="s">
        <v>9452</v>
      </c>
      <c r="F4864" s="358" t="s">
        <v>16528</v>
      </c>
      <c r="G4864" s="358" t="s">
        <v>14377</v>
      </c>
      <c r="H4864" s="358" t="s">
        <v>14381</v>
      </c>
      <c r="I4864" s="358" t="s">
        <v>28751</v>
      </c>
      <c r="J4864" s="358"/>
      <c r="K4864" s="358"/>
      <c r="L4864" s="358"/>
    </row>
    <row r="4865" spans="2:12">
      <c r="B4865" s="359"/>
      <c r="C4865" s="360"/>
      <c r="D4865" s="360"/>
      <c r="E4865" s="360"/>
      <c r="F4865" s="360"/>
      <c r="G4865" s="360"/>
      <c r="H4865" s="360"/>
      <c r="I4865" s="360"/>
      <c r="J4865" s="359"/>
      <c r="K4865" s="359"/>
      <c r="L4865" s="359"/>
    </row>
    <row r="4866" spans="2:12" ht="28.5">
      <c r="B4866" s="359"/>
      <c r="C4866" s="359" t="s">
        <v>16753</v>
      </c>
      <c r="D4866" s="359" t="s">
        <v>9454</v>
      </c>
      <c r="E4866" s="359" t="s">
        <v>9455</v>
      </c>
      <c r="F4866" s="359" t="s">
        <v>14384</v>
      </c>
      <c r="G4866" s="359" t="s">
        <v>14428</v>
      </c>
      <c r="H4866" s="359" t="s">
        <v>14367</v>
      </c>
      <c r="I4866" s="359" t="s">
        <v>14392</v>
      </c>
      <c r="J4866" s="359"/>
      <c r="K4866" s="359"/>
      <c r="L4866" s="359"/>
    </row>
    <row r="4867" spans="2:12">
      <c r="B4867" s="359"/>
      <c r="C4867" s="360"/>
      <c r="D4867" s="360"/>
      <c r="E4867" s="360"/>
      <c r="F4867" s="360"/>
      <c r="G4867" s="360"/>
      <c r="H4867" s="360"/>
      <c r="I4867" s="360"/>
      <c r="J4867" s="359"/>
      <c r="K4867" s="359"/>
      <c r="L4867" s="359"/>
    </row>
    <row r="4868" spans="2:12" ht="28.5">
      <c r="B4868" s="359"/>
      <c r="C4868" s="359" t="s">
        <v>16754</v>
      </c>
      <c r="D4868" s="359" t="s">
        <v>9457</v>
      </c>
      <c r="E4868" s="359" t="s">
        <v>9458</v>
      </c>
      <c r="F4868" s="359" t="s">
        <v>14391</v>
      </c>
      <c r="G4868" s="359" t="s">
        <v>14392</v>
      </c>
      <c r="H4868" s="359" t="s">
        <v>14332</v>
      </c>
      <c r="I4868" s="360"/>
      <c r="J4868" s="359"/>
      <c r="K4868" s="359"/>
      <c r="L4868" s="359"/>
    </row>
    <row r="4869" spans="2:12">
      <c r="B4869" s="359"/>
      <c r="C4869" s="360"/>
      <c r="D4869" s="360"/>
      <c r="E4869" s="360"/>
      <c r="F4869" s="360"/>
      <c r="G4869" s="360"/>
      <c r="H4869" s="360"/>
      <c r="I4869" s="360"/>
      <c r="J4869" s="359"/>
      <c r="K4869" s="359"/>
      <c r="L4869" s="359"/>
    </row>
    <row r="4870" spans="2:12" ht="28.5">
      <c r="B4870" s="359"/>
      <c r="C4870" s="359" t="s">
        <v>16755</v>
      </c>
      <c r="D4870" s="359" t="s">
        <v>9460</v>
      </c>
      <c r="E4870" s="359" t="s">
        <v>9461</v>
      </c>
      <c r="F4870" s="360"/>
      <c r="G4870" s="360"/>
      <c r="H4870" s="360"/>
      <c r="I4870" s="360"/>
      <c r="J4870" s="359"/>
      <c r="K4870" s="359"/>
      <c r="L4870" s="359"/>
    </row>
    <row r="4871" spans="2:12">
      <c r="B4871" s="359"/>
      <c r="C4871" s="360"/>
      <c r="D4871" s="360"/>
      <c r="E4871" s="360"/>
      <c r="F4871" s="360"/>
      <c r="G4871" s="360"/>
      <c r="H4871" s="360"/>
      <c r="I4871" s="360"/>
      <c r="J4871" s="359"/>
      <c r="K4871" s="359"/>
      <c r="L4871" s="359"/>
    </row>
    <row r="4872" spans="2:12" ht="28.5">
      <c r="B4872" s="359"/>
      <c r="C4872" s="359" t="s">
        <v>16756</v>
      </c>
      <c r="D4872" s="359" t="s">
        <v>9463</v>
      </c>
      <c r="E4872" s="359" t="s">
        <v>9464</v>
      </c>
      <c r="F4872" s="360"/>
      <c r="G4872" s="360"/>
      <c r="H4872" s="360"/>
      <c r="I4872" s="360"/>
      <c r="J4872" s="359"/>
      <c r="K4872" s="359"/>
      <c r="L4872" s="359"/>
    </row>
    <row r="4873" spans="2:12">
      <c r="B4873" s="359"/>
      <c r="C4873" s="360"/>
      <c r="D4873" s="360"/>
      <c r="E4873" s="360"/>
      <c r="F4873" s="360"/>
      <c r="G4873" s="360"/>
      <c r="H4873" s="360"/>
      <c r="I4873" s="360"/>
      <c r="J4873" s="359"/>
      <c r="K4873" s="359"/>
      <c r="L4873" s="359"/>
    </row>
    <row r="4874" spans="2:12" ht="28.5">
      <c r="B4874" s="359"/>
      <c r="C4874" s="359" t="s">
        <v>16757</v>
      </c>
      <c r="D4874" s="359" t="s">
        <v>9466</v>
      </c>
      <c r="E4874" s="359" t="s">
        <v>9467</v>
      </c>
      <c r="F4874" s="360"/>
      <c r="G4874" s="360"/>
      <c r="H4874" s="360"/>
      <c r="I4874" s="360"/>
      <c r="J4874" s="359"/>
      <c r="K4874" s="359"/>
      <c r="L4874" s="359"/>
    </row>
    <row r="4875" spans="2:12">
      <c r="B4875" s="359"/>
      <c r="C4875" s="360"/>
      <c r="D4875" s="360"/>
      <c r="E4875" s="360"/>
      <c r="F4875" s="360"/>
      <c r="G4875" s="360"/>
      <c r="H4875" s="360"/>
      <c r="I4875" s="360"/>
      <c r="J4875" s="359"/>
      <c r="K4875" s="359"/>
      <c r="L4875" s="359"/>
    </row>
    <row r="4876" spans="2:12" ht="28.5">
      <c r="B4876" s="359"/>
      <c r="C4876" s="359" t="s">
        <v>16758</v>
      </c>
      <c r="D4876" s="359" t="s">
        <v>9469</v>
      </c>
      <c r="E4876" s="359" t="s">
        <v>9470</v>
      </c>
      <c r="F4876" s="360"/>
      <c r="G4876" s="360"/>
      <c r="H4876" s="360"/>
      <c r="I4876" s="360"/>
      <c r="J4876" s="359"/>
      <c r="K4876" s="359"/>
      <c r="L4876" s="359"/>
    </row>
    <row r="4877" spans="2:12">
      <c r="B4877" s="359"/>
      <c r="C4877" s="360"/>
      <c r="D4877" s="360"/>
      <c r="E4877" s="360"/>
      <c r="F4877" s="360"/>
      <c r="G4877" s="360"/>
      <c r="H4877" s="360"/>
      <c r="I4877" s="360"/>
      <c r="J4877" s="359"/>
      <c r="K4877" s="359"/>
      <c r="L4877" s="359"/>
    </row>
    <row r="4878" spans="2:12" ht="28.5">
      <c r="B4878" s="359"/>
      <c r="C4878" s="359" t="s">
        <v>16759</v>
      </c>
      <c r="D4878" s="359" t="s">
        <v>9472</v>
      </c>
      <c r="E4878" s="359" t="s">
        <v>9473</v>
      </c>
      <c r="F4878" s="360"/>
      <c r="G4878" s="360"/>
      <c r="H4878" s="360"/>
      <c r="I4878" s="360"/>
      <c r="J4878" s="359"/>
      <c r="K4878" s="359"/>
      <c r="L4878" s="359"/>
    </row>
    <row r="4879" spans="2:12">
      <c r="B4879" s="359"/>
      <c r="C4879" s="360"/>
      <c r="D4879" s="360"/>
      <c r="E4879" s="360"/>
      <c r="F4879" s="360"/>
      <c r="G4879" s="360"/>
      <c r="H4879" s="360"/>
      <c r="I4879" s="360"/>
      <c r="J4879" s="359"/>
      <c r="K4879" s="359"/>
      <c r="L4879" s="359"/>
    </row>
    <row r="4880" spans="2:12" ht="28.5">
      <c r="B4880" s="359"/>
      <c r="C4880" s="359" t="s">
        <v>16760</v>
      </c>
      <c r="D4880" s="359" t="s">
        <v>9475</v>
      </c>
      <c r="E4880" s="359" t="s">
        <v>9476</v>
      </c>
      <c r="F4880" s="360"/>
      <c r="G4880" s="360"/>
      <c r="H4880" s="360"/>
      <c r="I4880" s="360"/>
      <c r="J4880" s="359"/>
      <c r="K4880" s="359"/>
      <c r="L4880" s="359"/>
    </row>
    <row r="4881" spans="2:12">
      <c r="B4881" s="359"/>
      <c r="C4881" s="360"/>
      <c r="D4881" s="360"/>
      <c r="E4881" s="360"/>
      <c r="F4881" s="360"/>
      <c r="G4881" s="360"/>
      <c r="H4881" s="360"/>
      <c r="I4881" s="360"/>
      <c r="J4881" s="359"/>
      <c r="K4881" s="359"/>
      <c r="L4881" s="359"/>
    </row>
    <row r="4882" spans="2:12" ht="28.5">
      <c r="B4882" s="359"/>
      <c r="C4882" s="359" t="s">
        <v>16761</v>
      </c>
      <c r="D4882" s="359" t="s">
        <v>28783</v>
      </c>
      <c r="E4882" s="359" t="s">
        <v>9479</v>
      </c>
      <c r="F4882" s="360"/>
      <c r="G4882" s="360"/>
      <c r="H4882" s="360"/>
      <c r="I4882" s="360"/>
      <c r="J4882" s="359"/>
      <c r="K4882" s="359"/>
      <c r="L4882" s="359"/>
    </row>
    <row r="4883" spans="2:12">
      <c r="B4883" s="359"/>
      <c r="C4883" s="360"/>
      <c r="D4883" s="360"/>
      <c r="E4883" s="360"/>
      <c r="F4883" s="360"/>
      <c r="G4883" s="360"/>
      <c r="H4883" s="360"/>
      <c r="I4883" s="360"/>
      <c r="J4883" s="359"/>
      <c r="K4883" s="359"/>
      <c r="L4883" s="359"/>
    </row>
    <row r="4884" spans="2:12" ht="28.5">
      <c r="B4884" s="361"/>
      <c r="C4884" s="361" t="s">
        <v>16762</v>
      </c>
      <c r="D4884" s="361" t="s">
        <v>28784</v>
      </c>
      <c r="E4884" s="361" t="s">
        <v>9482</v>
      </c>
      <c r="F4884" s="362"/>
      <c r="G4884" s="362"/>
      <c r="H4884" s="362"/>
      <c r="I4884" s="362"/>
      <c r="J4884" s="361"/>
      <c r="K4884" s="361"/>
      <c r="L4884" s="361"/>
    </row>
    <row r="4885" spans="2:12">
      <c r="B4885" s="358" t="s">
        <v>9484</v>
      </c>
      <c r="C4885" s="358" t="s">
        <v>16763</v>
      </c>
      <c r="D4885" s="358" t="s">
        <v>13</v>
      </c>
      <c r="E4885" s="358" t="s">
        <v>8356</v>
      </c>
      <c r="F4885" s="358" t="s">
        <v>16528</v>
      </c>
      <c r="G4885" s="358" t="s">
        <v>14377</v>
      </c>
      <c r="H4885" s="358" t="s">
        <v>14378</v>
      </c>
      <c r="I4885" s="358" t="s">
        <v>14377</v>
      </c>
      <c r="J4885" s="358"/>
      <c r="K4885" s="358"/>
      <c r="L4885" s="358"/>
    </row>
    <row r="4886" spans="2:12">
      <c r="B4886" s="359"/>
      <c r="C4886" s="359"/>
      <c r="D4886" s="359"/>
      <c r="E4886" s="359"/>
      <c r="F4886" s="360"/>
      <c r="G4886" s="360"/>
      <c r="H4886" s="360"/>
      <c r="I4886" s="360"/>
      <c r="J4886" s="359"/>
      <c r="K4886" s="359"/>
      <c r="L4886" s="359"/>
    </row>
    <row r="4887" spans="2:12">
      <c r="B4887" s="359"/>
      <c r="C4887" s="359"/>
      <c r="D4887" s="359"/>
      <c r="E4887" s="359"/>
      <c r="F4887" s="359" t="s">
        <v>14379</v>
      </c>
      <c r="G4887" s="359" t="s">
        <v>14380</v>
      </c>
      <c r="H4887" s="359" t="s">
        <v>14381</v>
      </c>
      <c r="I4887" s="359" t="s">
        <v>14380</v>
      </c>
      <c r="J4887" s="359"/>
      <c r="K4887" s="359"/>
      <c r="L4887" s="359"/>
    </row>
    <row r="4888" spans="2:12">
      <c r="B4888" s="359"/>
      <c r="C4888" s="359"/>
      <c r="D4888" s="359"/>
      <c r="E4888" s="359"/>
      <c r="F4888" s="360"/>
      <c r="G4888" s="360"/>
      <c r="H4888" s="360"/>
      <c r="I4888" s="360"/>
      <c r="J4888" s="359"/>
      <c r="K4888" s="359"/>
      <c r="L4888" s="359"/>
    </row>
    <row r="4889" spans="2:12">
      <c r="B4889" s="359"/>
      <c r="C4889" s="359"/>
      <c r="D4889" s="359"/>
      <c r="E4889" s="359"/>
      <c r="F4889" s="359" t="s">
        <v>14384</v>
      </c>
      <c r="G4889" s="359" t="s">
        <v>14428</v>
      </c>
      <c r="H4889" s="359" t="s">
        <v>14370</v>
      </c>
      <c r="I4889" s="359" t="s">
        <v>14428</v>
      </c>
      <c r="J4889" s="359"/>
      <c r="K4889" s="359"/>
      <c r="L4889" s="359"/>
    </row>
    <row r="4890" spans="2:12">
      <c r="B4890" s="359"/>
      <c r="C4890" s="359"/>
      <c r="D4890" s="359"/>
      <c r="E4890" s="359"/>
      <c r="F4890" s="360"/>
      <c r="G4890" s="360"/>
      <c r="H4890" s="360"/>
      <c r="I4890" s="360"/>
      <c r="J4890" s="359"/>
      <c r="K4890" s="359"/>
      <c r="L4890" s="359"/>
    </row>
    <row r="4891" spans="2:12">
      <c r="B4891" s="359"/>
      <c r="C4891" s="359"/>
      <c r="D4891" s="359"/>
      <c r="E4891" s="359"/>
      <c r="F4891" s="359" t="s">
        <v>14391</v>
      </c>
      <c r="G4891" s="359" t="s">
        <v>14392</v>
      </c>
      <c r="H4891" s="359" t="s">
        <v>14332</v>
      </c>
      <c r="I4891" s="359" t="s">
        <v>14392</v>
      </c>
      <c r="J4891" s="359"/>
      <c r="K4891" s="359"/>
      <c r="L4891" s="359"/>
    </row>
    <row r="4892" spans="2:12">
      <c r="B4892" s="359"/>
      <c r="C4892" s="359"/>
      <c r="D4892" s="359"/>
      <c r="E4892" s="359"/>
      <c r="F4892" s="360"/>
      <c r="G4892" s="360"/>
      <c r="H4892" s="360"/>
      <c r="I4892" s="360"/>
      <c r="J4892" s="359"/>
      <c r="K4892" s="359"/>
      <c r="L4892" s="359"/>
    </row>
    <row r="4893" spans="2:12">
      <c r="B4893" s="359"/>
      <c r="C4893" s="359"/>
      <c r="D4893" s="359"/>
      <c r="E4893" s="359"/>
      <c r="F4893" s="359" t="s">
        <v>14371</v>
      </c>
      <c r="G4893" s="359" t="s">
        <v>14372</v>
      </c>
      <c r="H4893" s="360"/>
      <c r="I4893" s="359" t="s">
        <v>14373</v>
      </c>
      <c r="J4893" s="359"/>
      <c r="K4893" s="359"/>
      <c r="L4893" s="359"/>
    </row>
    <row r="4894" spans="2:12">
      <c r="B4894" s="359"/>
      <c r="C4894" s="359"/>
      <c r="D4894" s="359"/>
      <c r="E4894" s="359"/>
      <c r="F4894" s="360"/>
      <c r="G4894" s="360"/>
      <c r="H4894" s="360"/>
      <c r="I4894" s="360"/>
      <c r="J4894" s="359"/>
      <c r="K4894" s="359"/>
      <c r="L4894" s="359"/>
    </row>
    <row r="4895" spans="2:12" ht="28.5">
      <c r="B4895" s="361"/>
      <c r="C4895" s="361"/>
      <c r="D4895" s="361"/>
      <c r="E4895" s="361"/>
      <c r="F4895" s="361" t="s">
        <v>14374</v>
      </c>
      <c r="G4895" s="361" t="s">
        <v>14373</v>
      </c>
      <c r="H4895" s="362"/>
      <c r="I4895" s="362"/>
      <c r="J4895" s="361"/>
      <c r="K4895" s="361"/>
      <c r="L4895" s="361"/>
    </row>
    <row r="4896" spans="2:12">
      <c r="B4896" s="358" t="s">
        <v>16764</v>
      </c>
      <c r="C4896" s="358" t="s">
        <v>16765</v>
      </c>
      <c r="D4896" s="358" t="s">
        <v>16766</v>
      </c>
      <c r="E4896" s="358" t="s">
        <v>16767</v>
      </c>
      <c r="F4896" s="358" t="s">
        <v>14420</v>
      </c>
      <c r="G4896" s="358" t="s">
        <v>14429</v>
      </c>
      <c r="H4896" s="358" t="s">
        <v>14367</v>
      </c>
      <c r="I4896" s="358" t="s">
        <v>14429</v>
      </c>
      <c r="J4896" s="358"/>
      <c r="K4896" s="358"/>
      <c r="L4896" s="358"/>
    </row>
    <row r="4897" spans="2:12">
      <c r="B4897" s="359"/>
      <c r="C4897" s="360"/>
      <c r="D4897" s="359"/>
      <c r="E4897" s="359"/>
      <c r="F4897" s="360"/>
      <c r="G4897" s="360"/>
      <c r="H4897" s="360"/>
      <c r="I4897" s="360"/>
      <c r="J4897" s="359"/>
      <c r="K4897" s="359"/>
      <c r="L4897" s="359"/>
    </row>
    <row r="4898" spans="2:12">
      <c r="B4898" s="359"/>
      <c r="C4898" s="359" t="s">
        <v>16768</v>
      </c>
      <c r="D4898" s="359"/>
      <c r="E4898" s="359"/>
      <c r="F4898" s="359" t="s">
        <v>14371</v>
      </c>
      <c r="G4898" s="359" t="s">
        <v>14372</v>
      </c>
      <c r="H4898" s="359" t="s">
        <v>14370</v>
      </c>
      <c r="I4898" s="359" t="s">
        <v>14372</v>
      </c>
      <c r="J4898" s="359"/>
      <c r="K4898" s="359"/>
      <c r="L4898" s="359"/>
    </row>
    <row r="4899" spans="2:12">
      <c r="B4899" s="359"/>
      <c r="C4899" s="360"/>
      <c r="D4899" s="359"/>
      <c r="E4899" s="359"/>
      <c r="F4899" s="360"/>
      <c r="G4899" s="360"/>
      <c r="H4899" s="360"/>
      <c r="I4899" s="360"/>
      <c r="J4899" s="359"/>
      <c r="K4899" s="359"/>
      <c r="L4899" s="359"/>
    </row>
    <row r="4900" spans="2:12" ht="28.5">
      <c r="B4900" s="361"/>
      <c r="C4900" s="361" t="s">
        <v>16769</v>
      </c>
      <c r="D4900" s="361"/>
      <c r="E4900" s="361"/>
      <c r="F4900" s="361" t="s">
        <v>14374</v>
      </c>
      <c r="G4900" s="361" t="s">
        <v>14373</v>
      </c>
      <c r="H4900" s="361" t="s">
        <v>14422</v>
      </c>
      <c r="I4900" s="361" t="s">
        <v>14373</v>
      </c>
      <c r="J4900" s="361"/>
      <c r="K4900" s="361"/>
      <c r="L4900" s="361"/>
    </row>
    <row r="4901" spans="2:12">
      <c r="B4901" s="354" t="s">
        <v>14492</v>
      </c>
      <c r="C4901" s="355"/>
      <c r="D4901" s="355"/>
      <c r="E4901" s="355"/>
      <c r="F4901" s="355"/>
      <c r="G4901" s="355"/>
      <c r="H4901" s="355"/>
      <c r="I4901" s="355"/>
      <c r="J4901" s="355"/>
      <c r="K4901" s="355"/>
      <c r="L4901" s="363"/>
    </row>
    <row r="4902" spans="2:12">
      <c r="B4902" s="358" t="s">
        <v>16770</v>
      </c>
      <c r="C4902" s="358" t="s">
        <v>16771</v>
      </c>
      <c r="D4902" s="358" t="s">
        <v>16772</v>
      </c>
      <c r="E4902" s="358" t="s">
        <v>1744</v>
      </c>
      <c r="F4902" s="358" t="s">
        <v>15089</v>
      </c>
      <c r="G4902" s="358" t="s">
        <v>14459</v>
      </c>
      <c r="H4902" s="358" t="s">
        <v>14367</v>
      </c>
      <c r="I4902" s="358" t="s">
        <v>14459</v>
      </c>
      <c r="J4902" s="358"/>
      <c r="K4902" s="358" t="s">
        <v>14657</v>
      </c>
      <c r="L4902" s="358"/>
    </row>
    <row r="4903" spans="2:12">
      <c r="B4903" s="359"/>
      <c r="C4903" s="360"/>
      <c r="D4903" s="359"/>
      <c r="E4903" s="359"/>
      <c r="F4903" s="360"/>
      <c r="G4903" s="360"/>
      <c r="H4903" s="360"/>
      <c r="I4903" s="360"/>
      <c r="J4903" s="359"/>
      <c r="K4903" s="359"/>
      <c r="L4903" s="359"/>
    </row>
    <row r="4904" spans="2:12">
      <c r="B4904" s="359"/>
      <c r="C4904" s="359" t="s">
        <v>16773</v>
      </c>
      <c r="D4904" s="359"/>
      <c r="E4904" s="359"/>
      <c r="F4904" s="359" t="s">
        <v>15089</v>
      </c>
      <c r="G4904" s="359" t="s">
        <v>14429</v>
      </c>
      <c r="H4904" s="359" t="s">
        <v>14341</v>
      </c>
      <c r="I4904" s="359" t="s">
        <v>14429</v>
      </c>
      <c r="J4904" s="359"/>
      <c r="K4904" s="359"/>
      <c r="L4904" s="359"/>
    </row>
    <row r="4905" spans="2:12">
      <c r="B4905" s="359"/>
      <c r="C4905" s="360"/>
      <c r="D4905" s="359"/>
      <c r="E4905" s="359"/>
      <c r="F4905" s="360"/>
      <c r="G4905" s="360"/>
      <c r="H4905" s="360"/>
      <c r="I4905" s="360"/>
      <c r="J4905" s="359"/>
      <c r="K4905" s="359"/>
      <c r="L4905" s="359"/>
    </row>
    <row r="4906" spans="2:12">
      <c r="B4906" s="359"/>
      <c r="C4906" s="360"/>
      <c r="D4906" s="359"/>
      <c r="E4906" s="359"/>
      <c r="F4906" s="359" t="s">
        <v>14430</v>
      </c>
      <c r="G4906" s="359" t="s">
        <v>14431</v>
      </c>
      <c r="H4906" s="359" t="s">
        <v>14370</v>
      </c>
      <c r="I4906" s="359" t="s">
        <v>14431</v>
      </c>
      <c r="J4906" s="359"/>
      <c r="K4906" s="359"/>
      <c r="L4906" s="359"/>
    </row>
    <row r="4907" spans="2:12">
      <c r="B4907" s="359"/>
      <c r="C4907" s="360"/>
      <c r="D4907" s="359"/>
      <c r="E4907" s="359"/>
      <c r="F4907" s="360"/>
      <c r="G4907" s="360"/>
      <c r="H4907" s="360"/>
      <c r="I4907" s="360"/>
      <c r="J4907" s="359"/>
      <c r="K4907" s="359"/>
      <c r="L4907" s="359"/>
    </row>
    <row r="4908" spans="2:12">
      <c r="B4908" s="359"/>
      <c r="C4908" s="360"/>
      <c r="D4908" s="359"/>
      <c r="E4908" s="359"/>
      <c r="F4908" s="359" t="s">
        <v>14371</v>
      </c>
      <c r="G4908" s="359" t="s">
        <v>14372</v>
      </c>
      <c r="H4908" s="359" t="s">
        <v>14332</v>
      </c>
      <c r="I4908" s="359" t="s">
        <v>14373</v>
      </c>
      <c r="J4908" s="359"/>
      <c r="K4908" s="359"/>
      <c r="L4908" s="359"/>
    </row>
    <row r="4909" spans="2:12">
      <c r="B4909" s="359"/>
      <c r="C4909" s="360"/>
      <c r="D4909" s="359"/>
      <c r="E4909" s="359"/>
      <c r="F4909" s="360"/>
      <c r="G4909" s="360"/>
      <c r="H4909" s="360"/>
      <c r="I4909" s="360"/>
      <c r="J4909" s="359"/>
      <c r="K4909" s="359"/>
      <c r="L4909" s="359"/>
    </row>
    <row r="4910" spans="2:12" ht="28.5">
      <c r="B4910" s="361"/>
      <c r="C4910" s="362"/>
      <c r="D4910" s="361"/>
      <c r="E4910" s="361"/>
      <c r="F4910" s="361" t="s">
        <v>14374</v>
      </c>
      <c r="G4910" s="361" t="s">
        <v>14373</v>
      </c>
      <c r="H4910" s="362"/>
      <c r="I4910" s="362"/>
      <c r="J4910" s="361"/>
      <c r="K4910" s="361"/>
      <c r="L4910" s="361"/>
    </row>
    <row r="4911" spans="2:12">
      <c r="B4911" s="354" t="s">
        <v>28528</v>
      </c>
      <c r="C4911" s="355"/>
      <c r="D4911" s="355"/>
      <c r="E4911" s="355"/>
      <c r="F4911" s="355"/>
      <c r="G4911" s="355"/>
      <c r="H4911" s="355"/>
      <c r="I4911" s="355"/>
      <c r="J4911" s="355"/>
      <c r="K4911" s="355"/>
      <c r="L4911" s="363"/>
    </row>
    <row r="4912" spans="2:12">
      <c r="B4912" s="358" t="s">
        <v>16774</v>
      </c>
      <c r="C4912" s="358" t="s">
        <v>28785</v>
      </c>
      <c r="D4912" s="358" t="s">
        <v>16775</v>
      </c>
      <c r="E4912" s="358" t="s">
        <v>1852</v>
      </c>
      <c r="F4912" s="358" t="s">
        <v>14418</v>
      </c>
      <c r="G4912" s="358" t="s">
        <v>14419</v>
      </c>
      <c r="H4912" s="358" t="s">
        <v>14328</v>
      </c>
      <c r="I4912" s="358" t="s">
        <v>14419</v>
      </c>
      <c r="J4912" s="358"/>
      <c r="K4912" s="358"/>
      <c r="L4912" s="358"/>
    </row>
    <row r="4913" spans="2:12">
      <c r="B4913" s="359"/>
      <c r="C4913" s="360"/>
      <c r="D4913" s="359"/>
      <c r="E4913" s="359"/>
      <c r="F4913" s="360"/>
      <c r="G4913" s="360"/>
      <c r="H4913" s="360"/>
      <c r="I4913" s="360"/>
      <c r="J4913" s="359"/>
      <c r="K4913" s="359"/>
      <c r="L4913" s="359"/>
    </row>
    <row r="4914" spans="2:12">
      <c r="B4914" s="359"/>
      <c r="C4914" s="359" t="s">
        <v>16776</v>
      </c>
      <c r="D4914" s="359"/>
      <c r="E4914" s="359"/>
      <c r="F4914" s="359" t="s">
        <v>14420</v>
      </c>
      <c r="G4914" s="359" t="s">
        <v>14429</v>
      </c>
      <c r="H4914" s="359" t="s">
        <v>14367</v>
      </c>
      <c r="I4914" s="359" t="s">
        <v>14429</v>
      </c>
      <c r="J4914" s="359"/>
      <c r="K4914" s="359"/>
      <c r="L4914" s="359"/>
    </row>
    <row r="4915" spans="2:12">
      <c r="B4915" s="359"/>
      <c r="C4915" s="360"/>
      <c r="D4915" s="359"/>
      <c r="E4915" s="359"/>
      <c r="F4915" s="360"/>
      <c r="G4915" s="360"/>
      <c r="H4915" s="360"/>
      <c r="I4915" s="360"/>
      <c r="J4915" s="359"/>
      <c r="K4915" s="359"/>
      <c r="L4915" s="359"/>
    </row>
    <row r="4916" spans="2:12">
      <c r="B4916" s="359"/>
      <c r="C4916" s="360"/>
      <c r="D4916" s="359"/>
      <c r="E4916" s="359"/>
      <c r="F4916" s="359" t="s">
        <v>14371</v>
      </c>
      <c r="G4916" s="359" t="s">
        <v>14372</v>
      </c>
      <c r="H4916" s="359" t="s">
        <v>14370</v>
      </c>
      <c r="I4916" s="359" t="s">
        <v>14373</v>
      </c>
      <c r="J4916" s="359"/>
      <c r="K4916" s="359"/>
      <c r="L4916" s="359"/>
    </row>
    <row r="4917" spans="2:12">
      <c r="B4917" s="359"/>
      <c r="C4917" s="360"/>
      <c r="D4917" s="359"/>
      <c r="E4917" s="359"/>
      <c r="F4917" s="360"/>
      <c r="G4917" s="360"/>
      <c r="H4917" s="360"/>
      <c r="I4917" s="360"/>
      <c r="J4917" s="359"/>
      <c r="K4917" s="359"/>
      <c r="L4917" s="359"/>
    </row>
    <row r="4918" spans="2:12" ht="28.5">
      <c r="B4918" s="361"/>
      <c r="C4918" s="362"/>
      <c r="D4918" s="361"/>
      <c r="E4918" s="361"/>
      <c r="F4918" s="361" t="s">
        <v>14374</v>
      </c>
      <c r="G4918" s="361" t="s">
        <v>14373</v>
      </c>
      <c r="H4918" s="361" t="s">
        <v>14422</v>
      </c>
      <c r="I4918" s="362"/>
      <c r="J4918" s="361"/>
      <c r="K4918" s="361"/>
      <c r="L4918" s="361"/>
    </row>
    <row r="4919" spans="2:12">
      <c r="B4919" s="358" t="s">
        <v>16777</v>
      </c>
      <c r="C4919" s="358" t="s">
        <v>16778</v>
      </c>
      <c r="D4919" s="358" t="s">
        <v>16779</v>
      </c>
      <c r="E4919" s="358" t="s">
        <v>1711</v>
      </c>
      <c r="F4919" s="358" t="s">
        <v>14420</v>
      </c>
      <c r="G4919" s="358" t="s">
        <v>14429</v>
      </c>
      <c r="H4919" s="358" t="s">
        <v>14367</v>
      </c>
      <c r="I4919" s="358" t="s">
        <v>14429</v>
      </c>
      <c r="J4919" s="358"/>
      <c r="K4919" s="358"/>
      <c r="L4919" s="358"/>
    </row>
    <row r="4920" spans="2:12">
      <c r="B4920" s="359"/>
      <c r="C4920" s="359"/>
      <c r="D4920" s="359"/>
      <c r="E4920" s="359"/>
      <c r="F4920" s="360"/>
      <c r="G4920" s="360"/>
      <c r="H4920" s="360"/>
      <c r="I4920" s="360"/>
      <c r="J4920" s="359"/>
      <c r="K4920" s="359"/>
      <c r="L4920" s="359"/>
    </row>
    <row r="4921" spans="2:12">
      <c r="B4921" s="359"/>
      <c r="C4921" s="359"/>
      <c r="D4921" s="359"/>
      <c r="E4921" s="359"/>
      <c r="F4921" s="359" t="s">
        <v>14386</v>
      </c>
      <c r="G4921" s="359" t="s">
        <v>14387</v>
      </c>
      <c r="H4921" s="359" t="s">
        <v>14370</v>
      </c>
      <c r="I4921" s="359" t="s">
        <v>14387</v>
      </c>
      <c r="J4921" s="359"/>
      <c r="K4921" s="359"/>
      <c r="L4921" s="359"/>
    </row>
    <row r="4922" spans="2:12">
      <c r="B4922" s="359"/>
      <c r="C4922" s="359"/>
      <c r="D4922" s="359"/>
      <c r="E4922" s="359"/>
      <c r="F4922" s="360"/>
      <c r="G4922" s="360"/>
      <c r="H4922" s="360"/>
      <c r="I4922" s="360"/>
      <c r="J4922" s="359"/>
      <c r="K4922" s="359"/>
      <c r="L4922" s="359"/>
    </row>
    <row r="4923" spans="2:12">
      <c r="B4923" s="359"/>
      <c r="C4923" s="359"/>
      <c r="D4923" s="359"/>
      <c r="E4923" s="359"/>
      <c r="F4923" s="359" t="s">
        <v>14389</v>
      </c>
      <c r="G4923" s="359" t="s">
        <v>14390</v>
      </c>
      <c r="H4923" s="359" t="s">
        <v>14422</v>
      </c>
      <c r="I4923" s="359" t="s">
        <v>14390</v>
      </c>
      <c r="J4923" s="359"/>
      <c r="K4923" s="359"/>
      <c r="L4923" s="359"/>
    </row>
    <row r="4924" spans="2:12">
      <c r="B4924" s="359"/>
      <c r="C4924" s="359"/>
      <c r="D4924" s="359"/>
      <c r="E4924" s="359"/>
      <c r="F4924" s="360"/>
      <c r="G4924" s="360"/>
      <c r="H4924" s="360"/>
      <c r="I4924" s="360"/>
      <c r="J4924" s="359"/>
      <c r="K4924" s="359"/>
      <c r="L4924" s="359"/>
    </row>
    <row r="4925" spans="2:12">
      <c r="B4925" s="359"/>
      <c r="C4925" s="359"/>
      <c r="D4925" s="359"/>
      <c r="E4925" s="359"/>
      <c r="F4925" s="359" t="s">
        <v>14371</v>
      </c>
      <c r="G4925" s="359" t="s">
        <v>14372</v>
      </c>
      <c r="H4925" s="360"/>
      <c r="I4925" s="359" t="s">
        <v>14373</v>
      </c>
      <c r="J4925" s="359"/>
      <c r="K4925" s="359"/>
      <c r="L4925" s="359"/>
    </row>
    <row r="4926" spans="2:12">
      <c r="B4926" s="359"/>
      <c r="C4926" s="359"/>
      <c r="D4926" s="359"/>
      <c r="E4926" s="359"/>
      <c r="F4926" s="360"/>
      <c r="G4926" s="360"/>
      <c r="H4926" s="360"/>
      <c r="I4926" s="360"/>
      <c r="J4926" s="359"/>
      <c r="K4926" s="359"/>
      <c r="L4926" s="359"/>
    </row>
    <row r="4927" spans="2:12" ht="28.5">
      <c r="B4927" s="361"/>
      <c r="C4927" s="361"/>
      <c r="D4927" s="361"/>
      <c r="E4927" s="361"/>
      <c r="F4927" s="361" t="s">
        <v>14374</v>
      </c>
      <c r="G4927" s="361" t="s">
        <v>14373</v>
      </c>
      <c r="H4927" s="362"/>
      <c r="I4927" s="362"/>
      <c r="J4927" s="361"/>
      <c r="K4927" s="361"/>
      <c r="L4927" s="361"/>
    </row>
    <row r="4928" spans="2:12" ht="42.75">
      <c r="B4928" s="358" t="s">
        <v>16780</v>
      </c>
      <c r="C4928" s="358" t="s">
        <v>27509</v>
      </c>
      <c r="D4928" s="358" t="s">
        <v>16781</v>
      </c>
      <c r="E4928" s="358" t="s">
        <v>8356</v>
      </c>
      <c r="F4928" s="358" t="s">
        <v>14386</v>
      </c>
      <c r="G4928" s="358" t="s">
        <v>14387</v>
      </c>
      <c r="H4928" s="358" t="s">
        <v>14367</v>
      </c>
      <c r="I4928" s="358" t="s">
        <v>14387</v>
      </c>
      <c r="J4928" s="358"/>
      <c r="K4928" s="358"/>
      <c r="L4928" s="358"/>
    </row>
    <row r="4929" spans="2:12">
      <c r="B4929" s="359"/>
      <c r="C4929" s="359"/>
      <c r="D4929" s="359"/>
      <c r="E4929" s="359"/>
      <c r="F4929" s="359"/>
      <c r="G4929" s="359"/>
      <c r="H4929" s="360"/>
      <c r="I4929" s="359"/>
      <c r="J4929" s="359"/>
      <c r="K4929" s="359"/>
      <c r="L4929" s="359"/>
    </row>
    <row r="4930" spans="2:12">
      <c r="B4930" s="361"/>
      <c r="C4930" s="361"/>
      <c r="D4930" s="361"/>
      <c r="E4930" s="361"/>
      <c r="F4930" s="361"/>
      <c r="G4930" s="361"/>
      <c r="H4930" s="361" t="s">
        <v>14422</v>
      </c>
      <c r="I4930" s="361"/>
      <c r="J4930" s="361"/>
      <c r="K4930" s="361"/>
      <c r="L4930" s="361"/>
    </row>
    <row r="4931" spans="2:12" ht="28.5">
      <c r="B4931" s="358" t="s">
        <v>16782</v>
      </c>
      <c r="C4931" s="358" t="s">
        <v>16783</v>
      </c>
      <c r="D4931" s="358" t="s">
        <v>16784</v>
      </c>
      <c r="E4931" s="358" t="s">
        <v>8356</v>
      </c>
      <c r="F4931" s="358" t="s">
        <v>14430</v>
      </c>
      <c r="G4931" s="358" t="s">
        <v>14431</v>
      </c>
      <c r="H4931" s="358" t="s">
        <v>14341</v>
      </c>
      <c r="I4931" s="358" t="s">
        <v>14431</v>
      </c>
      <c r="J4931" s="358"/>
      <c r="K4931" s="358"/>
      <c r="L4931" s="358"/>
    </row>
    <row r="4932" spans="2:12">
      <c r="B4932" s="359"/>
      <c r="C4932" s="359"/>
      <c r="D4932" s="359"/>
      <c r="E4932" s="359"/>
      <c r="F4932" s="360"/>
      <c r="G4932" s="360"/>
      <c r="H4932" s="360"/>
      <c r="I4932" s="360"/>
      <c r="J4932" s="359"/>
      <c r="K4932" s="359"/>
      <c r="L4932" s="359"/>
    </row>
    <row r="4933" spans="2:12" ht="28.5">
      <c r="B4933" s="359"/>
      <c r="C4933" s="359"/>
      <c r="D4933" s="359"/>
      <c r="E4933" s="359"/>
      <c r="F4933" s="359" t="s">
        <v>14394</v>
      </c>
      <c r="G4933" s="359" t="s">
        <v>14395</v>
      </c>
      <c r="H4933" s="359" t="s">
        <v>14370</v>
      </c>
      <c r="I4933" s="359" t="s">
        <v>14395</v>
      </c>
      <c r="J4933" s="359"/>
      <c r="K4933" s="359"/>
      <c r="L4933" s="359"/>
    </row>
    <row r="4934" spans="2:12">
      <c r="B4934" s="359"/>
      <c r="C4934" s="359"/>
      <c r="D4934" s="359"/>
      <c r="E4934" s="359"/>
      <c r="F4934" s="360"/>
      <c r="G4934" s="360"/>
      <c r="H4934" s="360"/>
      <c r="I4934" s="360"/>
      <c r="J4934" s="359"/>
      <c r="K4934" s="359"/>
      <c r="L4934" s="359"/>
    </row>
    <row r="4935" spans="2:12">
      <c r="B4935" s="361"/>
      <c r="C4935" s="361"/>
      <c r="D4935" s="361"/>
      <c r="E4935" s="361"/>
      <c r="F4935" s="362"/>
      <c r="G4935" s="362"/>
      <c r="H4935" s="361" t="s">
        <v>14332</v>
      </c>
      <c r="I4935" s="362"/>
      <c r="J4935" s="361"/>
      <c r="K4935" s="361"/>
      <c r="L4935" s="361"/>
    </row>
    <row r="4936" spans="2:12" ht="57">
      <c r="B4936" s="358" t="s">
        <v>16785</v>
      </c>
      <c r="C4936" s="358" t="s">
        <v>16786</v>
      </c>
      <c r="D4936" s="358" t="s">
        <v>16787</v>
      </c>
      <c r="E4936" s="358" t="s">
        <v>16788</v>
      </c>
      <c r="F4936" s="358" t="s">
        <v>14391</v>
      </c>
      <c r="G4936" s="358" t="s">
        <v>14392</v>
      </c>
      <c r="H4936" s="358" t="s">
        <v>14367</v>
      </c>
      <c r="I4936" s="358" t="s">
        <v>14392</v>
      </c>
      <c r="J4936" s="358"/>
      <c r="K4936" s="358"/>
      <c r="L4936" s="358" t="s">
        <v>16789</v>
      </c>
    </row>
    <row r="4937" spans="2:12">
      <c r="B4937" s="359"/>
      <c r="C4937" s="359"/>
      <c r="D4937" s="359"/>
      <c r="E4937" s="359"/>
      <c r="F4937" s="359"/>
      <c r="G4937" s="359"/>
      <c r="H4937" s="360"/>
      <c r="I4937" s="359"/>
      <c r="J4937" s="359"/>
      <c r="K4937" s="359"/>
      <c r="L4937" s="359"/>
    </row>
    <row r="4938" spans="2:12">
      <c r="B4938" s="361"/>
      <c r="C4938" s="361"/>
      <c r="D4938" s="361"/>
      <c r="E4938" s="361"/>
      <c r="F4938" s="361"/>
      <c r="G4938" s="361"/>
      <c r="H4938" s="361" t="s">
        <v>14422</v>
      </c>
      <c r="I4938" s="361"/>
      <c r="J4938" s="361"/>
      <c r="K4938" s="361"/>
      <c r="L4938" s="361"/>
    </row>
    <row r="4939" spans="2:12">
      <c r="B4939" s="358" t="s">
        <v>16790</v>
      </c>
      <c r="C4939" s="358" t="s">
        <v>16791</v>
      </c>
      <c r="D4939" s="358" t="s">
        <v>16792</v>
      </c>
      <c r="E4939" s="358" t="s">
        <v>16793</v>
      </c>
      <c r="F4939" s="358" t="s">
        <v>14420</v>
      </c>
      <c r="G4939" s="358" t="s">
        <v>14429</v>
      </c>
      <c r="H4939" s="358" t="s">
        <v>14341</v>
      </c>
      <c r="I4939" s="358" t="s">
        <v>14429</v>
      </c>
      <c r="J4939" s="358"/>
      <c r="K4939" s="358"/>
      <c r="L4939" s="358"/>
    </row>
    <row r="4940" spans="2:12">
      <c r="B4940" s="359"/>
      <c r="C4940" s="359"/>
      <c r="D4940" s="359"/>
      <c r="E4940" s="359"/>
      <c r="F4940" s="360"/>
      <c r="G4940" s="360"/>
      <c r="H4940" s="360"/>
      <c r="I4940" s="360"/>
      <c r="J4940" s="359"/>
      <c r="K4940" s="359"/>
      <c r="L4940" s="359"/>
    </row>
    <row r="4941" spans="2:12">
      <c r="B4941" s="359"/>
      <c r="C4941" s="359"/>
      <c r="D4941" s="359"/>
      <c r="E4941" s="359"/>
      <c r="F4941" s="359" t="s">
        <v>14430</v>
      </c>
      <c r="G4941" s="359" t="s">
        <v>14431</v>
      </c>
      <c r="H4941" s="359" t="s">
        <v>14367</v>
      </c>
      <c r="I4941" s="359" t="s">
        <v>14431</v>
      </c>
      <c r="J4941" s="359"/>
      <c r="K4941" s="359"/>
      <c r="L4941" s="359"/>
    </row>
    <row r="4942" spans="2:12">
      <c r="B4942" s="359"/>
      <c r="C4942" s="359"/>
      <c r="D4942" s="359"/>
      <c r="E4942" s="359"/>
      <c r="F4942" s="360"/>
      <c r="G4942" s="360"/>
      <c r="H4942" s="360"/>
      <c r="I4942" s="360"/>
      <c r="J4942" s="359"/>
      <c r="K4942" s="359"/>
      <c r="L4942" s="359"/>
    </row>
    <row r="4943" spans="2:12">
      <c r="B4943" s="359"/>
      <c r="C4943" s="359"/>
      <c r="D4943" s="359"/>
      <c r="E4943" s="359"/>
      <c r="F4943" s="359" t="s">
        <v>14371</v>
      </c>
      <c r="G4943" s="359" t="s">
        <v>14372</v>
      </c>
      <c r="H4943" s="359" t="s">
        <v>14370</v>
      </c>
      <c r="I4943" s="359" t="s">
        <v>14373</v>
      </c>
      <c r="J4943" s="359"/>
      <c r="K4943" s="359"/>
      <c r="L4943" s="359"/>
    </row>
    <row r="4944" spans="2:12">
      <c r="B4944" s="359"/>
      <c r="C4944" s="359"/>
      <c r="D4944" s="359"/>
      <c r="E4944" s="359"/>
      <c r="F4944" s="360"/>
      <c r="G4944" s="360"/>
      <c r="H4944" s="360"/>
      <c r="I4944" s="360"/>
      <c r="J4944" s="359"/>
      <c r="K4944" s="359"/>
      <c r="L4944" s="359"/>
    </row>
    <row r="4945" spans="2:12" ht="28.5">
      <c r="B4945" s="361"/>
      <c r="C4945" s="361"/>
      <c r="D4945" s="361"/>
      <c r="E4945" s="361"/>
      <c r="F4945" s="361" t="s">
        <v>14374</v>
      </c>
      <c r="G4945" s="361" t="s">
        <v>14373</v>
      </c>
      <c r="H4945" s="361" t="s">
        <v>14332</v>
      </c>
      <c r="I4945" s="362"/>
      <c r="J4945" s="361"/>
      <c r="K4945" s="361"/>
      <c r="L4945" s="361"/>
    </row>
    <row r="4946" spans="2:12" ht="28.5">
      <c r="B4946" s="358" t="s">
        <v>16794</v>
      </c>
      <c r="C4946" s="358" t="s">
        <v>27510</v>
      </c>
      <c r="D4946" s="358" t="s">
        <v>16795</v>
      </c>
      <c r="E4946" s="358" t="s">
        <v>16796</v>
      </c>
      <c r="F4946" s="358" t="s">
        <v>14472</v>
      </c>
      <c r="G4946" s="358" t="s">
        <v>14473</v>
      </c>
      <c r="H4946" s="358" t="s">
        <v>8356</v>
      </c>
      <c r="I4946" s="358" t="s">
        <v>14473</v>
      </c>
      <c r="J4946" s="358"/>
      <c r="K4946" s="358"/>
      <c r="L4946" s="358"/>
    </row>
    <row r="4947" spans="2:12">
      <c r="B4947" s="361"/>
      <c r="C4947" s="361"/>
      <c r="D4947" s="361"/>
      <c r="E4947" s="361"/>
      <c r="F4947" s="361"/>
      <c r="G4947" s="361"/>
      <c r="H4947" s="361"/>
      <c r="I4947" s="361"/>
      <c r="J4947" s="361"/>
      <c r="K4947" s="361"/>
      <c r="L4947" s="361"/>
    </row>
    <row r="4948" spans="2:12" ht="42.75">
      <c r="B4948" s="358" t="s">
        <v>16797</v>
      </c>
      <c r="C4948" s="358" t="s">
        <v>30103</v>
      </c>
      <c r="D4948" s="358" t="s">
        <v>16798</v>
      </c>
      <c r="E4948" s="358" t="s">
        <v>16799</v>
      </c>
      <c r="F4948" s="358" t="s">
        <v>14391</v>
      </c>
      <c r="G4948" s="358" t="s">
        <v>14392</v>
      </c>
      <c r="H4948" s="358" t="s">
        <v>14367</v>
      </c>
      <c r="I4948" s="358" t="s">
        <v>14392</v>
      </c>
      <c r="J4948" s="358"/>
      <c r="K4948" s="358"/>
      <c r="L4948" s="358"/>
    </row>
    <row r="4949" spans="2:12">
      <c r="B4949" s="359"/>
      <c r="C4949" s="359"/>
      <c r="D4949" s="359"/>
      <c r="E4949" s="359"/>
      <c r="F4949" s="359"/>
      <c r="G4949" s="359"/>
      <c r="H4949" s="360"/>
      <c r="I4949" s="359"/>
      <c r="J4949" s="359"/>
      <c r="K4949" s="359"/>
      <c r="L4949" s="359"/>
    </row>
    <row r="4950" spans="2:12">
      <c r="B4950" s="361"/>
      <c r="C4950" s="361"/>
      <c r="D4950" s="361"/>
      <c r="E4950" s="361"/>
      <c r="F4950" s="361"/>
      <c r="G4950" s="361"/>
      <c r="H4950" s="361" t="s">
        <v>14422</v>
      </c>
      <c r="I4950" s="361"/>
      <c r="J4950" s="361"/>
      <c r="K4950" s="361"/>
      <c r="L4950" s="361"/>
    </row>
    <row r="4951" spans="2:12" ht="57">
      <c r="B4951" s="358" t="s">
        <v>16800</v>
      </c>
      <c r="C4951" s="358" t="s">
        <v>27511</v>
      </c>
      <c r="D4951" s="358" t="s">
        <v>16801</v>
      </c>
      <c r="E4951" s="358" t="s">
        <v>16802</v>
      </c>
      <c r="F4951" s="358" t="s">
        <v>14356</v>
      </c>
      <c r="G4951" s="358" t="s">
        <v>14340</v>
      </c>
      <c r="H4951" s="358" t="s">
        <v>14341</v>
      </c>
      <c r="I4951" s="358" t="s">
        <v>14340</v>
      </c>
      <c r="J4951" s="358"/>
      <c r="K4951" s="358"/>
      <c r="L4951" s="358"/>
    </row>
    <row r="4952" spans="2:12">
      <c r="B4952" s="359"/>
      <c r="C4952" s="359"/>
      <c r="D4952" s="359"/>
      <c r="E4952" s="359"/>
      <c r="F4952" s="359"/>
      <c r="G4952" s="359"/>
      <c r="H4952" s="360"/>
      <c r="I4952" s="359"/>
      <c r="J4952" s="359"/>
      <c r="K4952" s="359"/>
      <c r="L4952" s="359"/>
    </row>
    <row r="4953" spans="2:12">
      <c r="B4953" s="361"/>
      <c r="C4953" s="361"/>
      <c r="D4953" s="361"/>
      <c r="E4953" s="361"/>
      <c r="F4953" s="361"/>
      <c r="G4953" s="361"/>
      <c r="H4953" s="361" t="s">
        <v>14332</v>
      </c>
      <c r="I4953" s="361"/>
      <c r="J4953" s="361"/>
      <c r="K4953" s="361"/>
      <c r="L4953" s="361"/>
    </row>
    <row r="4954" spans="2:12" ht="42.75">
      <c r="B4954" s="358" t="s">
        <v>16803</v>
      </c>
      <c r="C4954" s="358" t="s">
        <v>27512</v>
      </c>
      <c r="D4954" s="358" t="s">
        <v>16804</v>
      </c>
      <c r="E4954" s="358" t="s">
        <v>16805</v>
      </c>
      <c r="F4954" s="358" t="s">
        <v>14430</v>
      </c>
      <c r="G4954" s="358" t="s">
        <v>14431</v>
      </c>
      <c r="H4954" s="358" t="s">
        <v>14341</v>
      </c>
      <c r="I4954" s="358" t="s">
        <v>14431</v>
      </c>
      <c r="J4954" s="358"/>
      <c r="K4954" s="358"/>
      <c r="L4954" s="358"/>
    </row>
    <row r="4955" spans="2:12">
      <c r="B4955" s="359"/>
      <c r="C4955" s="359"/>
      <c r="D4955" s="359"/>
      <c r="E4955" s="359"/>
      <c r="F4955" s="359"/>
      <c r="G4955" s="359"/>
      <c r="H4955" s="360"/>
      <c r="I4955" s="359"/>
      <c r="J4955" s="359"/>
      <c r="K4955" s="359"/>
      <c r="L4955" s="359"/>
    </row>
    <row r="4956" spans="2:12">
      <c r="B4956" s="361"/>
      <c r="C4956" s="361"/>
      <c r="D4956" s="361"/>
      <c r="E4956" s="361"/>
      <c r="F4956" s="361"/>
      <c r="G4956" s="361"/>
      <c r="H4956" s="361" t="s">
        <v>14332</v>
      </c>
      <c r="I4956" s="361"/>
      <c r="J4956" s="361"/>
      <c r="K4956" s="361"/>
      <c r="L4956" s="361"/>
    </row>
    <row r="4957" spans="2:12" ht="71.25">
      <c r="B4957" s="358" t="s">
        <v>16806</v>
      </c>
      <c r="C4957" s="358" t="s">
        <v>16807</v>
      </c>
      <c r="D4957" s="358" t="s">
        <v>16808</v>
      </c>
      <c r="E4957" s="358" t="s">
        <v>16809</v>
      </c>
      <c r="F4957" s="358" t="s">
        <v>14430</v>
      </c>
      <c r="G4957" s="358" t="s">
        <v>14431</v>
      </c>
      <c r="H4957" s="358" t="s">
        <v>14341</v>
      </c>
      <c r="I4957" s="358" t="s">
        <v>14431</v>
      </c>
      <c r="J4957" s="358"/>
      <c r="K4957" s="358"/>
      <c r="L4957" s="358"/>
    </row>
    <row r="4958" spans="2:12">
      <c r="B4958" s="359"/>
      <c r="C4958" s="359"/>
      <c r="D4958" s="359"/>
      <c r="E4958" s="359"/>
      <c r="F4958" s="359"/>
      <c r="G4958" s="359"/>
      <c r="H4958" s="360"/>
      <c r="I4958" s="359"/>
      <c r="J4958" s="359"/>
      <c r="K4958" s="359"/>
      <c r="L4958" s="359"/>
    </row>
    <row r="4959" spans="2:12">
      <c r="B4959" s="361"/>
      <c r="C4959" s="361"/>
      <c r="D4959" s="361"/>
      <c r="E4959" s="361"/>
      <c r="F4959" s="361"/>
      <c r="G4959" s="361"/>
      <c r="H4959" s="361" t="s">
        <v>14332</v>
      </c>
      <c r="I4959" s="361"/>
      <c r="J4959" s="361"/>
      <c r="K4959" s="361"/>
      <c r="L4959" s="361"/>
    </row>
    <row r="4960" spans="2:12" ht="71.25">
      <c r="B4960" s="358" t="s">
        <v>16810</v>
      </c>
      <c r="C4960" s="358" t="s">
        <v>30104</v>
      </c>
      <c r="D4960" s="358" t="s">
        <v>16811</v>
      </c>
      <c r="E4960" s="358" t="s">
        <v>16812</v>
      </c>
      <c r="F4960" s="358" t="s">
        <v>14460</v>
      </c>
      <c r="G4960" s="358" t="s">
        <v>14461</v>
      </c>
      <c r="H4960" s="358" t="s">
        <v>14381</v>
      </c>
      <c r="I4960" s="358" t="s">
        <v>14461</v>
      </c>
      <c r="J4960" s="358"/>
      <c r="K4960" s="358"/>
      <c r="L4960" s="358"/>
    </row>
    <row r="4961" spans="2:12">
      <c r="B4961" s="359"/>
      <c r="C4961" s="359"/>
      <c r="D4961" s="359"/>
      <c r="E4961" s="359"/>
      <c r="F4961" s="360"/>
      <c r="G4961" s="360"/>
      <c r="H4961" s="360"/>
      <c r="I4961" s="360"/>
      <c r="J4961" s="359"/>
      <c r="K4961" s="359"/>
      <c r="L4961" s="359"/>
    </row>
    <row r="4962" spans="2:12" ht="28.5">
      <c r="B4962" s="359"/>
      <c r="C4962" s="359"/>
      <c r="D4962" s="359"/>
      <c r="E4962" s="359"/>
      <c r="F4962" s="359" t="s">
        <v>14394</v>
      </c>
      <c r="G4962" s="359" t="s">
        <v>14395</v>
      </c>
      <c r="H4962" s="359" t="s">
        <v>14370</v>
      </c>
      <c r="I4962" s="359" t="s">
        <v>14395</v>
      </c>
      <c r="J4962" s="359"/>
      <c r="K4962" s="359"/>
      <c r="L4962" s="359"/>
    </row>
    <row r="4963" spans="2:12">
      <c r="B4963" s="359"/>
      <c r="C4963" s="359"/>
      <c r="D4963" s="359"/>
      <c r="E4963" s="359"/>
      <c r="F4963" s="360"/>
      <c r="G4963" s="360"/>
      <c r="H4963" s="360"/>
      <c r="I4963" s="360"/>
      <c r="J4963" s="359"/>
      <c r="K4963" s="359"/>
      <c r="L4963" s="359"/>
    </row>
    <row r="4964" spans="2:12">
      <c r="B4964" s="361"/>
      <c r="C4964" s="361"/>
      <c r="D4964" s="361"/>
      <c r="E4964" s="361"/>
      <c r="F4964" s="362"/>
      <c r="G4964" s="362"/>
      <c r="H4964" s="361" t="s">
        <v>14422</v>
      </c>
      <c r="I4964" s="362"/>
      <c r="J4964" s="361"/>
      <c r="K4964" s="361"/>
      <c r="L4964" s="361"/>
    </row>
    <row r="4965" spans="2:12">
      <c r="B4965" s="354" t="s">
        <v>14492</v>
      </c>
      <c r="C4965" s="355"/>
      <c r="D4965" s="355"/>
      <c r="E4965" s="355"/>
      <c r="F4965" s="355"/>
      <c r="G4965" s="355"/>
      <c r="H4965" s="355"/>
      <c r="I4965" s="355"/>
      <c r="J4965" s="355"/>
      <c r="K4965" s="355"/>
      <c r="L4965" s="363"/>
    </row>
    <row r="4966" spans="2:12" ht="42.75">
      <c r="B4966" s="358" t="s">
        <v>16813</v>
      </c>
      <c r="C4966" s="358" t="s">
        <v>16814</v>
      </c>
      <c r="D4966" s="358" t="s">
        <v>16815</v>
      </c>
      <c r="E4966" s="358" t="s">
        <v>16816</v>
      </c>
      <c r="F4966" s="358" t="s">
        <v>14658</v>
      </c>
      <c r="G4966" s="358" t="s">
        <v>14372</v>
      </c>
      <c r="H4966" s="358" t="s">
        <v>14370</v>
      </c>
      <c r="I4966" s="358" t="s">
        <v>14373</v>
      </c>
      <c r="J4966" s="358" t="s">
        <v>14534</v>
      </c>
      <c r="K4966" s="358" t="s">
        <v>14655</v>
      </c>
      <c r="L4966" s="358"/>
    </row>
    <row r="4967" spans="2:12">
      <c r="B4967" s="359"/>
      <c r="C4967" s="359"/>
      <c r="D4967" s="359"/>
      <c r="E4967" s="359"/>
      <c r="F4967" s="359"/>
      <c r="G4967" s="360"/>
      <c r="H4967" s="360"/>
      <c r="I4967" s="359"/>
      <c r="J4967" s="359"/>
      <c r="K4967" s="359"/>
      <c r="L4967" s="359"/>
    </row>
    <row r="4968" spans="2:12">
      <c r="B4968" s="361"/>
      <c r="C4968" s="361"/>
      <c r="D4968" s="361"/>
      <c r="E4968" s="361"/>
      <c r="F4968" s="361"/>
      <c r="G4968" s="361" t="s">
        <v>14373</v>
      </c>
      <c r="H4968" s="361" t="s">
        <v>14422</v>
      </c>
      <c r="I4968" s="361"/>
      <c r="J4968" s="361"/>
      <c r="K4968" s="361"/>
      <c r="L4968" s="361"/>
    </row>
    <row r="4969" spans="2:12">
      <c r="B4969" s="358" t="s">
        <v>16817</v>
      </c>
      <c r="C4969" s="358" t="s">
        <v>16818</v>
      </c>
      <c r="D4969" s="358" t="s">
        <v>16819</v>
      </c>
      <c r="E4969" s="358" t="s">
        <v>1709</v>
      </c>
      <c r="F4969" s="358" t="s">
        <v>14371</v>
      </c>
      <c r="G4969" s="358" t="s">
        <v>14372</v>
      </c>
      <c r="H4969" s="358" t="s">
        <v>14370</v>
      </c>
      <c r="I4969" s="358" t="s">
        <v>14373</v>
      </c>
      <c r="J4969" s="358"/>
      <c r="K4969" s="358" t="s">
        <v>14657</v>
      </c>
      <c r="L4969" s="358"/>
    </row>
    <row r="4970" spans="2:12">
      <c r="B4970" s="359"/>
      <c r="C4970" s="359"/>
      <c r="D4970" s="359"/>
      <c r="E4970" s="359"/>
      <c r="F4970" s="360"/>
      <c r="G4970" s="360"/>
      <c r="H4970" s="360"/>
      <c r="I4970" s="359"/>
      <c r="J4970" s="359"/>
      <c r="K4970" s="359"/>
      <c r="L4970" s="359"/>
    </row>
    <row r="4971" spans="2:12" ht="28.5">
      <c r="B4971" s="361"/>
      <c r="C4971" s="361"/>
      <c r="D4971" s="361"/>
      <c r="E4971" s="361"/>
      <c r="F4971" s="361" t="s">
        <v>14374</v>
      </c>
      <c r="G4971" s="361" t="s">
        <v>14373</v>
      </c>
      <c r="H4971" s="361" t="s">
        <v>14422</v>
      </c>
      <c r="I4971" s="361"/>
      <c r="J4971" s="361"/>
      <c r="K4971" s="361"/>
      <c r="L4971" s="361"/>
    </row>
    <row r="4972" spans="2:12">
      <c r="B4972" s="358" t="s">
        <v>16820</v>
      </c>
      <c r="C4972" s="358" t="s">
        <v>16821</v>
      </c>
      <c r="D4972" s="358" t="s">
        <v>16822</v>
      </c>
      <c r="E4972" s="358" t="s">
        <v>16823</v>
      </c>
      <c r="F4972" s="358" t="s">
        <v>15089</v>
      </c>
      <c r="G4972" s="358" t="s">
        <v>14459</v>
      </c>
      <c r="H4972" s="358" t="s">
        <v>14378</v>
      </c>
      <c r="I4972" s="358" t="s">
        <v>14459</v>
      </c>
      <c r="J4972" s="358"/>
      <c r="K4972" s="358" t="s">
        <v>14655</v>
      </c>
      <c r="L4972" s="358"/>
    </row>
    <row r="4973" spans="2:12">
      <c r="B4973" s="359"/>
      <c r="C4973" s="359"/>
      <c r="D4973" s="359"/>
      <c r="E4973" s="359"/>
      <c r="F4973" s="360"/>
      <c r="G4973" s="360"/>
      <c r="H4973" s="360"/>
      <c r="I4973" s="360"/>
      <c r="J4973" s="359"/>
      <c r="K4973" s="359"/>
      <c r="L4973" s="359"/>
    </row>
    <row r="4974" spans="2:12">
      <c r="B4974" s="359"/>
      <c r="C4974" s="359"/>
      <c r="D4974" s="359"/>
      <c r="E4974" s="359"/>
      <c r="F4974" s="359" t="s">
        <v>14656</v>
      </c>
      <c r="G4974" s="359" t="s">
        <v>14383</v>
      </c>
      <c r="H4974" s="359" t="s">
        <v>14370</v>
      </c>
      <c r="I4974" s="359" t="s">
        <v>14383</v>
      </c>
      <c r="J4974" s="359"/>
      <c r="K4974" s="359"/>
      <c r="L4974" s="359"/>
    </row>
    <row r="4975" spans="2:12">
      <c r="B4975" s="359"/>
      <c r="C4975" s="359"/>
      <c r="D4975" s="359"/>
      <c r="E4975" s="359"/>
      <c r="F4975" s="360"/>
      <c r="G4975" s="360"/>
      <c r="H4975" s="360"/>
      <c r="I4975" s="360"/>
      <c r="J4975" s="359"/>
      <c r="K4975" s="359"/>
      <c r="L4975" s="359"/>
    </row>
    <row r="4976" spans="2:12">
      <c r="B4976" s="359"/>
      <c r="C4976" s="359"/>
      <c r="D4976" s="359"/>
      <c r="E4976" s="359"/>
      <c r="F4976" s="359" t="s">
        <v>14371</v>
      </c>
      <c r="G4976" s="359" t="s">
        <v>14372</v>
      </c>
      <c r="H4976" s="359" t="s">
        <v>14332</v>
      </c>
      <c r="I4976" s="359" t="s">
        <v>14373</v>
      </c>
      <c r="J4976" s="359"/>
      <c r="K4976" s="359"/>
      <c r="L4976" s="359"/>
    </row>
    <row r="4977" spans="2:12">
      <c r="B4977" s="359"/>
      <c r="C4977" s="359"/>
      <c r="D4977" s="359"/>
      <c r="E4977" s="359"/>
      <c r="F4977" s="360"/>
      <c r="G4977" s="360"/>
      <c r="H4977" s="360"/>
      <c r="I4977" s="360"/>
      <c r="J4977" s="359"/>
      <c r="K4977" s="359"/>
      <c r="L4977" s="359"/>
    </row>
    <row r="4978" spans="2:12" ht="28.5">
      <c r="B4978" s="361"/>
      <c r="C4978" s="361"/>
      <c r="D4978" s="361"/>
      <c r="E4978" s="361"/>
      <c r="F4978" s="361" t="s">
        <v>14374</v>
      </c>
      <c r="G4978" s="361" t="s">
        <v>14373</v>
      </c>
      <c r="H4978" s="362"/>
      <c r="I4978" s="362"/>
      <c r="J4978" s="361"/>
      <c r="K4978" s="361"/>
      <c r="L4978" s="361"/>
    </row>
    <row r="4979" spans="2:12" ht="28.5">
      <c r="B4979" s="358" t="s">
        <v>16824</v>
      </c>
      <c r="C4979" s="358" t="s">
        <v>16825</v>
      </c>
      <c r="D4979" s="358" t="s">
        <v>16826</v>
      </c>
      <c r="E4979" s="358" t="s">
        <v>16827</v>
      </c>
      <c r="F4979" s="358" t="s">
        <v>15089</v>
      </c>
      <c r="G4979" s="358" t="s">
        <v>14429</v>
      </c>
      <c r="H4979" s="358" t="s">
        <v>14367</v>
      </c>
      <c r="I4979" s="358" t="s">
        <v>14429</v>
      </c>
      <c r="J4979" s="358"/>
      <c r="K4979" s="358" t="s">
        <v>14655</v>
      </c>
      <c r="L4979" s="358"/>
    </row>
    <row r="4980" spans="2:12">
      <c r="B4980" s="359"/>
      <c r="C4980" s="360"/>
      <c r="D4980" s="360"/>
      <c r="E4980" s="360"/>
      <c r="F4980" s="360"/>
      <c r="G4980" s="360"/>
      <c r="H4980" s="360"/>
      <c r="I4980" s="360"/>
      <c r="J4980" s="359"/>
      <c r="K4980" s="359"/>
      <c r="L4980" s="359"/>
    </row>
    <row r="4981" spans="2:12" ht="42.75">
      <c r="B4981" s="359"/>
      <c r="C4981" s="359" t="s">
        <v>16828</v>
      </c>
      <c r="D4981" s="359" t="s">
        <v>16829</v>
      </c>
      <c r="E4981" s="359" t="s">
        <v>16830</v>
      </c>
      <c r="F4981" s="359" t="s">
        <v>14658</v>
      </c>
      <c r="G4981" s="359" t="s">
        <v>14372</v>
      </c>
      <c r="H4981" s="359" t="s">
        <v>14370</v>
      </c>
      <c r="I4981" s="359" t="s">
        <v>14373</v>
      </c>
      <c r="J4981" s="359"/>
      <c r="K4981" s="359"/>
      <c r="L4981" s="359"/>
    </row>
    <row r="4982" spans="2:12">
      <c r="B4982" s="359"/>
      <c r="C4982" s="360"/>
      <c r="D4982" s="360"/>
      <c r="E4982" s="360"/>
      <c r="F4982" s="360"/>
      <c r="G4982" s="360"/>
      <c r="H4982" s="360"/>
      <c r="I4982" s="360"/>
      <c r="J4982" s="359"/>
      <c r="K4982" s="359"/>
      <c r="L4982" s="359"/>
    </row>
    <row r="4983" spans="2:12">
      <c r="B4983" s="361"/>
      <c r="C4983" s="362"/>
      <c r="D4983" s="362"/>
      <c r="E4983" s="362"/>
      <c r="F4983" s="362"/>
      <c r="G4983" s="361" t="s">
        <v>14373</v>
      </c>
      <c r="H4983" s="361" t="s">
        <v>14422</v>
      </c>
      <c r="I4983" s="362"/>
      <c r="J4983" s="361"/>
      <c r="K4983" s="361"/>
      <c r="L4983" s="361"/>
    </row>
    <row r="4984" spans="2:12">
      <c r="B4984" s="358" t="s">
        <v>16831</v>
      </c>
      <c r="C4984" s="358" t="s">
        <v>16832</v>
      </c>
      <c r="D4984" s="358" t="s">
        <v>8356</v>
      </c>
      <c r="E4984" s="358" t="s">
        <v>8356</v>
      </c>
      <c r="F4984" s="358" t="s">
        <v>14656</v>
      </c>
      <c r="G4984" s="358" t="s">
        <v>14483</v>
      </c>
      <c r="H4984" s="358" t="s">
        <v>14378</v>
      </c>
      <c r="I4984" s="358" t="s">
        <v>14483</v>
      </c>
      <c r="J4984" s="358"/>
      <c r="K4984" s="358" t="s">
        <v>14655</v>
      </c>
      <c r="L4984" s="358"/>
    </row>
    <row r="4985" spans="2:12">
      <c r="B4985" s="359"/>
      <c r="C4985" s="359"/>
      <c r="D4985" s="359"/>
      <c r="E4985" s="359"/>
      <c r="F4985" s="360"/>
      <c r="G4985" s="360"/>
      <c r="H4985" s="360"/>
      <c r="I4985" s="360"/>
      <c r="J4985" s="359"/>
      <c r="K4985" s="359"/>
      <c r="L4985" s="359"/>
    </row>
    <row r="4986" spans="2:12">
      <c r="B4986" s="359"/>
      <c r="C4986" s="359"/>
      <c r="D4986" s="359"/>
      <c r="E4986" s="359"/>
      <c r="F4986" s="359" t="s">
        <v>15089</v>
      </c>
      <c r="G4986" s="359" t="s">
        <v>14429</v>
      </c>
      <c r="H4986" s="359" t="s">
        <v>14370</v>
      </c>
      <c r="I4986" s="359" t="s">
        <v>14429</v>
      </c>
      <c r="J4986" s="359"/>
      <c r="K4986" s="359"/>
      <c r="L4986" s="359"/>
    </row>
    <row r="4987" spans="2:12">
      <c r="B4987" s="359"/>
      <c r="C4987" s="359"/>
      <c r="D4987" s="359"/>
      <c r="E4987" s="359"/>
      <c r="F4987" s="360"/>
      <c r="G4987" s="360"/>
      <c r="H4987" s="360"/>
      <c r="I4987" s="360"/>
      <c r="J4987" s="359"/>
      <c r="K4987" s="359"/>
      <c r="L4987" s="359"/>
    </row>
    <row r="4988" spans="2:12">
      <c r="B4988" s="359"/>
      <c r="C4988" s="359"/>
      <c r="D4988" s="359"/>
      <c r="E4988" s="359"/>
      <c r="F4988" s="359" t="s">
        <v>14386</v>
      </c>
      <c r="G4988" s="359" t="s">
        <v>14387</v>
      </c>
      <c r="H4988" s="359" t="s">
        <v>14332</v>
      </c>
      <c r="I4988" s="359" t="s">
        <v>14387</v>
      </c>
      <c r="J4988" s="359"/>
      <c r="K4988" s="359"/>
      <c r="L4988" s="359"/>
    </row>
    <row r="4989" spans="2:12">
      <c r="B4989" s="359"/>
      <c r="C4989" s="359"/>
      <c r="D4989" s="359"/>
      <c r="E4989" s="359"/>
      <c r="F4989" s="360"/>
      <c r="G4989" s="360"/>
      <c r="H4989" s="360"/>
      <c r="I4989" s="360"/>
      <c r="J4989" s="359"/>
      <c r="K4989" s="359"/>
      <c r="L4989" s="359"/>
    </row>
    <row r="4990" spans="2:12">
      <c r="B4990" s="359"/>
      <c r="C4990" s="359"/>
      <c r="D4990" s="359"/>
      <c r="E4990" s="359"/>
      <c r="F4990" s="359" t="s">
        <v>14371</v>
      </c>
      <c r="G4990" s="359" t="s">
        <v>14372</v>
      </c>
      <c r="H4990" s="360"/>
      <c r="I4990" s="359" t="s">
        <v>14373</v>
      </c>
      <c r="J4990" s="359"/>
      <c r="K4990" s="359"/>
      <c r="L4990" s="359"/>
    </row>
    <row r="4991" spans="2:12">
      <c r="B4991" s="359"/>
      <c r="C4991" s="359"/>
      <c r="D4991" s="359"/>
      <c r="E4991" s="359"/>
      <c r="F4991" s="360"/>
      <c r="G4991" s="360"/>
      <c r="H4991" s="360"/>
      <c r="I4991" s="360"/>
      <c r="J4991" s="359"/>
      <c r="K4991" s="359"/>
      <c r="L4991" s="359"/>
    </row>
    <row r="4992" spans="2:12" ht="28.5">
      <c r="B4992" s="361"/>
      <c r="C4992" s="361"/>
      <c r="D4992" s="361"/>
      <c r="E4992" s="361"/>
      <c r="F4992" s="361" t="s">
        <v>14374</v>
      </c>
      <c r="G4992" s="361" t="s">
        <v>14373</v>
      </c>
      <c r="H4992" s="362"/>
      <c r="I4992" s="362"/>
      <c r="J4992" s="361"/>
      <c r="K4992" s="361"/>
      <c r="L4992" s="361"/>
    </row>
    <row r="4993" spans="2:12">
      <c r="B4993" s="358" t="s">
        <v>16833</v>
      </c>
      <c r="C4993" s="358" t="s">
        <v>16834</v>
      </c>
      <c r="D4993" s="358" t="s">
        <v>16835</v>
      </c>
      <c r="E4993" s="358" t="s">
        <v>1705</v>
      </c>
      <c r="F4993" s="358" t="s">
        <v>15089</v>
      </c>
      <c r="G4993" s="358" t="s">
        <v>14459</v>
      </c>
      <c r="H4993" s="358" t="s">
        <v>14367</v>
      </c>
      <c r="I4993" s="358" t="s">
        <v>14459</v>
      </c>
      <c r="J4993" s="358"/>
      <c r="K4993" s="358" t="s">
        <v>14655</v>
      </c>
      <c r="L4993" s="358"/>
    </row>
    <row r="4994" spans="2:12">
      <c r="B4994" s="359"/>
      <c r="C4994" s="359"/>
      <c r="D4994" s="359"/>
      <c r="E4994" s="359"/>
      <c r="F4994" s="360"/>
      <c r="G4994" s="360"/>
      <c r="H4994" s="360"/>
      <c r="I4994" s="360"/>
      <c r="J4994" s="359"/>
      <c r="K4994" s="359"/>
      <c r="L4994" s="359"/>
    </row>
    <row r="4995" spans="2:12">
      <c r="B4995" s="359"/>
      <c r="C4995" s="359"/>
      <c r="D4995" s="359"/>
      <c r="E4995" s="359"/>
      <c r="F4995" s="359" t="s">
        <v>15089</v>
      </c>
      <c r="G4995" s="359" t="s">
        <v>14429</v>
      </c>
      <c r="H4995" s="359" t="s">
        <v>14370</v>
      </c>
      <c r="I4995" s="359" t="s">
        <v>14429</v>
      </c>
      <c r="J4995" s="359"/>
      <c r="K4995" s="359"/>
      <c r="L4995" s="359"/>
    </row>
    <row r="4996" spans="2:12">
      <c r="B4996" s="359"/>
      <c r="C4996" s="359"/>
      <c r="D4996" s="359"/>
      <c r="E4996" s="359"/>
      <c r="F4996" s="360"/>
      <c r="G4996" s="360"/>
      <c r="H4996" s="360"/>
      <c r="I4996" s="360"/>
      <c r="J4996" s="359"/>
      <c r="K4996" s="359"/>
      <c r="L4996" s="359"/>
    </row>
    <row r="4997" spans="2:12">
      <c r="B4997" s="359"/>
      <c r="C4997" s="359"/>
      <c r="D4997" s="359"/>
      <c r="E4997" s="359"/>
      <c r="F4997" s="359" t="s">
        <v>14386</v>
      </c>
      <c r="G4997" s="359" t="s">
        <v>14387</v>
      </c>
      <c r="H4997" s="359" t="s">
        <v>14422</v>
      </c>
      <c r="I4997" s="359" t="s">
        <v>14387</v>
      </c>
      <c r="J4997" s="359"/>
      <c r="K4997" s="359"/>
      <c r="L4997" s="359"/>
    </row>
    <row r="4998" spans="2:12">
      <c r="B4998" s="359"/>
      <c r="C4998" s="359"/>
      <c r="D4998" s="359"/>
      <c r="E4998" s="359"/>
      <c r="F4998" s="360"/>
      <c r="G4998" s="360"/>
      <c r="H4998" s="360"/>
      <c r="I4998" s="360"/>
      <c r="J4998" s="359"/>
      <c r="K4998" s="359"/>
      <c r="L4998" s="359"/>
    </row>
    <row r="4999" spans="2:12">
      <c r="B4999" s="359"/>
      <c r="C4999" s="359"/>
      <c r="D4999" s="359"/>
      <c r="E4999" s="359"/>
      <c r="F4999" s="359" t="s">
        <v>14371</v>
      </c>
      <c r="G4999" s="359" t="s">
        <v>14372</v>
      </c>
      <c r="H4999" s="360"/>
      <c r="I4999" s="359" t="s">
        <v>14373</v>
      </c>
      <c r="J4999" s="359"/>
      <c r="K4999" s="359"/>
      <c r="L4999" s="359"/>
    </row>
    <row r="5000" spans="2:12">
      <c r="B5000" s="359"/>
      <c r="C5000" s="359"/>
      <c r="D5000" s="359"/>
      <c r="E5000" s="359"/>
      <c r="F5000" s="360"/>
      <c r="G5000" s="360"/>
      <c r="H5000" s="360"/>
      <c r="I5000" s="360"/>
      <c r="J5000" s="359"/>
      <c r="K5000" s="359"/>
      <c r="L5000" s="359"/>
    </row>
    <row r="5001" spans="2:12" ht="28.5">
      <c r="B5001" s="361"/>
      <c r="C5001" s="361"/>
      <c r="D5001" s="361"/>
      <c r="E5001" s="361"/>
      <c r="F5001" s="361" t="s">
        <v>14374</v>
      </c>
      <c r="G5001" s="361" t="s">
        <v>14373</v>
      </c>
      <c r="H5001" s="362"/>
      <c r="I5001" s="362"/>
      <c r="J5001" s="361"/>
      <c r="K5001" s="361"/>
      <c r="L5001" s="361"/>
    </row>
    <row r="5002" spans="2:12">
      <c r="B5002" s="358" t="s">
        <v>16836</v>
      </c>
      <c r="C5002" s="358" t="s">
        <v>16837</v>
      </c>
      <c r="D5002" s="358" t="s">
        <v>16838</v>
      </c>
      <c r="E5002" s="358" t="s">
        <v>1707</v>
      </c>
      <c r="F5002" s="358" t="s">
        <v>14700</v>
      </c>
      <c r="G5002" s="358" t="s">
        <v>14380</v>
      </c>
      <c r="H5002" s="358" t="s">
        <v>14378</v>
      </c>
      <c r="I5002" s="358" t="s">
        <v>14380</v>
      </c>
      <c r="J5002" s="358"/>
      <c r="K5002" s="358" t="s">
        <v>14655</v>
      </c>
      <c r="L5002" s="358"/>
    </row>
    <row r="5003" spans="2:12">
      <c r="B5003" s="359"/>
      <c r="C5003" s="360"/>
      <c r="D5003" s="359"/>
      <c r="E5003" s="359"/>
      <c r="F5003" s="360"/>
      <c r="G5003" s="360"/>
      <c r="H5003" s="360"/>
      <c r="I5003" s="360"/>
      <c r="J5003" s="359"/>
      <c r="K5003" s="359"/>
      <c r="L5003" s="359"/>
    </row>
    <row r="5004" spans="2:12">
      <c r="B5004" s="359"/>
      <c r="C5004" s="359" t="s">
        <v>16839</v>
      </c>
      <c r="D5004" s="359"/>
      <c r="E5004" s="359"/>
      <c r="F5004" s="359" t="s">
        <v>15089</v>
      </c>
      <c r="G5004" s="359" t="s">
        <v>14429</v>
      </c>
      <c r="H5004" s="359" t="s">
        <v>14341</v>
      </c>
      <c r="I5004" s="359" t="s">
        <v>14429</v>
      </c>
      <c r="J5004" s="359"/>
      <c r="K5004" s="359"/>
      <c r="L5004" s="359"/>
    </row>
    <row r="5005" spans="2:12">
      <c r="B5005" s="359"/>
      <c r="C5005" s="360"/>
      <c r="D5005" s="359"/>
      <c r="E5005" s="359"/>
      <c r="F5005" s="360"/>
      <c r="G5005" s="360"/>
      <c r="H5005" s="360"/>
      <c r="I5005" s="360"/>
      <c r="J5005" s="359"/>
      <c r="K5005" s="359"/>
      <c r="L5005" s="359"/>
    </row>
    <row r="5006" spans="2:12">
      <c r="B5006" s="359"/>
      <c r="C5006" s="360"/>
      <c r="D5006" s="359"/>
      <c r="E5006" s="359"/>
      <c r="F5006" s="359" t="s">
        <v>14430</v>
      </c>
      <c r="G5006" s="359" t="s">
        <v>14431</v>
      </c>
      <c r="H5006" s="359" t="s">
        <v>14370</v>
      </c>
      <c r="I5006" s="359" t="s">
        <v>14431</v>
      </c>
      <c r="J5006" s="359"/>
      <c r="K5006" s="359"/>
      <c r="L5006" s="359"/>
    </row>
    <row r="5007" spans="2:12">
      <c r="B5007" s="359"/>
      <c r="C5007" s="360"/>
      <c r="D5007" s="359"/>
      <c r="E5007" s="359"/>
      <c r="F5007" s="360"/>
      <c r="G5007" s="360"/>
      <c r="H5007" s="360"/>
      <c r="I5007" s="360"/>
      <c r="J5007" s="359"/>
      <c r="K5007" s="359"/>
      <c r="L5007" s="359"/>
    </row>
    <row r="5008" spans="2:12">
      <c r="B5008" s="359"/>
      <c r="C5008" s="360"/>
      <c r="D5008" s="359"/>
      <c r="E5008" s="359"/>
      <c r="F5008" s="359" t="s">
        <v>14371</v>
      </c>
      <c r="G5008" s="359" t="s">
        <v>14372</v>
      </c>
      <c r="H5008" s="359" t="s">
        <v>14332</v>
      </c>
      <c r="I5008" s="359" t="s">
        <v>14373</v>
      </c>
      <c r="J5008" s="359"/>
      <c r="K5008" s="359"/>
      <c r="L5008" s="359"/>
    </row>
    <row r="5009" spans="2:12">
      <c r="B5009" s="359"/>
      <c r="C5009" s="360"/>
      <c r="D5009" s="359"/>
      <c r="E5009" s="359"/>
      <c r="F5009" s="360"/>
      <c r="G5009" s="360"/>
      <c r="H5009" s="360"/>
      <c r="I5009" s="360"/>
      <c r="J5009" s="359"/>
      <c r="K5009" s="359"/>
      <c r="L5009" s="359"/>
    </row>
    <row r="5010" spans="2:12" ht="28.5">
      <c r="B5010" s="361"/>
      <c r="C5010" s="362"/>
      <c r="D5010" s="361"/>
      <c r="E5010" s="361"/>
      <c r="F5010" s="361" t="s">
        <v>14374</v>
      </c>
      <c r="G5010" s="361" t="s">
        <v>14373</v>
      </c>
      <c r="H5010" s="362"/>
      <c r="I5010" s="362"/>
      <c r="J5010" s="361"/>
      <c r="K5010" s="361"/>
      <c r="L5010" s="361"/>
    </row>
    <row r="5011" spans="2:12">
      <c r="B5011" s="358" t="s">
        <v>16840</v>
      </c>
      <c r="C5011" s="358" t="s">
        <v>16841</v>
      </c>
      <c r="D5011" s="358" t="s">
        <v>8356</v>
      </c>
      <c r="E5011" s="358" t="s">
        <v>16842</v>
      </c>
      <c r="F5011" s="358" t="s">
        <v>15089</v>
      </c>
      <c r="G5011" s="358" t="s">
        <v>14459</v>
      </c>
      <c r="H5011" s="358" t="s">
        <v>14367</v>
      </c>
      <c r="I5011" s="358" t="s">
        <v>14459</v>
      </c>
      <c r="J5011" s="358"/>
      <c r="K5011" s="358" t="s">
        <v>14655</v>
      </c>
      <c r="L5011" s="358"/>
    </row>
    <row r="5012" spans="2:12">
      <c r="B5012" s="359"/>
      <c r="C5012" s="360"/>
      <c r="D5012" s="359"/>
      <c r="E5012" s="359"/>
      <c r="F5012" s="360"/>
      <c r="G5012" s="360"/>
      <c r="H5012" s="360"/>
      <c r="I5012" s="360"/>
      <c r="J5012" s="359"/>
      <c r="K5012" s="359"/>
      <c r="L5012" s="359"/>
    </row>
    <row r="5013" spans="2:12" ht="28.5">
      <c r="B5013" s="359"/>
      <c r="C5013" s="359" t="s">
        <v>16843</v>
      </c>
      <c r="D5013" s="359"/>
      <c r="E5013" s="359"/>
      <c r="F5013" s="359" t="s">
        <v>14430</v>
      </c>
      <c r="G5013" s="359" t="s">
        <v>14431</v>
      </c>
      <c r="H5013" s="359" t="s">
        <v>14341</v>
      </c>
      <c r="I5013" s="359" t="s">
        <v>14431</v>
      </c>
      <c r="J5013" s="359"/>
      <c r="K5013" s="359"/>
      <c r="L5013" s="359"/>
    </row>
    <row r="5014" spans="2:12">
      <c r="B5014" s="359"/>
      <c r="C5014" s="360"/>
      <c r="D5014" s="359"/>
      <c r="E5014" s="359"/>
      <c r="F5014" s="360"/>
      <c r="G5014" s="360"/>
      <c r="H5014" s="360"/>
      <c r="I5014" s="360"/>
      <c r="J5014" s="359"/>
      <c r="K5014" s="359"/>
      <c r="L5014" s="359"/>
    </row>
    <row r="5015" spans="2:12">
      <c r="B5015" s="359"/>
      <c r="C5015" s="360"/>
      <c r="D5015" s="359"/>
      <c r="E5015" s="359"/>
      <c r="F5015" s="359" t="s">
        <v>14371</v>
      </c>
      <c r="G5015" s="359" t="s">
        <v>14372</v>
      </c>
      <c r="H5015" s="359" t="s">
        <v>14370</v>
      </c>
      <c r="I5015" s="359" t="s">
        <v>14373</v>
      </c>
      <c r="J5015" s="359"/>
      <c r="K5015" s="359"/>
      <c r="L5015" s="359"/>
    </row>
    <row r="5016" spans="2:12">
      <c r="B5016" s="359"/>
      <c r="C5016" s="360"/>
      <c r="D5016" s="359"/>
      <c r="E5016" s="359"/>
      <c r="F5016" s="360"/>
      <c r="G5016" s="360"/>
      <c r="H5016" s="360"/>
      <c r="I5016" s="360"/>
      <c r="J5016" s="359"/>
      <c r="K5016" s="359"/>
      <c r="L5016" s="359"/>
    </row>
    <row r="5017" spans="2:12" ht="28.5">
      <c r="B5017" s="361"/>
      <c r="C5017" s="362"/>
      <c r="D5017" s="361"/>
      <c r="E5017" s="361"/>
      <c r="F5017" s="361" t="s">
        <v>14374</v>
      </c>
      <c r="G5017" s="361" t="s">
        <v>14373</v>
      </c>
      <c r="H5017" s="361" t="s">
        <v>14332</v>
      </c>
      <c r="I5017" s="362"/>
      <c r="J5017" s="361"/>
      <c r="K5017" s="361"/>
      <c r="L5017" s="361"/>
    </row>
    <row r="5018" spans="2:12">
      <c r="B5018" s="358" t="s">
        <v>16844</v>
      </c>
      <c r="C5018" s="358" t="s">
        <v>16845</v>
      </c>
      <c r="D5018" s="358" t="s">
        <v>16779</v>
      </c>
      <c r="E5018" s="358" t="s">
        <v>1713</v>
      </c>
      <c r="F5018" s="358" t="s">
        <v>15089</v>
      </c>
      <c r="G5018" s="358" t="s">
        <v>14429</v>
      </c>
      <c r="H5018" s="358" t="s">
        <v>14367</v>
      </c>
      <c r="I5018" s="358" t="s">
        <v>14429</v>
      </c>
      <c r="J5018" s="358"/>
      <c r="K5018" s="358" t="s">
        <v>14655</v>
      </c>
      <c r="L5018" s="358"/>
    </row>
    <row r="5019" spans="2:12">
      <c r="B5019" s="359"/>
      <c r="C5019" s="359"/>
      <c r="D5019" s="359"/>
      <c r="E5019" s="359"/>
      <c r="F5019" s="360"/>
      <c r="G5019" s="360"/>
      <c r="H5019" s="360"/>
      <c r="I5019" s="360"/>
      <c r="J5019" s="359"/>
      <c r="K5019" s="359"/>
      <c r="L5019" s="359"/>
    </row>
    <row r="5020" spans="2:12">
      <c r="B5020" s="359"/>
      <c r="C5020" s="359"/>
      <c r="D5020" s="359"/>
      <c r="E5020" s="359"/>
      <c r="F5020" s="359" t="s">
        <v>14430</v>
      </c>
      <c r="G5020" s="359" t="s">
        <v>14431</v>
      </c>
      <c r="H5020" s="359" t="s">
        <v>14341</v>
      </c>
      <c r="I5020" s="359" t="s">
        <v>14431</v>
      </c>
      <c r="J5020" s="359"/>
      <c r="K5020" s="359"/>
      <c r="L5020" s="359"/>
    </row>
    <row r="5021" spans="2:12">
      <c r="B5021" s="359"/>
      <c r="C5021" s="359"/>
      <c r="D5021" s="359"/>
      <c r="E5021" s="359"/>
      <c r="F5021" s="360"/>
      <c r="G5021" s="360"/>
      <c r="H5021" s="360"/>
      <c r="I5021" s="360"/>
      <c r="J5021" s="359"/>
      <c r="K5021" s="359"/>
      <c r="L5021" s="359"/>
    </row>
    <row r="5022" spans="2:12">
      <c r="B5022" s="359"/>
      <c r="C5022" s="359"/>
      <c r="D5022" s="359"/>
      <c r="E5022" s="359"/>
      <c r="F5022" s="359" t="s">
        <v>14371</v>
      </c>
      <c r="G5022" s="359" t="s">
        <v>14372</v>
      </c>
      <c r="H5022" s="359" t="s">
        <v>14370</v>
      </c>
      <c r="I5022" s="359" t="s">
        <v>14373</v>
      </c>
      <c r="J5022" s="359"/>
      <c r="K5022" s="359"/>
      <c r="L5022" s="359"/>
    </row>
    <row r="5023" spans="2:12">
      <c r="B5023" s="359"/>
      <c r="C5023" s="359"/>
      <c r="D5023" s="359"/>
      <c r="E5023" s="359"/>
      <c r="F5023" s="360"/>
      <c r="G5023" s="360"/>
      <c r="H5023" s="360"/>
      <c r="I5023" s="360"/>
      <c r="J5023" s="359"/>
      <c r="K5023" s="359"/>
      <c r="L5023" s="359"/>
    </row>
    <row r="5024" spans="2:12" ht="28.5">
      <c r="B5024" s="361"/>
      <c r="C5024" s="361"/>
      <c r="D5024" s="361"/>
      <c r="E5024" s="361"/>
      <c r="F5024" s="361" t="s">
        <v>14374</v>
      </c>
      <c r="G5024" s="361" t="s">
        <v>14373</v>
      </c>
      <c r="H5024" s="361" t="s">
        <v>14332</v>
      </c>
      <c r="I5024" s="362"/>
      <c r="J5024" s="361"/>
      <c r="K5024" s="361"/>
      <c r="L5024" s="361"/>
    </row>
    <row r="5025" spans="2:12">
      <c r="B5025" s="354" t="s">
        <v>28528</v>
      </c>
      <c r="C5025" s="355"/>
      <c r="D5025" s="355"/>
      <c r="E5025" s="355"/>
      <c r="F5025" s="355"/>
      <c r="G5025" s="355"/>
      <c r="H5025" s="355"/>
      <c r="I5025" s="355"/>
      <c r="J5025" s="355"/>
      <c r="K5025" s="355"/>
      <c r="L5025" s="363"/>
    </row>
    <row r="5026" spans="2:12">
      <c r="B5026" s="358" t="s">
        <v>16846</v>
      </c>
      <c r="C5026" s="358" t="s">
        <v>28786</v>
      </c>
      <c r="D5026" s="358" t="s">
        <v>16847</v>
      </c>
      <c r="E5026" s="358" t="s">
        <v>16848</v>
      </c>
      <c r="F5026" s="358" t="s">
        <v>14337</v>
      </c>
      <c r="G5026" s="358" t="s">
        <v>14338</v>
      </c>
      <c r="H5026" s="358" t="s">
        <v>14328</v>
      </c>
      <c r="I5026" s="358" t="s">
        <v>14338</v>
      </c>
      <c r="J5026" s="358"/>
      <c r="K5026" s="358"/>
      <c r="L5026" s="358" t="s">
        <v>14513</v>
      </c>
    </row>
    <row r="5027" spans="2:12">
      <c r="B5027" s="359"/>
      <c r="C5027" s="359"/>
      <c r="D5027" s="359"/>
      <c r="E5027" s="359"/>
      <c r="F5027" s="360"/>
      <c r="G5027" s="360"/>
      <c r="H5027" s="360"/>
      <c r="I5027" s="360"/>
      <c r="J5027" s="359"/>
      <c r="K5027" s="359"/>
      <c r="L5027" s="359"/>
    </row>
    <row r="5028" spans="2:12">
      <c r="B5028" s="359"/>
      <c r="C5028" s="359"/>
      <c r="D5028" s="359"/>
      <c r="E5028" s="359"/>
      <c r="F5028" s="359" t="s">
        <v>14361</v>
      </c>
      <c r="G5028" s="359" t="s">
        <v>14362</v>
      </c>
      <c r="H5028" s="359" t="s">
        <v>14370</v>
      </c>
      <c r="I5028" s="359" t="s">
        <v>14362</v>
      </c>
      <c r="J5028" s="359"/>
      <c r="K5028" s="359"/>
      <c r="L5028" s="359"/>
    </row>
    <row r="5029" spans="2:12">
      <c r="B5029" s="359"/>
      <c r="C5029" s="359"/>
      <c r="D5029" s="359"/>
      <c r="E5029" s="359"/>
      <c r="F5029" s="360"/>
      <c r="G5029" s="360"/>
      <c r="H5029" s="360"/>
      <c r="I5029" s="360"/>
      <c r="J5029" s="359"/>
      <c r="K5029" s="359"/>
      <c r="L5029" s="359"/>
    </row>
    <row r="5030" spans="2:12">
      <c r="B5030" s="359"/>
      <c r="C5030" s="359"/>
      <c r="D5030" s="359"/>
      <c r="E5030" s="359"/>
      <c r="F5030" s="359" t="s">
        <v>14371</v>
      </c>
      <c r="G5030" s="359" t="s">
        <v>14372</v>
      </c>
      <c r="H5030" s="359" t="s">
        <v>14332</v>
      </c>
      <c r="I5030" s="359" t="s">
        <v>14373</v>
      </c>
      <c r="J5030" s="359"/>
      <c r="K5030" s="359"/>
      <c r="L5030" s="359"/>
    </row>
    <row r="5031" spans="2:12">
      <c r="B5031" s="359"/>
      <c r="C5031" s="359"/>
      <c r="D5031" s="359"/>
      <c r="E5031" s="359"/>
      <c r="F5031" s="360"/>
      <c r="G5031" s="360"/>
      <c r="H5031" s="360"/>
      <c r="I5031" s="360"/>
      <c r="J5031" s="359"/>
      <c r="K5031" s="359"/>
      <c r="L5031" s="359"/>
    </row>
    <row r="5032" spans="2:12" ht="28.5">
      <c r="B5032" s="361"/>
      <c r="C5032" s="361"/>
      <c r="D5032" s="361"/>
      <c r="E5032" s="361"/>
      <c r="F5032" s="361" t="s">
        <v>14374</v>
      </c>
      <c r="G5032" s="361" t="s">
        <v>14373</v>
      </c>
      <c r="H5032" s="362"/>
      <c r="I5032" s="362"/>
      <c r="J5032" s="361"/>
      <c r="K5032" s="361"/>
      <c r="L5032" s="361"/>
    </row>
    <row r="5033" spans="2:12">
      <c r="B5033" s="358" t="s">
        <v>16849</v>
      </c>
      <c r="C5033" s="358" t="s">
        <v>28787</v>
      </c>
      <c r="D5033" s="358" t="s">
        <v>16847</v>
      </c>
      <c r="E5033" s="358" t="s">
        <v>16848</v>
      </c>
      <c r="F5033" s="358" t="s">
        <v>14371</v>
      </c>
      <c r="G5033" s="358" t="s">
        <v>14372</v>
      </c>
      <c r="H5033" s="358" t="s">
        <v>14370</v>
      </c>
      <c r="I5033" s="358" t="s">
        <v>14373</v>
      </c>
      <c r="J5033" s="358"/>
      <c r="K5033" s="358"/>
      <c r="L5033" s="358"/>
    </row>
    <row r="5034" spans="2:12">
      <c r="B5034" s="359"/>
      <c r="C5034" s="359"/>
      <c r="D5034" s="359"/>
      <c r="E5034" s="359"/>
      <c r="F5034" s="360"/>
      <c r="G5034" s="360"/>
      <c r="H5034" s="360"/>
      <c r="I5034" s="359"/>
      <c r="J5034" s="359"/>
      <c r="K5034" s="359"/>
      <c r="L5034" s="359"/>
    </row>
    <row r="5035" spans="2:12" ht="28.5">
      <c r="B5035" s="361"/>
      <c r="C5035" s="361"/>
      <c r="D5035" s="361"/>
      <c r="E5035" s="361"/>
      <c r="F5035" s="361" t="s">
        <v>14374</v>
      </c>
      <c r="G5035" s="361" t="s">
        <v>14373</v>
      </c>
      <c r="H5035" s="361" t="s">
        <v>14422</v>
      </c>
      <c r="I5035" s="361"/>
      <c r="J5035" s="361"/>
      <c r="K5035" s="361"/>
      <c r="L5035" s="361"/>
    </row>
    <row r="5036" spans="2:12" ht="42.75">
      <c r="B5036" s="358" t="s">
        <v>16850</v>
      </c>
      <c r="C5036" s="358" t="s">
        <v>16851</v>
      </c>
      <c r="D5036" s="358" t="s">
        <v>16852</v>
      </c>
      <c r="E5036" s="358" t="s">
        <v>16853</v>
      </c>
      <c r="F5036" s="358" t="s">
        <v>14420</v>
      </c>
      <c r="G5036" s="358" t="s">
        <v>14429</v>
      </c>
      <c r="H5036" s="358" t="s">
        <v>14341</v>
      </c>
      <c r="I5036" s="358" t="s">
        <v>14429</v>
      </c>
      <c r="J5036" s="358"/>
      <c r="K5036" s="358" t="s">
        <v>28582</v>
      </c>
      <c r="L5036" s="358"/>
    </row>
    <row r="5037" spans="2:12">
      <c r="B5037" s="359"/>
      <c r="C5037" s="359"/>
      <c r="D5037" s="359"/>
      <c r="E5037" s="359"/>
      <c r="F5037" s="360"/>
      <c r="G5037" s="360"/>
      <c r="H5037" s="360"/>
      <c r="I5037" s="360"/>
      <c r="J5037" s="359"/>
      <c r="K5037" s="359"/>
      <c r="L5037" s="359"/>
    </row>
    <row r="5038" spans="2:12">
      <c r="B5038" s="359"/>
      <c r="C5038" s="359"/>
      <c r="D5038" s="359"/>
      <c r="E5038" s="359"/>
      <c r="F5038" s="359" t="s">
        <v>14356</v>
      </c>
      <c r="G5038" s="359" t="s">
        <v>14340</v>
      </c>
      <c r="H5038" s="359" t="s">
        <v>14367</v>
      </c>
      <c r="I5038" s="359" t="s">
        <v>14340</v>
      </c>
      <c r="J5038" s="359"/>
      <c r="K5038" s="359"/>
      <c r="L5038" s="359"/>
    </row>
    <row r="5039" spans="2:12">
      <c r="B5039" s="359"/>
      <c r="C5039" s="359"/>
      <c r="D5039" s="359"/>
      <c r="E5039" s="359"/>
      <c r="F5039" s="360"/>
      <c r="G5039" s="360"/>
      <c r="H5039" s="360"/>
      <c r="I5039" s="360"/>
      <c r="J5039" s="359"/>
      <c r="K5039" s="359"/>
      <c r="L5039" s="359"/>
    </row>
    <row r="5040" spans="2:12">
      <c r="B5040" s="359"/>
      <c r="C5040" s="359"/>
      <c r="D5040" s="359"/>
      <c r="E5040" s="359"/>
      <c r="F5040" s="359" t="s">
        <v>14371</v>
      </c>
      <c r="G5040" s="359" t="s">
        <v>14372</v>
      </c>
      <c r="H5040" s="359" t="s">
        <v>14370</v>
      </c>
      <c r="I5040" s="359" t="s">
        <v>14373</v>
      </c>
      <c r="J5040" s="359"/>
      <c r="K5040" s="359"/>
      <c r="L5040" s="359"/>
    </row>
    <row r="5041" spans="2:12">
      <c r="B5041" s="359"/>
      <c r="C5041" s="359"/>
      <c r="D5041" s="359"/>
      <c r="E5041" s="359"/>
      <c r="F5041" s="360"/>
      <c r="G5041" s="360"/>
      <c r="H5041" s="360"/>
      <c r="I5041" s="360"/>
      <c r="J5041" s="359"/>
      <c r="K5041" s="359"/>
      <c r="L5041" s="359"/>
    </row>
    <row r="5042" spans="2:12" ht="28.5">
      <c r="B5042" s="361"/>
      <c r="C5042" s="361"/>
      <c r="D5042" s="361"/>
      <c r="E5042" s="361"/>
      <c r="F5042" s="361" t="s">
        <v>14374</v>
      </c>
      <c r="G5042" s="361" t="s">
        <v>14373</v>
      </c>
      <c r="H5042" s="361" t="s">
        <v>14332</v>
      </c>
      <c r="I5042" s="362"/>
      <c r="J5042" s="361"/>
      <c r="K5042" s="361"/>
      <c r="L5042" s="361"/>
    </row>
    <row r="5043" spans="2:12">
      <c r="B5043" s="358" t="s">
        <v>16854</v>
      </c>
      <c r="C5043" s="358" t="s">
        <v>16855</v>
      </c>
      <c r="D5043" s="358" t="s">
        <v>16856</v>
      </c>
      <c r="E5043" s="358" t="s">
        <v>16857</v>
      </c>
      <c r="F5043" s="358" t="s">
        <v>14366</v>
      </c>
      <c r="G5043" s="358" t="s">
        <v>14362</v>
      </c>
      <c r="H5043" s="358" t="s">
        <v>14328</v>
      </c>
      <c r="I5043" s="358" t="s">
        <v>14362</v>
      </c>
      <c r="J5043" s="358" t="s">
        <v>14355</v>
      </c>
      <c r="K5043" s="358"/>
      <c r="L5043" s="358"/>
    </row>
    <row r="5044" spans="2:12">
      <c r="B5044" s="359"/>
      <c r="C5044" s="360"/>
      <c r="D5044" s="360"/>
      <c r="E5044" s="360"/>
      <c r="F5044" s="360"/>
      <c r="G5044" s="360"/>
      <c r="H5044" s="360"/>
      <c r="I5044" s="360"/>
      <c r="J5044" s="359"/>
      <c r="K5044" s="359"/>
      <c r="L5044" s="359"/>
    </row>
    <row r="5045" spans="2:12">
      <c r="B5045" s="359"/>
      <c r="C5045" s="359" t="s">
        <v>16858</v>
      </c>
      <c r="D5045" s="359" t="s">
        <v>16859</v>
      </c>
      <c r="E5045" s="359" t="s">
        <v>16860</v>
      </c>
      <c r="F5045" s="359" t="s">
        <v>14337</v>
      </c>
      <c r="G5045" s="359" t="s">
        <v>14338</v>
      </c>
      <c r="H5045" s="359" t="s">
        <v>14341</v>
      </c>
      <c r="I5045" s="359" t="s">
        <v>14338</v>
      </c>
      <c r="J5045" s="359"/>
      <c r="K5045" s="359"/>
      <c r="L5045" s="359"/>
    </row>
    <row r="5046" spans="2:12">
      <c r="B5046" s="359"/>
      <c r="C5046" s="360"/>
      <c r="D5046" s="360"/>
      <c r="E5046" s="360"/>
      <c r="F5046" s="360"/>
      <c r="G5046" s="360"/>
      <c r="H5046" s="360"/>
      <c r="I5046" s="360"/>
      <c r="J5046" s="359"/>
      <c r="K5046" s="359"/>
      <c r="L5046" s="359"/>
    </row>
    <row r="5047" spans="2:12">
      <c r="B5047" s="359"/>
      <c r="C5047" s="360"/>
      <c r="D5047" s="360"/>
      <c r="E5047" s="360"/>
      <c r="F5047" s="359" t="s">
        <v>14356</v>
      </c>
      <c r="G5047" s="359" t="s">
        <v>14340</v>
      </c>
      <c r="H5047" s="359" t="s">
        <v>14370</v>
      </c>
      <c r="I5047" s="359" t="s">
        <v>14340</v>
      </c>
      <c r="J5047" s="359"/>
      <c r="K5047" s="359"/>
      <c r="L5047" s="359"/>
    </row>
    <row r="5048" spans="2:12">
      <c r="B5048" s="359"/>
      <c r="C5048" s="360"/>
      <c r="D5048" s="360"/>
      <c r="E5048" s="360"/>
      <c r="F5048" s="360"/>
      <c r="G5048" s="360"/>
      <c r="H5048" s="360"/>
      <c r="I5048" s="360"/>
      <c r="J5048" s="359"/>
      <c r="K5048" s="359"/>
      <c r="L5048" s="359"/>
    </row>
    <row r="5049" spans="2:12">
      <c r="B5049" s="359"/>
      <c r="C5049" s="360"/>
      <c r="D5049" s="360"/>
      <c r="E5049" s="360"/>
      <c r="F5049" s="359" t="s">
        <v>14371</v>
      </c>
      <c r="G5049" s="359" t="s">
        <v>14372</v>
      </c>
      <c r="H5049" s="359" t="s">
        <v>14332</v>
      </c>
      <c r="I5049" s="359" t="s">
        <v>14373</v>
      </c>
      <c r="J5049" s="359"/>
      <c r="K5049" s="359"/>
      <c r="L5049" s="359"/>
    </row>
    <row r="5050" spans="2:12">
      <c r="B5050" s="359"/>
      <c r="C5050" s="360"/>
      <c r="D5050" s="360"/>
      <c r="E5050" s="360"/>
      <c r="F5050" s="360"/>
      <c r="G5050" s="360"/>
      <c r="H5050" s="360"/>
      <c r="I5050" s="360"/>
      <c r="J5050" s="359"/>
      <c r="K5050" s="359"/>
      <c r="L5050" s="359"/>
    </row>
    <row r="5051" spans="2:12" ht="28.5">
      <c r="B5051" s="361"/>
      <c r="C5051" s="362"/>
      <c r="D5051" s="362"/>
      <c r="E5051" s="362"/>
      <c r="F5051" s="361" t="s">
        <v>14374</v>
      </c>
      <c r="G5051" s="361" t="s">
        <v>14373</v>
      </c>
      <c r="H5051" s="362"/>
      <c r="I5051" s="362"/>
      <c r="J5051" s="361"/>
      <c r="K5051" s="361"/>
      <c r="L5051" s="361"/>
    </row>
    <row r="5052" spans="2:12">
      <c r="B5052" s="358" t="s">
        <v>16861</v>
      </c>
      <c r="C5052" s="358" t="s">
        <v>16862</v>
      </c>
      <c r="D5052" s="358" t="s">
        <v>16863</v>
      </c>
      <c r="E5052" s="358" t="s">
        <v>8356</v>
      </c>
      <c r="F5052" s="358" t="s">
        <v>14420</v>
      </c>
      <c r="G5052" s="358" t="s">
        <v>14429</v>
      </c>
      <c r="H5052" s="358" t="s">
        <v>14341</v>
      </c>
      <c r="I5052" s="358" t="s">
        <v>14429</v>
      </c>
      <c r="J5052" s="358"/>
      <c r="K5052" s="358"/>
      <c r="L5052" s="358"/>
    </row>
    <row r="5053" spans="2:12">
      <c r="B5053" s="359"/>
      <c r="C5053" s="359"/>
      <c r="D5053" s="359"/>
      <c r="E5053" s="359"/>
      <c r="F5053" s="360"/>
      <c r="G5053" s="360"/>
      <c r="H5053" s="360"/>
      <c r="I5053" s="360"/>
      <c r="J5053" s="359"/>
      <c r="K5053" s="359"/>
      <c r="L5053" s="359"/>
    </row>
    <row r="5054" spans="2:12">
      <c r="B5054" s="359"/>
      <c r="C5054" s="359"/>
      <c r="D5054" s="359"/>
      <c r="E5054" s="359"/>
      <c r="F5054" s="359" t="s">
        <v>14430</v>
      </c>
      <c r="G5054" s="359" t="s">
        <v>14431</v>
      </c>
      <c r="H5054" s="359" t="s">
        <v>14381</v>
      </c>
      <c r="I5054" s="359" t="s">
        <v>14431</v>
      </c>
      <c r="J5054" s="359"/>
      <c r="K5054" s="359"/>
      <c r="L5054" s="359"/>
    </row>
    <row r="5055" spans="2:12">
      <c r="B5055" s="359"/>
      <c r="C5055" s="359"/>
      <c r="D5055" s="359"/>
      <c r="E5055" s="359"/>
      <c r="F5055" s="360"/>
      <c r="G5055" s="360"/>
      <c r="H5055" s="360"/>
      <c r="I5055" s="360"/>
      <c r="J5055" s="359"/>
      <c r="K5055" s="359"/>
      <c r="L5055" s="359"/>
    </row>
    <row r="5056" spans="2:12">
      <c r="B5056" s="359"/>
      <c r="C5056" s="359"/>
      <c r="D5056" s="359"/>
      <c r="E5056" s="359"/>
      <c r="F5056" s="359" t="s">
        <v>14814</v>
      </c>
      <c r="G5056" s="359" t="s">
        <v>14815</v>
      </c>
      <c r="H5056" s="359" t="s">
        <v>14367</v>
      </c>
      <c r="I5056" s="359" t="s">
        <v>14815</v>
      </c>
      <c r="J5056" s="359"/>
      <c r="K5056" s="359"/>
      <c r="L5056" s="359"/>
    </row>
    <row r="5057" spans="2:12">
      <c r="B5057" s="359"/>
      <c r="C5057" s="359"/>
      <c r="D5057" s="359"/>
      <c r="E5057" s="359"/>
      <c r="F5057" s="360"/>
      <c r="G5057" s="360"/>
      <c r="H5057" s="360"/>
      <c r="I5057" s="360"/>
      <c r="J5057" s="359"/>
      <c r="K5057" s="359"/>
      <c r="L5057" s="359"/>
    </row>
    <row r="5058" spans="2:12">
      <c r="B5058" s="359"/>
      <c r="C5058" s="359"/>
      <c r="D5058" s="359"/>
      <c r="E5058" s="359"/>
      <c r="F5058" s="359" t="s">
        <v>14391</v>
      </c>
      <c r="G5058" s="359" t="s">
        <v>14392</v>
      </c>
      <c r="H5058" s="359" t="s">
        <v>14370</v>
      </c>
      <c r="I5058" s="359" t="s">
        <v>14392</v>
      </c>
      <c r="J5058" s="359"/>
      <c r="K5058" s="359"/>
      <c r="L5058" s="359"/>
    </row>
    <row r="5059" spans="2:12">
      <c r="B5059" s="359"/>
      <c r="C5059" s="359"/>
      <c r="D5059" s="359"/>
      <c r="E5059" s="359"/>
      <c r="F5059" s="360"/>
      <c r="G5059" s="360"/>
      <c r="H5059" s="360"/>
      <c r="I5059" s="360"/>
      <c r="J5059" s="359"/>
      <c r="K5059" s="359"/>
      <c r="L5059" s="359"/>
    </row>
    <row r="5060" spans="2:12">
      <c r="B5060" s="361"/>
      <c r="C5060" s="361"/>
      <c r="D5060" s="361"/>
      <c r="E5060" s="361"/>
      <c r="F5060" s="361" t="s">
        <v>14371</v>
      </c>
      <c r="G5060" s="361" t="s">
        <v>14372</v>
      </c>
      <c r="H5060" s="361" t="s">
        <v>14332</v>
      </c>
      <c r="I5060" s="361" t="s">
        <v>14372</v>
      </c>
      <c r="J5060" s="361"/>
      <c r="K5060" s="361"/>
      <c r="L5060" s="361"/>
    </row>
    <row r="5061" spans="2:12" ht="28.5">
      <c r="B5061" s="358" t="s">
        <v>16864</v>
      </c>
      <c r="C5061" s="358" t="s">
        <v>28788</v>
      </c>
      <c r="D5061" s="358" t="s">
        <v>16865</v>
      </c>
      <c r="E5061" s="358" t="s">
        <v>16866</v>
      </c>
      <c r="F5061" s="358" t="s">
        <v>14420</v>
      </c>
      <c r="G5061" s="358" t="s">
        <v>14429</v>
      </c>
      <c r="H5061" s="358" t="s">
        <v>14341</v>
      </c>
      <c r="I5061" s="358" t="s">
        <v>14429</v>
      </c>
      <c r="J5061" s="358"/>
      <c r="K5061" s="358"/>
      <c r="L5061" s="358"/>
    </row>
    <row r="5062" spans="2:12">
      <c r="B5062" s="359"/>
      <c r="C5062" s="360"/>
      <c r="D5062" s="360"/>
      <c r="E5062" s="360"/>
      <c r="F5062" s="360"/>
      <c r="G5062" s="360"/>
      <c r="H5062" s="360"/>
      <c r="I5062" s="360"/>
      <c r="J5062" s="359"/>
      <c r="K5062" s="359"/>
      <c r="L5062" s="359"/>
    </row>
    <row r="5063" spans="2:12" ht="28.5">
      <c r="B5063" s="359"/>
      <c r="C5063" s="359" t="s">
        <v>16867</v>
      </c>
      <c r="D5063" s="359" t="s">
        <v>16868</v>
      </c>
      <c r="E5063" s="359" t="s">
        <v>16869</v>
      </c>
      <c r="F5063" s="359" t="s">
        <v>14430</v>
      </c>
      <c r="G5063" s="359" t="s">
        <v>14431</v>
      </c>
      <c r="H5063" s="359" t="s">
        <v>14367</v>
      </c>
      <c r="I5063" s="359" t="s">
        <v>14431</v>
      </c>
      <c r="J5063" s="359"/>
      <c r="K5063" s="359"/>
      <c r="L5063" s="359"/>
    </row>
    <row r="5064" spans="2:12">
      <c r="B5064" s="359"/>
      <c r="C5064" s="360"/>
      <c r="D5064" s="360"/>
      <c r="E5064" s="360"/>
      <c r="F5064" s="360"/>
      <c r="G5064" s="360"/>
      <c r="H5064" s="360"/>
      <c r="I5064" s="360"/>
      <c r="J5064" s="359"/>
      <c r="K5064" s="359"/>
      <c r="L5064" s="359"/>
    </row>
    <row r="5065" spans="2:12">
      <c r="B5065" s="359"/>
      <c r="C5065" s="360"/>
      <c r="D5065" s="360"/>
      <c r="E5065" s="360"/>
      <c r="F5065" s="359" t="s">
        <v>14371</v>
      </c>
      <c r="G5065" s="359" t="s">
        <v>14372</v>
      </c>
      <c r="H5065" s="359" t="s">
        <v>14370</v>
      </c>
      <c r="I5065" s="359" t="s">
        <v>14373</v>
      </c>
      <c r="J5065" s="359"/>
      <c r="K5065" s="359"/>
      <c r="L5065" s="359"/>
    </row>
    <row r="5066" spans="2:12">
      <c r="B5066" s="359"/>
      <c r="C5066" s="360"/>
      <c r="D5066" s="360"/>
      <c r="E5066" s="360"/>
      <c r="F5066" s="360"/>
      <c r="G5066" s="360"/>
      <c r="H5066" s="360"/>
      <c r="I5066" s="360"/>
      <c r="J5066" s="359"/>
      <c r="K5066" s="359"/>
      <c r="L5066" s="359"/>
    </row>
    <row r="5067" spans="2:12" ht="28.5">
      <c r="B5067" s="361"/>
      <c r="C5067" s="362"/>
      <c r="D5067" s="362"/>
      <c r="E5067" s="362"/>
      <c r="F5067" s="361" t="s">
        <v>14374</v>
      </c>
      <c r="G5067" s="361" t="s">
        <v>14373</v>
      </c>
      <c r="H5067" s="361" t="s">
        <v>14332</v>
      </c>
      <c r="I5067" s="362"/>
      <c r="J5067" s="361"/>
      <c r="K5067" s="361"/>
      <c r="L5067" s="361"/>
    </row>
    <row r="5068" spans="2:12">
      <c r="B5068" s="358" t="s">
        <v>16870</v>
      </c>
      <c r="C5068" s="358" t="s">
        <v>27513</v>
      </c>
      <c r="D5068" s="358" t="s">
        <v>16871</v>
      </c>
      <c r="E5068" s="358" t="s">
        <v>16872</v>
      </c>
      <c r="F5068" s="358" t="s">
        <v>15096</v>
      </c>
      <c r="G5068" s="358" t="s">
        <v>15097</v>
      </c>
      <c r="H5068" s="358" t="s">
        <v>14328</v>
      </c>
      <c r="I5068" s="358" t="s">
        <v>15097</v>
      </c>
      <c r="J5068" s="358"/>
      <c r="K5068" s="358"/>
      <c r="L5068" s="358" t="s">
        <v>14513</v>
      </c>
    </row>
    <row r="5069" spans="2:12">
      <c r="B5069" s="359"/>
      <c r="C5069" s="359"/>
      <c r="D5069" s="359"/>
      <c r="E5069" s="359"/>
      <c r="F5069" s="360"/>
      <c r="G5069" s="360"/>
      <c r="H5069" s="360"/>
      <c r="I5069" s="360"/>
      <c r="J5069" s="359"/>
      <c r="K5069" s="359"/>
      <c r="L5069" s="359"/>
    </row>
    <row r="5070" spans="2:12">
      <c r="B5070" s="359"/>
      <c r="C5070" s="359"/>
      <c r="D5070" s="359"/>
      <c r="E5070" s="359"/>
      <c r="F5070" s="359" t="s">
        <v>14420</v>
      </c>
      <c r="G5070" s="359" t="s">
        <v>14429</v>
      </c>
      <c r="H5070" s="359" t="s">
        <v>14367</v>
      </c>
      <c r="I5070" s="359" t="s">
        <v>14429</v>
      </c>
      <c r="J5070" s="359"/>
      <c r="K5070" s="359"/>
      <c r="L5070" s="359"/>
    </row>
    <row r="5071" spans="2:12">
      <c r="B5071" s="359"/>
      <c r="C5071" s="359"/>
      <c r="D5071" s="359"/>
      <c r="E5071" s="359"/>
      <c r="F5071" s="360"/>
      <c r="G5071" s="360"/>
      <c r="H5071" s="360"/>
      <c r="I5071" s="360"/>
      <c r="J5071" s="359"/>
      <c r="K5071" s="359"/>
      <c r="L5071" s="359"/>
    </row>
    <row r="5072" spans="2:12">
      <c r="B5072" s="359"/>
      <c r="C5072" s="359"/>
      <c r="D5072" s="359"/>
      <c r="E5072" s="359"/>
      <c r="F5072" s="359" t="s">
        <v>14371</v>
      </c>
      <c r="G5072" s="359" t="s">
        <v>14372</v>
      </c>
      <c r="H5072" s="359" t="s">
        <v>14370</v>
      </c>
      <c r="I5072" s="359" t="s">
        <v>14373</v>
      </c>
      <c r="J5072" s="359"/>
      <c r="K5072" s="359"/>
      <c r="L5072" s="359"/>
    </row>
    <row r="5073" spans="2:12">
      <c r="B5073" s="359"/>
      <c r="C5073" s="359"/>
      <c r="D5073" s="359"/>
      <c r="E5073" s="359"/>
      <c r="F5073" s="360"/>
      <c r="G5073" s="360"/>
      <c r="H5073" s="360"/>
      <c r="I5073" s="360"/>
      <c r="J5073" s="359"/>
      <c r="K5073" s="359"/>
      <c r="L5073" s="359"/>
    </row>
    <row r="5074" spans="2:12" ht="28.5">
      <c r="B5074" s="361"/>
      <c r="C5074" s="361"/>
      <c r="D5074" s="361"/>
      <c r="E5074" s="361"/>
      <c r="F5074" s="361" t="s">
        <v>14374</v>
      </c>
      <c r="G5074" s="361" t="s">
        <v>14373</v>
      </c>
      <c r="H5074" s="361" t="s">
        <v>14332</v>
      </c>
      <c r="I5074" s="362"/>
      <c r="J5074" s="361"/>
      <c r="K5074" s="361"/>
      <c r="L5074" s="361"/>
    </row>
    <row r="5075" spans="2:12">
      <c r="B5075" s="358" t="s">
        <v>16873</v>
      </c>
      <c r="C5075" s="358" t="s">
        <v>16874</v>
      </c>
      <c r="D5075" s="358" t="s">
        <v>16875</v>
      </c>
      <c r="E5075" s="358" t="s">
        <v>16876</v>
      </c>
      <c r="F5075" s="358" t="s">
        <v>14420</v>
      </c>
      <c r="G5075" s="358" t="s">
        <v>14459</v>
      </c>
      <c r="H5075" s="358" t="s">
        <v>14367</v>
      </c>
      <c r="I5075" s="358" t="s">
        <v>14459</v>
      </c>
      <c r="J5075" s="358"/>
      <c r="K5075" s="358"/>
      <c r="L5075" s="358"/>
    </row>
    <row r="5076" spans="2:12">
      <c r="B5076" s="359"/>
      <c r="C5076" s="359"/>
      <c r="D5076" s="359"/>
      <c r="E5076" s="359"/>
      <c r="F5076" s="360"/>
      <c r="G5076" s="360"/>
      <c r="H5076" s="360"/>
      <c r="I5076" s="360"/>
      <c r="J5076" s="359"/>
      <c r="K5076" s="359"/>
      <c r="L5076" s="359"/>
    </row>
    <row r="5077" spans="2:12" ht="28.5">
      <c r="B5077" s="359"/>
      <c r="C5077" s="359"/>
      <c r="D5077" s="359"/>
      <c r="E5077" s="359"/>
      <c r="F5077" s="359" t="s">
        <v>14394</v>
      </c>
      <c r="G5077" s="359" t="s">
        <v>14395</v>
      </c>
      <c r="H5077" s="359" t="s">
        <v>14370</v>
      </c>
      <c r="I5077" s="359" t="s">
        <v>14395</v>
      </c>
      <c r="J5077" s="359"/>
      <c r="K5077" s="359"/>
      <c r="L5077" s="359"/>
    </row>
    <row r="5078" spans="2:12">
      <c r="B5078" s="359"/>
      <c r="C5078" s="359"/>
      <c r="D5078" s="359"/>
      <c r="E5078" s="359"/>
      <c r="F5078" s="360"/>
      <c r="G5078" s="360"/>
      <c r="H5078" s="360"/>
      <c r="I5078" s="360"/>
      <c r="J5078" s="359"/>
      <c r="K5078" s="359"/>
      <c r="L5078" s="359"/>
    </row>
    <row r="5079" spans="2:12">
      <c r="B5079" s="361"/>
      <c r="C5079" s="361"/>
      <c r="D5079" s="361"/>
      <c r="E5079" s="361"/>
      <c r="F5079" s="362"/>
      <c r="G5079" s="362"/>
      <c r="H5079" s="361" t="s">
        <v>14422</v>
      </c>
      <c r="I5079" s="362"/>
      <c r="J5079" s="361"/>
      <c r="K5079" s="361"/>
      <c r="L5079" s="361"/>
    </row>
    <row r="5080" spans="2:12" ht="28.5">
      <c r="B5080" s="358" t="s">
        <v>16877</v>
      </c>
      <c r="C5080" s="358" t="s">
        <v>27514</v>
      </c>
      <c r="D5080" s="358" t="s">
        <v>16878</v>
      </c>
      <c r="E5080" s="358" t="s">
        <v>8356</v>
      </c>
      <c r="F5080" s="358" t="s">
        <v>14430</v>
      </c>
      <c r="G5080" s="358" t="s">
        <v>14431</v>
      </c>
      <c r="H5080" s="358" t="s">
        <v>14341</v>
      </c>
      <c r="I5080" s="358" t="s">
        <v>14431</v>
      </c>
      <c r="J5080" s="358"/>
      <c r="K5080" s="358"/>
      <c r="L5080" s="358"/>
    </row>
    <row r="5081" spans="2:12">
      <c r="B5081" s="359"/>
      <c r="C5081" s="359"/>
      <c r="D5081" s="359"/>
      <c r="E5081" s="359"/>
      <c r="F5081" s="360"/>
      <c r="G5081" s="360"/>
      <c r="H5081" s="360"/>
      <c r="I5081" s="360"/>
      <c r="J5081" s="359"/>
      <c r="K5081" s="359"/>
      <c r="L5081" s="359"/>
    </row>
    <row r="5082" spans="2:12" ht="28.5">
      <c r="B5082" s="359"/>
      <c r="C5082" s="359"/>
      <c r="D5082" s="359"/>
      <c r="E5082" s="359"/>
      <c r="F5082" s="359" t="s">
        <v>14394</v>
      </c>
      <c r="G5082" s="359" t="s">
        <v>14395</v>
      </c>
      <c r="H5082" s="359" t="s">
        <v>14370</v>
      </c>
      <c r="I5082" s="359" t="s">
        <v>14395</v>
      </c>
      <c r="J5082" s="359"/>
      <c r="K5082" s="359"/>
      <c r="L5082" s="359"/>
    </row>
    <row r="5083" spans="2:12">
      <c r="B5083" s="359"/>
      <c r="C5083" s="359"/>
      <c r="D5083" s="359"/>
      <c r="E5083" s="359"/>
      <c r="F5083" s="360"/>
      <c r="G5083" s="360"/>
      <c r="H5083" s="360"/>
      <c r="I5083" s="360"/>
      <c r="J5083" s="359"/>
      <c r="K5083" s="359"/>
      <c r="L5083" s="359"/>
    </row>
    <row r="5084" spans="2:12">
      <c r="B5084" s="361"/>
      <c r="C5084" s="361"/>
      <c r="D5084" s="361"/>
      <c r="E5084" s="361"/>
      <c r="F5084" s="362"/>
      <c r="G5084" s="362"/>
      <c r="H5084" s="361" t="s">
        <v>14332</v>
      </c>
      <c r="I5084" s="362"/>
      <c r="J5084" s="361"/>
      <c r="K5084" s="361"/>
      <c r="L5084" s="361"/>
    </row>
    <row r="5085" spans="2:12" ht="28.5">
      <c r="B5085" s="358" t="s">
        <v>16879</v>
      </c>
      <c r="C5085" s="358" t="s">
        <v>28789</v>
      </c>
      <c r="D5085" s="358" t="s">
        <v>16880</v>
      </c>
      <c r="E5085" s="358" t="s">
        <v>8356</v>
      </c>
      <c r="F5085" s="358" t="s">
        <v>14394</v>
      </c>
      <c r="G5085" s="358" t="s">
        <v>14395</v>
      </c>
      <c r="H5085" s="358" t="s">
        <v>14370</v>
      </c>
      <c r="I5085" s="358" t="s">
        <v>14395</v>
      </c>
      <c r="J5085" s="358"/>
      <c r="K5085" s="358"/>
      <c r="L5085" s="358"/>
    </row>
    <row r="5086" spans="2:12">
      <c r="B5086" s="361"/>
      <c r="C5086" s="361"/>
      <c r="D5086" s="361"/>
      <c r="E5086" s="361"/>
      <c r="F5086" s="361"/>
      <c r="G5086" s="361"/>
      <c r="H5086" s="361"/>
      <c r="I5086" s="361"/>
      <c r="J5086" s="361"/>
      <c r="K5086" s="361"/>
      <c r="L5086" s="361"/>
    </row>
    <row r="5087" spans="2:12">
      <c r="B5087" s="358" t="s">
        <v>16881</v>
      </c>
      <c r="C5087" s="358" t="s">
        <v>16882</v>
      </c>
      <c r="D5087" s="358" t="s">
        <v>16883</v>
      </c>
      <c r="E5087" s="358" t="s">
        <v>16884</v>
      </c>
      <c r="F5087" s="358" t="s">
        <v>14371</v>
      </c>
      <c r="G5087" s="358" t="s">
        <v>14372</v>
      </c>
      <c r="H5087" s="358" t="s">
        <v>14370</v>
      </c>
      <c r="I5087" s="358" t="s">
        <v>14373</v>
      </c>
      <c r="J5087" s="358"/>
      <c r="K5087" s="358"/>
      <c r="L5087" s="358"/>
    </row>
    <row r="5088" spans="2:12">
      <c r="B5088" s="359"/>
      <c r="C5088" s="359"/>
      <c r="D5088" s="359"/>
      <c r="E5088" s="359"/>
      <c r="F5088" s="360"/>
      <c r="G5088" s="360"/>
      <c r="H5088" s="360"/>
      <c r="I5088" s="359"/>
      <c r="J5088" s="359"/>
      <c r="K5088" s="359"/>
      <c r="L5088" s="359"/>
    </row>
    <row r="5089" spans="2:12" ht="28.5">
      <c r="B5089" s="361"/>
      <c r="C5089" s="361"/>
      <c r="D5089" s="361"/>
      <c r="E5089" s="361"/>
      <c r="F5089" s="361" t="s">
        <v>14374</v>
      </c>
      <c r="G5089" s="361" t="s">
        <v>14373</v>
      </c>
      <c r="H5089" s="361" t="s">
        <v>14422</v>
      </c>
      <c r="I5089" s="361"/>
      <c r="J5089" s="361"/>
      <c r="K5089" s="361"/>
      <c r="L5089" s="361"/>
    </row>
    <row r="5090" spans="2:12" ht="28.5">
      <c r="B5090" s="358" t="s">
        <v>16885</v>
      </c>
      <c r="C5090" s="358" t="s">
        <v>16886</v>
      </c>
      <c r="D5090" s="358" t="s">
        <v>16887</v>
      </c>
      <c r="E5090" s="358" t="s">
        <v>16888</v>
      </c>
      <c r="F5090" s="358" t="s">
        <v>14462</v>
      </c>
      <c r="G5090" s="358" t="s">
        <v>14463</v>
      </c>
      <c r="H5090" s="358"/>
      <c r="I5090" s="358" t="s">
        <v>14463</v>
      </c>
      <c r="J5090" s="358"/>
      <c r="K5090" s="358"/>
      <c r="L5090" s="358"/>
    </row>
    <row r="5091" spans="2:12">
      <c r="B5091" s="361"/>
      <c r="C5091" s="361"/>
      <c r="D5091" s="361"/>
      <c r="E5091" s="361"/>
      <c r="F5091" s="361"/>
      <c r="G5091" s="361"/>
      <c r="H5091" s="361"/>
      <c r="I5091" s="361"/>
      <c r="J5091" s="361"/>
      <c r="K5091" s="361"/>
      <c r="L5091" s="361"/>
    </row>
    <row r="5092" spans="2:12">
      <c r="B5092" s="358" t="s">
        <v>16889</v>
      </c>
      <c r="C5092" s="358" t="s">
        <v>16890</v>
      </c>
      <c r="D5092" s="358" t="s">
        <v>16891</v>
      </c>
      <c r="E5092" s="358" t="s">
        <v>2018</v>
      </c>
      <c r="F5092" s="358" t="s">
        <v>14371</v>
      </c>
      <c r="G5092" s="358" t="s">
        <v>14372</v>
      </c>
      <c r="H5092" s="358" t="s">
        <v>14370</v>
      </c>
      <c r="I5092" s="358" t="s">
        <v>14373</v>
      </c>
      <c r="J5092" s="358"/>
      <c r="K5092" s="358"/>
      <c r="L5092" s="358"/>
    </row>
    <row r="5093" spans="2:12">
      <c r="B5093" s="359"/>
      <c r="C5093" s="359"/>
      <c r="D5093" s="359"/>
      <c r="E5093" s="359"/>
      <c r="F5093" s="360"/>
      <c r="G5093" s="360"/>
      <c r="H5093" s="360"/>
      <c r="I5093" s="359"/>
      <c r="J5093" s="359"/>
      <c r="K5093" s="359"/>
      <c r="L5093" s="359"/>
    </row>
    <row r="5094" spans="2:12" ht="28.5">
      <c r="B5094" s="361"/>
      <c r="C5094" s="361"/>
      <c r="D5094" s="361"/>
      <c r="E5094" s="361"/>
      <c r="F5094" s="361" t="s">
        <v>14374</v>
      </c>
      <c r="G5094" s="361" t="s">
        <v>14373</v>
      </c>
      <c r="H5094" s="361" t="s">
        <v>14422</v>
      </c>
      <c r="I5094" s="361"/>
      <c r="J5094" s="361"/>
      <c r="K5094" s="361"/>
      <c r="L5094" s="361"/>
    </row>
    <row r="5095" spans="2:12" ht="28.5">
      <c r="B5095" s="358" t="s">
        <v>16892</v>
      </c>
      <c r="C5095" s="358" t="s">
        <v>16893</v>
      </c>
      <c r="D5095" s="358" t="s">
        <v>16894</v>
      </c>
      <c r="E5095" s="358" t="s">
        <v>8356</v>
      </c>
      <c r="F5095" s="358" t="s">
        <v>14394</v>
      </c>
      <c r="G5095" s="358" t="s">
        <v>14395</v>
      </c>
      <c r="H5095" s="358" t="s">
        <v>14370</v>
      </c>
      <c r="I5095" s="358" t="s">
        <v>14395</v>
      </c>
      <c r="J5095" s="358"/>
      <c r="K5095" s="358"/>
      <c r="L5095" s="358"/>
    </row>
    <row r="5096" spans="2:12">
      <c r="B5096" s="361"/>
      <c r="C5096" s="361"/>
      <c r="D5096" s="361"/>
      <c r="E5096" s="361"/>
      <c r="F5096" s="361"/>
      <c r="G5096" s="361"/>
      <c r="H5096" s="361"/>
      <c r="I5096" s="361"/>
      <c r="J5096" s="361"/>
      <c r="K5096" s="361"/>
      <c r="L5096" s="361"/>
    </row>
    <row r="5097" spans="2:12">
      <c r="B5097" s="354" t="s">
        <v>8397</v>
      </c>
      <c r="C5097" s="355"/>
      <c r="D5097" s="355"/>
      <c r="E5097" s="355"/>
      <c r="F5097" s="355"/>
      <c r="G5097" s="355"/>
      <c r="H5097" s="355"/>
      <c r="I5097" s="355"/>
      <c r="J5097" s="355"/>
      <c r="K5097" s="355"/>
      <c r="L5097" s="363"/>
    </row>
    <row r="5098" spans="2:12">
      <c r="B5098" s="358" t="s">
        <v>10247</v>
      </c>
      <c r="C5098" s="358" t="s">
        <v>16895</v>
      </c>
      <c r="D5098" s="358" t="s">
        <v>10248</v>
      </c>
      <c r="E5098" s="358" t="s">
        <v>889</v>
      </c>
      <c r="F5098" s="358" t="s">
        <v>14424</v>
      </c>
      <c r="G5098" s="358" t="s">
        <v>16046</v>
      </c>
      <c r="H5098" s="358" t="s">
        <v>14381</v>
      </c>
      <c r="I5098" s="358" t="s">
        <v>16046</v>
      </c>
      <c r="J5098" s="358"/>
      <c r="K5098" s="358"/>
      <c r="L5098" s="358"/>
    </row>
    <row r="5099" spans="2:12">
      <c r="B5099" s="359"/>
      <c r="C5099" s="359"/>
      <c r="D5099" s="359"/>
      <c r="E5099" s="359"/>
      <c r="F5099" s="360"/>
      <c r="G5099" s="360"/>
      <c r="H5099" s="360"/>
      <c r="I5099" s="360"/>
      <c r="J5099" s="359"/>
      <c r="K5099" s="359"/>
      <c r="L5099" s="359"/>
    </row>
    <row r="5100" spans="2:12">
      <c r="B5100" s="359"/>
      <c r="C5100" s="359"/>
      <c r="D5100" s="359"/>
      <c r="E5100" s="359"/>
      <c r="F5100" s="359" t="s">
        <v>14376</v>
      </c>
      <c r="G5100" s="359" t="s">
        <v>14669</v>
      </c>
      <c r="H5100" s="359" t="s">
        <v>14332</v>
      </c>
      <c r="I5100" s="359" t="s">
        <v>14669</v>
      </c>
      <c r="J5100" s="359"/>
      <c r="K5100" s="359"/>
      <c r="L5100" s="359"/>
    </row>
    <row r="5101" spans="2:12">
      <c r="B5101" s="359"/>
      <c r="C5101" s="359"/>
      <c r="D5101" s="359"/>
      <c r="E5101" s="359"/>
      <c r="F5101" s="360"/>
      <c r="G5101" s="360"/>
      <c r="H5101" s="360"/>
      <c r="I5101" s="360"/>
      <c r="J5101" s="359"/>
      <c r="K5101" s="359"/>
      <c r="L5101" s="359"/>
    </row>
    <row r="5102" spans="2:12" ht="85.5">
      <c r="B5102" s="361"/>
      <c r="C5102" s="361"/>
      <c r="D5102" s="361"/>
      <c r="E5102" s="361"/>
      <c r="F5102" s="361" t="s">
        <v>14384</v>
      </c>
      <c r="G5102" s="361" t="s">
        <v>16896</v>
      </c>
      <c r="H5102" s="362"/>
      <c r="I5102" s="361" t="s">
        <v>16896</v>
      </c>
      <c r="J5102" s="361"/>
      <c r="K5102" s="361"/>
      <c r="L5102" s="361"/>
    </row>
    <row r="5103" spans="2:12">
      <c r="B5103" s="354" t="s">
        <v>28528</v>
      </c>
      <c r="C5103" s="355"/>
      <c r="D5103" s="355"/>
      <c r="E5103" s="355"/>
      <c r="F5103" s="355"/>
      <c r="G5103" s="355"/>
      <c r="H5103" s="355"/>
      <c r="I5103" s="355"/>
      <c r="J5103" s="355"/>
      <c r="K5103" s="355"/>
      <c r="L5103" s="363"/>
    </row>
    <row r="5104" spans="2:12">
      <c r="B5104" s="358" t="s">
        <v>16897</v>
      </c>
      <c r="C5104" s="358" t="s">
        <v>16898</v>
      </c>
      <c r="D5104" s="358" t="s">
        <v>16899</v>
      </c>
      <c r="E5104" s="358" t="s">
        <v>815</v>
      </c>
      <c r="F5104" s="358" t="s">
        <v>14382</v>
      </c>
      <c r="G5104" s="358" t="s">
        <v>14483</v>
      </c>
      <c r="H5104" s="358" t="s">
        <v>14378</v>
      </c>
      <c r="I5104" s="358" t="s">
        <v>14483</v>
      </c>
      <c r="J5104" s="358"/>
      <c r="K5104" s="358"/>
      <c r="L5104" s="358"/>
    </row>
    <row r="5105" spans="2:12">
      <c r="B5105" s="359"/>
      <c r="C5105" s="359"/>
      <c r="D5105" s="359"/>
      <c r="E5105" s="359"/>
      <c r="F5105" s="360"/>
      <c r="G5105" s="360"/>
      <c r="H5105" s="360"/>
      <c r="I5105" s="360"/>
      <c r="J5105" s="359"/>
      <c r="K5105" s="359"/>
      <c r="L5105" s="359"/>
    </row>
    <row r="5106" spans="2:12">
      <c r="B5106" s="359"/>
      <c r="C5106" s="359"/>
      <c r="D5106" s="359"/>
      <c r="E5106" s="359"/>
      <c r="F5106" s="359" t="s">
        <v>14382</v>
      </c>
      <c r="G5106" s="359" t="s">
        <v>14383</v>
      </c>
      <c r="H5106" s="359" t="s">
        <v>14370</v>
      </c>
      <c r="I5106" s="359" t="s">
        <v>14383</v>
      </c>
      <c r="J5106" s="359"/>
      <c r="K5106" s="359"/>
      <c r="L5106" s="359"/>
    </row>
    <row r="5107" spans="2:12">
      <c r="B5107" s="359"/>
      <c r="C5107" s="359"/>
      <c r="D5107" s="359"/>
      <c r="E5107" s="359"/>
      <c r="F5107" s="360"/>
      <c r="G5107" s="360"/>
      <c r="H5107" s="360"/>
      <c r="I5107" s="360"/>
      <c r="J5107" s="359"/>
      <c r="K5107" s="359"/>
      <c r="L5107" s="359"/>
    </row>
    <row r="5108" spans="2:12">
      <c r="B5108" s="359"/>
      <c r="C5108" s="359"/>
      <c r="D5108" s="359"/>
      <c r="E5108" s="359"/>
      <c r="F5108" s="359" t="s">
        <v>14371</v>
      </c>
      <c r="G5108" s="359" t="s">
        <v>14372</v>
      </c>
      <c r="H5108" s="359" t="s">
        <v>14332</v>
      </c>
      <c r="I5108" s="359" t="s">
        <v>14373</v>
      </c>
      <c r="J5108" s="359"/>
      <c r="K5108" s="359"/>
      <c r="L5108" s="359"/>
    </row>
    <row r="5109" spans="2:12">
      <c r="B5109" s="359"/>
      <c r="C5109" s="359"/>
      <c r="D5109" s="359"/>
      <c r="E5109" s="359"/>
      <c r="F5109" s="360"/>
      <c r="G5109" s="360"/>
      <c r="H5109" s="360"/>
      <c r="I5109" s="360"/>
      <c r="J5109" s="359"/>
      <c r="K5109" s="359"/>
      <c r="L5109" s="359"/>
    </row>
    <row r="5110" spans="2:12" ht="28.5">
      <c r="B5110" s="361"/>
      <c r="C5110" s="361"/>
      <c r="D5110" s="361"/>
      <c r="E5110" s="361"/>
      <c r="F5110" s="361" t="s">
        <v>14374</v>
      </c>
      <c r="G5110" s="361" t="s">
        <v>14373</v>
      </c>
      <c r="H5110" s="362"/>
      <c r="I5110" s="362"/>
      <c r="J5110" s="361"/>
      <c r="K5110" s="361"/>
      <c r="L5110" s="361"/>
    </row>
    <row r="5111" spans="2:12" ht="28.5">
      <c r="B5111" s="358" t="s">
        <v>16900</v>
      </c>
      <c r="C5111" s="358" t="s">
        <v>16901</v>
      </c>
      <c r="D5111" s="358" t="s">
        <v>8356</v>
      </c>
      <c r="E5111" s="358" t="s">
        <v>8356</v>
      </c>
      <c r="F5111" s="358" t="s">
        <v>14382</v>
      </c>
      <c r="G5111" s="358" t="s">
        <v>14483</v>
      </c>
      <c r="H5111" s="358" t="s">
        <v>14378</v>
      </c>
      <c r="I5111" s="358" t="s">
        <v>14483</v>
      </c>
      <c r="J5111" s="358"/>
      <c r="K5111" s="358" t="s">
        <v>14929</v>
      </c>
      <c r="L5111" s="358" t="s">
        <v>16902</v>
      </c>
    </row>
    <row r="5112" spans="2:12">
      <c r="B5112" s="359"/>
      <c r="C5112" s="359"/>
      <c r="D5112" s="359"/>
      <c r="E5112" s="359"/>
      <c r="F5112" s="360"/>
      <c r="G5112" s="360"/>
      <c r="H5112" s="360"/>
      <c r="I5112" s="360"/>
      <c r="J5112" s="359"/>
      <c r="K5112" s="359"/>
      <c r="L5112" s="359"/>
    </row>
    <row r="5113" spans="2:12">
      <c r="B5113" s="359"/>
      <c r="C5113" s="359"/>
      <c r="D5113" s="359"/>
      <c r="E5113" s="359"/>
      <c r="F5113" s="359" t="s">
        <v>14382</v>
      </c>
      <c r="G5113" s="359" t="s">
        <v>14383</v>
      </c>
      <c r="H5113" s="359" t="s">
        <v>14370</v>
      </c>
      <c r="I5113" s="359" t="s">
        <v>14383</v>
      </c>
      <c r="J5113" s="359"/>
      <c r="K5113" s="359"/>
      <c r="L5113" s="359"/>
    </row>
    <row r="5114" spans="2:12">
      <c r="B5114" s="359"/>
      <c r="C5114" s="359"/>
      <c r="D5114" s="359"/>
      <c r="E5114" s="359"/>
      <c r="F5114" s="360"/>
      <c r="G5114" s="360"/>
      <c r="H5114" s="360"/>
      <c r="I5114" s="360"/>
      <c r="J5114" s="359"/>
      <c r="K5114" s="359"/>
      <c r="L5114" s="359"/>
    </row>
    <row r="5115" spans="2:12">
      <c r="B5115" s="359"/>
      <c r="C5115" s="359"/>
      <c r="D5115" s="359"/>
      <c r="E5115" s="359"/>
      <c r="F5115" s="359" t="s">
        <v>14371</v>
      </c>
      <c r="G5115" s="359" t="s">
        <v>14372</v>
      </c>
      <c r="H5115" s="359" t="s">
        <v>14332</v>
      </c>
      <c r="I5115" s="359" t="s">
        <v>14373</v>
      </c>
      <c r="J5115" s="359"/>
      <c r="K5115" s="359"/>
      <c r="L5115" s="359"/>
    </row>
    <row r="5116" spans="2:12">
      <c r="B5116" s="359"/>
      <c r="C5116" s="359"/>
      <c r="D5116" s="359"/>
      <c r="E5116" s="359"/>
      <c r="F5116" s="360"/>
      <c r="G5116" s="360"/>
      <c r="H5116" s="360"/>
      <c r="I5116" s="360"/>
      <c r="J5116" s="359"/>
      <c r="K5116" s="359"/>
      <c r="L5116" s="359"/>
    </row>
    <row r="5117" spans="2:12" ht="28.5">
      <c r="B5117" s="361"/>
      <c r="C5117" s="361"/>
      <c r="D5117" s="361"/>
      <c r="E5117" s="361"/>
      <c r="F5117" s="361" t="s">
        <v>14374</v>
      </c>
      <c r="G5117" s="361" t="s">
        <v>14373</v>
      </c>
      <c r="H5117" s="362"/>
      <c r="I5117" s="362"/>
      <c r="J5117" s="361"/>
      <c r="K5117" s="361"/>
      <c r="L5117" s="361"/>
    </row>
    <row r="5118" spans="2:12">
      <c r="B5118" s="358" t="s">
        <v>9486</v>
      </c>
      <c r="C5118" s="358" t="s">
        <v>16903</v>
      </c>
      <c r="D5118" s="358" t="s">
        <v>556</v>
      </c>
      <c r="E5118" s="358" t="s">
        <v>557</v>
      </c>
      <c r="F5118" s="358" t="s">
        <v>16528</v>
      </c>
      <c r="G5118" s="358" t="s">
        <v>14669</v>
      </c>
      <c r="H5118" s="358" t="s">
        <v>14378</v>
      </c>
      <c r="I5118" s="358" t="s">
        <v>14669</v>
      </c>
      <c r="J5118" s="358"/>
      <c r="K5118" s="358"/>
      <c r="L5118" s="358"/>
    </row>
    <row r="5119" spans="2:12">
      <c r="B5119" s="359"/>
      <c r="C5119" s="360"/>
      <c r="D5119" s="359"/>
      <c r="E5119" s="359"/>
      <c r="F5119" s="360"/>
      <c r="G5119" s="360"/>
      <c r="H5119" s="360"/>
      <c r="I5119" s="360"/>
      <c r="J5119" s="359"/>
      <c r="K5119" s="359"/>
      <c r="L5119" s="359"/>
    </row>
    <row r="5120" spans="2:12">
      <c r="B5120" s="359"/>
      <c r="C5120" s="359" t="s">
        <v>16904</v>
      </c>
      <c r="D5120" s="359"/>
      <c r="E5120" s="359"/>
      <c r="F5120" s="359" t="s">
        <v>14379</v>
      </c>
      <c r="G5120" s="359" t="s">
        <v>14405</v>
      </c>
      <c r="H5120" s="359" t="s">
        <v>14381</v>
      </c>
      <c r="I5120" s="359" t="s">
        <v>14405</v>
      </c>
      <c r="J5120" s="359"/>
      <c r="K5120" s="359"/>
      <c r="L5120" s="359"/>
    </row>
    <row r="5121" spans="2:12">
      <c r="B5121" s="359"/>
      <c r="C5121" s="360"/>
      <c r="D5121" s="359"/>
      <c r="E5121" s="359"/>
      <c r="F5121" s="360"/>
      <c r="G5121" s="360"/>
      <c r="H5121" s="360"/>
      <c r="I5121" s="360"/>
      <c r="J5121" s="359"/>
      <c r="K5121" s="359"/>
      <c r="L5121" s="359"/>
    </row>
    <row r="5122" spans="2:12">
      <c r="B5122" s="359"/>
      <c r="C5122" s="360"/>
      <c r="D5122" s="359"/>
      <c r="E5122" s="359"/>
      <c r="F5122" s="359" t="s">
        <v>14356</v>
      </c>
      <c r="G5122" s="359" t="s">
        <v>14340</v>
      </c>
      <c r="H5122" s="359" t="s">
        <v>14341</v>
      </c>
      <c r="I5122" s="359" t="s">
        <v>14340</v>
      </c>
      <c r="J5122" s="359"/>
      <c r="K5122" s="359"/>
      <c r="L5122" s="359"/>
    </row>
    <row r="5123" spans="2:12">
      <c r="B5123" s="359"/>
      <c r="C5123" s="360"/>
      <c r="D5123" s="359"/>
      <c r="E5123" s="359"/>
      <c r="F5123" s="360"/>
      <c r="G5123" s="360"/>
      <c r="H5123" s="360"/>
      <c r="I5123" s="360"/>
      <c r="J5123" s="359"/>
      <c r="K5123" s="359"/>
      <c r="L5123" s="359"/>
    </row>
    <row r="5124" spans="2:12">
      <c r="B5124" s="359"/>
      <c r="C5124" s="360"/>
      <c r="D5124" s="359"/>
      <c r="E5124" s="359"/>
      <c r="F5124" s="359" t="s">
        <v>14371</v>
      </c>
      <c r="G5124" s="359" t="s">
        <v>14372</v>
      </c>
      <c r="H5124" s="359" t="s">
        <v>14370</v>
      </c>
      <c r="I5124" s="359" t="s">
        <v>14373</v>
      </c>
      <c r="J5124" s="359"/>
      <c r="K5124" s="359"/>
      <c r="L5124" s="359"/>
    </row>
    <row r="5125" spans="2:12">
      <c r="B5125" s="359"/>
      <c r="C5125" s="360"/>
      <c r="D5125" s="359"/>
      <c r="E5125" s="359"/>
      <c r="F5125" s="360"/>
      <c r="G5125" s="360"/>
      <c r="H5125" s="360"/>
      <c r="I5125" s="360"/>
      <c r="J5125" s="359"/>
      <c r="K5125" s="359"/>
      <c r="L5125" s="359"/>
    </row>
    <row r="5126" spans="2:12" ht="28.5">
      <c r="B5126" s="361"/>
      <c r="C5126" s="362"/>
      <c r="D5126" s="361"/>
      <c r="E5126" s="361"/>
      <c r="F5126" s="361" t="s">
        <v>14374</v>
      </c>
      <c r="G5126" s="361" t="s">
        <v>14373</v>
      </c>
      <c r="H5126" s="361" t="s">
        <v>14332</v>
      </c>
      <c r="I5126" s="362"/>
      <c r="J5126" s="361"/>
      <c r="K5126" s="361"/>
      <c r="L5126" s="361"/>
    </row>
    <row r="5127" spans="2:12">
      <c r="B5127" s="358" t="s">
        <v>9488</v>
      </c>
      <c r="C5127" s="358" t="s">
        <v>16905</v>
      </c>
      <c r="D5127" s="358" t="s">
        <v>553</v>
      </c>
      <c r="E5127" s="358" t="s">
        <v>554</v>
      </c>
      <c r="F5127" s="358" t="s">
        <v>16528</v>
      </c>
      <c r="G5127" s="358" t="s">
        <v>14669</v>
      </c>
      <c r="H5127" s="358" t="s">
        <v>14378</v>
      </c>
      <c r="I5127" s="358" t="s">
        <v>14669</v>
      </c>
      <c r="J5127" s="358"/>
      <c r="K5127" s="358"/>
      <c r="L5127" s="358"/>
    </row>
    <row r="5128" spans="2:12">
      <c r="B5128" s="359"/>
      <c r="C5128" s="360"/>
      <c r="D5128" s="359"/>
      <c r="E5128" s="359"/>
      <c r="F5128" s="360"/>
      <c r="G5128" s="360"/>
      <c r="H5128" s="360"/>
      <c r="I5128" s="360"/>
      <c r="J5128" s="359"/>
      <c r="K5128" s="359"/>
      <c r="L5128" s="359"/>
    </row>
    <row r="5129" spans="2:12">
      <c r="B5129" s="359"/>
      <c r="C5129" s="359" t="s">
        <v>16906</v>
      </c>
      <c r="D5129" s="359"/>
      <c r="E5129" s="359"/>
      <c r="F5129" s="359" t="s">
        <v>14382</v>
      </c>
      <c r="G5129" s="359" t="s">
        <v>14483</v>
      </c>
      <c r="H5129" s="359" t="s">
        <v>14381</v>
      </c>
      <c r="I5129" s="359" t="s">
        <v>14483</v>
      </c>
      <c r="J5129" s="359"/>
      <c r="K5129" s="359"/>
      <c r="L5129" s="359"/>
    </row>
    <row r="5130" spans="2:12">
      <c r="B5130" s="359"/>
      <c r="C5130" s="360"/>
      <c r="D5130" s="359"/>
      <c r="E5130" s="359"/>
      <c r="F5130" s="360"/>
      <c r="G5130" s="360"/>
      <c r="H5130" s="360"/>
      <c r="I5130" s="360"/>
      <c r="J5130" s="359"/>
      <c r="K5130" s="359"/>
      <c r="L5130" s="359"/>
    </row>
    <row r="5131" spans="2:12">
      <c r="B5131" s="359"/>
      <c r="C5131" s="359" t="s">
        <v>16907</v>
      </c>
      <c r="D5131" s="359"/>
      <c r="E5131" s="359"/>
      <c r="F5131" s="359" t="s">
        <v>14382</v>
      </c>
      <c r="G5131" s="359" t="s">
        <v>14383</v>
      </c>
      <c r="H5131" s="359" t="s">
        <v>14370</v>
      </c>
      <c r="I5131" s="359" t="s">
        <v>14383</v>
      </c>
      <c r="J5131" s="359"/>
      <c r="K5131" s="359"/>
      <c r="L5131" s="359"/>
    </row>
    <row r="5132" spans="2:12">
      <c r="B5132" s="359"/>
      <c r="C5132" s="360"/>
      <c r="D5132" s="359"/>
      <c r="E5132" s="359"/>
      <c r="F5132" s="360"/>
      <c r="G5132" s="360"/>
      <c r="H5132" s="360"/>
      <c r="I5132" s="360"/>
      <c r="J5132" s="359"/>
      <c r="K5132" s="359"/>
      <c r="L5132" s="359"/>
    </row>
    <row r="5133" spans="2:12">
      <c r="B5133" s="359"/>
      <c r="C5133" s="360"/>
      <c r="D5133" s="359"/>
      <c r="E5133" s="359"/>
      <c r="F5133" s="359" t="s">
        <v>14371</v>
      </c>
      <c r="G5133" s="359" t="s">
        <v>14372</v>
      </c>
      <c r="H5133" s="359" t="s">
        <v>14332</v>
      </c>
      <c r="I5133" s="359" t="s">
        <v>14373</v>
      </c>
      <c r="J5133" s="359"/>
      <c r="K5133" s="359"/>
      <c r="L5133" s="359"/>
    </row>
    <row r="5134" spans="2:12">
      <c r="B5134" s="359"/>
      <c r="C5134" s="360"/>
      <c r="D5134" s="359"/>
      <c r="E5134" s="359"/>
      <c r="F5134" s="360"/>
      <c r="G5134" s="360"/>
      <c r="H5134" s="360"/>
      <c r="I5134" s="360"/>
      <c r="J5134" s="359"/>
      <c r="K5134" s="359"/>
      <c r="L5134" s="359"/>
    </row>
    <row r="5135" spans="2:12" ht="28.5">
      <c r="B5135" s="361"/>
      <c r="C5135" s="362"/>
      <c r="D5135" s="361"/>
      <c r="E5135" s="361"/>
      <c r="F5135" s="361" t="s">
        <v>14374</v>
      </c>
      <c r="G5135" s="361" t="s">
        <v>14373</v>
      </c>
      <c r="H5135" s="362"/>
      <c r="I5135" s="362"/>
      <c r="J5135" s="361"/>
      <c r="K5135" s="361"/>
      <c r="L5135" s="361"/>
    </row>
    <row r="5136" spans="2:12" ht="28.5">
      <c r="B5136" s="358" t="s">
        <v>9490</v>
      </c>
      <c r="C5136" s="358" t="s">
        <v>28790</v>
      </c>
      <c r="D5136" s="358" t="s">
        <v>8356</v>
      </c>
      <c r="E5136" s="358" t="s">
        <v>8356</v>
      </c>
      <c r="F5136" s="358" t="s">
        <v>16528</v>
      </c>
      <c r="G5136" s="358" t="s">
        <v>14669</v>
      </c>
      <c r="H5136" s="358" t="s">
        <v>14378</v>
      </c>
      <c r="I5136" s="358" t="s">
        <v>14669</v>
      </c>
      <c r="J5136" s="358"/>
      <c r="K5136" s="358"/>
      <c r="L5136" s="358" t="s">
        <v>9491</v>
      </c>
    </row>
    <row r="5137" spans="2:12">
      <c r="B5137" s="359"/>
      <c r="C5137" s="359"/>
      <c r="D5137" s="359"/>
      <c r="E5137" s="359"/>
      <c r="F5137" s="360"/>
      <c r="G5137" s="360"/>
      <c r="H5137" s="360"/>
      <c r="I5137" s="360"/>
      <c r="J5137" s="359"/>
      <c r="K5137" s="359"/>
      <c r="L5137" s="359"/>
    </row>
    <row r="5138" spans="2:12">
      <c r="B5138" s="359"/>
      <c r="C5138" s="359"/>
      <c r="D5138" s="359"/>
      <c r="E5138" s="359"/>
      <c r="F5138" s="359" t="s">
        <v>14382</v>
      </c>
      <c r="G5138" s="359" t="s">
        <v>14483</v>
      </c>
      <c r="H5138" s="359" t="s">
        <v>14381</v>
      </c>
      <c r="I5138" s="359" t="s">
        <v>14483</v>
      </c>
      <c r="J5138" s="359"/>
      <c r="K5138" s="359"/>
      <c r="L5138" s="359"/>
    </row>
    <row r="5139" spans="2:12">
      <c r="B5139" s="359"/>
      <c r="C5139" s="359"/>
      <c r="D5139" s="359"/>
      <c r="E5139" s="359"/>
      <c r="F5139" s="360"/>
      <c r="G5139" s="360"/>
      <c r="H5139" s="360"/>
      <c r="I5139" s="360"/>
      <c r="J5139" s="359"/>
      <c r="K5139" s="359"/>
      <c r="L5139" s="359"/>
    </row>
    <row r="5140" spans="2:12">
      <c r="B5140" s="359"/>
      <c r="C5140" s="359"/>
      <c r="D5140" s="359"/>
      <c r="E5140" s="359"/>
      <c r="F5140" s="359" t="s">
        <v>14382</v>
      </c>
      <c r="G5140" s="359" t="s">
        <v>14383</v>
      </c>
      <c r="H5140" s="359" t="s">
        <v>14370</v>
      </c>
      <c r="I5140" s="359" t="s">
        <v>14383</v>
      </c>
      <c r="J5140" s="359"/>
      <c r="K5140" s="359"/>
      <c r="L5140" s="359"/>
    </row>
    <row r="5141" spans="2:12">
      <c r="B5141" s="359"/>
      <c r="C5141" s="359"/>
      <c r="D5141" s="359"/>
      <c r="E5141" s="359"/>
      <c r="F5141" s="360"/>
      <c r="G5141" s="360"/>
      <c r="H5141" s="360"/>
      <c r="I5141" s="360"/>
      <c r="J5141" s="359"/>
      <c r="K5141" s="359"/>
      <c r="L5141" s="359"/>
    </row>
    <row r="5142" spans="2:12">
      <c r="B5142" s="359"/>
      <c r="C5142" s="359"/>
      <c r="D5142" s="359"/>
      <c r="E5142" s="359"/>
      <c r="F5142" s="359" t="s">
        <v>14371</v>
      </c>
      <c r="G5142" s="359" t="s">
        <v>14372</v>
      </c>
      <c r="H5142" s="359" t="s">
        <v>14332</v>
      </c>
      <c r="I5142" s="359" t="s">
        <v>14373</v>
      </c>
      <c r="J5142" s="359"/>
      <c r="K5142" s="359"/>
      <c r="L5142" s="359"/>
    </row>
    <row r="5143" spans="2:12">
      <c r="B5143" s="359"/>
      <c r="C5143" s="359"/>
      <c r="D5143" s="359"/>
      <c r="E5143" s="359"/>
      <c r="F5143" s="360"/>
      <c r="G5143" s="360"/>
      <c r="H5143" s="360"/>
      <c r="I5143" s="360"/>
      <c r="J5143" s="359"/>
      <c r="K5143" s="359"/>
      <c r="L5143" s="359"/>
    </row>
    <row r="5144" spans="2:12" ht="28.5">
      <c r="B5144" s="361"/>
      <c r="C5144" s="361"/>
      <c r="D5144" s="361"/>
      <c r="E5144" s="361"/>
      <c r="F5144" s="361" t="s">
        <v>14374</v>
      </c>
      <c r="G5144" s="361" t="s">
        <v>14373</v>
      </c>
      <c r="H5144" s="362"/>
      <c r="I5144" s="362"/>
      <c r="J5144" s="361"/>
      <c r="K5144" s="361"/>
      <c r="L5144" s="361"/>
    </row>
    <row r="5145" spans="2:12">
      <c r="B5145" s="358" t="s">
        <v>16908</v>
      </c>
      <c r="C5145" s="358" t="s">
        <v>16909</v>
      </c>
      <c r="D5145" s="358" t="s">
        <v>16910</v>
      </c>
      <c r="E5145" s="358" t="s">
        <v>1021</v>
      </c>
      <c r="F5145" s="358" t="s">
        <v>14326</v>
      </c>
      <c r="G5145" s="358" t="s">
        <v>14327</v>
      </c>
      <c r="H5145" s="358" t="s">
        <v>14328</v>
      </c>
      <c r="I5145" s="358" t="s">
        <v>14327</v>
      </c>
      <c r="J5145" s="358"/>
      <c r="K5145" s="358"/>
      <c r="L5145" s="358" t="s">
        <v>14329</v>
      </c>
    </row>
    <row r="5146" spans="2:12">
      <c r="B5146" s="359"/>
      <c r="C5146" s="359"/>
      <c r="D5146" s="359"/>
      <c r="E5146" s="359"/>
      <c r="F5146" s="360"/>
      <c r="G5146" s="360"/>
      <c r="H5146" s="360"/>
      <c r="I5146" s="360"/>
      <c r="J5146" s="359"/>
      <c r="K5146" s="359"/>
      <c r="L5146" s="359"/>
    </row>
    <row r="5147" spans="2:12">
      <c r="B5147" s="359"/>
      <c r="C5147" s="359"/>
      <c r="D5147" s="359"/>
      <c r="E5147" s="359"/>
      <c r="F5147" s="359" t="s">
        <v>14330</v>
      </c>
      <c r="G5147" s="359" t="s">
        <v>14380</v>
      </c>
      <c r="H5147" s="359" t="s">
        <v>14331</v>
      </c>
      <c r="I5147" s="359" t="s">
        <v>14380</v>
      </c>
      <c r="J5147" s="359"/>
      <c r="K5147" s="359"/>
      <c r="L5147" s="359"/>
    </row>
    <row r="5148" spans="2:12">
      <c r="B5148" s="359"/>
      <c r="C5148" s="359"/>
      <c r="D5148" s="359"/>
      <c r="E5148" s="359"/>
      <c r="F5148" s="360"/>
      <c r="G5148" s="360"/>
      <c r="H5148" s="360"/>
      <c r="I5148" s="360"/>
      <c r="J5148" s="359"/>
      <c r="K5148" s="359"/>
      <c r="L5148" s="359"/>
    </row>
    <row r="5149" spans="2:12" ht="28.5">
      <c r="B5149" s="359"/>
      <c r="C5149" s="359"/>
      <c r="D5149" s="359"/>
      <c r="E5149" s="359"/>
      <c r="F5149" s="359" t="s">
        <v>14379</v>
      </c>
      <c r="G5149" s="359" t="s">
        <v>14519</v>
      </c>
      <c r="H5149" s="359" t="s">
        <v>14378</v>
      </c>
      <c r="I5149" s="359" t="s">
        <v>28681</v>
      </c>
      <c r="J5149" s="359"/>
      <c r="K5149" s="359"/>
      <c r="L5149" s="359"/>
    </row>
    <row r="5150" spans="2:12">
      <c r="B5150" s="359"/>
      <c r="C5150" s="359"/>
      <c r="D5150" s="359"/>
      <c r="E5150" s="359"/>
      <c r="F5150" s="360"/>
      <c r="G5150" s="360"/>
      <c r="H5150" s="360"/>
      <c r="I5150" s="360"/>
      <c r="J5150" s="359"/>
      <c r="K5150" s="359"/>
      <c r="L5150" s="359"/>
    </row>
    <row r="5151" spans="2:12">
      <c r="B5151" s="359"/>
      <c r="C5151" s="359"/>
      <c r="D5151" s="359"/>
      <c r="E5151" s="359"/>
      <c r="F5151" s="359" t="s">
        <v>14460</v>
      </c>
      <c r="G5151" s="359" t="s">
        <v>14372</v>
      </c>
      <c r="H5151" s="359" t="s">
        <v>14381</v>
      </c>
      <c r="I5151" s="360"/>
      <c r="J5151" s="359"/>
      <c r="K5151" s="359"/>
      <c r="L5151" s="359"/>
    </row>
    <row r="5152" spans="2:12">
      <c r="B5152" s="359"/>
      <c r="C5152" s="359"/>
      <c r="D5152" s="359"/>
      <c r="E5152" s="359"/>
      <c r="F5152" s="360"/>
      <c r="G5152" s="360"/>
      <c r="H5152" s="360"/>
      <c r="I5152" s="360"/>
      <c r="J5152" s="359"/>
      <c r="K5152" s="359"/>
      <c r="L5152" s="359"/>
    </row>
    <row r="5153" spans="2:12">
      <c r="B5153" s="359"/>
      <c r="C5153" s="359"/>
      <c r="D5153" s="359"/>
      <c r="E5153" s="359"/>
      <c r="F5153" s="359" t="s">
        <v>14371</v>
      </c>
      <c r="G5153" s="359" t="s">
        <v>14373</v>
      </c>
      <c r="H5153" s="359" t="s">
        <v>14370</v>
      </c>
      <c r="I5153" s="360"/>
      <c r="J5153" s="359"/>
      <c r="K5153" s="359"/>
      <c r="L5153" s="359"/>
    </row>
    <row r="5154" spans="2:12">
      <c r="B5154" s="359"/>
      <c r="C5154" s="359"/>
      <c r="D5154" s="359"/>
      <c r="E5154" s="359"/>
      <c r="F5154" s="360"/>
      <c r="G5154" s="360"/>
      <c r="H5154" s="360"/>
      <c r="I5154" s="360"/>
      <c r="J5154" s="359"/>
      <c r="K5154" s="359"/>
      <c r="L5154" s="359"/>
    </row>
    <row r="5155" spans="2:12" ht="28.5">
      <c r="B5155" s="361"/>
      <c r="C5155" s="361"/>
      <c r="D5155" s="361"/>
      <c r="E5155" s="361"/>
      <c r="F5155" s="361" t="s">
        <v>14374</v>
      </c>
      <c r="G5155" s="362"/>
      <c r="H5155" s="361" t="s">
        <v>14332</v>
      </c>
      <c r="I5155" s="362"/>
      <c r="J5155" s="361"/>
      <c r="K5155" s="361"/>
      <c r="L5155" s="361"/>
    </row>
    <row r="5156" spans="2:12">
      <c r="B5156" s="358" t="s">
        <v>16911</v>
      </c>
      <c r="C5156" s="358" t="s">
        <v>27515</v>
      </c>
      <c r="D5156" s="358" t="s">
        <v>16912</v>
      </c>
      <c r="E5156" s="358" t="s">
        <v>16913</v>
      </c>
      <c r="F5156" s="358" t="s">
        <v>14366</v>
      </c>
      <c r="G5156" s="358" t="s">
        <v>14362</v>
      </c>
      <c r="H5156" s="358" t="s">
        <v>14328</v>
      </c>
      <c r="I5156" s="358" t="s">
        <v>14362</v>
      </c>
      <c r="J5156" s="358"/>
      <c r="K5156" s="358"/>
      <c r="L5156" s="358"/>
    </row>
    <row r="5157" spans="2:12">
      <c r="B5157" s="359"/>
      <c r="C5157" s="359"/>
      <c r="D5157" s="359"/>
      <c r="E5157" s="359"/>
      <c r="F5157" s="360"/>
      <c r="G5157" s="360"/>
      <c r="H5157" s="360"/>
      <c r="I5157" s="360"/>
      <c r="J5157" s="359"/>
      <c r="K5157" s="359"/>
      <c r="L5157" s="359"/>
    </row>
    <row r="5158" spans="2:12">
      <c r="B5158" s="359"/>
      <c r="C5158" s="359"/>
      <c r="D5158" s="359"/>
      <c r="E5158" s="359"/>
      <c r="F5158" s="359" t="s">
        <v>14379</v>
      </c>
      <c r="G5158" s="359" t="s">
        <v>14380</v>
      </c>
      <c r="H5158" s="359" t="s">
        <v>14378</v>
      </c>
      <c r="I5158" s="359" t="s">
        <v>14380</v>
      </c>
      <c r="J5158" s="359"/>
      <c r="K5158" s="359"/>
      <c r="L5158" s="359"/>
    </row>
    <row r="5159" spans="2:12">
      <c r="B5159" s="359"/>
      <c r="C5159" s="359"/>
      <c r="D5159" s="359"/>
      <c r="E5159" s="359"/>
      <c r="F5159" s="360"/>
      <c r="G5159" s="360"/>
      <c r="H5159" s="360"/>
      <c r="I5159" s="360"/>
      <c r="J5159" s="359"/>
      <c r="K5159" s="359"/>
      <c r="L5159" s="359"/>
    </row>
    <row r="5160" spans="2:12">
      <c r="B5160" s="361"/>
      <c r="C5160" s="361"/>
      <c r="D5160" s="361"/>
      <c r="E5160" s="361"/>
      <c r="F5160" s="362"/>
      <c r="G5160" s="362"/>
      <c r="H5160" s="361" t="s">
        <v>14332</v>
      </c>
      <c r="I5160" s="362"/>
      <c r="J5160" s="361"/>
      <c r="K5160" s="361"/>
      <c r="L5160" s="361"/>
    </row>
    <row r="5161" spans="2:12">
      <c r="B5161" s="358" t="s">
        <v>16914</v>
      </c>
      <c r="C5161" s="358" t="s">
        <v>16915</v>
      </c>
      <c r="D5161" s="358" t="s">
        <v>16916</v>
      </c>
      <c r="E5161" s="358" t="s">
        <v>6521</v>
      </c>
      <c r="F5161" s="358" t="s">
        <v>14382</v>
      </c>
      <c r="G5161" s="358" t="s">
        <v>14483</v>
      </c>
      <c r="H5161" s="358" t="s">
        <v>14378</v>
      </c>
      <c r="I5161" s="358" t="s">
        <v>14483</v>
      </c>
      <c r="J5161" s="358"/>
      <c r="K5161" s="358"/>
      <c r="L5161" s="358"/>
    </row>
    <row r="5162" spans="2:12">
      <c r="B5162" s="359"/>
      <c r="C5162" s="359"/>
      <c r="D5162" s="359"/>
      <c r="E5162" s="359"/>
      <c r="F5162" s="360"/>
      <c r="G5162" s="360"/>
      <c r="H5162" s="360"/>
      <c r="I5162" s="360"/>
      <c r="J5162" s="359"/>
      <c r="K5162" s="359"/>
      <c r="L5162" s="359"/>
    </row>
    <row r="5163" spans="2:12">
      <c r="B5163" s="359"/>
      <c r="C5163" s="359"/>
      <c r="D5163" s="359"/>
      <c r="E5163" s="359"/>
      <c r="F5163" s="359" t="s">
        <v>14382</v>
      </c>
      <c r="G5163" s="359" t="s">
        <v>14383</v>
      </c>
      <c r="H5163" s="359" t="s">
        <v>14381</v>
      </c>
      <c r="I5163" s="359" t="s">
        <v>14383</v>
      </c>
      <c r="J5163" s="359"/>
      <c r="K5163" s="359"/>
      <c r="L5163" s="359"/>
    </row>
    <row r="5164" spans="2:12">
      <c r="B5164" s="359"/>
      <c r="C5164" s="359"/>
      <c r="D5164" s="359"/>
      <c r="E5164" s="359"/>
      <c r="F5164" s="360"/>
      <c r="G5164" s="360"/>
      <c r="H5164" s="360"/>
      <c r="I5164" s="360"/>
      <c r="J5164" s="359"/>
      <c r="K5164" s="359"/>
      <c r="L5164" s="359"/>
    </row>
    <row r="5165" spans="2:12" ht="28.5">
      <c r="B5165" s="359"/>
      <c r="C5165" s="359"/>
      <c r="D5165" s="359"/>
      <c r="E5165" s="359"/>
      <c r="F5165" s="359" t="s">
        <v>14460</v>
      </c>
      <c r="G5165" s="359" t="s">
        <v>14519</v>
      </c>
      <c r="H5165" s="359" t="s">
        <v>14332</v>
      </c>
      <c r="I5165" s="359" t="s">
        <v>28791</v>
      </c>
      <c r="J5165" s="359"/>
      <c r="K5165" s="359"/>
      <c r="L5165" s="359"/>
    </row>
    <row r="5166" spans="2:12">
      <c r="B5166" s="359"/>
      <c r="C5166" s="359"/>
      <c r="D5166" s="359"/>
      <c r="E5166" s="359"/>
      <c r="F5166" s="360"/>
      <c r="G5166" s="360"/>
      <c r="H5166" s="360"/>
      <c r="I5166" s="360"/>
      <c r="J5166" s="359"/>
      <c r="K5166" s="359"/>
      <c r="L5166" s="359"/>
    </row>
    <row r="5167" spans="2:12" ht="28.5">
      <c r="B5167" s="361"/>
      <c r="C5167" s="361"/>
      <c r="D5167" s="361"/>
      <c r="E5167" s="361"/>
      <c r="F5167" s="361" t="s">
        <v>14462</v>
      </c>
      <c r="G5167" s="361" t="s">
        <v>14463</v>
      </c>
      <c r="H5167" s="362"/>
      <c r="I5167" s="362"/>
      <c r="J5167" s="361"/>
      <c r="K5167" s="361"/>
      <c r="L5167" s="361"/>
    </row>
    <row r="5168" spans="2:12" ht="42.75">
      <c r="B5168" s="358" t="s">
        <v>16917</v>
      </c>
      <c r="C5168" s="358" t="s">
        <v>16918</v>
      </c>
      <c r="D5168" s="358" t="s">
        <v>8356</v>
      </c>
      <c r="E5168" s="358" t="s">
        <v>8356</v>
      </c>
      <c r="F5168" s="358" t="s">
        <v>14382</v>
      </c>
      <c r="G5168" s="358" t="s">
        <v>14483</v>
      </c>
      <c r="H5168" s="358" t="s">
        <v>14378</v>
      </c>
      <c r="I5168" s="358" t="s">
        <v>14483</v>
      </c>
      <c r="J5168" s="358"/>
      <c r="K5168" s="358"/>
      <c r="L5168" s="358" t="s">
        <v>9491</v>
      </c>
    </row>
    <row r="5169" spans="2:12">
      <c r="B5169" s="359"/>
      <c r="C5169" s="359"/>
      <c r="D5169" s="359"/>
      <c r="E5169" s="359"/>
      <c r="F5169" s="360"/>
      <c r="G5169" s="360"/>
      <c r="H5169" s="360"/>
      <c r="I5169" s="360"/>
      <c r="J5169" s="359"/>
      <c r="K5169" s="359"/>
      <c r="L5169" s="359"/>
    </row>
    <row r="5170" spans="2:12">
      <c r="B5170" s="359"/>
      <c r="C5170" s="359"/>
      <c r="D5170" s="359"/>
      <c r="E5170" s="359"/>
      <c r="F5170" s="359" t="s">
        <v>14382</v>
      </c>
      <c r="G5170" s="359" t="s">
        <v>14383</v>
      </c>
      <c r="H5170" s="359" t="s">
        <v>14381</v>
      </c>
      <c r="I5170" s="359" t="s">
        <v>14383</v>
      </c>
      <c r="J5170" s="359"/>
      <c r="K5170" s="359"/>
      <c r="L5170" s="359"/>
    </row>
    <row r="5171" spans="2:12">
      <c r="B5171" s="359"/>
      <c r="C5171" s="359"/>
      <c r="D5171" s="359"/>
      <c r="E5171" s="359"/>
      <c r="F5171" s="360"/>
      <c r="G5171" s="360"/>
      <c r="H5171" s="360"/>
      <c r="I5171" s="360"/>
      <c r="J5171" s="359"/>
      <c r="K5171" s="359"/>
      <c r="L5171" s="359"/>
    </row>
    <row r="5172" spans="2:12">
      <c r="B5172" s="359"/>
      <c r="C5172" s="359"/>
      <c r="D5172" s="359"/>
      <c r="E5172" s="359"/>
      <c r="F5172" s="359" t="s">
        <v>16919</v>
      </c>
      <c r="G5172" s="359" t="s">
        <v>14461</v>
      </c>
      <c r="H5172" s="359" t="s">
        <v>14370</v>
      </c>
      <c r="I5172" s="359" t="s">
        <v>14461</v>
      </c>
      <c r="J5172" s="359"/>
      <c r="K5172" s="359"/>
      <c r="L5172" s="359"/>
    </row>
    <row r="5173" spans="2:12">
      <c r="B5173" s="359"/>
      <c r="C5173" s="359"/>
      <c r="D5173" s="359"/>
      <c r="E5173" s="359"/>
      <c r="F5173" s="360"/>
      <c r="G5173" s="360"/>
      <c r="H5173" s="360"/>
      <c r="I5173" s="360"/>
      <c r="J5173" s="359"/>
      <c r="K5173" s="359"/>
      <c r="L5173" s="359"/>
    </row>
    <row r="5174" spans="2:12">
      <c r="B5174" s="359"/>
      <c r="C5174" s="359"/>
      <c r="D5174" s="359"/>
      <c r="E5174" s="359"/>
      <c r="F5174" s="359" t="s">
        <v>14371</v>
      </c>
      <c r="G5174" s="359" t="s">
        <v>14372</v>
      </c>
      <c r="H5174" s="359" t="s">
        <v>14332</v>
      </c>
      <c r="I5174" s="359" t="s">
        <v>14373</v>
      </c>
      <c r="J5174" s="359"/>
      <c r="K5174" s="359"/>
      <c r="L5174" s="359"/>
    </row>
    <row r="5175" spans="2:12">
      <c r="B5175" s="359"/>
      <c r="C5175" s="359"/>
      <c r="D5175" s="359"/>
      <c r="E5175" s="359"/>
      <c r="F5175" s="360"/>
      <c r="G5175" s="360"/>
      <c r="H5175" s="360"/>
      <c r="I5175" s="360"/>
      <c r="J5175" s="359"/>
      <c r="K5175" s="359"/>
      <c r="L5175" s="359"/>
    </row>
    <row r="5176" spans="2:12" ht="28.5">
      <c r="B5176" s="361"/>
      <c r="C5176" s="361"/>
      <c r="D5176" s="361"/>
      <c r="E5176" s="361"/>
      <c r="F5176" s="361" t="s">
        <v>14374</v>
      </c>
      <c r="G5176" s="361" t="s">
        <v>14373</v>
      </c>
      <c r="H5176" s="362"/>
      <c r="I5176" s="362"/>
      <c r="J5176" s="361"/>
      <c r="K5176" s="361"/>
      <c r="L5176" s="361"/>
    </row>
    <row r="5177" spans="2:12">
      <c r="B5177" s="358" t="s">
        <v>16920</v>
      </c>
      <c r="C5177" s="358" t="s">
        <v>16921</v>
      </c>
      <c r="D5177" s="358" t="s">
        <v>16922</v>
      </c>
      <c r="E5177" s="358" t="s">
        <v>6531</v>
      </c>
      <c r="F5177" s="358" t="s">
        <v>14379</v>
      </c>
      <c r="G5177" s="358" t="s">
        <v>14405</v>
      </c>
      <c r="H5177" s="358" t="s">
        <v>14378</v>
      </c>
      <c r="I5177" s="358" t="s">
        <v>14405</v>
      </c>
      <c r="J5177" s="358" t="s">
        <v>14561</v>
      </c>
      <c r="K5177" s="358"/>
      <c r="L5177" s="358"/>
    </row>
    <row r="5178" spans="2:12">
      <c r="B5178" s="359"/>
      <c r="C5178" s="359"/>
      <c r="D5178" s="359"/>
      <c r="E5178" s="359"/>
      <c r="F5178" s="360"/>
      <c r="G5178" s="360"/>
      <c r="H5178" s="360"/>
      <c r="I5178" s="360"/>
      <c r="J5178" s="359"/>
      <c r="K5178" s="359"/>
      <c r="L5178" s="359"/>
    </row>
    <row r="5179" spans="2:12">
      <c r="B5179" s="359"/>
      <c r="C5179" s="359"/>
      <c r="D5179" s="359"/>
      <c r="E5179" s="359"/>
      <c r="F5179" s="359" t="s">
        <v>14382</v>
      </c>
      <c r="G5179" s="359" t="s">
        <v>14483</v>
      </c>
      <c r="H5179" s="359" t="s">
        <v>14370</v>
      </c>
      <c r="I5179" s="359" t="s">
        <v>14483</v>
      </c>
      <c r="J5179" s="359"/>
      <c r="K5179" s="359"/>
      <c r="L5179" s="359"/>
    </row>
    <row r="5180" spans="2:12">
      <c r="B5180" s="359"/>
      <c r="C5180" s="359"/>
      <c r="D5180" s="359"/>
      <c r="E5180" s="359"/>
      <c r="F5180" s="360"/>
      <c r="G5180" s="360"/>
      <c r="H5180" s="360"/>
      <c r="I5180" s="360"/>
      <c r="J5180" s="359"/>
      <c r="K5180" s="359"/>
      <c r="L5180" s="359"/>
    </row>
    <row r="5181" spans="2:12">
      <c r="B5181" s="359"/>
      <c r="C5181" s="359"/>
      <c r="D5181" s="359"/>
      <c r="E5181" s="359"/>
      <c r="F5181" s="359" t="s">
        <v>14391</v>
      </c>
      <c r="G5181" s="359" t="s">
        <v>14392</v>
      </c>
      <c r="H5181" s="359" t="s">
        <v>14332</v>
      </c>
      <c r="I5181" s="359" t="s">
        <v>14392</v>
      </c>
      <c r="J5181" s="359"/>
      <c r="K5181" s="359"/>
      <c r="L5181" s="359"/>
    </row>
    <row r="5182" spans="2:12">
      <c r="B5182" s="359"/>
      <c r="C5182" s="359"/>
      <c r="D5182" s="359"/>
      <c r="E5182" s="359"/>
      <c r="F5182" s="360"/>
      <c r="G5182" s="360"/>
      <c r="H5182" s="360"/>
      <c r="I5182" s="360"/>
      <c r="J5182" s="359"/>
      <c r="K5182" s="359"/>
      <c r="L5182" s="359"/>
    </row>
    <row r="5183" spans="2:12" ht="28.5">
      <c r="B5183" s="361"/>
      <c r="C5183" s="361"/>
      <c r="D5183" s="361"/>
      <c r="E5183" s="361"/>
      <c r="F5183" s="361" t="s">
        <v>14394</v>
      </c>
      <c r="G5183" s="361" t="s">
        <v>14395</v>
      </c>
      <c r="H5183" s="362"/>
      <c r="I5183" s="361" t="s">
        <v>14395</v>
      </c>
      <c r="J5183" s="361"/>
      <c r="K5183" s="361"/>
      <c r="L5183" s="361"/>
    </row>
    <row r="5184" spans="2:12">
      <c r="B5184" s="358" t="s">
        <v>16923</v>
      </c>
      <c r="C5184" s="358" t="s">
        <v>16924</v>
      </c>
      <c r="D5184" s="358" t="s">
        <v>16925</v>
      </c>
      <c r="E5184" s="358" t="s">
        <v>16926</v>
      </c>
      <c r="F5184" s="358" t="s">
        <v>14379</v>
      </c>
      <c r="G5184" s="358" t="s">
        <v>14380</v>
      </c>
      <c r="H5184" s="358" t="s">
        <v>14378</v>
      </c>
      <c r="I5184" s="358" t="s">
        <v>14380</v>
      </c>
      <c r="J5184" s="358"/>
      <c r="K5184" s="358"/>
      <c r="L5184" s="358"/>
    </row>
    <row r="5185" spans="2:12">
      <c r="B5185" s="359"/>
      <c r="C5185" s="359"/>
      <c r="D5185" s="359"/>
      <c r="E5185" s="359"/>
      <c r="F5185" s="360"/>
      <c r="G5185" s="360"/>
      <c r="H5185" s="360"/>
      <c r="I5185" s="360"/>
      <c r="J5185" s="359"/>
      <c r="K5185" s="359"/>
      <c r="L5185" s="359"/>
    </row>
    <row r="5186" spans="2:12">
      <c r="B5186" s="359"/>
      <c r="C5186" s="359"/>
      <c r="D5186" s="359"/>
      <c r="E5186" s="359"/>
      <c r="F5186" s="359" t="s">
        <v>14339</v>
      </c>
      <c r="G5186" s="359" t="s">
        <v>14340</v>
      </c>
      <c r="H5186" s="359" t="s">
        <v>14341</v>
      </c>
      <c r="I5186" s="359" t="s">
        <v>14340</v>
      </c>
      <c r="J5186" s="359"/>
      <c r="K5186" s="359"/>
      <c r="L5186" s="359"/>
    </row>
    <row r="5187" spans="2:12">
      <c r="B5187" s="359"/>
      <c r="C5187" s="359"/>
      <c r="D5187" s="359"/>
      <c r="E5187" s="359"/>
      <c r="F5187" s="360"/>
      <c r="G5187" s="360"/>
      <c r="H5187" s="360"/>
      <c r="I5187" s="360"/>
      <c r="J5187" s="359"/>
      <c r="K5187" s="359"/>
      <c r="L5187" s="359"/>
    </row>
    <row r="5188" spans="2:12">
      <c r="B5188" s="359"/>
      <c r="C5188" s="359"/>
      <c r="D5188" s="359"/>
      <c r="E5188" s="359"/>
      <c r="F5188" s="359" t="s">
        <v>14371</v>
      </c>
      <c r="G5188" s="359" t="s">
        <v>14372</v>
      </c>
      <c r="H5188" s="359" t="s">
        <v>14370</v>
      </c>
      <c r="I5188" s="359" t="s">
        <v>14372</v>
      </c>
      <c r="J5188" s="359"/>
      <c r="K5188" s="359"/>
      <c r="L5188" s="359"/>
    </row>
    <row r="5189" spans="2:12">
      <c r="B5189" s="359"/>
      <c r="C5189" s="359"/>
      <c r="D5189" s="359"/>
      <c r="E5189" s="359"/>
      <c r="F5189" s="360"/>
      <c r="G5189" s="360"/>
      <c r="H5189" s="360"/>
      <c r="I5189" s="360"/>
      <c r="J5189" s="359"/>
      <c r="K5189" s="359"/>
      <c r="L5189" s="359"/>
    </row>
    <row r="5190" spans="2:12">
      <c r="B5190" s="361"/>
      <c r="C5190" s="361"/>
      <c r="D5190" s="361"/>
      <c r="E5190" s="361"/>
      <c r="F5190" s="362"/>
      <c r="G5190" s="362"/>
      <c r="H5190" s="361" t="s">
        <v>14332</v>
      </c>
      <c r="I5190" s="362"/>
      <c r="J5190" s="361"/>
      <c r="K5190" s="361"/>
      <c r="L5190" s="361"/>
    </row>
    <row r="5191" spans="2:12">
      <c r="B5191" s="358" t="s">
        <v>16927</v>
      </c>
      <c r="C5191" s="358" t="s">
        <v>16928</v>
      </c>
      <c r="D5191" s="358" t="s">
        <v>16929</v>
      </c>
      <c r="E5191" s="358" t="s">
        <v>16930</v>
      </c>
      <c r="F5191" s="358" t="s">
        <v>14330</v>
      </c>
      <c r="G5191" s="358" t="s">
        <v>14340</v>
      </c>
      <c r="H5191" s="358" t="s">
        <v>14331</v>
      </c>
      <c r="I5191" s="358" t="s">
        <v>14340</v>
      </c>
      <c r="J5191" s="358"/>
      <c r="K5191" s="358"/>
      <c r="L5191" s="358" t="s">
        <v>14329</v>
      </c>
    </row>
    <row r="5192" spans="2:12">
      <c r="B5192" s="359"/>
      <c r="C5192" s="359"/>
      <c r="D5192" s="359"/>
      <c r="E5192" s="359"/>
      <c r="F5192" s="360"/>
      <c r="G5192" s="360"/>
      <c r="H5192" s="360"/>
      <c r="I5192" s="360"/>
      <c r="J5192" s="359"/>
      <c r="K5192" s="359"/>
      <c r="L5192" s="359"/>
    </row>
    <row r="5193" spans="2:12">
      <c r="B5193" s="359"/>
      <c r="C5193" s="359"/>
      <c r="D5193" s="359"/>
      <c r="E5193" s="359"/>
      <c r="F5193" s="359" t="s">
        <v>14339</v>
      </c>
      <c r="G5193" s="359" t="s">
        <v>14388</v>
      </c>
      <c r="H5193" s="359" t="s">
        <v>14341</v>
      </c>
      <c r="I5193" s="359" t="s">
        <v>14388</v>
      </c>
      <c r="J5193" s="359"/>
      <c r="K5193" s="359"/>
      <c r="L5193" s="359"/>
    </row>
    <row r="5194" spans="2:12">
      <c r="B5194" s="359"/>
      <c r="C5194" s="359"/>
      <c r="D5194" s="359"/>
      <c r="E5194" s="359"/>
      <c r="F5194" s="360"/>
      <c r="G5194" s="360"/>
      <c r="H5194" s="360"/>
      <c r="I5194" s="360"/>
      <c r="J5194" s="359"/>
      <c r="K5194" s="359"/>
      <c r="L5194" s="359"/>
    </row>
    <row r="5195" spans="2:12">
      <c r="B5195" s="359"/>
      <c r="C5195" s="359"/>
      <c r="D5195" s="359"/>
      <c r="E5195" s="359"/>
      <c r="F5195" s="359" t="s">
        <v>14368</v>
      </c>
      <c r="G5195" s="360"/>
      <c r="H5195" s="359" t="s">
        <v>14367</v>
      </c>
      <c r="I5195" s="360"/>
      <c r="J5195" s="359"/>
      <c r="K5195" s="359"/>
      <c r="L5195" s="359"/>
    </row>
    <row r="5196" spans="2:12">
      <c r="B5196" s="359"/>
      <c r="C5196" s="359"/>
      <c r="D5196" s="359"/>
      <c r="E5196" s="359"/>
      <c r="F5196" s="360"/>
      <c r="G5196" s="360"/>
      <c r="H5196" s="360"/>
      <c r="I5196" s="360"/>
      <c r="J5196" s="359"/>
      <c r="K5196" s="359"/>
      <c r="L5196" s="359"/>
    </row>
    <row r="5197" spans="2:12">
      <c r="B5197" s="361"/>
      <c r="C5197" s="361"/>
      <c r="D5197" s="361"/>
      <c r="E5197" s="361"/>
      <c r="F5197" s="362"/>
      <c r="G5197" s="362"/>
      <c r="H5197" s="361" t="s">
        <v>14332</v>
      </c>
      <c r="I5197" s="362"/>
      <c r="J5197" s="361"/>
      <c r="K5197" s="361"/>
      <c r="L5197" s="361"/>
    </row>
    <row r="5198" spans="2:12" ht="85.5">
      <c r="B5198" s="358" t="s">
        <v>16931</v>
      </c>
      <c r="C5198" s="358" t="s">
        <v>28792</v>
      </c>
      <c r="D5198" s="358" t="s">
        <v>8356</v>
      </c>
      <c r="E5198" s="358" t="s">
        <v>8356</v>
      </c>
      <c r="F5198" s="358" t="s">
        <v>14356</v>
      </c>
      <c r="G5198" s="358" t="s">
        <v>14340</v>
      </c>
      <c r="H5198" s="358" t="s">
        <v>14341</v>
      </c>
      <c r="I5198" s="358" t="s">
        <v>14340</v>
      </c>
      <c r="J5198" s="358"/>
      <c r="K5198" s="358" t="s">
        <v>28793</v>
      </c>
      <c r="L5198" s="358" t="s">
        <v>10376</v>
      </c>
    </row>
    <row r="5199" spans="2:12">
      <c r="B5199" s="359"/>
      <c r="C5199" s="359"/>
      <c r="D5199" s="359"/>
      <c r="E5199" s="359"/>
      <c r="F5199" s="360"/>
      <c r="G5199" s="360"/>
      <c r="H5199" s="360"/>
      <c r="I5199" s="360"/>
      <c r="J5199" s="359"/>
      <c r="K5199" s="360"/>
      <c r="L5199" s="359"/>
    </row>
    <row r="5200" spans="2:12" ht="42.75">
      <c r="B5200" s="359"/>
      <c r="C5200" s="359"/>
      <c r="D5200" s="359"/>
      <c r="E5200" s="359"/>
      <c r="F5200" s="359" t="s">
        <v>14368</v>
      </c>
      <c r="G5200" s="359" t="s">
        <v>14388</v>
      </c>
      <c r="H5200" s="359" t="s">
        <v>14367</v>
      </c>
      <c r="I5200" s="359" t="s">
        <v>14388</v>
      </c>
      <c r="J5200" s="359"/>
      <c r="K5200" s="359" t="s">
        <v>28794</v>
      </c>
      <c r="L5200" s="359"/>
    </row>
    <row r="5201" spans="2:12">
      <c r="B5201" s="359"/>
      <c r="C5201" s="359"/>
      <c r="D5201" s="359"/>
      <c r="E5201" s="359"/>
      <c r="F5201" s="360"/>
      <c r="G5201" s="360"/>
      <c r="H5201" s="360"/>
      <c r="I5201" s="360"/>
      <c r="J5201" s="359"/>
      <c r="K5201" s="360"/>
      <c r="L5201" s="359"/>
    </row>
    <row r="5202" spans="2:12" ht="42.75">
      <c r="B5202" s="361"/>
      <c r="C5202" s="361"/>
      <c r="D5202" s="361"/>
      <c r="E5202" s="361"/>
      <c r="F5202" s="362"/>
      <c r="G5202" s="362"/>
      <c r="H5202" s="361" t="s">
        <v>14332</v>
      </c>
      <c r="I5202" s="362"/>
      <c r="J5202" s="361"/>
      <c r="K5202" s="361" t="s">
        <v>28685</v>
      </c>
      <c r="L5202" s="361"/>
    </row>
    <row r="5203" spans="2:12">
      <c r="B5203" s="358" t="s">
        <v>10250</v>
      </c>
      <c r="C5203" s="358" t="s">
        <v>16932</v>
      </c>
      <c r="D5203" s="358" t="s">
        <v>10251</v>
      </c>
      <c r="E5203" s="358" t="s">
        <v>13403</v>
      </c>
      <c r="F5203" s="358" t="s">
        <v>15115</v>
      </c>
      <c r="G5203" s="358" t="s">
        <v>15024</v>
      </c>
      <c r="H5203" s="358" t="s">
        <v>14479</v>
      </c>
      <c r="I5203" s="358" t="s">
        <v>15024</v>
      </c>
      <c r="J5203" s="358"/>
      <c r="K5203" s="358"/>
      <c r="L5203" s="358"/>
    </row>
    <row r="5204" spans="2:12">
      <c r="B5204" s="359"/>
      <c r="C5204" s="359"/>
      <c r="D5204" s="359"/>
      <c r="E5204" s="359"/>
      <c r="F5204" s="360"/>
      <c r="G5204" s="360"/>
      <c r="H5204" s="360"/>
      <c r="I5204" s="360"/>
      <c r="J5204" s="359"/>
      <c r="K5204" s="359"/>
      <c r="L5204" s="359"/>
    </row>
    <row r="5205" spans="2:12">
      <c r="B5205" s="359"/>
      <c r="C5205" s="359"/>
      <c r="D5205" s="359"/>
      <c r="E5205" s="359"/>
      <c r="F5205" s="359" t="s">
        <v>14376</v>
      </c>
      <c r="G5205" s="359" t="s">
        <v>14669</v>
      </c>
      <c r="H5205" s="359" t="s">
        <v>14378</v>
      </c>
      <c r="I5205" s="359" t="s">
        <v>14669</v>
      </c>
      <c r="J5205" s="359"/>
      <c r="K5205" s="359"/>
      <c r="L5205" s="359"/>
    </row>
    <row r="5206" spans="2:12">
      <c r="B5206" s="359"/>
      <c r="C5206" s="359"/>
      <c r="D5206" s="359"/>
      <c r="E5206" s="359"/>
      <c r="F5206" s="360"/>
      <c r="G5206" s="360"/>
      <c r="H5206" s="360"/>
      <c r="I5206" s="360"/>
      <c r="J5206" s="359"/>
      <c r="K5206" s="359"/>
      <c r="L5206" s="359"/>
    </row>
    <row r="5207" spans="2:12">
      <c r="B5207" s="359"/>
      <c r="C5207" s="359"/>
      <c r="D5207" s="359"/>
      <c r="E5207" s="359"/>
      <c r="F5207" s="359" t="s">
        <v>14382</v>
      </c>
      <c r="G5207" s="359" t="s">
        <v>14383</v>
      </c>
      <c r="H5207" s="359" t="s">
        <v>14381</v>
      </c>
      <c r="I5207" s="359" t="s">
        <v>14383</v>
      </c>
      <c r="J5207" s="359"/>
      <c r="K5207" s="359"/>
      <c r="L5207" s="359"/>
    </row>
    <row r="5208" spans="2:12">
      <c r="B5208" s="359"/>
      <c r="C5208" s="359"/>
      <c r="D5208" s="359"/>
      <c r="E5208" s="359"/>
      <c r="F5208" s="360"/>
      <c r="G5208" s="360"/>
      <c r="H5208" s="360"/>
      <c r="I5208" s="360"/>
      <c r="J5208" s="359"/>
      <c r="K5208" s="359"/>
      <c r="L5208" s="359"/>
    </row>
    <row r="5209" spans="2:12">
      <c r="B5209" s="361"/>
      <c r="C5209" s="361"/>
      <c r="D5209" s="361"/>
      <c r="E5209" s="361"/>
      <c r="F5209" s="362"/>
      <c r="G5209" s="362"/>
      <c r="H5209" s="361" t="s">
        <v>14332</v>
      </c>
      <c r="I5209" s="362"/>
      <c r="J5209" s="361"/>
      <c r="K5209" s="361"/>
      <c r="L5209" s="361"/>
    </row>
    <row r="5210" spans="2:12">
      <c r="B5210" s="358" t="s">
        <v>16933</v>
      </c>
      <c r="C5210" s="358" t="s">
        <v>16934</v>
      </c>
      <c r="D5210" s="358" t="s">
        <v>16935</v>
      </c>
      <c r="E5210" s="358" t="s">
        <v>8356</v>
      </c>
      <c r="F5210" s="358" t="s">
        <v>16531</v>
      </c>
      <c r="G5210" s="358" t="s">
        <v>14478</v>
      </c>
      <c r="H5210" s="358" t="s">
        <v>14479</v>
      </c>
      <c r="I5210" s="358" t="s">
        <v>14478</v>
      </c>
      <c r="J5210" s="358"/>
      <c r="K5210" s="358"/>
      <c r="L5210" s="358"/>
    </row>
    <row r="5211" spans="2:12">
      <c r="B5211" s="359"/>
      <c r="C5211" s="359"/>
      <c r="D5211" s="359"/>
      <c r="E5211" s="359"/>
      <c r="F5211" s="360"/>
      <c r="G5211" s="360"/>
      <c r="H5211" s="360"/>
      <c r="I5211" s="360"/>
      <c r="J5211" s="359"/>
      <c r="K5211" s="359"/>
      <c r="L5211" s="359"/>
    </row>
    <row r="5212" spans="2:12">
      <c r="B5212" s="359"/>
      <c r="C5212" s="359"/>
      <c r="D5212" s="359"/>
      <c r="E5212" s="359"/>
      <c r="F5212" s="359" t="s">
        <v>14420</v>
      </c>
      <c r="G5212" s="359" t="s">
        <v>14429</v>
      </c>
      <c r="H5212" s="359" t="s">
        <v>14341</v>
      </c>
      <c r="I5212" s="359" t="s">
        <v>14429</v>
      </c>
      <c r="J5212" s="359"/>
      <c r="K5212" s="359"/>
      <c r="L5212" s="359"/>
    </row>
    <row r="5213" spans="2:12">
      <c r="B5213" s="359"/>
      <c r="C5213" s="359"/>
      <c r="D5213" s="359"/>
      <c r="E5213" s="359"/>
      <c r="F5213" s="360"/>
      <c r="G5213" s="360"/>
      <c r="H5213" s="360"/>
      <c r="I5213" s="360"/>
      <c r="J5213" s="359"/>
      <c r="K5213" s="359"/>
      <c r="L5213" s="359"/>
    </row>
    <row r="5214" spans="2:12">
      <c r="B5214" s="359"/>
      <c r="C5214" s="359"/>
      <c r="D5214" s="359"/>
      <c r="E5214" s="359"/>
      <c r="F5214" s="359" t="s">
        <v>14339</v>
      </c>
      <c r="G5214" s="359" t="s">
        <v>14340</v>
      </c>
      <c r="H5214" s="359" t="s">
        <v>14367</v>
      </c>
      <c r="I5214" s="359" t="s">
        <v>14340</v>
      </c>
      <c r="J5214" s="359"/>
      <c r="K5214" s="359"/>
      <c r="L5214" s="359"/>
    </row>
    <row r="5215" spans="2:12">
      <c r="B5215" s="359"/>
      <c r="C5215" s="359"/>
      <c r="D5215" s="359"/>
      <c r="E5215" s="359"/>
      <c r="F5215" s="360"/>
      <c r="G5215" s="360"/>
      <c r="H5215" s="360"/>
      <c r="I5215" s="360"/>
      <c r="J5215" s="359"/>
      <c r="K5215" s="359"/>
      <c r="L5215" s="359"/>
    </row>
    <row r="5216" spans="2:12">
      <c r="B5216" s="359"/>
      <c r="C5216" s="359"/>
      <c r="D5216" s="359"/>
      <c r="E5216" s="359"/>
      <c r="F5216" s="359" t="s">
        <v>14391</v>
      </c>
      <c r="G5216" s="359" t="s">
        <v>14392</v>
      </c>
      <c r="H5216" s="359" t="s">
        <v>14370</v>
      </c>
      <c r="I5216" s="359" t="s">
        <v>14392</v>
      </c>
      <c r="J5216" s="359"/>
      <c r="K5216" s="359"/>
      <c r="L5216" s="359"/>
    </row>
    <row r="5217" spans="2:12">
      <c r="B5217" s="359"/>
      <c r="C5217" s="359"/>
      <c r="D5217" s="359"/>
      <c r="E5217" s="359"/>
      <c r="F5217" s="360"/>
      <c r="G5217" s="360"/>
      <c r="H5217" s="360"/>
      <c r="I5217" s="360"/>
      <c r="J5217" s="359"/>
      <c r="K5217" s="359"/>
      <c r="L5217" s="359"/>
    </row>
    <row r="5218" spans="2:12">
      <c r="B5218" s="361"/>
      <c r="C5218" s="361"/>
      <c r="D5218" s="361"/>
      <c r="E5218" s="361"/>
      <c r="F5218" s="361" t="s">
        <v>14371</v>
      </c>
      <c r="G5218" s="361" t="s">
        <v>14372</v>
      </c>
      <c r="H5218" s="361" t="s">
        <v>14332</v>
      </c>
      <c r="I5218" s="361" t="s">
        <v>14372</v>
      </c>
      <c r="J5218" s="361"/>
      <c r="K5218" s="361"/>
      <c r="L5218" s="361"/>
    </row>
    <row r="5219" spans="2:12">
      <c r="B5219" s="358" t="s">
        <v>16936</v>
      </c>
      <c r="C5219" s="358" t="s">
        <v>16937</v>
      </c>
      <c r="D5219" s="358" t="s">
        <v>16938</v>
      </c>
      <c r="E5219" s="358" t="s">
        <v>16939</v>
      </c>
      <c r="F5219" s="358" t="s">
        <v>14337</v>
      </c>
      <c r="G5219" s="358" t="s">
        <v>14338</v>
      </c>
      <c r="H5219" s="358" t="s">
        <v>14328</v>
      </c>
      <c r="I5219" s="358" t="s">
        <v>14338</v>
      </c>
      <c r="J5219" s="358"/>
      <c r="K5219" s="358"/>
      <c r="L5219" s="358" t="s">
        <v>14513</v>
      </c>
    </row>
    <row r="5220" spans="2:12">
      <c r="B5220" s="359"/>
      <c r="C5220" s="359"/>
      <c r="D5220" s="359"/>
      <c r="E5220" s="359"/>
      <c r="F5220" s="360"/>
      <c r="G5220" s="360"/>
      <c r="H5220" s="360"/>
      <c r="I5220" s="360"/>
      <c r="J5220" s="359"/>
      <c r="K5220" s="359"/>
      <c r="L5220" s="359"/>
    </row>
    <row r="5221" spans="2:12">
      <c r="B5221" s="361"/>
      <c r="C5221" s="361"/>
      <c r="D5221" s="361"/>
      <c r="E5221" s="361"/>
      <c r="F5221" s="361" t="s">
        <v>14361</v>
      </c>
      <c r="G5221" s="361" t="s">
        <v>14362</v>
      </c>
      <c r="H5221" s="361" t="s">
        <v>14332</v>
      </c>
      <c r="I5221" s="361" t="s">
        <v>14362</v>
      </c>
      <c r="J5221" s="361"/>
      <c r="K5221" s="361"/>
      <c r="L5221" s="361"/>
    </row>
    <row r="5222" spans="2:12">
      <c r="B5222" s="358" t="s">
        <v>16940</v>
      </c>
      <c r="C5222" s="358" t="s">
        <v>16941</v>
      </c>
      <c r="D5222" s="358" t="s">
        <v>8356</v>
      </c>
      <c r="E5222" s="358" t="s">
        <v>8356</v>
      </c>
      <c r="F5222" s="358" t="s">
        <v>15138</v>
      </c>
      <c r="G5222" s="358" t="s">
        <v>16167</v>
      </c>
      <c r="H5222" s="358" t="s">
        <v>14328</v>
      </c>
      <c r="I5222" s="358" t="s">
        <v>16167</v>
      </c>
      <c r="J5222" s="358"/>
      <c r="K5222" s="358"/>
      <c r="L5222" s="358" t="s">
        <v>14513</v>
      </c>
    </row>
    <row r="5223" spans="2:12">
      <c r="B5223" s="359"/>
      <c r="C5223" s="359"/>
      <c r="D5223" s="359"/>
      <c r="E5223" s="359"/>
      <c r="F5223" s="359"/>
      <c r="G5223" s="359"/>
      <c r="H5223" s="360"/>
      <c r="I5223" s="359"/>
      <c r="J5223" s="359"/>
      <c r="K5223" s="359"/>
      <c r="L5223" s="359"/>
    </row>
    <row r="5224" spans="2:12">
      <c r="B5224" s="361"/>
      <c r="C5224" s="361"/>
      <c r="D5224" s="361"/>
      <c r="E5224" s="361"/>
      <c r="F5224" s="361"/>
      <c r="G5224" s="361"/>
      <c r="H5224" s="361" t="s">
        <v>14332</v>
      </c>
      <c r="I5224" s="361"/>
      <c r="J5224" s="361"/>
      <c r="K5224" s="361"/>
      <c r="L5224" s="361"/>
    </row>
    <row r="5225" spans="2:12" ht="42.75">
      <c r="B5225" s="358" t="s">
        <v>16942</v>
      </c>
      <c r="C5225" s="358" t="s">
        <v>30105</v>
      </c>
      <c r="D5225" s="358" t="s">
        <v>16943</v>
      </c>
      <c r="E5225" s="358" t="s">
        <v>16944</v>
      </c>
      <c r="F5225" s="358" t="s">
        <v>14371</v>
      </c>
      <c r="G5225" s="358" t="s">
        <v>14372</v>
      </c>
      <c r="H5225" s="358" t="s">
        <v>14370</v>
      </c>
      <c r="I5225" s="358" t="s">
        <v>14373</v>
      </c>
      <c r="J5225" s="358"/>
      <c r="K5225" s="358"/>
      <c r="L5225" s="358"/>
    </row>
    <row r="5226" spans="2:12">
      <c r="B5226" s="359"/>
      <c r="C5226" s="359"/>
      <c r="D5226" s="359"/>
      <c r="E5226" s="359"/>
      <c r="F5226" s="360"/>
      <c r="G5226" s="360"/>
      <c r="H5226" s="360"/>
      <c r="I5226" s="359"/>
      <c r="J5226" s="359"/>
      <c r="K5226" s="359"/>
      <c r="L5226" s="359"/>
    </row>
    <row r="5227" spans="2:12" ht="28.5">
      <c r="B5227" s="361"/>
      <c r="C5227" s="361"/>
      <c r="D5227" s="361"/>
      <c r="E5227" s="361"/>
      <c r="F5227" s="361" t="s">
        <v>14374</v>
      </c>
      <c r="G5227" s="361" t="s">
        <v>14373</v>
      </c>
      <c r="H5227" s="361" t="s">
        <v>14422</v>
      </c>
      <c r="I5227" s="361"/>
      <c r="J5227" s="361"/>
      <c r="K5227" s="361"/>
      <c r="L5227" s="361"/>
    </row>
    <row r="5228" spans="2:12">
      <c r="B5228" s="358" t="s">
        <v>16945</v>
      </c>
      <c r="C5228" s="358" t="s">
        <v>16946</v>
      </c>
      <c r="D5228" s="358" t="s">
        <v>16947</v>
      </c>
      <c r="E5228" s="358" t="s">
        <v>14032</v>
      </c>
      <c r="F5228" s="358" t="s">
        <v>14443</v>
      </c>
      <c r="G5228" s="358" t="s">
        <v>14444</v>
      </c>
      <c r="H5228" s="358" t="s">
        <v>14381</v>
      </c>
      <c r="I5228" s="358" t="s">
        <v>14444</v>
      </c>
      <c r="J5228" s="358"/>
      <c r="K5228" s="358"/>
      <c r="L5228" s="358"/>
    </row>
    <row r="5229" spans="2:12">
      <c r="B5229" s="359"/>
      <c r="C5229" s="359"/>
      <c r="D5229" s="359"/>
      <c r="E5229" s="359"/>
      <c r="F5229" s="360"/>
      <c r="G5229" s="360"/>
      <c r="H5229" s="360"/>
      <c r="I5229" s="360"/>
      <c r="J5229" s="359"/>
      <c r="K5229" s="359"/>
      <c r="L5229" s="359"/>
    </row>
    <row r="5230" spans="2:12">
      <c r="B5230" s="359"/>
      <c r="C5230" s="359"/>
      <c r="D5230" s="359"/>
      <c r="E5230" s="359"/>
      <c r="F5230" s="359" t="s">
        <v>14386</v>
      </c>
      <c r="G5230" s="359" t="s">
        <v>14387</v>
      </c>
      <c r="H5230" s="359" t="s">
        <v>14367</v>
      </c>
      <c r="I5230" s="359" t="s">
        <v>14387</v>
      </c>
      <c r="J5230" s="359"/>
      <c r="K5230" s="359"/>
      <c r="L5230" s="359"/>
    </row>
    <row r="5231" spans="2:12">
      <c r="B5231" s="359"/>
      <c r="C5231" s="359"/>
      <c r="D5231" s="359"/>
      <c r="E5231" s="359"/>
      <c r="F5231" s="360"/>
      <c r="G5231" s="360"/>
      <c r="H5231" s="360"/>
      <c r="I5231" s="360"/>
      <c r="J5231" s="359"/>
      <c r="K5231" s="359"/>
      <c r="L5231" s="359"/>
    </row>
    <row r="5232" spans="2:12">
      <c r="B5232" s="361"/>
      <c r="C5232" s="361"/>
      <c r="D5232" s="361"/>
      <c r="E5232" s="361"/>
      <c r="F5232" s="361" t="s">
        <v>14368</v>
      </c>
      <c r="G5232" s="361" t="s">
        <v>14388</v>
      </c>
      <c r="H5232" s="361" t="s">
        <v>14422</v>
      </c>
      <c r="I5232" s="361" t="s">
        <v>14388</v>
      </c>
      <c r="J5232" s="361"/>
      <c r="K5232" s="361"/>
      <c r="L5232" s="361"/>
    </row>
    <row r="5233" spans="2:12" ht="42.75">
      <c r="B5233" s="358" t="s">
        <v>16948</v>
      </c>
      <c r="C5233" s="358" t="s">
        <v>16949</v>
      </c>
      <c r="D5233" s="358" t="s">
        <v>16950</v>
      </c>
      <c r="E5233" s="358" t="s">
        <v>16951</v>
      </c>
      <c r="F5233" s="358" t="s">
        <v>14382</v>
      </c>
      <c r="G5233" s="358" t="s">
        <v>14483</v>
      </c>
      <c r="H5233" s="358" t="s">
        <v>14378</v>
      </c>
      <c r="I5233" s="358" t="s">
        <v>14483</v>
      </c>
      <c r="J5233" s="358"/>
      <c r="K5233" s="358"/>
      <c r="L5233" s="358"/>
    </row>
    <row r="5234" spans="2:12">
      <c r="B5234" s="359"/>
      <c r="C5234" s="359"/>
      <c r="D5234" s="359"/>
      <c r="E5234" s="359"/>
      <c r="F5234" s="360"/>
      <c r="G5234" s="360"/>
      <c r="H5234" s="360"/>
      <c r="I5234" s="360"/>
      <c r="J5234" s="359"/>
      <c r="K5234" s="359"/>
      <c r="L5234" s="359"/>
    </row>
    <row r="5235" spans="2:12">
      <c r="B5235" s="359"/>
      <c r="C5235" s="359"/>
      <c r="D5235" s="359"/>
      <c r="E5235" s="359"/>
      <c r="F5235" s="359" t="s">
        <v>14430</v>
      </c>
      <c r="G5235" s="359" t="s">
        <v>14431</v>
      </c>
      <c r="H5235" s="359" t="s">
        <v>14341</v>
      </c>
      <c r="I5235" s="359" t="s">
        <v>14431</v>
      </c>
      <c r="J5235" s="359"/>
      <c r="K5235" s="359"/>
      <c r="L5235" s="359"/>
    </row>
    <row r="5236" spans="2:12">
      <c r="B5236" s="359"/>
      <c r="C5236" s="359"/>
      <c r="D5236" s="359"/>
      <c r="E5236" s="359"/>
      <c r="F5236" s="360"/>
      <c r="G5236" s="360"/>
      <c r="H5236" s="360"/>
      <c r="I5236" s="360"/>
      <c r="J5236" s="359"/>
      <c r="K5236" s="359"/>
      <c r="L5236" s="359"/>
    </row>
    <row r="5237" spans="2:12">
      <c r="B5237" s="361"/>
      <c r="C5237" s="361"/>
      <c r="D5237" s="361"/>
      <c r="E5237" s="361"/>
      <c r="F5237" s="362"/>
      <c r="G5237" s="362"/>
      <c r="H5237" s="361" t="s">
        <v>14332</v>
      </c>
      <c r="I5237" s="362"/>
      <c r="J5237" s="361"/>
      <c r="K5237" s="361"/>
      <c r="L5237" s="361"/>
    </row>
    <row r="5238" spans="2:12" ht="42.75">
      <c r="B5238" s="358" t="s">
        <v>16952</v>
      </c>
      <c r="C5238" s="358" t="s">
        <v>16953</v>
      </c>
      <c r="D5238" s="358" t="s">
        <v>16954</v>
      </c>
      <c r="E5238" s="358" t="s">
        <v>16955</v>
      </c>
      <c r="F5238" s="358" t="s">
        <v>15096</v>
      </c>
      <c r="G5238" s="358" t="s">
        <v>15097</v>
      </c>
      <c r="H5238" s="358" t="s">
        <v>14328</v>
      </c>
      <c r="I5238" s="358" t="s">
        <v>15097</v>
      </c>
      <c r="J5238" s="358"/>
      <c r="K5238" s="358"/>
      <c r="L5238" s="358" t="s">
        <v>14513</v>
      </c>
    </row>
    <row r="5239" spans="2:12">
      <c r="B5239" s="359"/>
      <c r="C5239" s="359"/>
      <c r="D5239" s="359"/>
      <c r="E5239" s="359"/>
      <c r="F5239" s="360"/>
      <c r="G5239" s="360"/>
      <c r="H5239" s="360"/>
      <c r="I5239" s="360"/>
      <c r="J5239" s="359"/>
      <c r="K5239" s="359"/>
      <c r="L5239" s="359"/>
    </row>
    <row r="5240" spans="2:12">
      <c r="B5240" s="359"/>
      <c r="C5240" s="359"/>
      <c r="D5240" s="359"/>
      <c r="E5240" s="359"/>
      <c r="F5240" s="359" t="s">
        <v>14430</v>
      </c>
      <c r="G5240" s="359" t="s">
        <v>14431</v>
      </c>
      <c r="H5240" s="359" t="s">
        <v>14341</v>
      </c>
      <c r="I5240" s="359" t="s">
        <v>14431</v>
      </c>
      <c r="J5240" s="359"/>
      <c r="K5240" s="359"/>
      <c r="L5240" s="359"/>
    </row>
    <row r="5241" spans="2:12">
      <c r="B5241" s="359"/>
      <c r="C5241" s="359"/>
      <c r="D5241" s="359"/>
      <c r="E5241" s="359"/>
      <c r="F5241" s="360"/>
      <c r="G5241" s="360"/>
      <c r="H5241" s="360"/>
      <c r="I5241" s="360"/>
      <c r="J5241" s="359"/>
      <c r="K5241" s="359"/>
      <c r="L5241" s="359"/>
    </row>
    <row r="5242" spans="2:12">
      <c r="B5242" s="359"/>
      <c r="C5242" s="359"/>
      <c r="D5242" s="359"/>
      <c r="E5242" s="359"/>
      <c r="F5242" s="359" t="s">
        <v>14371</v>
      </c>
      <c r="G5242" s="359" t="s">
        <v>14372</v>
      </c>
      <c r="H5242" s="359" t="s">
        <v>14370</v>
      </c>
      <c r="I5242" s="359" t="s">
        <v>14373</v>
      </c>
      <c r="J5242" s="359"/>
      <c r="K5242" s="359"/>
      <c r="L5242" s="359"/>
    </row>
    <row r="5243" spans="2:12">
      <c r="B5243" s="359"/>
      <c r="C5243" s="359"/>
      <c r="D5243" s="359"/>
      <c r="E5243" s="359"/>
      <c r="F5243" s="360"/>
      <c r="G5243" s="360"/>
      <c r="H5243" s="360"/>
      <c r="I5243" s="360"/>
      <c r="J5243" s="359"/>
      <c r="K5243" s="359"/>
      <c r="L5243" s="359"/>
    </row>
    <row r="5244" spans="2:12" ht="28.5">
      <c r="B5244" s="361"/>
      <c r="C5244" s="361"/>
      <c r="D5244" s="361"/>
      <c r="E5244" s="361"/>
      <c r="F5244" s="361" t="s">
        <v>14374</v>
      </c>
      <c r="G5244" s="361" t="s">
        <v>14373</v>
      </c>
      <c r="H5244" s="361" t="s">
        <v>14332</v>
      </c>
      <c r="I5244" s="362"/>
      <c r="J5244" s="361"/>
      <c r="K5244" s="361"/>
      <c r="L5244" s="361"/>
    </row>
    <row r="5245" spans="2:12" ht="28.5">
      <c r="B5245" s="358" t="s">
        <v>16956</v>
      </c>
      <c r="C5245" s="358" t="s">
        <v>30106</v>
      </c>
      <c r="D5245" s="358" t="s">
        <v>16957</v>
      </c>
      <c r="E5245" s="358" t="s">
        <v>8356</v>
      </c>
      <c r="F5245" s="358" t="s">
        <v>14389</v>
      </c>
      <c r="G5245" s="358" t="s">
        <v>14390</v>
      </c>
      <c r="H5245" s="358" t="s">
        <v>14367</v>
      </c>
      <c r="I5245" s="358" t="s">
        <v>14390</v>
      </c>
      <c r="J5245" s="358"/>
      <c r="K5245" s="358"/>
      <c r="L5245" s="358"/>
    </row>
    <row r="5246" spans="2:12">
      <c r="B5246" s="359"/>
      <c r="C5246" s="359"/>
      <c r="D5246" s="359"/>
      <c r="E5246" s="359"/>
      <c r="F5246" s="360"/>
      <c r="G5246" s="360"/>
      <c r="H5246" s="360"/>
      <c r="I5246" s="360"/>
      <c r="J5246" s="359"/>
      <c r="K5246" s="359"/>
      <c r="L5246" s="359"/>
    </row>
    <row r="5247" spans="2:12">
      <c r="B5247" s="359"/>
      <c r="C5247" s="359"/>
      <c r="D5247" s="359"/>
      <c r="E5247" s="359"/>
      <c r="F5247" s="359" t="s">
        <v>14391</v>
      </c>
      <c r="G5247" s="359" t="s">
        <v>14392</v>
      </c>
      <c r="H5247" s="359" t="s">
        <v>14370</v>
      </c>
      <c r="I5247" s="359" t="s">
        <v>14392</v>
      </c>
      <c r="J5247" s="359"/>
      <c r="K5247" s="359"/>
      <c r="L5247" s="359"/>
    </row>
    <row r="5248" spans="2:12">
      <c r="B5248" s="359"/>
      <c r="C5248" s="359"/>
      <c r="D5248" s="359"/>
      <c r="E5248" s="359"/>
      <c r="F5248" s="360"/>
      <c r="G5248" s="360"/>
      <c r="H5248" s="360"/>
      <c r="I5248" s="360"/>
      <c r="J5248" s="359"/>
      <c r="K5248" s="359"/>
      <c r="L5248" s="359"/>
    </row>
    <row r="5249" spans="2:12" ht="28.5">
      <c r="B5249" s="361"/>
      <c r="C5249" s="361"/>
      <c r="D5249" s="361"/>
      <c r="E5249" s="361"/>
      <c r="F5249" s="361" t="s">
        <v>14394</v>
      </c>
      <c r="G5249" s="361" t="s">
        <v>14395</v>
      </c>
      <c r="H5249" s="361" t="s">
        <v>14422</v>
      </c>
      <c r="I5249" s="361" t="s">
        <v>14395</v>
      </c>
      <c r="J5249" s="361"/>
      <c r="K5249" s="361"/>
      <c r="L5249" s="361"/>
    </row>
    <row r="5250" spans="2:12">
      <c r="B5250" s="358" t="s">
        <v>16958</v>
      </c>
      <c r="C5250" s="358" t="s">
        <v>28795</v>
      </c>
      <c r="D5250" s="358" t="s">
        <v>16959</v>
      </c>
      <c r="E5250" s="358" t="s">
        <v>8356</v>
      </c>
      <c r="F5250" s="358" t="s">
        <v>14391</v>
      </c>
      <c r="G5250" s="358" t="s">
        <v>14392</v>
      </c>
      <c r="H5250" s="358" t="s">
        <v>14367</v>
      </c>
      <c r="I5250" s="358" t="s">
        <v>14392</v>
      </c>
      <c r="J5250" s="358"/>
      <c r="K5250" s="358"/>
      <c r="L5250" s="358"/>
    </row>
    <row r="5251" spans="2:12">
      <c r="B5251" s="359"/>
      <c r="C5251" s="360"/>
      <c r="D5251" s="359"/>
      <c r="E5251" s="359"/>
      <c r="F5251" s="360"/>
      <c r="G5251" s="360"/>
      <c r="H5251" s="360"/>
      <c r="I5251" s="360"/>
      <c r="J5251" s="359"/>
      <c r="K5251" s="359"/>
      <c r="L5251" s="359"/>
    </row>
    <row r="5252" spans="2:12" ht="28.5">
      <c r="B5252" s="359"/>
      <c r="C5252" s="359" t="s">
        <v>30107</v>
      </c>
      <c r="D5252" s="359"/>
      <c r="E5252" s="359"/>
      <c r="F5252" s="359" t="s">
        <v>14394</v>
      </c>
      <c r="G5252" s="359" t="s">
        <v>14395</v>
      </c>
      <c r="H5252" s="359" t="s">
        <v>14370</v>
      </c>
      <c r="I5252" s="359" t="s">
        <v>14395</v>
      </c>
      <c r="J5252" s="359"/>
      <c r="K5252" s="359"/>
      <c r="L5252" s="359"/>
    </row>
    <row r="5253" spans="2:12">
      <c r="B5253" s="359"/>
      <c r="C5253" s="360"/>
      <c r="D5253" s="359"/>
      <c r="E5253" s="359"/>
      <c r="F5253" s="360"/>
      <c r="G5253" s="360"/>
      <c r="H5253" s="360"/>
      <c r="I5253" s="360"/>
      <c r="J5253" s="359"/>
      <c r="K5253" s="359"/>
      <c r="L5253" s="359"/>
    </row>
    <row r="5254" spans="2:12">
      <c r="B5254" s="361"/>
      <c r="C5254" s="361" t="s">
        <v>30108</v>
      </c>
      <c r="D5254" s="361"/>
      <c r="E5254" s="361"/>
      <c r="F5254" s="362"/>
      <c r="G5254" s="362"/>
      <c r="H5254" s="361" t="s">
        <v>14422</v>
      </c>
      <c r="I5254" s="362"/>
      <c r="J5254" s="361"/>
      <c r="K5254" s="361"/>
      <c r="L5254" s="361"/>
    </row>
    <row r="5255" spans="2:12">
      <c r="B5255" s="358" t="s">
        <v>16960</v>
      </c>
      <c r="C5255" s="358" t="s">
        <v>28796</v>
      </c>
      <c r="D5255" s="358" t="s">
        <v>16961</v>
      </c>
      <c r="E5255" s="358" t="s">
        <v>16962</v>
      </c>
      <c r="F5255" s="358" t="s">
        <v>14420</v>
      </c>
      <c r="G5255" s="358" t="s">
        <v>14429</v>
      </c>
      <c r="H5255" s="358" t="s">
        <v>14341</v>
      </c>
      <c r="I5255" s="358" t="s">
        <v>14429</v>
      </c>
      <c r="J5255" s="358"/>
      <c r="K5255" s="358"/>
      <c r="L5255" s="358"/>
    </row>
    <row r="5256" spans="2:12">
      <c r="B5256" s="359"/>
      <c r="C5256" s="359"/>
      <c r="D5256" s="359"/>
      <c r="E5256" s="359"/>
      <c r="F5256" s="360"/>
      <c r="G5256" s="360"/>
      <c r="H5256" s="360"/>
      <c r="I5256" s="360"/>
      <c r="J5256" s="359"/>
      <c r="K5256" s="359"/>
      <c r="L5256" s="359"/>
    </row>
    <row r="5257" spans="2:12" ht="28.5">
      <c r="B5257" s="359"/>
      <c r="C5257" s="359"/>
      <c r="D5257" s="359"/>
      <c r="E5257" s="359"/>
      <c r="F5257" s="359" t="s">
        <v>14460</v>
      </c>
      <c r="G5257" s="359" t="s">
        <v>28797</v>
      </c>
      <c r="H5257" s="359" t="s">
        <v>14381</v>
      </c>
      <c r="I5257" s="359" t="s">
        <v>28797</v>
      </c>
      <c r="J5257" s="359"/>
      <c r="K5257" s="359"/>
      <c r="L5257" s="359"/>
    </row>
    <row r="5258" spans="2:12">
      <c r="B5258" s="359"/>
      <c r="C5258" s="359"/>
      <c r="D5258" s="359"/>
      <c r="E5258" s="359"/>
      <c r="F5258" s="360"/>
      <c r="G5258" s="360"/>
      <c r="H5258" s="360"/>
      <c r="I5258" s="360"/>
      <c r="J5258" s="359"/>
      <c r="K5258" s="359"/>
      <c r="L5258" s="359"/>
    </row>
    <row r="5259" spans="2:12">
      <c r="B5259" s="359"/>
      <c r="C5259" s="359"/>
      <c r="D5259" s="359"/>
      <c r="E5259" s="359"/>
      <c r="F5259" s="359" t="s">
        <v>14430</v>
      </c>
      <c r="G5259" s="359" t="s">
        <v>14392</v>
      </c>
      <c r="H5259" s="359" t="s">
        <v>14367</v>
      </c>
      <c r="I5259" s="359" t="s">
        <v>14392</v>
      </c>
      <c r="J5259" s="359"/>
      <c r="K5259" s="359"/>
      <c r="L5259" s="359"/>
    </row>
    <row r="5260" spans="2:12">
      <c r="B5260" s="359"/>
      <c r="C5260" s="359"/>
      <c r="D5260" s="359"/>
      <c r="E5260" s="359"/>
      <c r="F5260" s="360"/>
      <c r="G5260" s="360"/>
      <c r="H5260" s="360"/>
      <c r="I5260" s="360"/>
      <c r="J5260" s="359"/>
      <c r="K5260" s="359"/>
      <c r="L5260" s="359"/>
    </row>
    <row r="5261" spans="2:12">
      <c r="B5261" s="359"/>
      <c r="C5261" s="359"/>
      <c r="D5261" s="359"/>
      <c r="E5261" s="359"/>
      <c r="F5261" s="359" t="s">
        <v>14391</v>
      </c>
      <c r="G5261" s="359" t="s">
        <v>14372</v>
      </c>
      <c r="H5261" s="359" t="s">
        <v>14370</v>
      </c>
      <c r="I5261" s="359" t="s">
        <v>14373</v>
      </c>
      <c r="J5261" s="359"/>
      <c r="K5261" s="359"/>
      <c r="L5261" s="359"/>
    </row>
    <row r="5262" spans="2:12">
      <c r="B5262" s="359"/>
      <c r="C5262" s="359"/>
      <c r="D5262" s="359"/>
      <c r="E5262" s="359"/>
      <c r="F5262" s="360"/>
      <c r="G5262" s="360"/>
      <c r="H5262" s="360"/>
      <c r="I5262" s="360"/>
      <c r="J5262" s="359"/>
      <c r="K5262" s="359"/>
      <c r="L5262" s="359"/>
    </row>
    <row r="5263" spans="2:12">
      <c r="B5263" s="359"/>
      <c r="C5263" s="359"/>
      <c r="D5263" s="359"/>
      <c r="E5263" s="359"/>
      <c r="F5263" s="359" t="s">
        <v>14371</v>
      </c>
      <c r="G5263" s="359" t="s">
        <v>14373</v>
      </c>
      <c r="H5263" s="359" t="s">
        <v>14332</v>
      </c>
      <c r="I5263" s="360"/>
      <c r="J5263" s="359"/>
      <c r="K5263" s="359"/>
      <c r="L5263" s="359"/>
    </row>
    <row r="5264" spans="2:12">
      <c r="B5264" s="359"/>
      <c r="C5264" s="359"/>
      <c r="D5264" s="359"/>
      <c r="E5264" s="359"/>
      <c r="F5264" s="360"/>
      <c r="G5264" s="360"/>
      <c r="H5264" s="360"/>
      <c r="I5264" s="360"/>
      <c r="J5264" s="359"/>
      <c r="K5264" s="359"/>
      <c r="L5264" s="359"/>
    </row>
    <row r="5265" spans="2:12" ht="28.5">
      <c r="B5265" s="361"/>
      <c r="C5265" s="361"/>
      <c r="D5265" s="361"/>
      <c r="E5265" s="361"/>
      <c r="F5265" s="361" t="s">
        <v>14374</v>
      </c>
      <c r="G5265" s="362"/>
      <c r="H5265" s="362"/>
      <c r="I5265" s="362"/>
      <c r="J5265" s="361"/>
      <c r="K5265" s="361"/>
      <c r="L5265" s="361"/>
    </row>
    <row r="5266" spans="2:12">
      <c r="B5266" s="358" t="s">
        <v>16963</v>
      </c>
      <c r="C5266" s="358" t="s">
        <v>16964</v>
      </c>
      <c r="D5266" s="358" t="s">
        <v>16965</v>
      </c>
      <c r="E5266" s="358" t="s">
        <v>1942</v>
      </c>
      <c r="F5266" s="358" t="s">
        <v>14477</v>
      </c>
      <c r="G5266" s="358" t="s">
        <v>14478</v>
      </c>
      <c r="H5266" s="358" t="s">
        <v>14479</v>
      </c>
      <c r="I5266" s="358" t="s">
        <v>14478</v>
      </c>
      <c r="J5266" s="358"/>
      <c r="K5266" s="358"/>
      <c r="L5266" s="358"/>
    </row>
    <row r="5267" spans="2:12">
      <c r="B5267" s="359"/>
      <c r="C5267" s="359"/>
      <c r="D5267" s="359"/>
      <c r="E5267" s="359"/>
      <c r="F5267" s="360"/>
      <c r="G5267" s="360"/>
      <c r="H5267" s="360"/>
      <c r="I5267" s="360"/>
      <c r="J5267" s="359"/>
      <c r="K5267" s="359"/>
      <c r="L5267" s="359"/>
    </row>
    <row r="5268" spans="2:12">
      <c r="B5268" s="359"/>
      <c r="C5268" s="359"/>
      <c r="D5268" s="359"/>
      <c r="E5268" s="359"/>
      <c r="F5268" s="359" t="s">
        <v>14356</v>
      </c>
      <c r="G5268" s="359" t="s">
        <v>14340</v>
      </c>
      <c r="H5268" s="359" t="s">
        <v>14341</v>
      </c>
      <c r="I5268" s="359" t="s">
        <v>14340</v>
      </c>
      <c r="J5268" s="359"/>
      <c r="K5268" s="359"/>
      <c r="L5268" s="359"/>
    </row>
    <row r="5269" spans="2:12">
      <c r="B5269" s="359"/>
      <c r="C5269" s="359"/>
      <c r="D5269" s="359"/>
      <c r="E5269" s="359"/>
      <c r="F5269" s="360"/>
      <c r="G5269" s="360"/>
      <c r="H5269" s="360"/>
      <c r="I5269" s="360"/>
      <c r="J5269" s="359"/>
      <c r="K5269" s="359"/>
      <c r="L5269" s="359"/>
    </row>
    <row r="5270" spans="2:12">
      <c r="B5270" s="359"/>
      <c r="C5270" s="359"/>
      <c r="D5270" s="359"/>
      <c r="E5270" s="359"/>
      <c r="F5270" s="359" t="s">
        <v>14371</v>
      </c>
      <c r="G5270" s="359" t="s">
        <v>14372</v>
      </c>
      <c r="H5270" s="359" t="s">
        <v>14370</v>
      </c>
      <c r="I5270" s="359" t="s">
        <v>14373</v>
      </c>
      <c r="J5270" s="359"/>
      <c r="K5270" s="359"/>
      <c r="L5270" s="359"/>
    </row>
    <row r="5271" spans="2:12">
      <c r="B5271" s="359"/>
      <c r="C5271" s="359"/>
      <c r="D5271" s="359"/>
      <c r="E5271" s="359"/>
      <c r="F5271" s="360"/>
      <c r="G5271" s="360"/>
      <c r="H5271" s="360"/>
      <c r="I5271" s="360"/>
      <c r="J5271" s="359"/>
      <c r="K5271" s="359"/>
      <c r="L5271" s="359"/>
    </row>
    <row r="5272" spans="2:12" ht="28.5">
      <c r="B5272" s="361"/>
      <c r="C5272" s="361"/>
      <c r="D5272" s="361"/>
      <c r="E5272" s="361"/>
      <c r="F5272" s="361" t="s">
        <v>14374</v>
      </c>
      <c r="G5272" s="361" t="s">
        <v>14373</v>
      </c>
      <c r="H5272" s="361" t="s">
        <v>14332</v>
      </c>
      <c r="I5272" s="362"/>
      <c r="J5272" s="361"/>
      <c r="K5272" s="361"/>
      <c r="L5272" s="361"/>
    </row>
    <row r="5273" spans="2:12" ht="28.5">
      <c r="B5273" s="358" t="s">
        <v>16966</v>
      </c>
      <c r="C5273" s="358" t="s">
        <v>16967</v>
      </c>
      <c r="D5273" s="358" t="s">
        <v>16968</v>
      </c>
      <c r="E5273" s="358" t="s">
        <v>8356</v>
      </c>
      <c r="F5273" s="358" t="s">
        <v>14371</v>
      </c>
      <c r="G5273" s="358" t="s">
        <v>14372</v>
      </c>
      <c r="H5273" s="358" t="s">
        <v>14370</v>
      </c>
      <c r="I5273" s="358" t="s">
        <v>14373</v>
      </c>
      <c r="J5273" s="358"/>
      <c r="K5273" s="358"/>
      <c r="L5273" s="358"/>
    </row>
    <row r="5274" spans="2:12">
      <c r="B5274" s="359"/>
      <c r="C5274" s="359"/>
      <c r="D5274" s="359"/>
      <c r="E5274" s="359"/>
      <c r="F5274" s="360"/>
      <c r="G5274" s="360"/>
      <c r="H5274" s="360"/>
      <c r="I5274" s="359"/>
      <c r="J5274" s="359"/>
      <c r="K5274" s="359"/>
      <c r="L5274" s="359"/>
    </row>
    <row r="5275" spans="2:12" ht="28.5">
      <c r="B5275" s="361"/>
      <c r="C5275" s="361"/>
      <c r="D5275" s="361"/>
      <c r="E5275" s="361"/>
      <c r="F5275" s="361" t="s">
        <v>14374</v>
      </c>
      <c r="G5275" s="361" t="s">
        <v>14373</v>
      </c>
      <c r="H5275" s="361" t="s">
        <v>14422</v>
      </c>
      <c r="I5275" s="361"/>
      <c r="J5275" s="361"/>
      <c r="K5275" s="361"/>
      <c r="L5275" s="361"/>
    </row>
    <row r="5276" spans="2:12">
      <c r="B5276" s="354" t="s">
        <v>8444</v>
      </c>
      <c r="C5276" s="355"/>
      <c r="D5276" s="355"/>
      <c r="E5276" s="355"/>
      <c r="F5276" s="355"/>
      <c r="G5276" s="355"/>
      <c r="H5276" s="355"/>
      <c r="I5276" s="355"/>
      <c r="J5276" s="355"/>
      <c r="K5276" s="355"/>
      <c r="L5276" s="363"/>
    </row>
    <row r="5277" spans="2:12" ht="28.5">
      <c r="B5277" s="358" t="s">
        <v>16969</v>
      </c>
      <c r="C5277" s="358" t="s">
        <v>16970</v>
      </c>
      <c r="D5277" s="358" t="s">
        <v>8356</v>
      </c>
      <c r="E5277" s="358" t="s">
        <v>1950</v>
      </c>
      <c r="F5277" s="358" t="s">
        <v>14507</v>
      </c>
      <c r="G5277" s="358" t="s">
        <v>16971</v>
      </c>
      <c r="H5277" s="358" t="s">
        <v>14381</v>
      </c>
      <c r="I5277" s="358" t="s">
        <v>16971</v>
      </c>
      <c r="J5277" s="358"/>
      <c r="K5277" s="358" t="s">
        <v>14657</v>
      </c>
      <c r="L5277" s="358"/>
    </row>
    <row r="5278" spans="2:12">
      <c r="B5278" s="359"/>
      <c r="C5278" s="360"/>
      <c r="D5278" s="359"/>
      <c r="E5278" s="359"/>
      <c r="F5278" s="360"/>
      <c r="G5278" s="360"/>
      <c r="H5278" s="360"/>
      <c r="I5278" s="360"/>
      <c r="J5278" s="359"/>
      <c r="K5278" s="360"/>
      <c r="L5278" s="359"/>
    </row>
    <row r="5279" spans="2:12" ht="71.25">
      <c r="B5279" s="359"/>
      <c r="C5279" s="359" t="s">
        <v>28798</v>
      </c>
      <c r="D5279" s="359"/>
      <c r="E5279" s="359"/>
      <c r="F5279" s="359" t="s">
        <v>14389</v>
      </c>
      <c r="G5279" s="359" t="s">
        <v>14390</v>
      </c>
      <c r="H5279" s="359" t="s">
        <v>14341</v>
      </c>
      <c r="I5279" s="359" t="s">
        <v>14390</v>
      </c>
      <c r="J5279" s="359"/>
      <c r="K5279" s="359" t="s">
        <v>14657</v>
      </c>
      <c r="L5279" s="359"/>
    </row>
    <row r="5280" spans="2:12">
      <c r="B5280" s="359"/>
      <c r="C5280" s="360"/>
      <c r="D5280" s="359"/>
      <c r="E5280" s="359"/>
      <c r="F5280" s="360"/>
      <c r="G5280" s="360"/>
      <c r="H5280" s="360"/>
      <c r="I5280" s="360"/>
      <c r="J5280" s="359"/>
      <c r="K5280" s="360"/>
      <c r="L5280" s="359"/>
    </row>
    <row r="5281" spans="2:12">
      <c r="B5281" s="359"/>
      <c r="C5281" s="360"/>
      <c r="D5281" s="359"/>
      <c r="E5281" s="359"/>
      <c r="F5281" s="359" t="s">
        <v>14430</v>
      </c>
      <c r="G5281" s="359" t="s">
        <v>14431</v>
      </c>
      <c r="H5281" s="359" t="s">
        <v>14370</v>
      </c>
      <c r="I5281" s="359" t="s">
        <v>14431</v>
      </c>
      <c r="J5281" s="359"/>
      <c r="K5281" s="360"/>
      <c r="L5281" s="359"/>
    </row>
    <row r="5282" spans="2:12">
      <c r="B5282" s="359"/>
      <c r="C5282" s="360"/>
      <c r="D5282" s="359"/>
      <c r="E5282" s="359"/>
      <c r="F5282" s="360"/>
      <c r="G5282" s="360"/>
      <c r="H5282" s="360"/>
      <c r="I5282" s="360"/>
      <c r="J5282" s="359"/>
      <c r="K5282" s="360"/>
      <c r="L5282" s="359"/>
    </row>
    <row r="5283" spans="2:12">
      <c r="B5283" s="359"/>
      <c r="C5283" s="360"/>
      <c r="D5283" s="359"/>
      <c r="E5283" s="359"/>
      <c r="F5283" s="359" t="s">
        <v>14371</v>
      </c>
      <c r="G5283" s="359" t="s">
        <v>14372</v>
      </c>
      <c r="H5283" s="359" t="s">
        <v>14332</v>
      </c>
      <c r="I5283" s="359" t="s">
        <v>14373</v>
      </c>
      <c r="J5283" s="359"/>
      <c r="K5283" s="360"/>
      <c r="L5283" s="359"/>
    </row>
    <row r="5284" spans="2:12">
      <c r="B5284" s="359"/>
      <c r="C5284" s="360"/>
      <c r="D5284" s="359"/>
      <c r="E5284" s="359"/>
      <c r="F5284" s="360"/>
      <c r="G5284" s="360"/>
      <c r="H5284" s="360"/>
      <c r="I5284" s="360"/>
      <c r="J5284" s="359"/>
      <c r="K5284" s="360"/>
      <c r="L5284" s="359"/>
    </row>
    <row r="5285" spans="2:12" ht="28.5">
      <c r="B5285" s="361"/>
      <c r="C5285" s="362"/>
      <c r="D5285" s="361"/>
      <c r="E5285" s="361"/>
      <c r="F5285" s="361" t="s">
        <v>14374</v>
      </c>
      <c r="G5285" s="361" t="s">
        <v>14373</v>
      </c>
      <c r="H5285" s="362"/>
      <c r="I5285" s="362"/>
      <c r="J5285" s="361"/>
      <c r="K5285" s="362"/>
      <c r="L5285" s="361"/>
    </row>
    <row r="5286" spans="2:12">
      <c r="B5286" s="354" t="s">
        <v>28528</v>
      </c>
      <c r="C5286" s="355"/>
      <c r="D5286" s="355"/>
      <c r="E5286" s="355"/>
      <c r="F5286" s="355"/>
      <c r="G5286" s="355"/>
      <c r="H5286" s="355"/>
      <c r="I5286" s="355"/>
      <c r="J5286" s="355"/>
      <c r="K5286" s="355"/>
      <c r="L5286" s="363"/>
    </row>
    <row r="5287" spans="2:12" ht="85.5">
      <c r="B5287" s="358" t="s">
        <v>16972</v>
      </c>
      <c r="C5287" s="358" t="s">
        <v>28799</v>
      </c>
      <c r="D5287" s="358" t="s">
        <v>8356</v>
      </c>
      <c r="E5287" s="358" t="s">
        <v>8356</v>
      </c>
      <c r="F5287" s="358" t="s">
        <v>14420</v>
      </c>
      <c r="G5287" s="358" t="s">
        <v>14459</v>
      </c>
      <c r="H5287" s="358" t="s">
        <v>14367</v>
      </c>
      <c r="I5287" s="358" t="s">
        <v>14459</v>
      </c>
      <c r="J5287" s="358"/>
      <c r="K5287" s="358" t="s">
        <v>14929</v>
      </c>
      <c r="L5287" s="358" t="s">
        <v>16902</v>
      </c>
    </row>
    <row r="5288" spans="2:12">
      <c r="B5288" s="359"/>
      <c r="C5288" s="359"/>
      <c r="D5288" s="359"/>
      <c r="E5288" s="359"/>
      <c r="F5288" s="360"/>
      <c r="G5288" s="360"/>
      <c r="H5288" s="360"/>
      <c r="I5288" s="360"/>
      <c r="J5288" s="359"/>
      <c r="K5288" s="359"/>
      <c r="L5288" s="359"/>
    </row>
    <row r="5289" spans="2:12">
      <c r="B5289" s="359"/>
      <c r="C5289" s="359"/>
      <c r="D5289" s="359"/>
      <c r="E5289" s="359"/>
      <c r="F5289" s="359" t="s">
        <v>14420</v>
      </c>
      <c r="G5289" s="359" t="s">
        <v>14421</v>
      </c>
      <c r="H5289" s="359" t="s">
        <v>14370</v>
      </c>
      <c r="I5289" s="359" t="s">
        <v>14421</v>
      </c>
      <c r="J5289" s="359"/>
      <c r="K5289" s="359"/>
      <c r="L5289" s="359"/>
    </row>
    <row r="5290" spans="2:12">
      <c r="B5290" s="359"/>
      <c r="C5290" s="359"/>
      <c r="D5290" s="359"/>
      <c r="E5290" s="359"/>
      <c r="F5290" s="360"/>
      <c r="G5290" s="360"/>
      <c r="H5290" s="360"/>
      <c r="I5290" s="360"/>
      <c r="J5290" s="359"/>
      <c r="K5290" s="359"/>
      <c r="L5290" s="359"/>
    </row>
    <row r="5291" spans="2:12">
      <c r="B5291" s="359"/>
      <c r="C5291" s="359"/>
      <c r="D5291" s="359"/>
      <c r="E5291" s="359"/>
      <c r="F5291" s="359" t="s">
        <v>14420</v>
      </c>
      <c r="G5291" s="359" t="s">
        <v>14429</v>
      </c>
      <c r="H5291" s="359" t="s">
        <v>14422</v>
      </c>
      <c r="I5291" s="359" t="s">
        <v>14429</v>
      </c>
      <c r="J5291" s="359"/>
      <c r="K5291" s="359"/>
      <c r="L5291" s="359"/>
    </row>
    <row r="5292" spans="2:12">
      <c r="B5292" s="359"/>
      <c r="C5292" s="359"/>
      <c r="D5292" s="359"/>
      <c r="E5292" s="359"/>
      <c r="F5292" s="360"/>
      <c r="G5292" s="360"/>
      <c r="H5292" s="360"/>
      <c r="I5292" s="360"/>
      <c r="J5292" s="359"/>
      <c r="K5292" s="359"/>
      <c r="L5292" s="359"/>
    </row>
    <row r="5293" spans="2:12">
      <c r="B5293" s="359"/>
      <c r="C5293" s="359"/>
      <c r="D5293" s="359"/>
      <c r="E5293" s="359"/>
      <c r="F5293" s="359" t="s">
        <v>14371</v>
      </c>
      <c r="G5293" s="359" t="s">
        <v>14372</v>
      </c>
      <c r="H5293" s="360"/>
      <c r="I5293" s="359" t="s">
        <v>14373</v>
      </c>
      <c r="J5293" s="359"/>
      <c r="K5293" s="359"/>
      <c r="L5293" s="359"/>
    </row>
    <row r="5294" spans="2:12">
      <c r="B5294" s="359"/>
      <c r="C5294" s="359"/>
      <c r="D5294" s="359"/>
      <c r="E5294" s="359"/>
      <c r="F5294" s="360"/>
      <c r="G5294" s="360"/>
      <c r="H5294" s="360"/>
      <c r="I5294" s="360"/>
      <c r="J5294" s="359"/>
      <c r="K5294" s="359"/>
      <c r="L5294" s="359"/>
    </row>
    <row r="5295" spans="2:12" ht="28.5">
      <c r="B5295" s="361"/>
      <c r="C5295" s="361"/>
      <c r="D5295" s="361"/>
      <c r="E5295" s="361"/>
      <c r="F5295" s="361" t="s">
        <v>14374</v>
      </c>
      <c r="G5295" s="361" t="s">
        <v>14373</v>
      </c>
      <c r="H5295" s="362"/>
      <c r="I5295" s="362"/>
      <c r="J5295" s="361"/>
      <c r="K5295" s="361"/>
      <c r="L5295" s="361"/>
    </row>
    <row r="5296" spans="2:12" ht="28.5">
      <c r="B5296" s="358" t="s">
        <v>10252</v>
      </c>
      <c r="C5296" s="358" t="s">
        <v>16973</v>
      </c>
      <c r="D5296" s="358" t="s">
        <v>16974</v>
      </c>
      <c r="E5296" s="358" t="s">
        <v>16975</v>
      </c>
      <c r="F5296" s="358" t="s">
        <v>14376</v>
      </c>
      <c r="G5296" s="358" t="s">
        <v>14669</v>
      </c>
      <c r="H5296" s="358" t="s">
        <v>14378</v>
      </c>
      <c r="I5296" s="358" t="s">
        <v>14669</v>
      </c>
      <c r="J5296" s="358"/>
      <c r="K5296" s="358"/>
      <c r="L5296" s="358"/>
    </row>
    <row r="5297" spans="2:12">
      <c r="B5297" s="359"/>
      <c r="C5297" s="360"/>
      <c r="D5297" s="360"/>
      <c r="E5297" s="360"/>
      <c r="F5297" s="360"/>
      <c r="G5297" s="360"/>
      <c r="H5297" s="360"/>
      <c r="I5297" s="360"/>
      <c r="J5297" s="359"/>
      <c r="K5297" s="359"/>
      <c r="L5297" s="359"/>
    </row>
    <row r="5298" spans="2:12" ht="28.5">
      <c r="B5298" s="359"/>
      <c r="C5298" s="359" t="s">
        <v>16976</v>
      </c>
      <c r="D5298" s="359" t="s">
        <v>16977</v>
      </c>
      <c r="E5298" s="359" t="s">
        <v>16978</v>
      </c>
      <c r="F5298" s="359" t="s">
        <v>14426</v>
      </c>
      <c r="G5298" s="359" t="s">
        <v>14427</v>
      </c>
      <c r="H5298" s="359" t="s">
        <v>14381</v>
      </c>
      <c r="I5298" s="359" t="s">
        <v>14427</v>
      </c>
      <c r="J5298" s="359"/>
      <c r="K5298" s="359"/>
      <c r="L5298" s="359"/>
    </row>
    <row r="5299" spans="2:12">
      <c r="B5299" s="359"/>
      <c r="C5299" s="360"/>
      <c r="D5299" s="360"/>
      <c r="E5299" s="360"/>
      <c r="F5299" s="360"/>
      <c r="G5299" s="360"/>
      <c r="H5299" s="360"/>
      <c r="I5299" s="360"/>
      <c r="J5299" s="359"/>
      <c r="K5299" s="359"/>
      <c r="L5299" s="359"/>
    </row>
    <row r="5300" spans="2:12">
      <c r="B5300" s="359"/>
      <c r="C5300" s="360"/>
      <c r="D5300" s="360"/>
      <c r="E5300" s="360"/>
      <c r="F5300" s="359" t="s">
        <v>14507</v>
      </c>
      <c r="G5300" s="359" t="s">
        <v>14508</v>
      </c>
      <c r="H5300" s="359" t="s">
        <v>14370</v>
      </c>
      <c r="I5300" s="359" t="s">
        <v>14508</v>
      </c>
      <c r="J5300" s="359"/>
      <c r="K5300" s="359"/>
      <c r="L5300" s="359"/>
    </row>
    <row r="5301" spans="2:12">
      <c r="B5301" s="359"/>
      <c r="C5301" s="360"/>
      <c r="D5301" s="360"/>
      <c r="E5301" s="360"/>
      <c r="F5301" s="360"/>
      <c r="G5301" s="360"/>
      <c r="H5301" s="360"/>
      <c r="I5301" s="360"/>
      <c r="J5301" s="359"/>
      <c r="K5301" s="359"/>
      <c r="L5301" s="359"/>
    </row>
    <row r="5302" spans="2:12">
      <c r="B5302" s="359"/>
      <c r="C5302" s="360"/>
      <c r="D5302" s="360"/>
      <c r="E5302" s="360"/>
      <c r="F5302" s="359" t="s">
        <v>14379</v>
      </c>
      <c r="G5302" s="359" t="s">
        <v>14380</v>
      </c>
      <c r="H5302" s="359" t="s">
        <v>14332</v>
      </c>
      <c r="I5302" s="359" t="s">
        <v>14380</v>
      </c>
      <c r="J5302" s="359"/>
      <c r="K5302" s="359"/>
      <c r="L5302" s="359"/>
    </row>
    <row r="5303" spans="2:12">
      <c r="B5303" s="359"/>
      <c r="C5303" s="360"/>
      <c r="D5303" s="360"/>
      <c r="E5303" s="360"/>
      <c r="F5303" s="360"/>
      <c r="G5303" s="360"/>
      <c r="H5303" s="360"/>
      <c r="I5303" s="360"/>
      <c r="J5303" s="359"/>
      <c r="K5303" s="359"/>
      <c r="L5303" s="359"/>
    </row>
    <row r="5304" spans="2:12" ht="28.5">
      <c r="B5304" s="359"/>
      <c r="C5304" s="360"/>
      <c r="D5304" s="360"/>
      <c r="E5304" s="360"/>
      <c r="F5304" s="359" t="s">
        <v>14384</v>
      </c>
      <c r="G5304" s="359" t="s">
        <v>14385</v>
      </c>
      <c r="H5304" s="360"/>
      <c r="I5304" s="359" t="s">
        <v>28800</v>
      </c>
      <c r="J5304" s="359"/>
      <c r="K5304" s="359"/>
      <c r="L5304" s="359"/>
    </row>
    <row r="5305" spans="2:12">
      <c r="B5305" s="359"/>
      <c r="C5305" s="360"/>
      <c r="D5305" s="360"/>
      <c r="E5305" s="360"/>
      <c r="F5305" s="360"/>
      <c r="G5305" s="360"/>
      <c r="H5305" s="360"/>
      <c r="I5305" s="360"/>
      <c r="J5305" s="359"/>
      <c r="K5305" s="359"/>
      <c r="L5305" s="359"/>
    </row>
    <row r="5306" spans="2:12">
      <c r="B5306" s="359"/>
      <c r="C5306" s="360"/>
      <c r="D5306" s="360"/>
      <c r="E5306" s="360"/>
      <c r="F5306" s="359" t="s">
        <v>14371</v>
      </c>
      <c r="G5306" s="359" t="s">
        <v>14372</v>
      </c>
      <c r="H5306" s="360"/>
      <c r="I5306" s="360"/>
      <c r="J5306" s="359"/>
      <c r="K5306" s="359"/>
      <c r="L5306" s="359"/>
    </row>
    <row r="5307" spans="2:12">
      <c r="B5307" s="359"/>
      <c r="C5307" s="360"/>
      <c r="D5307" s="360"/>
      <c r="E5307" s="360"/>
      <c r="F5307" s="360"/>
      <c r="G5307" s="360"/>
      <c r="H5307" s="360"/>
      <c r="I5307" s="360"/>
      <c r="J5307" s="359"/>
      <c r="K5307" s="359"/>
      <c r="L5307" s="359"/>
    </row>
    <row r="5308" spans="2:12" ht="28.5">
      <c r="B5308" s="361"/>
      <c r="C5308" s="362"/>
      <c r="D5308" s="362"/>
      <c r="E5308" s="362"/>
      <c r="F5308" s="361" t="s">
        <v>14374</v>
      </c>
      <c r="G5308" s="361" t="s">
        <v>14373</v>
      </c>
      <c r="H5308" s="362"/>
      <c r="I5308" s="362"/>
      <c r="J5308" s="361"/>
      <c r="K5308" s="361"/>
      <c r="L5308" s="361"/>
    </row>
    <row r="5309" spans="2:12">
      <c r="B5309" s="358" t="s">
        <v>16979</v>
      </c>
      <c r="C5309" s="358" t="s">
        <v>16980</v>
      </c>
      <c r="D5309" s="358" t="s">
        <v>16981</v>
      </c>
      <c r="E5309" s="358" t="s">
        <v>2166</v>
      </c>
      <c r="F5309" s="358" t="s">
        <v>14382</v>
      </c>
      <c r="G5309" s="358" t="s">
        <v>14483</v>
      </c>
      <c r="H5309" s="358" t="s">
        <v>14378</v>
      </c>
      <c r="I5309" s="358" t="s">
        <v>14483</v>
      </c>
      <c r="J5309" s="358"/>
      <c r="K5309" s="358" t="s">
        <v>14929</v>
      </c>
      <c r="L5309" s="358"/>
    </row>
    <row r="5310" spans="2:12">
      <c r="B5310" s="359"/>
      <c r="C5310" s="360"/>
      <c r="D5310" s="359"/>
      <c r="E5310" s="359"/>
      <c r="F5310" s="360"/>
      <c r="G5310" s="360"/>
      <c r="H5310" s="360"/>
      <c r="I5310" s="360"/>
      <c r="J5310" s="359"/>
      <c r="K5310" s="360"/>
      <c r="L5310" s="359"/>
    </row>
    <row r="5311" spans="2:12" ht="42.75">
      <c r="B5311" s="359"/>
      <c r="C5311" s="359" t="s">
        <v>16982</v>
      </c>
      <c r="D5311" s="359"/>
      <c r="E5311" s="359"/>
      <c r="F5311" s="359" t="s">
        <v>14382</v>
      </c>
      <c r="G5311" s="359" t="s">
        <v>14383</v>
      </c>
      <c r="H5311" s="359" t="s">
        <v>14381</v>
      </c>
      <c r="I5311" s="359" t="s">
        <v>14383</v>
      </c>
      <c r="J5311" s="359"/>
      <c r="K5311" s="359" t="s">
        <v>28801</v>
      </c>
      <c r="L5311" s="359"/>
    </row>
    <row r="5312" spans="2:12">
      <c r="B5312" s="359"/>
      <c r="C5312" s="360"/>
      <c r="D5312" s="359"/>
      <c r="E5312" s="359"/>
      <c r="F5312" s="360"/>
      <c r="G5312" s="360"/>
      <c r="H5312" s="360"/>
      <c r="I5312" s="360"/>
      <c r="J5312" s="359"/>
      <c r="K5312" s="360"/>
      <c r="L5312" s="359"/>
    </row>
    <row r="5313" spans="2:12">
      <c r="B5313" s="359"/>
      <c r="C5313" s="360"/>
      <c r="D5313" s="359"/>
      <c r="E5313" s="359"/>
      <c r="F5313" s="359" t="s">
        <v>14443</v>
      </c>
      <c r="G5313" s="359" t="s">
        <v>14444</v>
      </c>
      <c r="H5313" s="359" t="s">
        <v>14370</v>
      </c>
      <c r="I5313" s="359" t="s">
        <v>14444</v>
      </c>
      <c r="J5313" s="359"/>
      <c r="K5313" s="360"/>
      <c r="L5313" s="359"/>
    </row>
    <row r="5314" spans="2:12">
      <c r="B5314" s="359"/>
      <c r="C5314" s="360"/>
      <c r="D5314" s="359"/>
      <c r="E5314" s="359"/>
      <c r="F5314" s="360"/>
      <c r="G5314" s="360"/>
      <c r="H5314" s="360"/>
      <c r="I5314" s="360"/>
      <c r="J5314" s="359"/>
      <c r="K5314" s="360"/>
      <c r="L5314" s="359"/>
    </row>
    <row r="5315" spans="2:12" ht="28.5">
      <c r="B5315" s="359"/>
      <c r="C5315" s="360"/>
      <c r="D5315" s="359"/>
      <c r="E5315" s="359"/>
      <c r="F5315" s="359" t="s">
        <v>14460</v>
      </c>
      <c r="G5315" s="359" t="s">
        <v>14519</v>
      </c>
      <c r="H5315" s="359" t="s">
        <v>14332</v>
      </c>
      <c r="I5315" s="359" t="s">
        <v>28681</v>
      </c>
      <c r="J5315" s="359"/>
      <c r="K5315" s="360"/>
      <c r="L5315" s="359"/>
    </row>
    <row r="5316" spans="2:12">
      <c r="B5316" s="359"/>
      <c r="C5316" s="360"/>
      <c r="D5316" s="359"/>
      <c r="E5316" s="359"/>
      <c r="F5316" s="360"/>
      <c r="G5316" s="360"/>
      <c r="H5316" s="360"/>
      <c r="I5316" s="360"/>
      <c r="J5316" s="359"/>
      <c r="K5316" s="360"/>
      <c r="L5316" s="359"/>
    </row>
    <row r="5317" spans="2:12">
      <c r="B5317" s="359"/>
      <c r="C5317" s="360"/>
      <c r="D5317" s="359"/>
      <c r="E5317" s="359"/>
      <c r="F5317" s="359" t="s">
        <v>14371</v>
      </c>
      <c r="G5317" s="359" t="s">
        <v>14372</v>
      </c>
      <c r="H5317" s="360"/>
      <c r="I5317" s="360"/>
      <c r="J5317" s="359"/>
      <c r="K5317" s="360"/>
      <c r="L5317" s="359"/>
    </row>
    <row r="5318" spans="2:12">
      <c r="B5318" s="359"/>
      <c r="C5318" s="360"/>
      <c r="D5318" s="359"/>
      <c r="E5318" s="359"/>
      <c r="F5318" s="360"/>
      <c r="G5318" s="360"/>
      <c r="H5318" s="360"/>
      <c r="I5318" s="360"/>
      <c r="J5318" s="359"/>
      <c r="K5318" s="360"/>
      <c r="L5318" s="359"/>
    </row>
    <row r="5319" spans="2:12" ht="28.5">
      <c r="B5319" s="361"/>
      <c r="C5319" s="362"/>
      <c r="D5319" s="361"/>
      <c r="E5319" s="361"/>
      <c r="F5319" s="361" t="s">
        <v>14374</v>
      </c>
      <c r="G5319" s="361" t="s">
        <v>14373</v>
      </c>
      <c r="H5319" s="362"/>
      <c r="I5319" s="362"/>
      <c r="J5319" s="361"/>
      <c r="K5319" s="362"/>
      <c r="L5319" s="361"/>
    </row>
    <row r="5320" spans="2:12" ht="42.75">
      <c r="B5320" s="358" t="s">
        <v>16983</v>
      </c>
      <c r="C5320" s="358" t="s">
        <v>16984</v>
      </c>
      <c r="D5320" s="358" t="s">
        <v>16985</v>
      </c>
      <c r="E5320" s="358" t="s">
        <v>2067</v>
      </c>
      <c r="F5320" s="358" t="s">
        <v>14379</v>
      </c>
      <c r="G5320" s="358" t="s">
        <v>14380</v>
      </c>
      <c r="H5320" s="358" t="s">
        <v>14378</v>
      </c>
      <c r="I5320" s="358" t="s">
        <v>14380</v>
      </c>
      <c r="J5320" s="358" t="s">
        <v>14534</v>
      </c>
      <c r="K5320" s="358" t="s">
        <v>28802</v>
      </c>
      <c r="L5320" s="358"/>
    </row>
    <row r="5321" spans="2:12">
      <c r="B5321" s="359"/>
      <c r="C5321" s="359"/>
      <c r="D5321" s="359"/>
      <c r="E5321" s="359"/>
      <c r="F5321" s="360"/>
      <c r="G5321" s="360"/>
      <c r="H5321" s="360"/>
      <c r="I5321" s="360"/>
      <c r="J5321" s="359"/>
      <c r="K5321" s="360"/>
      <c r="L5321" s="359"/>
    </row>
    <row r="5322" spans="2:12" ht="28.5">
      <c r="B5322" s="359"/>
      <c r="C5322" s="359"/>
      <c r="D5322" s="359"/>
      <c r="E5322" s="359"/>
      <c r="F5322" s="359" t="s">
        <v>14530</v>
      </c>
      <c r="G5322" s="359" t="s">
        <v>14531</v>
      </c>
      <c r="H5322" s="359" t="s">
        <v>14381</v>
      </c>
      <c r="I5322" s="359" t="s">
        <v>14531</v>
      </c>
      <c r="J5322" s="359"/>
      <c r="K5322" s="359" t="s">
        <v>28803</v>
      </c>
      <c r="L5322" s="359"/>
    </row>
    <row r="5323" spans="2:12">
      <c r="B5323" s="359"/>
      <c r="C5323" s="359"/>
      <c r="D5323" s="359"/>
      <c r="E5323" s="359"/>
      <c r="F5323" s="360"/>
      <c r="G5323" s="360"/>
      <c r="H5323" s="360"/>
      <c r="I5323" s="360"/>
      <c r="J5323" s="359"/>
      <c r="K5323" s="360"/>
      <c r="L5323" s="359"/>
    </row>
    <row r="5324" spans="2:12">
      <c r="B5324" s="359"/>
      <c r="C5324" s="359"/>
      <c r="D5324" s="359"/>
      <c r="E5324" s="359"/>
      <c r="F5324" s="359" t="s">
        <v>14379</v>
      </c>
      <c r="G5324" s="359" t="s">
        <v>14405</v>
      </c>
      <c r="H5324" s="359" t="s">
        <v>14370</v>
      </c>
      <c r="I5324" s="359" t="s">
        <v>14405</v>
      </c>
      <c r="J5324" s="359"/>
      <c r="K5324" s="360"/>
      <c r="L5324" s="359"/>
    </row>
    <row r="5325" spans="2:12">
      <c r="B5325" s="359"/>
      <c r="C5325" s="359"/>
      <c r="D5325" s="359"/>
      <c r="E5325" s="359"/>
      <c r="F5325" s="360"/>
      <c r="G5325" s="360"/>
      <c r="H5325" s="360"/>
      <c r="I5325" s="360"/>
      <c r="J5325" s="359"/>
      <c r="K5325" s="360"/>
      <c r="L5325" s="359"/>
    </row>
    <row r="5326" spans="2:12">
      <c r="B5326" s="359"/>
      <c r="C5326" s="359"/>
      <c r="D5326" s="359"/>
      <c r="E5326" s="359"/>
      <c r="F5326" s="359" t="s">
        <v>14443</v>
      </c>
      <c r="G5326" s="359" t="s">
        <v>14444</v>
      </c>
      <c r="H5326" s="359" t="s">
        <v>14332</v>
      </c>
      <c r="I5326" s="359" t="s">
        <v>14444</v>
      </c>
      <c r="J5326" s="359"/>
      <c r="K5326" s="360"/>
      <c r="L5326" s="359"/>
    </row>
    <row r="5327" spans="2:12">
      <c r="B5327" s="359"/>
      <c r="C5327" s="359"/>
      <c r="D5327" s="359"/>
      <c r="E5327" s="359"/>
      <c r="F5327" s="360"/>
      <c r="G5327" s="360"/>
      <c r="H5327" s="360"/>
      <c r="I5327" s="360"/>
      <c r="J5327" s="359"/>
      <c r="K5327" s="360"/>
      <c r="L5327" s="359"/>
    </row>
    <row r="5328" spans="2:12" ht="28.5">
      <c r="B5328" s="359"/>
      <c r="C5328" s="359"/>
      <c r="D5328" s="359"/>
      <c r="E5328" s="359"/>
      <c r="F5328" s="359" t="s">
        <v>14460</v>
      </c>
      <c r="G5328" s="359" t="s">
        <v>14519</v>
      </c>
      <c r="H5328" s="360"/>
      <c r="I5328" s="359" t="s">
        <v>28681</v>
      </c>
      <c r="J5328" s="359"/>
      <c r="K5328" s="360"/>
      <c r="L5328" s="359"/>
    </row>
    <row r="5329" spans="2:12">
      <c r="B5329" s="359"/>
      <c r="C5329" s="359"/>
      <c r="D5329" s="359"/>
      <c r="E5329" s="359"/>
      <c r="F5329" s="360"/>
      <c r="G5329" s="360"/>
      <c r="H5329" s="360"/>
      <c r="I5329" s="360"/>
      <c r="J5329" s="359"/>
      <c r="K5329" s="360"/>
      <c r="L5329" s="359"/>
    </row>
    <row r="5330" spans="2:12">
      <c r="B5330" s="359"/>
      <c r="C5330" s="359"/>
      <c r="D5330" s="359"/>
      <c r="E5330" s="359"/>
      <c r="F5330" s="359" t="s">
        <v>14371</v>
      </c>
      <c r="G5330" s="359" t="s">
        <v>14372</v>
      </c>
      <c r="H5330" s="360"/>
      <c r="I5330" s="360"/>
      <c r="J5330" s="359"/>
      <c r="K5330" s="360"/>
      <c r="L5330" s="359"/>
    </row>
    <row r="5331" spans="2:12">
      <c r="B5331" s="359"/>
      <c r="C5331" s="359"/>
      <c r="D5331" s="359"/>
      <c r="E5331" s="359"/>
      <c r="F5331" s="360"/>
      <c r="G5331" s="360"/>
      <c r="H5331" s="360"/>
      <c r="I5331" s="360"/>
      <c r="J5331" s="359"/>
      <c r="K5331" s="360"/>
      <c r="L5331" s="359"/>
    </row>
    <row r="5332" spans="2:12" ht="28.5">
      <c r="B5332" s="361"/>
      <c r="C5332" s="361"/>
      <c r="D5332" s="361"/>
      <c r="E5332" s="361"/>
      <c r="F5332" s="361" t="s">
        <v>14374</v>
      </c>
      <c r="G5332" s="361" t="s">
        <v>14373</v>
      </c>
      <c r="H5332" s="362"/>
      <c r="I5332" s="362"/>
      <c r="J5332" s="361"/>
      <c r="K5332" s="362"/>
      <c r="L5332" s="361"/>
    </row>
    <row r="5333" spans="2:12">
      <c r="B5333" s="358" t="s">
        <v>16986</v>
      </c>
      <c r="C5333" s="358" t="s">
        <v>16987</v>
      </c>
      <c r="D5333" s="358" t="s">
        <v>16988</v>
      </c>
      <c r="E5333" s="358" t="s">
        <v>2079</v>
      </c>
      <c r="F5333" s="358" t="s">
        <v>14382</v>
      </c>
      <c r="G5333" s="358" t="s">
        <v>14483</v>
      </c>
      <c r="H5333" s="358" t="s">
        <v>14378</v>
      </c>
      <c r="I5333" s="358" t="s">
        <v>14483</v>
      </c>
      <c r="J5333" s="358"/>
      <c r="K5333" s="358" t="s">
        <v>14929</v>
      </c>
      <c r="L5333" s="358"/>
    </row>
    <row r="5334" spans="2:12">
      <c r="B5334" s="359"/>
      <c r="C5334" s="360"/>
      <c r="D5334" s="359"/>
      <c r="E5334" s="359"/>
      <c r="F5334" s="360"/>
      <c r="G5334" s="360"/>
      <c r="H5334" s="360"/>
      <c r="I5334" s="360"/>
      <c r="J5334" s="359"/>
      <c r="K5334" s="360"/>
      <c r="L5334" s="359"/>
    </row>
    <row r="5335" spans="2:12" ht="42.75">
      <c r="B5335" s="359"/>
      <c r="C5335" s="359" t="s">
        <v>16989</v>
      </c>
      <c r="D5335" s="359"/>
      <c r="E5335" s="359"/>
      <c r="F5335" s="359" t="s">
        <v>14382</v>
      </c>
      <c r="G5335" s="359" t="s">
        <v>14383</v>
      </c>
      <c r="H5335" s="359" t="s">
        <v>14381</v>
      </c>
      <c r="I5335" s="359" t="s">
        <v>14383</v>
      </c>
      <c r="J5335" s="359"/>
      <c r="K5335" s="359" t="s">
        <v>28802</v>
      </c>
      <c r="L5335" s="359"/>
    </row>
    <row r="5336" spans="2:12">
      <c r="B5336" s="359"/>
      <c r="C5336" s="360"/>
      <c r="D5336" s="359"/>
      <c r="E5336" s="359"/>
      <c r="F5336" s="360"/>
      <c r="G5336" s="360"/>
      <c r="H5336" s="360"/>
      <c r="I5336" s="360"/>
      <c r="J5336" s="359"/>
      <c r="K5336" s="360"/>
      <c r="L5336" s="359"/>
    </row>
    <row r="5337" spans="2:12">
      <c r="B5337" s="359"/>
      <c r="C5337" s="360"/>
      <c r="D5337" s="359"/>
      <c r="E5337" s="359"/>
      <c r="F5337" s="359" t="s">
        <v>14443</v>
      </c>
      <c r="G5337" s="359" t="s">
        <v>14444</v>
      </c>
      <c r="H5337" s="359" t="s">
        <v>14370</v>
      </c>
      <c r="I5337" s="359" t="s">
        <v>14444</v>
      </c>
      <c r="J5337" s="359"/>
      <c r="K5337" s="360"/>
      <c r="L5337" s="359"/>
    </row>
    <row r="5338" spans="2:12">
      <c r="B5338" s="359"/>
      <c r="C5338" s="360"/>
      <c r="D5338" s="359"/>
      <c r="E5338" s="359"/>
      <c r="F5338" s="360"/>
      <c r="G5338" s="360"/>
      <c r="H5338" s="360"/>
      <c r="I5338" s="360"/>
      <c r="J5338" s="359"/>
      <c r="K5338" s="360"/>
      <c r="L5338" s="359"/>
    </row>
    <row r="5339" spans="2:12" ht="28.5">
      <c r="B5339" s="359"/>
      <c r="C5339" s="360"/>
      <c r="D5339" s="359"/>
      <c r="E5339" s="359"/>
      <c r="F5339" s="359" t="s">
        <v>14460</v>
      </c>
      <c r="G5339" s="359" t="s">
        <v>14519</v>
      </c>
      <c r="H5339" s="359" t="s">
        <v>14332</v>
      </c>
      <c r="I5339" s="359" t="s">
        <v>28681</v>
      </c>
      <c r="J5339" s="359"/>
      <c r="K5339" s="360"/>
      <c r="L5339" s="359"/>
    </row>
    <row r="5340" spans="2:12">
      <c r="B5340" s="359"/>
      <c r="C5340" s="360"/>
      <c r="D5340" s="359"/>
      <c r="E5340" s="359"/>
      <c r="F5340" s="360"/>
      <c r="G5340" s="360"/>
      <c r="H5340" s="360"/>
      <c r="I5340" s="360"/>
      <c r="J5340" s="359"/>
      <c r="K5340" s="360"/>
      <c r="L5340" s="359"/>
    </row>
    <row r="5341" spans="2:12">
      <c r="B5341" s="359"/>
      <c r="C5341" s="360"/>
      <c r="D5341" s="359"/>
      <c r="E5341" s="359"/>
      <c r="F5341" s="359" t="s">
        <v>14371</v>
      </c>
      <c r="G5341" s="359" t="s">
        <v>14372</v>
      </c>
      <c r="H5341" s="360"/>
      <c r="I5341" s="360"/>
      <c r="J5341" s="359"/>
      <c r="K5341" s="360"/>
      <c r="L5341" s="359"/>
    </row>
    <row r="5342" spans="2:12">
      <c r="B5342" s="359"/>
      <c r="C5342" s="360"/>
      <c r="D5342" s="359"/>
      <c r="E5342" s="359"/>
      <c r="F5342" s="360"/>
      <c r="G5342" s="360"/>
      <c r="H5342" s="360"/>
      <c r="I5342" s="360"/>
      <c r="J5342" s="359"/>
      <c r="K5342" s="360"/>
      <c r="L5342" s="359"/>
    </row>
    <row r="5343" spans="2:12" ht="28.5">
      <c r="B5343" s="361"/>
      <c r="C5343" s="362"/>
      <c r="D5343" s="361"/>
      <c r="E5343" s="361"/>
      <c r="F5343" s="361" t="s">
        <v>14374</v>
      </c>
      <c r="G5343" s="361" t="s">
        <v>14373</v>
      </c>
      <c r="H5343" s="362"/>
      <c r="I5343" s="362"/>
      <c r="J5343" s="361"/>
      <c r="K5343" s="362"/>
      <c r="L5343" s="361"/>
    </row>
    <row r="5344" spans="2:12" ht="42.75">
      <c r="B5344" s="358" t="s">
        <v>10253</v>
      </c>
      <c r="C5344" s="358" t="s">
        <v>16990</v>
      </c>
      <c r="D5344" s="358" t="s">
        <v>117</v>
      </c>
      <c r="E5344" s="358" t="s">
        <v>118</v>
      </c>
      <c r="F5344" s="358" t="s">
        <v>14376</v>
      </c>
      <c r="G5344" s="358" t="s">
        <v>14669</v>
      </c>
      <c r="H5344" s="358" t="s">
        <v>14378</v>
      </c>
      <c r="I5344" s="358" t="s">
        <v>14669</v>
      </c>
      <c r="J5344" s="358"/>
      <c r="K5344" s="358" t="s">
        <v>28590</v>
      </c>
      <c r="L5344" s="358"/>
    </row>
    <row r="5345" spans="2:12">
      <c r="B5345" s="359"/>
      <c r="C5345" s="359"/>
      <c r="D5345" s="359"/>
      <c r="E5345" s="359"/>
      <c r="F5345" s="360"/>
      <c r="G5345" s="360"/>
      <c r="H5345" s="360"/>
      <c r="I5345" s="360"/>
      <c r="J5345" s="359"/>
      <c r="K5345" s="360"/>
      <c r="L5345" s="359"/>
    </row>
    <row r="5346" spans="2:12">
      <c r="B5346" s="359"/>
      <c r="C5346" s="359"/>
      <c r="D5346" s="359"/>
      <c r="E5346" s="359"/>
      <c r="F5346" s="359" t="s">
        <v>14889</v>
      </c>
      <c r="G5346" s="359" t="s">
        <v>14890</v>
      </c>
      <c r="H5346" s="359" t="s">
        <v>14381</v>
      </c>
      <c r="I5346" s="359" t="s">
        <v>14890</v>
      </c>
      <c r="J5346" s="359"/>
      <c r="K5346" s="359" t="s">
        <v>16991</v>
      </c>
      <c r="L5346" s="359"/>
    </row>
    <row r="5347" spans="2:12">
      <c r="B5347" s="359"/>
      <c r="C5347" s="359"/>
      <c r="D5347" s="359"/>
      <c r="E5347" s="359"/>
      <c r="F5347" s="360"/>
      <c r="G5347" s="360"/>
      <c r="H5347" s="360"/>
      <c r="I5347" s="360"/>
      <c r="J5347" s="359"/>
      <c r="K5347" s="360"/>
      <c r="L5347" s="359"/>
    </row>
    <row r="5348" spans="2:12" ht="57">
      <c r="B5348" s="359"/>
      <c r="C5348" s="359"/>
      <c r="D5348" s="359"/>
      <c r="E5348" s="359"/>
      <c r="F5348" s="359" t="s">
        <v>14424</v>
      </c>
      <c r="G5348" s="359" t="s">
        <v>14425</v>
      </c>
      <c r="H5348" s="359" t="s">
        <v>14370</v>
      </c>
      <c r="I5348" s="359" t="s">
        <v>28804</v>
      </c>
      <c r="J5348" s="359"/>
      <c r="K5348" s="359" t="s">
        <v>28805</v>
      </c>
      <c r="L5348" s="359"/>
    </row>
    <row r="5349" spans="2:12">
      <c r="B5349" s="359"/>
      <c r="C5349" s="359"/>
      <c r="D5349" s="359"/>
      <c r="E5349" s="359"/>
      <c r="F5349" s="360"/>
      <c r="G5349" s="360"/>
      <c r="H5349" s="360"/>
      <c r="I5349" s="360"/>
      <c r="J5349" s="359"/>
      <c r="K5349" s="360"/>
      <c r="L5349" s="359"/>
    </row>
    <row r="5350" spans="2:12" ht="28.5">
      <c r="B5350" s="359"/>
      <c r="C5350" s="359"/>
      <c r="D5350" s="359"/>
      <c r="E5350" s="359"/>
      <c r="F5350" s="359" t="s">
        <v>14379</v>
      </c>
      <c r="G5350" s="359" t="s">
        <v>14380</v>
      </c>
      <c r="H5350" s="359" t="s">
        <v>14332</v>
      </c>
      <c r="I5350" s="359" t="s">
        <v>14383</v>
      </c>
      <c r="J5350" s="359"/>
      <c r="K5350" s="359" t="s">
        <v>28806</v>
      </c>
      <c r="L5350" s="359"/>
    </row>
    <row r="5351" spans="2:12">
      <c r="B5351" s="359"/>
      <c r="C5351" s="359"/>
      <c r="D5351" s="359"/>
      <c r="E5351" s="359"/>
      <c r="F5351" s="360"/>
      <c r="G5351" s="360"/>
      <c r="H5351" s="360"/>
      <c r="I5351" s="360"/>
      <c r="J5351" s="359"/>
      <c r="K5351" s="360"/>
      <c r="L5351" s="359"/>
    </row>
    <row r="5352" spans="2:12" ht="28.5">
      <c r="B5352" s="359"/>
      <c r="C5352" s="359"/>
      <c r="D5352" s="359"/>
      <c r="E5352" s="359"/>
      <c r="F5352" s="359" t="s">
        <v>14382</v>
      </c>
      <c r="G5352" s="359" t="s">
        <v>14383</v>
      </c>
      <c r="H5352" s="360"/>
      <c r="I5352" s="359" t="s">
        <v>28800</v>
      </c>
      <c r="J5352" s="359"/>
      <c r="K5352" s="360"/>
      <c r="L5352" s="359"/>
    </row>
    <row r="5353" spans="2:12">
      <c r="B5353" s="359"/>
      <c r="C5353" s="359"/>
      <c r="D5353" s="359"/>
      <c r="E5353" s="359"/>
      <c r="F5353" s="360"/>
      <c r="G5353" s="360"/>
      <c r="H5353" s="360"/>
      <c r="I5353" s="360"/>
      <c r="J5353" s="359"/>
      <c r="K5353" s="360"/>
      <c r="L5353" s="359"/>
    </row>
    <row r="5354" spans="2:12">
      <c r="B5354" s="359"/>
      <c r="C5354" s="359"/>
      <c r="D5354" s="359"/>
      <c r="E5354" s="359"/>
      <c r="F5354" s="359" t="s">
        <v>14384</v>
      </c>
      <c r="G5354" s="359" t="s">
        <v>14385</v>
      </c>
      <c r="H5354" s="360"/>
      <c r="I5354" s="360"/>
      <c r="J5354" s="359"/>
      <c r="K5354" s="360"/>
      <c r="L5354" s="359"/>
    </row>
    <row r="5355" spans="2:12">
      <c r="B5355" s="359"/>
      <c r="C5355" s="359"/>
      <c r="D5355" s="359"/>
      <c r="E5355" s="359"/>
      <c r="F5355" s="360"/>
      <c r="G5355" s="360"/>
      <c r="H5355" s="360"/>
      <c r="I5355" s="360"/>
      <c r="J5355" s="359"/>
      <c r="K5355" s="360"/>
      <c r="L5355" s="359"/>
    </row>
    <row r="5356" spans="2:12">
      <c r="B5356" s="359"/>
      <c r="C5356" s="359"/>
      <c r="D5356" s="359"/>
      <c r="E5356" s="359"/>
      <c r="F5356" s="359" t="s">
        <v>14371</v>
      </c>
      <c r="G5356" s="359" t="s">
        <v>14372</v>
      </c>
      <c r="H5356" s="360"/>
      <c r="I5356" s="360"/>
      <c r="J5356" s="359"/>
      <c r="K5356" s="360"/>
      <c r="L5356" s="359"/>
    </row>
    <row r="5357" spans="2:12">
      <c r="B5357" s="359"/>
      <c r="C5357" s="359"/>
      <c r="D5357" s="359"/>
      <c r="E5357" s="359"/>
      <c r="F5357" s="360"/>
      <c r="G5357" s="360"/>
      <c r="H5357" s="360"/>
      <c r="I5357" s="360"/>
      <c r="J5357" s="359"/>
      <c r="K5357" s="360"/>
      <c r="L5357" s="359"/>
    </row>
    <row r="5358" spans="2:12" ht="28.5">
      <c r="B5358" s="361"/>
      <c r="C5358" s="361"/>
      <c r="D5358" s="361"/>
      <c r="E5358" s="361"/>
      <c r="F5358" s="361" t="s">
        <v>14374</v>
      </c>
      <c r="G5358" s="361" t="s">
        <v>14373</v>
      </c>
      <c r="H5358" s="362"/>
      <c r="I5358" s="362"/>
      <c r="J5358" s="361"/>
      <c r="K5358" s="362"/>
      <c r="L5358" s="361"/>
    </row>
    <row r="5359" spans="2:12">
      <c r="B5359" s="358" t="s">
        <v>16992</v>
      </c>
      <c r="C5359" s="358" t="s">
        <v>16993</v>
      </c>
      <c r="D5359" s="358" t="s">
        <v>16994</v>
      </c>
      <c r="E5359" s="358" t="s">
        <v>2087</v>
      </c>
      <c r="F5359" s="358" t="s">
        <v>14382</v>
      </c>
      <c r="G5359" s="358" t="s">
        <v>14483</v>
      </c>
      <c r="H5359" s="358" t="s">
        <v>14378</v>
      </c>
      <c r="I5359" s="358" t="s">
        <v>14483</v>
      </c>
      <c r="J5359" s="358"/>
      <c r="K5359" s="358" t="s">
        <v>14929</v>
      </c>
      <c r="L5359" s="358"/>
    </row>
    <row r="5360" spans="2:12">
      <c r="B5360" s="359"/>
      <c r="C5360" s="359"/>
      <c r="D5360" s="359"/>
      <c r="E5360" s="359"/>
      <c r="F5360" s="360"/>
      <c r="G5360" s="360"/>
      <c r="H5360" s="360"/>
      <c r="I5360" s="360"/>
      <c r="J5360" s="359"/>
      <c r="K5360" s="360"/>
      <c r="L5360" s="359"/>
    </row>
    <row r="5361" spans="2:12" ht="42.75">
      <c r="B5361" s="359"/>
      <c r="C5361" s="359"/>
      <c r="D5361" s="359"/>
      <c r="E5361" s="359"/>
      <c r="F5361" s="359" t="s">
        <v>14382</v>
      </c>
      <c r="G5361" s="359" t="s">
        <v>14383</v>
      </c>
      <c r="H5361" s="359" t="s">
        <v>14381</v>
      </c>
      <c r="I5361" s="359" t="s">
        <v>14383</v>
      </c>
      <c r="J5361" s="359"/>
      <c r="K5361" s="359" t="s">
        <v>28807</v>
      </c>
      <c r="L5361" s="359"/>
    </row>
    <row r="5362" spans="2:12">
      <c r="B5362" s="359"/>
      <c r="C5362" s="359"/>
      <c r="D5362" s="359"/>
      <c r="E5362" s="359"/>
      <c r="F5362" s="360"/>
      <c r="G5362" s="360"/>
      <c r="H5362" s="360"/>
      <c r="I5362" s="360"/>
      <c r="J5362" s="359"/>
      <c r="K5362" s="360"/>
      <c r="L5362" s="359"/>
    </row>
    <row r="5363" spans="2:12">
      <c r="B5363" s="359"/>
      <c r="C5363" s="359"/>
      <c r="D5363" s="359"/>
      <c r="E5363" s="359"/>
      <c r="F5363" s="359" t="s">
        <v>14443</v>
      </c>
      <c r="G5363" s="359" t="s">
        <v>14444</v>
      </c>
      <c r="H5363" s="359" t="s">
        <v>14370</v>
      </c>
      <c r="I5363" s="359" t="s">
        <v>14444</v>
      </c>
      <c r="J5363" s="359"/>
      <c r="K5363" s="360"/>
      <c r="L5363" s="359"/>
    </row>
    <row r="5364" spans="2:12">
      <c r="B5364" s="359"/>
      <c r="C5364" s="359"/>
      <c r="D5364" s="359"/>
      <c r="E5364" s="359"/>
      <c r="F5364" s="360"/>
      <c r="G5364" s="360"/>
      <c r="H5364" s="360"/>
      <c r="I5364" s="360"/>
      <c r="J5364" s="359"/>
      <c r="K5364" s="360"/>
      <c r="L5364" s="359"/>
    </row>
    <row r="5365" spans="2:12" ht="28.5">
      <c r="B5365" s="359"/>
      <c r="C5365" s="359"/>
      <c r="D5365" s="359"/>
      <c r="E5365" s="359"/>
      <c r="F5365" s="359" t="s">
        <v>14460</v>
      </c>
      <c r="G5365" s="359" t="s">
        <v>14519</v>
      </c>
      <c r="H5365" s="359" t="s">
        <v>14332</v>
      </c>
      <c r="I5365" s="359" t="s">
        <v>28681</v>
      </c>
      <c r="J5365" s="359"/>
      <c r="K5365" s="360"/>
      <c r="L5365" s="359"/>
    </row>
    <row r="5366" spans="2:12">
      <c r="B5366" s="359"/>
      <c r="C5366" s="359"/>
      <c r="D5366" s="359"/>
      <c r="E5366" s="359"/>
      <c r="F5366" s="360"/>
      <c r="G5366" s="360"/>
      <c r="H5366" s="360"/>
      <c r="I5366" s="360"/>
      <c r="J5366" s="359"/>
      <c r="K5366" s="360"/>
      <c r="L5366" s="359"/>
    </row>
    <row r="5367" spans="2:12">
      <c r="B5367" s="359"/>
      <c r="C5367" s="359"/>
      <c r="D5367" s="359"/>
      <c r="E5367" s="359"/>
      <c r="F5367" s="359" t="s">
        <v>14371</v>
      </c>
      <c r="G5367" s="359" t="s">
        <v>14372</v>
      </c>
      <c r="H5367" s="360"/>
      <c r="I5367" s="360"/>
      <c r="J5367" s="359"/>
      <c r="K5367" s="360"/>
      <c r="L5367" s="359"/>
    </row>
    <row r="5368" spans="2:12">
      <c r="B5368" s="359"/>
      <c r="C5368" s="359"/>
      <c r="D5368" s="359"/>
      <c r="E5368" s="359"/>
      <c r="F5368" s="360"/>
      <c r="G5368" s="360"/>
      <c r="H5368" s="360"/>
      <c r="I5368" s="360"/>
      <c r="J5368" s="359"/>
      <c r="K5368" s="360"/>
      <c r="L5368" s="359"/>
    </row>
    <row r="5369" spans="2:12" ht="28.5">
      <c r="B5369" s="361"/>
      <c r="C5369" s="361"/>
      <c r="D5369" s="361"/>
      <c r="E5369" s="361"/>
      <c r="F5369" s="361" t="s">
        <v>14374</v>
      </c>
      <c r="G5369" s="361" t="s">
        <v>14373</v>
      </c>
      <c r="H5369" s="362"/>
      <c r="I5369" s="362"/>
      <c r="J5369" s="361"/>
      <c r="K5369" s="362"/>
      <c r="L5369" s="361"/>
    </row>
    <row r="5370" spans="2:12" ht="42.75">
      <c r="B5370" s="358" t="s">
        <v>10254</v>
      </c>
      <c r="C5370" s="358" t="s">
        <v>16995</v>
      </c>
      <c r="D5370" s="358" t="s">
        <v>127</v>
      </c>
      <c r="E5370" s="358" t="s">
        <v>128</v>
      </c>
      <c r="F5370" s="358" t="s">
        <v>14376</v>
      </c>
      <c r="G5370" s="358" t="s">
        <v>14669</v>
      </c>
      <c r="H5370" s="358" t="s">
        <v>14378</v>
      </c>
      <c r="I5370" s="358" t="s">
        <v>14669</v>
      </c>
      <c r="J5370" s="358"/>
      <c r="K5370" s="358" t="s">
        <v>28590</v>
      </c>
      <c r="L5370" s="358"/>
    </row>
    <row r="5371" spans="2:12">
      <c r="B5371" s="359"/>
      <c r="C5371" s="359"/>
      <c r="D5371" s="359"/>
      <c r="E5371" s="359"/>
      <c r="F5371" s="360"/>
      <c r="G5371" s="360"/>
      <c r="H5371" s="360"/>
      <c r="I5371" s="360"/>
      <c r="J5371" s="359"/>
      <c r="K5371" s="360"/>
      <c r="L5371" s="359"/>
    </row>
    <row r="5372" spans="2:12">
      <c r="B5372" s="359"/>
      <c r="C5372" s="359"/>
      <c r="D5372" s="359"/>
      <c r="E5372" s="359"/>
      <c r="F5372" s="359" t="s">
        <v>14889</v>
      </c>
      <c r="G5372" s="359" t="s">
        <v>14890</v>
      </c>
      <c r="H5372" s="359" t="s">
        <v>14381</v>
      </c>
      <c r="I5372" s="359" t="s">
        <v>14890</v>
      </c>
      <c r="J5372" s="359"/>
      <c r="K5372" s="359" t="s">
        <v>16991</v>
      </c>
      <c r="L5372" s="359"/>
    </row>
    <row r="5373" spans="2:12">
      <c r="B5373" s="359"/>
      <c r="C5373" s="359"/>
      <c r="D5373" s="359"/>
      <c r="E5373" s="359"/>
      <c r="F5373" s="360"/>
      <c r="G5373" s="360"/>
      <c r="H5373" s="360"/>
      <c r="I5373" s="360"/>
      <c r="J5373" s="359"/>
      <c r="K5373" s="360"/>
      <c r="L5373" s="359"/>
    </row>
    <row r="5374" spans="2:12" ht="71.25">
      <c r="B5374" s="359"/>
      <c r="C5374" s="359"/>
      <c r="D5374" s="359"/>
      <c r="E5374" s="359"/>
      <c r="F5374" s="359" t="s">
        <v>14424</v>
      </c>
      <c r="G5374" s="359" t="s">
        <v>14425</v>
      </c>
      <c r="H5374" s="359" t="s">
        <v>14370</v>
      </c>
      <c r="I5374" s="359" t="s">
        <v>28804</v>
      </c>
      <c r="J5374" s="359"/>
      <c r="K5374" s="359" t="s">
        <v>28808</v>
      </c>
      <c r="L5374" s="359"/>
    </row>
    <row r="5375" spans="2:12">
      <c r="B5375" s="359"/>
      <c r="C5375" s="359"/>
      <c r="D5375" s="359"/>
      <c r="E5375" s="359"/>
      <c r="F5375" s="360"/>
      <c r="G5375" s="360"/>
      <c r="H5375" s="360"/>
      <c r="I5375" s="360"/>
      <c r="J5375" s="359"/>
      <c r="K5375" s="360"/>
      <c r="L5375" s="359"/>
    </row>
    <row r="5376" spans="2:12">
      <c r="B5376" s="359"/>
      <c r="C5376" s="359"/>
      <c r="D5376" s="359"/>
      <c r="E5376" s="359"/>
      <c r="F5376" s="359" t="s">
        <v>14379</v>
      </c>
      <c r="G5376" s="359" t="s">
        <v>14380</v>
      </c>
      <c r="H5376" s="359" t="s">
        <v>14332</v>
      </c>
      <c r="I5376" s="359" t="s">
        <v>14383</v>
      </c>
      <c r="J5376" s="359"/>
      <c r="K5376" s="360"/>
      <c r="L5376" s="359"/>
    </row>
    <row r="5377" spans="2:12">
      <c r="B5377" s="359"/>
      <c r="C5377" s="359"/>
      <c r="D5377" s="359"/>
      <c r="E5377" s="359"/>
      <c r="F5377" s="360"/>
      <c r="G5377" s="360"/>
      <c r="H5377" s="360"/>
      <c r="I5377" s="360"/>
      <c r="J5377" s="359"/>
      <c r="K5377" s="360"/>
      <c r="L5377" s="359"/>
    </row>
    <row r="5378" spans="2:12" ht="28.5">
      <c r="B5378" s="359"/>
      <c r="C5378" s="359"/>
      <c r="D5378" s="359"/>
      <c r="E5378" s="359"/>
      <c r="F5378" s="359" t="s">
        <v>14382</v>
      </c>
      <c r="G5378" s="359" t="s">
        <v>14383</v>
      </c>
      <c r="H5378" s="360"/>
      <c r="I5378" s="359" t="s">
        <v>28800</v>
      </c>
      <c r="J5378" s="359"/>
      <c r="K5378" s="360"/>
      <c r="L5378" s="359"/>
    </row>
    <row r="5379" spans="2:12">
      <c r="B5379" s="359"/>
      <c r="C5379" s="359"/>
      <c r="D5379" s="359"/>
      <c r="E5379" s="359"/>
      <c r="F5379" s="360"/>
      <c r="G5379" s="360"/>
      <c r="H5379" s="360"/>
      <c r="I5379" s="360"/>
      <c r="J5379" s="359"/>
      <c r="K5379" s="360"/>
      <c r="L5379" s="359"/>
    </row>
    <row r="5380" spans="2:12">
      <c r="B5380" s="359"/>
      <c r="C5380" s="359"/>
      <c r="D5380" s="359"/>
      <c r="E5380" s="359"/>
      <c r="F5380" s="359" t="s">
        <v>14384</v>
      </c>
      <c r="G5380" s="359" t="s">
        <v>14385</v>
      </c>
      <c r="H5380" s="360"/>
      <c r="I5380" s="360"/>
      <c r="J5380" s="359"/>
      <c r="K5380" s="360"/>
      <c r="L5380" s="359"/>
    </row>
    <row r="5381" spans="2:12">
      <c r="B5381" s="359"/>
      <c r="C5381" s="359"/>
      <c r="D5381" s="359"/>
      <c r="E5381" s="359"/>
      <c r="F5381" s="360"/>
      <c r="G5381" s="360"/>
      <c r="H5381" s="360"/>
      <c r="I5381" s="360"/>
      <c r="J5381" s="359"/>
      <c r="K5381" s="360"/>
      <c r="L5381" s="359"/>
    </row>
    <row r="5382" spans="2:12">
      <c r="B5382" s="359"/>
      <c r="C5382" s="359"/>
      <c r="D5382" s="359"/>
      <c r="E5382" s="359"/>
      <c r="F5382" s="359" t="s">
        <v>14371</v>
      </c>
      <c r="G5382" s="359" t="s">
        <v>14372</v>
      </c>
      <c r="H5382" s="360"/>
      <c r="I5382" s="360"/>
      <c r="J5382" s="359"/>
      <c r="K5382" s="360"/>
      <c r="L5382" s="359"/>
    </row>
    <row r="5383" spans="2:12">
      <c r="B5383" s="359"/>
      <c r="C5383" s="359"/>
      <c r="D5383" s="359"/>
      <c r="E5383" s="359"/>
      <c r="F5383" s="360"/>
      <c r="G5383" s="360"/>
      <c r="H5383" s="360"/>
      <c r="I5383" s="360"/>
      <c r="J5383" s="359"/>
      <c r="K5383" s="360"/>
      <c r="L5383" s="359"/>
    </row>
    <row r="5384" spans="2:12" ht="28.5">
      <c r="B5384" s="361"/>
      <c r="C5384" s="361"/>
      <c r="D5384" s="361"/>
      <c r="E5384" s="361"/>
      <c r="F5384" s="361" t="s">
        <v>14374</v>
      </c>
      <c r="G5384" s="361" t="s">
        <v>14373</v>
      </c>
      <c r="H5384" s="362"/>
      <c r="I5384" s="362"/>
      <c r="J5384" s="361"/>
      <c r="K5384" s="362"/>
      <c r="L5384" s="361"/>
    </row>
    <row r="5385" spans="2:12" ht="42.75">
      <c r="B5385" s="358" t="s">
        <v>10255</v>
      </c>
      <c r="C5385" s="358" t="s">
        <v>16996</v>
      </c>
      <c r="D5385" s="358" t="s">
        <v>120</v>
      </c>
      <c r="E5385" s="358" t="s">
        <v>2139</v>
      </c>
      <c r="F5385" s="358" t="s">
        <v>14376</v>
      </c>
      <c r="G5385" s="358" t="s">
        <v>14669</v>
      </c>
      <c r="H5385" s="358" t="s">
        <v>14378</v>
      </c>
      <c r="I5385" s="358" t="s">
        <v>14669</v>
      </c>
      <c r="J5385" s="358"/>
      <c r="K5385" s="358" t="s">
        <v>28590</v>
      </c>
      <c r="L5385" s="358"/>
    </row>
    <row r="5386" spans="2:12">
      <c r="B5386" s="359"/>
      <c r="C5386" s="359"/>
      <c r="D5386" s="359"/>
      <c r="E5386" s="359"/>
      <c r="F5386" s="360"/>
      <c r="G5386" s="360"/>
      <c r="H5386" s="360"/>
      <c r="I5386" s="360"/>
      <c r="J5386" s="359"/>
      <c r="K5386" s="360"/>
      <c r="L5386" s="359"/>
    </row>
    <row r="5387" spans="2:12">
      <c r="B5387" s="359"/>
      <c r="C5387" s="359"/>
      <c r="D5387" s="359"/>
      <c r="E5387" s="359"/>
      <c r="F5387" s="359" t="s">
        <v>14889</v>
      </c>
      <c r="G5387" s="359" t="s">
        <v>14890</v>
      </c>
      <c r="H5387" s="359" t="s">
        <v>14381</v>
      </c>
      <c r="I5387" s="359" t="s">
        <v>14890</v>
      </c>
      <c r="J5387" s="359"/>
      <c r="K5387" s="359" t="s">
        <v>16991</v>
      </c>
      <c r="L5387" s="359"/>
    </row>
    <row r="5388" spans="2:12">
      <c r="B5388" s="359"/>
      <c r="C5388" s="359"/>
      <c r="D5388" s="359"/>
      <c r="E5388" s="359"/>
      <c r="F5388" s="360"/>
      <c r="G5388" s="360"/>
      <c r="H5388" s="360"/>
      <c r="I5388" s="360"/>
      <c r="J5388" s="359"/>
      <c r="K5388" s="360"/>
      <c r="L5388" s="359"/>
    </row>
    <row r="5389" spans="2:12" ht="71.25">
      <c r="B5389" s="359"/>
      <c r="C5389" s="359"/>
      <c r="D5389" s="359"/>
      <c r="E5389" s="359"/>
      <c r="F5389" s="359" t="s">
        <v>14424</v>
      </c>
      <c r="G5389" s="359" t="s">
        <v>14425</v>
      </c>
      <c r="H5389" s="359" t="s">
        <v>14370</v>
      </c>
      <c r="I5389" s="359" t="s">
        <v>28804</v>
      </c>
      <c r="J5389" s="359"/>
      <c r="K5389" s="359" t="s">
        <v>28809</v>
      </c>
      <c r="L5389" s="359"/>
    </row>
    <row r="5390" spans="2:12">
      <c r="B5390" s="359"/>
      <c r="C5390" s="359"/>
      <c r="D5390" s="359"/>
      <c r="E5390" s="359"/>
      <c r="F5390" s="360"/>
      <c r="G5390" s="360"/>
      <c r="H5390" s="360"/>
      <c r="I5390" s="360"/>
      <c r="J5390" s="359"/>
      <c r="K5390" s="360"/>
      <c r="L5390" s="359"/>
    </row>
    <row r="5391" spans="2:12">
      <c r="B5391" s="359"/>
      <c r="C5391" s="359"/>
      <c r="D5391" s="359"/>
      <c r="E5391" s="359"/>
      <c r="F5391" s="359" t="s">
        <v>14379</v>
      </c>
      <c r="G5391" s="359" t="s">
        <v>14380</v>
      </c>
      <c r="H5391" s="359" t="s">
        <v>14332</v>
      </c>
      <c r="I5391" s="359" t="s">
        <v>14383</v>
      </c>
      <c r="J5391" s="359"/>
      <c r="K5391" s="360"/>
      <c r="L5391" s="359"/>
    </row>
    <row r="5392" spans="2:12">
      <c r="B5392" s="359"/>
      <c r="C5392" s="359"/>
      <c r="D5392" s="359"/>
      <c r="E5392" s="359"/>
      <c r="F5392" s="360"/>
      <c r="G5392" s="360"/>
      <c r="H5392" s="360"/>
      <c r="I5392" s="360"/>
      <c r="J5392" s="359"/>
      <c r="K5392" s="360"/>
      <c r="L5392" s="359"/>
    </row>
    <row r="5393" spans="2:12" ht="28.5">
      <c r="B5393" s="359"/>
      <c r="C5393" s="359"/>
      <c r="D5393" s="359"/>
      <c r="E5393" s="359"/>
      <c r="F5393" s="359" t="s">
        <v>14382</v>
      </c>
      <c r="G5393" s="359" t="s">
        <v>14383</v>
      </c>
      <c r="H5393" s="360"/>
      <c r="I5393" s="359" t="s">
        <v>28800</v>
      </c>
      <c r="J5393" s="359"/>
      <c r="K5393" s="360"/>
      <c r="L5393" s="359"/>
    </row>
    <row r="5394" spans="2:12">
      <c r="B5394" s="359"/>
      <c r="C5394" s="359"/>
      <c r="D5394" s="359"/>
      <c r="E5394" s="359"/>
      <c r="F5394" s="360"/>
      <c r="G5394" s="360"/>
      <c r="H5394" s="360"/>
      <c r="I5394" s="360"/>
      <c r="J5394" s="359"/>
      <c r="K5394" s="360"/>
      <c r="L5394" s="359"/>
    </row>
    <row r="5395" spans="2:12">
      <c r="B5395" s="359"/>
      <c r="C5395" s="359"/>
      <c r="D5395" s="359"/>
      <c r="E5395" s="359"/>
      <c r="F5395" s="359" t="s">
        <v>14384</v>
      </c>
      <c r="G5395" s="359" t="s">
        <v>14385</v>
      </c>
      <c r="H5395" s="360"/>
      <c r="I5395" s="360"/>
      <c r="J5395" s="359"/>
      <c r="K5395" s="360"/>
      <c r="L5395" s="359"/>
    </row>
    <row r="5396" spans="2:12">
      <c r="B5396" s="359"/>
      <c r="C5396" s="359"/>
      <c r="D5396" s="359"/>
      <c r="E5396" s="359"/>
      <c r="F5396" s="360"/>
      <c r="G5396" s="360"/>
      <c r="H5396" s="360"/>
      <c r="I5396" s="360"/>
      <c r="J5396" s="359"/>
      <c r="K5396" s="360"/>
      <c r="L5396" s="359"/>
    </row>
    <row r="5397" spans="2:12">
      <c r="B5397" s="359"/>
      <c r="C5397" s="359"/>
      <c r="D5397" s="359"/>
      <c r="E5397" s="359"/>
      <c r="F5397" s="359" t="s">
        <v>14371</v>
      </c>
      <c r="G5397" s="359" t="s">
        <v>14372</v>
      </c>
      <c r="H5397" s="360"/>
      <c r="I5397" s="360"/>
      <c r="J5397" s="359"/>
      <c r="K5397" s="360"/>
      <c r="L5397" s="359"/>
    </row>
    <row r="5398" spans="2:12">
      <c r="B5398" s="359"/>
      <c r="C5398" s="359"/>
      <c r="D5398" s="359"/>
      <c r="E5398" s="359"/>
      <c r="F5398" s="360"/>
      <c r="G5398" s="360"/>
      <c r="H5398" s="360"/>
      <c r="I5398" s="360"/>
      <c r="J5398" s="359"/>
      <c r="K5398" s="360"/>
      <c r="L5398" s="359"/>
    </row>
    <row r="5399" spans="2:12" ht="28.5">
      <c r="B5399" s="361"/>
      <c r="C5399" s="361"/>
      <c r="D5399" s="361"/>
      <c r="E5399" s="361"/>
      <c r="F5399" s="361" t="s">
        <v>14374</v>
      </c>
      <c r="G5399" s="361" t="s">
        <v>14373</v>
      </c>
      <c r="H5399" s="362"/>
      <c r="I5399" s="362"/>
      <c r="J5399" s="361"/>
      <c r="K5399" s="362"/>
      <c r="L5399" s="361"/>
    </row>
    <row r="5400" spans="2:12">
      <c r="B5400" s="358" t="s">
        <v>10256</v>
      </c>
      <c r="C5400" s="358" t="s">
        <v>16997</v>
      </c>
      <c r="D5400" s="358" t="s">
        <v>133</v>
      </c>
      <c r="E5400" s="358" t="s">
        <v>134</v>
      </c>
      <c r="F5400" s="358" t="s">
        <v>14376</v>
      </c>
      <c r="G5400" s="358" t="s">
        <v>14669</v>
      </c>
      <c r="H5400" s="358" t="s">
        <v>14381</v>
      </c>
      <c r="I5400" s="358" t="s">
        <v>14669</v>
      </c>
      <c r="J5400" s="358"/>
      <c r="K5400" s="358" t="s">
        <v>14929</v>
      </c>
      <c r="L5400" s="358" t="s">
        <v>27406</v>
      </c>
    </row>
    <row r="5401" spans="2:12">
      <c r="B5401" s="359"/>
      <c r="C5401" s="359"/>
      <c r="D5401" s="359"/>
      <c r="E5401" s="359"/>
      <c r="F5401" s="360"/>
      <c r="G5401" s="360"/>
      <c r="H5401" s="360"/>
      <c r="I5401" s="360"/>
      <c r="J5401" s="359"/>
      <c r="K5401" s="360"/>
      <c r="L5401" s="359"/>
    </row>
    <row r="5402" spans="2:12" ht="85.5">
      <c r="B5402" s="359"/>
      <c r="C5402" s="359"/>
      <c r="D5402" s="359"/>
      <c r="E5402" s="359"/>
      <c r="F5402" s="359" t="s">
        <v>14426</v>
      </c>
      <c r="G5402" s="359" t="s">
        <v>14427</v>
      </c>
      <c r="H5402" s="359" t="s">
        <v>14367</v>
      </c>
      <c r="I5402" s="359" t="s">
        <v>14427</v>
      </c>
      <c r="J5402" s="359"/>
      <c r="K5402" s="359" t="s">
        <v>28810</v>
      </c>
      <c r="L5402" s="359"/>
    </row>
    <row r="5403" spans="2:12">
      <c r="B5403" s="359"/>
      <c r="C5403" s="359"/>
      <c r="D5403" s="359"/>
      <c r="E5403" s="359"/>
      <c r="F5403" s="360"/>
      <c r="G5403" s="360"/>
      <c r="H5403" s="360"/>
      <c r="I5403" s="360"/>
      <c r="J5403" s="359"/>
      <c r="K5403" s="360"/>
      <c r="L5403" s="359"/>
    </row>
    <row r="5404" spans="2:12">
      <c r="B5404" s="359"/>
      <c r="C5404" s="359"/>
      <c r="D5404" s="359"/>
      <c r="E5404" s="359"/>
      <c r="F5404" s="359" t="s">
        <v>14507</v>
      </c>
      <c r="G5404" s="359" t="s">
        <v>14508</v>
      </c>
      <c r="H5404" s="359" t="s">
        <v>14332</v>
      </c>
      <c r="I5404" s="359" t="s">
        <v>14508</v>
      </c>
      <c r="J5404" s="359"/>
      <c r="K5404" s="360"/>
      <c r="L5404" s="359"/>
    </row>
    <row r="5405" spans="2:12">
      <c r="B5405" s="359"/>
      <c r="C5405" s="359"/>
      <c r="D5405" s="359"/>
      <c r="E5405" s="359"/>
      <c r="F5405" s="360"/>
      <c r="G5405" s="360"/>
      <c r="H5405" s="360"/>
      <c r="I5405" s="360"/>
      <c r="J5405" s="359"/>
      <c r="K5405" s="360"/>
      <c r="L5405" s="359"/>
    </row>
    <row r="5406" spans="2:12" ht="28.5">
      <c r="B5406" s="359"/>
      <c r="C5406" s="359"/>
      <c r="D5406" s="359"/>
      <c r="E5406" s="359"/>
      <c r="F5406" s="359" t="s">
        <v>14384</v>
      </c>
      <c r="G5406" s="359" t="s">
        <v>14385</v>
      </c>
      <c r="H5406" s="360"/>
      <c r="I5406" s="359" t="s">
        <v>28674</v>
      </c>
      <c r="J5406" s="359"/>
      <c r="K5406" s="360"/>
      <c r="L5406" s="359"/>
    </row>
    <row r="5407" spans="2:12">
      <c r="B5407" s="359"/>
      <c r="C5407" s="359"/>
      <c r="D5407" s="359"/>
      <c r="E5407" s="359"/>
      <c r="F5407" s="360"/>
      <c r="G5407" s="360"/>
      <c r="H5407" s="360"/>
      <c r="I5407" s="360"/>
      <c r="J5407" s="359"/>
      <c r="K5407" s="360"/>
      <c r="L5407" s="359"/>
    </row>
    <row r="5408" spans="2:12">
      <c r="B5408" s="359"/>
      <c r="C5408" s="359"/>
      <c r="D5408" s="359"/>
      <c r="E5408" s="359"/>
      <c r="F5408" s="359" t="s">
        <v>14420</v>
      </c>
      <c r="G5408" s="359" t="s">
        <v>14429</v>
      </c>
      <c r="H5408" s="360"/>
      <c r="I5408" s="359" t="s">
        <v>14463</v>
      </c>
      <c r="J5408" s="359"/>
      <c r="K5408" s="360"/>
      <c r="L5408" s="359"/>
    </row>
    <row r="5409" spans="2:12">
      <c r="B5409" s="359"/>
      <c r="C5409" s="359"/>
      <c r="D5409" s="359"/>
      <c r="E5409" s="359"/>
      <c r="F5409" s="360"/>
      <c r="G5409" s="360"/>
      <c r="H5409" s="360"/>
      <c r="I5409" s="360"/>
      <c r="J5409" s="359"/>
      <c r="K5409" s="360"/>
      <c r="L5409" s="359"/>
    </row>
    <row r="5410" spans="2:12" ht="28.5">
      <c r="B5410" s="361"/>
      <c r="C5410" s="361"/>
      <c r="D5410" s="361"/>
      <c r="E5410" s="361"/>
      <c r="F5410" s="361" t="s">
        <v>14462</v>
      </c>
      <c r="G5410" s="361" t="s">
        <v>14463</v>
      </c>
      <c r="H5410" s="362"/>
      <c r="I5410" s="362"/>
      <c r="J5410" s="361"/>
      <c r="K5410" s="362"/>
      <c r="L5410" s="361"/>
    </row>
    <row r="5411" spans="2:12">
      <c r="B5411" s="358" t="s">
        <v>10258</v>
      </c>
      <c r="C5411" s="358" t="s">
        <v>16998</v>
      </c>
      <c r="D5411" s="358" t="s">
        <v>161</v>
      </c>
      <c r="E5411" s="358" t="s">
        <v>162</v>
      </c>
      <c r="F5411" s="358" t="s">
        <v>14361</v>
      </c>
      <c r="G5411" s="358" t="s">
        <v>14362</v>
      </c>
      <c r="H5411" s="358" t="s">
        <v>14328</v>
      </c>
      <c r="I5411" s="358" t="s">
        <v>14362</v>
      </c>
      <c r="J5411" s="358"/>
      <c r="K5411" s="358"/>
      <c r="L5411" s="358"/>
    </row>
    <row r="5412" spans="2:12">
      <c r="B5412" s="359"/>
      <c r="C5412" s="359"/>
      <c r="D5412" s="359"/>
      <c r="E5412" s="359"/>
      <c r="F5412" s="360"/>
      <c r="G5412" s="360"/>
      <c r="H5412" s="360"/>
      <c r="I5412" s="360"/>
      <c r="J5412" s="359"/>
      <c r="K5412" s="359"/>
      <c r="L5412" s="359"/>
    </row>
    <row r="5413" spans="2:12">
      <c r="B5413" s="359"/>
      <c r="C5413" s="359"/>
      <c r="D5413" s="359"/>
      <c r="E5413" s="359"/>
      <c r="F5413" s="359" t="s">
        <v>14376</v>
      </c>
      <c r="G5413" s="359" t="s">
        <v>14669</v>
      </c>
      <c r="H5413" s="359" t="s">
        <v>14378</v>
      </c>
      <c r="I5413" s="359" t="s">
        <v>14669</v>
      </c>
      <c r="J5413" s="359"/>
      <c r="K5413" s="359"/>
      <c r="L5413" s="359"/>
    </row>
    <row r="5414" spans="2:12">
      <c r="B5414" s="359"/>
      <c r="C5414" s="359"/>
      <c r="D5414" s="359"/>
      <c r="E5414" s="359"/>
      <c r="F5414" s="360"/>
      <c r="G5414" s="360"/>
      <c r="H5414" s="360"/>
      <c r="I5414" s="360"/>
      <c r="J5414" s="359"/>
      <c r="K5414" s="359"/>
      <c r="L5414" s="359"/>
    </row>
    <row r="5415" spans="2:12">
      <c r="B5415" s="359"/>
      <c r="C5415" s="359"/>
      <c r="D5415" s="359"/>
      <c r="E5415" s="359"/>
      <c r="F5415" s="359" t="s">
        <v>14426</v>
      </c>
      <c r="G5415" s="359" t="s">
        <v>14427</v>
      </c>
      <c r="H5415" s="359" t="s">
        <v>14381</v>
      </c>
      <c r="I5415" s="359" t="s">
        <v>14427</v>
      </c>
      <c r="J5415" s="359"/>
      <c r="K5415" s="359"/>
      <c r="L5415" s="359"/>
    </row>
    <row r="5416" spans="2:12">
      <c r="B5416" s="359"/>
      <c r="C5416" s="359"/>
      <c r="D5416" s="359"/>
      <c r="E5416" s="359"/>
      <c r="F5416" s="360"/>
      <c r="G5416" s="360"/>
      <c r="H5416" s="360"/>
      <c r="I5416" s="360"/>
      <c r="J5416" s="359"/>
      <c r="K5416" s="359"/>
      <c r="L5416" s="359"/>
    </row>
    <row r="5417" spans="2:12">
      <c r="B5417" s="359"/>
      <c r="C5417" s="359"/>
      <c r="D5417" s="359"/>
      <c r="E5417" s="359"/>
      <c r="F5417" s="359" t="s">
        <v>14507</v>
      </c>
      <c r="G5417" s="359" t="s">
        <v>14508</v>
      </c>
      <c r="H5417" s="359" t="s">
        <v>14370</v>
      </c>
      <c r="I5417" s="359" t="s">
        <v>14508</v>
      </c>
      <c r="J5417" s="359"/>
      <c r="K5417" s="359"/>
      <c r="L5417" s="359"/>
    </row>
    <row r="5418" spans="2:12">
      <c r="B5418" s="359"/>
      <c r="C5418" s="359"/>
      <c r="D5418" s="359"/>
      <c r="E5418" s="359"/>
      <c r="F5418" s="360"/>
      <c r="G5418" s="360"/>
      <c r="H5418" s="360"/>
      <c r="I5418" s="360"/>
      <c r="J5418" s="359"/>
      <c r="K5418" s="359"/>
      <c r="L5418" s="359"/>
    </row>
    <row r="5419" spans="2:12">
      <c r="B5419" s="359"/>
      <c r="C5419" s="359"/>
      <c r="D5419" s="359"/>
      <c r="E5419" s="359"/>
      <c r="F5419" s="359" t="s">
        <v>14379</v>
      </c>
      <c r="G5419" s="359" t="s">
        <v>14380</v>
      </c>
      <c r="H5419" s="359" t="s">
        <v>14332</v>
      </c>
      <c r="I5419" s="359" t="s">
        <v>14380</v>
      </c>
      <c r="J5419" s="359"/>
      <c r="K5419" s="359"/>
      <c r="L5419" s="359"/>
    </row>
    <row r="5420" spans="2:12">
      <c r="B5420" s="359"/>
      <c r="C5420" s="359"/>
      <c r="D5420" s="359"/>
      <c r="E5420" s="359"/>
      <c r="F5420" s="360"/>
      <c r="G5420" s="360"/>
      <c r="H5420" s="360"/>
      <c r="I5420" s="360"/>
      <c r="J5420" s="359"/>
      <c r="K5420" s="359"/>
      <c r="L5420" s="359"/>
    </row>
    <row r="5421" spans="2:12" ht="28.5">
      <c r="B5421" s="359"/>
      <c r="C5421" s="359"/>
      <c r="D5421" s="359"/>
      <c r="E5421" s="359"/>
      <c r="F5421" s="359" t="s">
        <v>14384</v>
      </c>
      <c r="G5421" s="359" t="s">
        <v>14385</v>
      </c>
      <c r="H5421" s="360"/>
      <c r="I5421" s="359" t="s">
        <v>28800</v>
      </c>
      <c r="J5421" s="359"/>
      <c r="K5421" s="359"/>
      <c r="L5421" s="359"/>
    </row>
    <row r="5422" spans="2:12">
      <c r="B5422" s="359"/>
      <c r="C5422" s="359"/>
      <c r="D5422" s="359"/>
      <c r="E5422" s="359"/>
      <c r="F5422" s="360"/>
      <c r="G5422" s="360"/>
      <c r="H5422" s="360"/>
      <c r="I5422" s="360"/>
      <c r="J5422" s="359"/>
      <c r="K5422" s="359"/>
      <c r="L5422" s="359"/>
    </row>
    <row r="5423" spans="2:12">
      <c r="B5423" s="359"/>
      <c r="C5423" s="359"/>
      <c r="D5423" s="359"/>
      <c r="E5423" s="359"/>
      <c r="F5423" s="359" t="s">
        <v>14371</v>
      </c>
      <c r="G5423" s="359" t="s">
        <v>14372</v>
      </c>
      <c r="H5423" s="360"/>
      <c r="I5423" s="360"/>
      <c r="J5423" s="359"/>
      <c r="K5423" s="359"/>
      <c r="L5423" s="359"/>
    </row>
    <row r="5424" spans="2:12">
      <c r="B5424" s="359"/>
      <c r="C5424" s="359"/>
      <c r="D5424" s="359"/>
      <c r="E5424" s="359"/>
      <c r="F5424" s="360"/>
      <c r="G5424" s="360"/>
      <c r="H5424" s="360"/>
      <c r="I5424" s="360"/>
      <c r="J5424" s="359"/>
      <c r="K5424" s="359"/>
      <c r="L5424" s="359"/>
    </row>
    <row r="5425" spans="2:12" ht="28.5">
      <c r="B5425" s="361"/>
      <c r="C5425" s="361"/>
      <c r="D5425" s="361"/>
      <c r="E5425" s="361"/>
      <c r="F5425" s="361" t="s">
        <v>14374</v>
      </c>
      <c r="G5425" s="361" t="s">
        <v>14373</v>
      </c>
      <c r="H5425" s="362"/>
      <c r="I5425" s="362"/>
      <c r="J5425" s="361"/>
      <c r="K5425" s="361"/>
      <c r="L5425" s="361"/>
    </row>
    <row r="5426" spans="2:12">
      <c r="B5426" s="354" t="s">
        <v>8444</v>
      </c>
      <c r="C5426" s="355"/>
      <c r="D5426" s="355"/>
      <c r="E5426" s="355"/>
      <c r="F5426" s="355"/>
      <c r="G5426" s="355"/>
      <c r="H5426" s="355"/>
      <c r="I5426" s="355"/>
      <c r="J5426" s="355"/>
      <c r="K5426" s="355"/>
      <c r="L5426" s="363"/>
    </row>
    <row r="5427" spans="2:12">
      <c r="B5427" s="358" t="s">
        <v>13925</v>
      </c>
      <c r="C5427" s="358" t="s">
        <v>16999</v>
      </c>
      <c r="D5427" s="358" t="s">
        <v>13815</v>
      </c>
      <c r="E5427" s="358" t="s">
        <v>2057</v>
      </c>
      <c r="F5427" s="358" t="s">
        <v>14376</v>
      </c>
      <c r="G5427" s="358" t="s">
        <v>14669</v>
      </c>
      <c r="H5427" s="358" t="s">
        <v>14381</v>
      </c>
      <c r="I5427" s="358" t="s">
        <v>14669</v>
      </c>
      <c r="J5427" s="358"/>
      <c r="K5427" s="358"/>
      <c r="L5427" s="358" t="s">
        <v>16902</v>
      </c>
    </row>
    <row r="5428" spans="2:12">
      <c r="B5428" s="359"/>
      <c r="C5428" s="359"/>
      <c r="D5428" s="359"/>
      <c r="E5428" s="359"/>
      <c r="F5428" s="360"/>
      <c r="G5428" s="360"/>
      <c r="H5428" s="360"/>
      <c r="I5428" s="360"/>
      <c r="J5428" s="359"/>
      <c r="K5428" s="359"/>
      <c r="L5428" s="359"/>
    </row>
    <row r="5429" spans="2:12">
      <c r="B5429" s="359"/>
      <c r="C5429" s="359"/>
      <c r="D5429" s="359"/>
      <c r="E5429" s="359"/>
      <c r="F5429" s="359" t="s">
        <v>14889</v>
      </c>
      <c r="G5429" s="359" t="s">
        <v>14890</v>
      </c>
      <c r="H5429" s="359" t="s">
        <v>14367</v>
      </c>
      <c r="I5429" s="359" t="s">
        <v>14890</v>
      </c>
      <c r="J5429" s="359"/>
      <c r="K5429" s="359"/>
      <c r="L5429" s="359"/>
    </row>
    <row r="5430" spans="2:12">
      <c r="B5430" s="359"/>
      <c r="C5430" s="359"/>
      <c r="D5430" s="359"/>
      <c r="E5430" s="359"/>
      <c r="F5430" s="360"/>
      <c r="G5430" s="360"/>
      <c r="H5430" s="360"/>
      <c r="I5430" s="360"/>
      <c r="J5430" s="359"/>
      <c r="K5430" s="359"/>
      <c r="L5430" s="359"/>
    </row>
    <row r="5431" spans="2:12">
      <c r="B5431" s="359"/>
      <c r="C5431" s="359"/>
      <c r="D5431" s="359"/>
      <c r="E5431" s="359"/>
      <c r="F5431" s="359" t="s">
        <v>14420</v>
      </c>
      <c r="G5431" s="359" t="s">
        <v>14459</v>
      </c>
      <c r="H5431" s="359" t="s">
        <v>14370</v>
      </c>
      <c r="I5431" s="359" t="s">
        <v>14459</v>
      </c>
      <c r="J5431" s="359"/>
      <c r="K5431" s="359"/>
      <c r="L5431" s="359"/>
    </row>
    <row r="5432" spans="2:12">
      <c r="B5432" s="359"/>
      <c r="C5432" s="359"/>
      <c r="D5432" s="359"/>
      <c r="E5432" s="359"/>
      <c r="F5432" s="360"/>
      <c r="G5432" s="360"/>
      <c r="H5432" s="360"/>
      <c r="I5432" s="360"/>
      <c r="J5432" s="359"/>
      <c r="K5432" s="359"/>
      <c r="L5432" s="359"/>
    </row>
    <row r="5433" spans="2:12">
      <c r="B5433" s="359"/>
      <c r="C5433" s="359"/>
      <c r="D5433" s="359"/>
      <c r="E5433" s="359"/>
      <c r="F5433" s="359" t="s">
        <v>14420</v>
      </c>
      <c r="G5433" s="359" t="s">
        <v>14421</v>
      </c>
      <c r="H5433" s="359" t="s">
        <v>14332</v>
      </c>
      <c r="I5433" s="359" t="s">
        <v>14421</v>
      </c>
      <c r="J5433" s="359"/>
      <c r="K5433" s="359"/>
      <c r="L5433" s="359"/>
    </row>
    <row r="5434" spans="2:12">
      <c r="B5434" s="359"/>
      <c r="C5434" s="359"/>
      <c r="D5434" s="359"/>
      <c r="E5434" s="359"/>
      <c r="F5434" s="360"/>
      <c r="G5434" s="360"/>
      <c r="H5434" s="360"/>
      <c r="I5434" s="360"/>
      <c r="J5434" s="359"/>
      <c r="K5434" s="359"/>
      <c r="L5434" s="359"/>
    </row>
    <row r="5435" spans="2:12">
      <c r="B5435" s="359"/>
      <c r="C5435" s="359"/>
      <c r="D5435" s="359"/>
      <c r="E5435" s="359"/>
      <c r="F5435" s="359" t="s">
        <v>14420</v>
      </c>
      <c r="G5435" s="359" t="s">
        <v>14429</v>
      </c>
      <c r="H5435" s="360"/>
      <c r="I5435" s="359" t="s">
        <v>14429</v>
      </c>
      <c r="J5435" s="359"/>
      <c r="K5435" s="359"/>
      <c r="L5435" s="359"/>
    </row>
    <row r="5436" spans="2:12">
      <c r="B5436" s="359"/>
      <c r="C5436" s="359"/>
      <c r="D5436" s="359"/>
      <c r="E5436" s="359"/>
      <c r="F5436" s="360"/>
      <c r="G5436" s="360"/>
      <c r="H5436" s="360"/>
      <c r="I5436" s="360"/>
      <c r="J5436" s="359"/>
      <c r="K5436" s="359"/>
      <c r="L5436" s="359"/>
    </row>
    <row r="5437" spans="2:12" ht="42.75">
      <c r="B5437" s="359"/>
      <c r="C5437" s="359"/>
      <c r="D5437" s="359"/>
      <c r="E5437" s="359"/>
      <c r="F5437" s="359" t="s">
        <v>14384</v>
      </c>
      <c r="G5437" s="359" t="s">
        <v>17000</v>
      </c>
      <c r="H5437" s="360"/>
      <c r="I5437" s="359" t="s">
        <v>17000</v>
      </c>
      <c r="J5437" s="359"/>
      <c r="K5437" s="359"/>
      <c r="L5437" s="359"/>
    </row>
    <row r="5438" spans="2:12">
      <c r="B5438" s="359"/>
      <c r="C5438" s="359"/>
      <c r="D5438" s="359"/>
      <c r="E5438" s="359"/>
      <c r="F5438" s="360"/>
      <c r="G5438" s="360"/>
      <c r="H5438" s="360"/>
      <c r="I5438" s="360"/>
      <c r="J5438" s="359"/>
      <c r="K5438" s="359"/>
      <c r="L5438" s="359"/>
    </row>
    <row r="5439" spans="2:12">
      <c r="B5439" s="359"/>
      <c r="C5439" s="359"/>
      <c r="D5439" s="359"/>
      <c r="E5439" s="359"/>
      <c r="F5439" s="359" t="s">
        <v>14371</v>
      </c>
      <c r="G5439" s="359" t="s">
        <v>14372</v>
      </c>
      <c r="H5439" s="360"/>
      <c r="I5439" s="359" t="s">
        <v>14373</v>
      </c>
      <c r="J5439" s="359"/>
      <c r="K5439" s="359"/>
      <c r="L5439" s="359"/>
    </row>
    <row r="5440" spans="2:12">
      <c r="B5440" s="359"/>
      <c r="C5440" s="359"/>
      <c r="D5440" s="359"/>
      <c r="E5440" s="359"/>
      <c r="F5440" s="360"/>
      <c r="G5440" s="360"/>
      <c r="H5440" s="360"/>
      <c r="I5440" s="360"/>
      <c r="J5440" s="359"/>
      <c r="K5440" s="359"/>
      <c r="L5440" s="359"/>
    </row>
    <row r="5441" spans="2:12" ht="28.5">
      <c r="B5441" s="361"/>
      <c r="C5441" s="361"/>
      <c r="D5441" s="361"/>
      <c r="E5441" s="361"/>
      <c r="F5441" s="361" t="s">
        <v>14374</v>
      </c>
      <c r="G5441" s="361" t="s">
        <v>14373</v>
      </c>
      <c r="H5441" s="362"/>
      <c r="I5441" s="362"/>
      <c r="J5441" s="361"/>
      <c r="K5441" s="361"/>
      <c r="L5441" s="361"/>
    </row>
    <row r="5442" spans="2:12">
      <c r="B5442" s="358" t="s">
        <v>13926</v>
      </c>
      <c r="C5442" s="358" t="s">
        <v>17001</v>
      </c>
      <c r="D5442" s="358" t="s">
        <v>13816</v>
      </c>
      <c r="E5442" s="358" t="s">
        <v>2083</v>
      </c>
      <c r="F5442" s="358" t="s">
        <v>14376</v>
      </c>
      <c r="G5442" s="358" t="s">
        <v>14669</v>
      </c>
      <c r="H5442" s="358" t="s">
        <v>14381</v>
      </c>
      <c r="I5442" s="358" t="s">
        <v>14669</v>
      </c>
      <c r="J5442" s="358"/>
      <c r="K5442" s="358"/>
      <c r="L5442" s="358" t="s">
        <v>16902</v>
      </c>
    </row>
    <row r="5443" spans="2:12">
      <c r="B5443" s="359"/>
      <c r="C5443" s="359"/>
      <c r="D5443" s="359"/>
      <c r="E5443" s="359"/>
      <c r="F5443" s="360"/>
      <c r="G5443" s="360"/>
      <c r="H5443" s="360"/>
      <c r="I5443" s="360"/>
      <c r="J5443" s="359"/>
      <c r="K5443" s="359"/>
      <c r="L5443" s="359"/>
    </row>
    <row r="5444" spans="2:12">
      <c r="B5444" s="359"/>
      <c r="C5444" s="359"/>
      <c r="D5444" s="359"/>
      <c r="E5444" s="359"/>
      <c r="F5444" s="359" t="s">
        <v>14889</v>
      </c>
      <c r="G5444" s="359" t="s">
        <v>14890</v>
      </c>
      <c r="H5444" s="359" t="s">
        <v>14367</v>
      </c>
      <c r="I5444" s="359" t="s">
        <v>14890</v>
      </c>
      <c r="J5444" s="359"/>
      <c r="K5444" s="359"/>
      <c r="L5444" s="359"/>
    </row>
    <row r="5445" spans="2:12">
      <c r="B5445" s="359"/>
      <c r="C5445" s="359"/>
      <c r="D5445" s="359"/>
      <c r="E5445" s="359"/>
      <c r="F5445" s="360"/>
      <c r="G5445" s="360"/>
      <c r="H5445" s="360"/>
      <c r="I5445" s="360"/>
      <c r="J5445" s="359"/>
      <c r="K5445" s="359"/>
      <c r="L5445" s="359"/>
    </row>
    <row r="5446" spans="2:12">
      <c r="B5446" s="359"/>
      <c r="C5446" s="359"/>
      <c r="D5446" s="359"/>
      <c r="E5446" s="359"/>
      <c r="F5446" s="359" t="s">
        <v>14420</v>
      </c>
      <c r="G5446" s="359" t="s">
        <v>14459</v>
      </c>
      <c r="H5446" s="359" t="s">
        <v>14370</v>
      </c>
      <c r="I5446" s="359" t="s">
        <v>14459</v>
      </c>
      <c r="J5446" s="359"/>
      <c r="K5446" s="359"/>
      <c r="L5446" s="359"/>
    </row>
    <row r="5447" spans="2:12">
      <c r="B5447" s="359"/>
      <c r="C5447" s="359"/>
      <c r="D5447" s="359"/>
      <c r="E5447" s="359"/>
      <c r="F5447" s="360"/>
      <c r="G5447" s="360"/>
      <c r="H5447" s="360"/>
      <c r="I5447" s="360"/>
      <c r="J5447" s="359"/>
      <c r="K5447" s="359"/>
      <c r="L5447" s="359"/>
    </row>
    <row r="5448" spans="2:12">
      <c r="B5448" s="359"/>
      <c r="C5448" s="359"/>
      <c r="D5448" s="359"/>
      <c r="E5448" s="359"/>
      <c r="F5448" s="359" t="s">
        <v>14420</v>
      </c>
      <c r="G5448" s="359" t="s">
        <v>14421</v>
      </c>
      <c r="H5448" s="359" t="s">
        <v>14332</v>
      </c>
      <c r="I5448" s="359" t="s">
        <v>14421</v>
      </c>
      <c r="J5448" s="359"/>
      <c r="K5448" s="359"/>
      <c r="L5448" s="359"/>
    </row>
    <row r="5449" spans="2:12">
      <c r="B5449" s="359"/>
      <c r="C5449" s="359"/>
      <c r="D5449" s="359"/>
      <c r="E5449" s="359"/>
      <c r="F5449" s="360"/>
      <c r="G5449" s="360"/>
      <c r="H5449" s="360"/>
      <c r="I5449" s="360"/>
      <c r="J5449" s="359"/>
      <c r="K5449" s="359"/>
      <c r="L5449" s="359"/>
    </row>
    <row r="5450" spans="2:12">
      <c r="B5450" s="359"/>
      <c r="C5450" s="359"/>
      <c r="D5450" s="359"/>
      <c r="E5450" s="359"/>
      <c r="F5450" s="359" t="s">
        <v>14420</v>
      </c>
      <c r="G5450" s="359" t="s">
        <v>14429</v>
      </c>
      <c r="H5450" s="360"/>
      <c r="I5450" s="359" t="s">
        <v>14429</v>
      </c>
      <c r="J5450" s="359"/>
      <c r="K5450" s="359"/>
      <c r="L5450" s="359"/>
    </row>
    <row r="5451" spans="2:12">
      <c r="B5451" s="359"/>
      <c r="C5451" s="359"/>
      <c r="D5451" s="359"/>
      <c r="E5451" s="359"/>
      <c r="F5451" s="360"/>
      <c r="G5451" s="360"/>
      <c r="H5451" s="360"/>
      <c r="I5451" s="360"/>
      <c r="J5451" s="359"/>
      <c r="K5451" s="359"/>
      <c r="L5451" s="359"/>
    </row>
    <row r="5452" spans="2:12" ht="42.75">
      <c r="B5452" s="359"/>
      <c r="C5452" s="359"/>
      <c r="D5452" s="359"/>
      <c r="E5452" s="359"/>
      <c r="F5452" s="359" t="s">
        <v>14384</v>
      </c>
      <c r="G5452" s="359" t="s">
        <v>17000</v>
      </c>
      <c r="H5452" s="360"/>
      <c r="I5452" s="359" t="s">
        <v>17000</v>
      </c>
      <c r="J5452" s="359"/>
      <c r="K5452" s="359"/>
      <c r="L5452" s="359"/>
    </row>
    <row r="5453" spans="2:12">
      <c r="B5453" s="359"/>
      <c r="C5453" s="359"/>
      <c r="D5453" s="359"/>
      <c r="E5453" s="359"/>
      <c r="F5453" s="360"/>
      <c r="G5453" s="360"/>
      <c r="H5453" s="360"/>
      <c r="I5453" s="360"/>
      <c r="J5453" s="359"/>
      <c r="K5453" s="359"/>
      <c r="L5453" s="359"/>
    </row>
    <row r="5454" spans="2:12">
      <c r="B5454" s="359"/>
      <c r="C5454" s="359"/>
      <c r="D5454" s="359"/>
      <c r="E5454" s="359"/>
      <c r="F5454" s="359" t="s">
        <v>14371</v>
      </c>
      <c r="G5454" s="359" t="s">
        <v>14372</v>
      </c>
      <c r="H5454" s="360"/>
      <c r="I5454" s="359" t="s">
        <v>14373</v>
      </c>
      <c r="J5454" s="359"/>
      <c r="K5454" s="359"/>
      <c r="L5454" s="359"/>
    </row>
    <row r="5455" spans="2:12">
      <c r="B5455" s="359"/>
      <c r="C5455" s="359"/>
      <c r="D5455" s="359"/>
      <c r="E5455" s="359"/>
      <c r="F5455" s="360"/>
      <c r="G5455" s="360"/>
      <c r="H5455" s="360"/>
      <c r="I5455" s="360"/>
      <c r="J5455" s="359"/>
      <c r="K5455" s="359"/>
      <c r="L5455" s="359"/>
    </row>
    <row r="5456" spans="2:12" ht="28.5">
      <c r="B5456" s="361"/>
      <c r="C5456" s="361"/>
      <c r="D5456" s="361"/>
      <c r="E5456" s="361"/>
      <c r="F5456" s="361" t="s">
        <v>14374</v>
      </c>
      <c r="G5456" s="361" t="s">
        <v>14373</v>
      </c>
      <c r="H5456" s="362"/>
      <c r="I5456" s="362"/>
      <c r="J5456" s="361"/>
      <c r="K5456" s="361"/>
      <c r="L5456" s="361"/>
    </row>
    <row r="5457" spans="2:12" ht="28.5">
      <c r="B5457" s="358" t="s">
        <v>13927</v>
      </c>
      <c r="C5457" s="358" t="s">
        <v>17002</v>
      </c>
      <c r="D5457" s="358" t="s">
        <v>13818</v>
      </c>
      <c r="E5457" s="358" t="s">
        <v>2101</v>
      </c>
      <c r="F5457" s="358" t="s">
        <v>14376</v>
      </c>
      <c r="G5457" s="358" t="s">
        <v>14669</v>
      </c>
      <c r="H5457" s="358" t="s">
        <v>14381</v>
      </c>
      <c r="I5457" s="358" t="s">
        <v>14669</v>
      </c>
      <c r="J5457" s="358"/>
      <c r="K5457" s="358" t="s">
        <v>17003</v>
      </c>
      <c r="L5457" s="358" t="s">
        <v>16902</v>
      </c>
    </row>
    <row r="5458" spans="2:12">
      <c r="B5458" s="359"/>
      <c r="C5458" s="360"/>
      <c r="D5458" s="359"/>
      <c r="E5458" s="359"/>
      <c r="F5458" s="360"/>
      <c r="G5458" s="360"/>
      <c r="H5458" s="360"/>
      <c r="I5458" s="360"/>
      <c r="J5458" s="359"/>
      <c r="K5458" s="360"/>
      <c r="L5458" s="359"/>
    </row>
    <row r="5459" spans="2:12">
      <c r="B5459" s="359"/>
      <c r="C5459" s="359" t="s">
        <v>17004</v>
      </c>
      <c r="D5459" s="359"/>
      <c r="E5459" s="359"/>
      <c r="F5459" s="359" t="s">
        <v>14889</v>
      </c>
      <c r="G5459" s="359" t="s">
        <v>14890</v>
      </c>
      <c r="H5459" s="359" t="s">
        <v>14367</v>
      </c>
      <c r="I5459" s="359" t="s">
        <v>14890</v>
      </c>
      <c r="J5459" s="359"/>
      <c r="K5459" s="359" t="s">
        <v>28811</v>
      </c>
      <c r="L5459" s="359"/>
    </row>
    <row r="5460" spans="2:12">
      <c r="B5460" s="359"/>
      <c r="C5460" s="360"/>
      <c r="D5460" s="359"/>
      <c r="E5460" s="359"/>
      <c r="F5460" s="360"/>
      <c r="G5460" s="360"/>
      <c r="H5460" s="360"/>
      <c r="I5460" s="360"/>
      <c r="J5460" s="359"/>
      <c r="K5460" s="360"/>
      <c r="L5460" s="359"/>
    </row>
    <row r="5461" spans="2:12">
      <c r="B5461" s="359"/>
      <c r="C5461" s="360"/>
      <c r="D5461" s="359"/>
      <c r="E5461" s="359"/>
      <c r="F5461" s="359" t="s">
        <v>14420</v>
      </c>
      <c r="G5461" s="359" t="s">
        <v>14459</v>
      </c>
      <c r="H5461" s="359" t="s">
        <v>14370</v>
      </c>
      <c r="I5461" s="359" t="s">
        <v>14459</v>
      </c>
      <c r="J5461" s="359"/>
      <c r="K5461" s="360"/>
      <c r="L5461" s="359"/>
    </row>
    <row r="5462" spans="2:12">
      <c r="B5462" s="359"/>
      <c r="C5462" s="360"/>
      <c r="D5462" s="359"/>
      <c r="E5462" s="359"/>
      <c r="F5462" s="360"/>
      <c r="G5462" s="360"/>
      <c r="H5462" s="360"/>
      <c r="I5462" s="360"/>
      <c r="J5462" s="359"/>
      <c r="K5462" s="360"/>
      <c r="L5462" s="359"/>
    </row>
    <row r="5463" spans="2:12">
      <c r="B5463" s="359"/>
      <c r="C5463" s="360"/>
      <c r="D5463" s="359"/>
      <c r="E5463" s="359"/>
      <c r="F5463" s="359" t="s">
        <v>14420</v>
      </c>
      <c r="G5463" s="359" t="s">
        <v>14421</v>
      </c>
      <c r="H5463" s="359" t="s">
        <v>14332</v>
      </c>
      <c r="I5463" s="359" t="s">
        <v>14421</v>
      </c>
      <c r="J5463" s="359"/>
      <c r="K5463" s="360"/>
      <c r="L5463" s="359"/>
    </row>
    <row r="5464" spans="2:12">
      <c r="B5464" s="359"/>
      <c r="C5464" s="360"/>
      <c r="D5464" s="359"/>
      <c r="E5464" s="359"/>
      <c r="F5464" s="360"/>
      <c r="G5464" s="360"/>
      <c r="H5464" s="360"/>
      <c r="I5464" s="360"/>
      <c r="J5464" s="359"/>
      <c r="K5464" s="360"/>
      <c r="L5464" s="359"/>
    </row>
    <row r="5465" spans="2:12">
      <c r="B5465" s="359"/>
      <c r="C5465" s="360"/>
      <c r="D5465" s="359"/>
      <c r="E5465" s="359"/>
      <c r="F5465" s="359" t="s">
        <v>14420</v>
      </c>
      <c r="G5465" s="359" t="s">
        <v>14429</v>
      </c>
      <c r="H5465" s="360"/>
      <c r="I5465" s="359" t="s">
        <v>14429</v>
      </c>
      <c r="J5465" s="359"/>
      <c r="K5465" s="360"/>
      <c r="L5465" s="359"/>
    </row>
    <row r="5466" spans="2:12">
      <c r="B5466" s="359"/>
      <c r="C5466" s="360"/>
      <c r="D5466" s="359"/>
      <c r="E5466" s="359"/>
      <c r="F5466" s="360"/>
      <c r="G5466" s="360"/>
      <c r="H5466" s="360"/>
      <c r="I5466" s="360"/>
      <c r="J5466" s="359"/>
      <c r="K5466" s="360"/>
      <c r="L5466" s="359"/>
    </row>
    <row r="5467" spans="2:12" ht="42.75">
      <c r="B5467" s="359"/>
      <c r="C5467" s="360"/>
      <c r="D5467" s="359"/>
      <c r="E5467" s="359"/>
      <c r="F5467" s="359" t="s">
        <v>14384</v>
      </c>
      <c r="G5467" s="359" t="s">
        <v>17000</v>
      </c>
      <c r="H5467" s="360"/>
      <c r="I5467" s="359" t="s">
        <v>17000</v>
      </c>
      <c r="J5467" s="359"/>
      <c r="K5467" s="360"/>
      <c r="L5467" s="359"/>
    </row>
    <row r="5468" spans="2:12">
      <c r="B5468" s="359"/>
      <c r="C5468" s="360"/>
      <c r="D5468" s="359"/>
      <c r="E5468" s="359"/>
      <c r="F5468" s="360"/>
      <c r="G5468" s="360"/>
      <c r="H5468" s="360"/>
      <c r="I5468" s="360"/>
      <c r="J5468" s="359"/>
      <c r="K5468" s="360"/>
      <c r="L5468" s="359"/>
    </row>
    <row r="5469" spans="2:12">
      <c r="B5469" s="359"/>
      <c r="C5469" s="360"/>
      <c r="D5469" s="359"/>
      <c r="E5469" s="359"/>
      <c r="F5469" s="359" t="s">
        <v>14371</v>
      </c>
      <c r="G5469" s="359" t="s">
        <v>14372</v>
      </c>
      <c r="H5469" s="360"/>
      <c r="I5469" s="359" t="s">
        <v>14373</v>
      </c>
      <c r="J5469" s="359"/>
      <c r="K5469" s="360"/>
      <c r="L5469" s="359"/>
    </row>
    <row r="5470" spans="2:12">
      <c r="B5470" s="359"/>
      <c r="C5470" s="360"/>
      <c r="D5470" s="359"/>
      <c r="E5470" s="359"/>
      <c r="F5470" s="360"/>
      <c r="G5470" s="360"/>
      <c r="H5470" s="360"/>
      <c r="I5470" s="360"/>
      <c r="J5470" s="359"/>
      <c r="K5470" s="360"/>
      <c r="L5470" s="359"/>
    </row>
    <row r="5471" spans="2:12" ht="28.5">
      <c r="B5471" s="361"/>
      <c r="C5471" s="362"/>
      <c r="D5471" s="361"/>
      <c r="E5471" s="361"/>
      <c r="F5471" s="361" t="s">
        <v>14374</v>
      </c>
      <c r="G5471" s="361" t="s">
        <v>14373</v>
      </c>
      <c r="H5471" s="362"/>
      <c r="I5471" s="362"/>
      <c r="J5471" s="361"/>
      <c r="K5471" s="362"/>
      <c r="L5471" s="361"/>
    </row>
    <row r="5472" spans="2:12">
      <c r="B5472" s="354" t="s">
        <v>28528</v>
      </c>
      <c r="C5472" s="355"/>
      <c r="D5472" s="355"/>
      <c r="E5472" s="355"/>
      <c r="F5472" s="355"/>
      <c r="G5472" s="355"/>
      <c r="H5472" s="355"/>
      <c r="I5472" s="355"/>
      <c r="J5472" s="355"/>
      <c r="K5472" s="355"/>
      <c r="L5472" s="363"/>
    </row>
    <row r="5473" spans="2:12" ht="28.5">
      <c r="B5473" s="358" t="s">
        <v>17005</v>
      </c>
      <c r="C5473" s="358" t="s">
        <v>17006</v>
      </c>
      <c r="D5473" s="358" t="s">
        <v>17007</v>
      </c>
      <c r="E5473" s="358" t="s">
        <v>17008</v>
      </c>
      <c r="F5473" s="358" t="s">
        <v>14356</v>
      </c>
      <c r="G5473" s="358" t="s">
        <v>14340</v>
      </c>
      <c r="H5473" s="358" t="s">
        <v>14341</v>
      </c>
      <c r="I5473" s="358" t="s">
        <v>14340</v>
      </c>
      <c r="J5473" s="358"/>
      <c r="K5473" s="358" t="s">
        <v>28812</v>
      </c>
      <c r="L5473" s="358"/>
    </row>
    <row r="5474" spans="2:12">
      <c r="B5474" s="359"/>
      <c r="C5474" s="360"/>
      <c r="D5474" s="359"/>
      <c r="E5474" s="359"/>
      <c r="F5474" s="360"/>
      <c r="G5474" s="360"/>
      <c r="H5474" s="360"/>
      <c r="I5474" s="360"/>
      <c r="J5474" s="359"/>
      <c r="K5474" s="359"/>
      <c r="L5474" s="359"/>
    </row>
    <row r="5475" spans="2:12" ht="28.5">
      <c r="B5475" s="361"/>
      <c r="C5475" s="361" t="s">
        <v>17009</v>
      </c>
      <c r="D5475" s="361"/>
      <c r="E5475" s="361"/>
      <c r="F5475" s="361" t="s">
        <v>14472</v>
      </c>
      <c r="G5475" s="361" t="s">
        <v>14473</v>
      </c>
      <c r="H5475" s="361" t="s">
        <v>14332</v>
      </c>
      <c r="I5475" s="361" t="s">
        <v>14473</v>
      </c>
      <c r="J5475" s="361"/>
      <c r="K5475" s="361"/>
      <c r="L5475" s="361"/>
    </row>
    <row r="5476" spans="2:12" ht="28.5">
      <c r="B5476" s="358" t="s">
        <v>17010</v>
      </c>
      <c r="C5476" s="358" t="s">
        <v>28813</v>
      </c>
      <c r="D5476" s="358" t="s">
        <v>17011</v>
      </c>
      <c r="E5476" s="358" t="s">
        <v>17012</v>
      </c>
      <c r="F5476" s="358" t="s">
        <v>14420</v>
      </c>
      <c r="G5476" s="358" t="s">
        <v>14459</v>
      </c>
      <c r="H5476" s="358" t="s">
        <v>14367</v>
      </c>
      <c r="I5476" s="358" t="s">
        <v>14459</v>
      </c>
      <c r="J5476" s="358"/>
      <c r="K5476" s="358" t="s">
        <v>15298</v>
      </c>
      <c r="L5476" s="358"/>
    </row>
    <row r="5477" spans="2:12">
      <c r="B5477" s="359"/>
      <c r="C5477" s="359"/>
      <c r="D5477" s="359"/>
      <c r="E5477" s="359"/>
      <c r="F5477" s="360"/>
      <c r="G5477" s="360"/>
      <c r="H5477" s="360"/>
      <c r="I5477" s="360"/>
      <c r="J5477" s="359"/>
      <c r="K5477" s="359"/>
      <c r="L5477" s="359"/>
    </row>
    <row r="5478" spans="2:12">
      <c r="B5478" s="359"/>
      <c r="C5478" s="359"/>
      <c r="D5478" s="359"/>
      <c r="E5478" s="359"/>
      <c r="F5478" s="359" t="s">
        <v>14420</v>
      </c>
      <c r="G5478" s="359" t="s">
        <v>14421</v>
      </c>
      <c r="H5478" s="359" t="s">
        <v>14370</v>
      </c>
      <c r="I5478" s="359" t="s">
        <v>14421</v>
      </c>
      <c r="J5478" s="359"/>
      <c r="K5478" s="359"/>
      <c r="L5478" s="359"/>
    </row>
    <row r="5479" spans="2:12">
      <c r="B5479" s="359"/>
      <c r="C5479" s="359"/>
      <c r="D5479" s="359"/>
      <c r="E5479" s="359"/>
      <c r="F5479" s="360"/>
      <c r="G5479" s="360"/>
      <c r="H5479" s="360"/>
      <c r="I5479" s="360"/>
      <c r="J5479" s="359"/>
      <c r="K5479" s="359"/>
      <c r="L5479" s="359"/>
    </row>
    <row r="5480" spans="2:12">
      <c r="B5480" s="359"/>
      <c r="C5480" s="359"/>
      <c r="D5480" s="359"/>
      <c r="E5480" s="359"/>
      <c r="F5480" s="359" t="s">
        <v>14420</v>
      </c>
      <c r="G5480" s="359" t="s">
        <v>14429</v>
      </c>
      <c r="H5480" s="359" t="s">
        <v>14422</v>
      </c>
      <c r="I5480" s="359" t="s">
        <v>14429</v>
      </c>
      <c r="J5480" s="359"/>
      <c r="K5480" s="359"/>
      <c r="L5480" s="359"/>
    </row>
    <row r="5481" spans="2:12">
      <c r="B5481" s="359"/>
      <c r="C5481" s="359"/>
      <c r="D5481" s="359"/>
      <c r="E5481" s="359"/>
      <c r="F5481" s="360"/>
      <c r="G5481" s="360"/>
      <c r="H5481" s="360"/>
      <c r="I5481" s="360"/>
      <c r="J5481" s="359"/>
      <c r="K5481" s="359"/>
      <c r="L5481" s="359"/>
    </row>
    <row r="5482" spans="2:12">
      <c r="B5482" s="359"/>
      <c r="C5482" s="359"/>
      <c r="D5482" s="359"/>
      <c r="E5482" s="359"/>
      <c r="F5482" s="359" t="s">
        <v>14371</v>
      </c>
      <c r="G5482" s="359" t="s">
        <v>14372</v>
      </c>
      <c r="H5482" s="360"/>
      <c r="I5482" s="359" t="s">
        <v>14373</v>
      </c>
      <c r="J5482" s="359"/>
      <c r="K5482" s="359"/>
      <c r="L5482" s="359"/>
    </row>
    <row r="5483" spans="2:12">
      <c r="B5483" s="359"/>
      <c r="C5483" s="359"/>
      <c r="D5483" s="359"/>
      <c r="E5483" s="359"/>
      <c r="F5483" s="360"/>
      <c r="G5483" s="360"/>
      <c r="H5483" s="360"/>
      <c r="I5483" s="360"/>
      <c r="J5483" s="359"/>
      <c r="K5483" s="359"/>
      <c r="L5483" s="359"/>
    </row>
    <row r="5484" spans="2:12" ht="28.5">
      <c r="B5484" s="361"/>
      <c r="C5484" s="361"/>
      <c r="D5484" s="361"/>
      <c r="E5484" s="361"/>
      <c r="F5484" s="361" t="s">
        <v>14374</v>
      </c>
      <c r="G5484" s="361" t="s">
        <v>14373</v>
      </c>
      <c r="H5484" s="362"/>
      <c r="I5484" s="362"/>
      <c r="J5484" s="361"/>
      <c r="K5484" s="361"/>
      <c r="L5484" s="361"/>
    </row>
    <row r="5485" spans="2:12">
      <c r="B5485" s="358" t="s">
        <v>17013</v>
      </c>
      <c r="C5485" s="358" t="s">
        <v>17014</v>
      </c>
      <c r="D5485" s="358" t="s">
        <v>17015</v>
      </c>
      <c r="E5485" s="358" t="s">
        <v>6640</v>
      </c>
      <c r="F5485" s="358" t="s">
        <v>14443</v>
      </c>
      <c r="G5485" s="358" t="s">
        <v>14444</v>
      </c>
      <c r="H5485" s="358" t="s">
        <v>14378</v>
      </c>
      <c r="I5485" s="358" t="s">
        <v>14444</v>
      </c>
      <c r="J5485" s="358"/>
      <c r="K5485" s="358" t="s">
        <v>14820</v>
      </c>
      <c r="L5485" s="358"/>
    </row>
    <row r="5486" spans="2:12">
      <c r="B5486" s="359"/>
      <c r="C5486" s="360"/>
      <c r="D5486" s="359"/>
      <c r="E5486" s="359"/>
      <c r="F5486" s="360"/>
      <c r="G5486" s="360"/>
      <c r="H5486" s="360"/>
      <c r="I5486" s="360"/>
      <c r="J5486" s="359"/>
      <c r="K5486" s="359"/>
      <c r="L5486" s="359"/>
    </row>
    <row r="5487" spans="2:12" ht="28.5">
      <c r="B5487" s="359"/>
      <c r="C5487" s="359" t="s">
        <v>17016</v>
      </c>
      <c r="D5487" s="359"/>
      <c r="E5487" s="359"/>
      <c r="F5487" s="359" t="s">
        <v>14507</v>
      </c>
      <c r="G5487" s="359" t="s">
        <v>28814</v>
      </c>
      <c r="H5487" s="359" t="s">
        <v>14341</v>
      </c>
      <c r="I5487" s="359" t="s">
        <v>28814</v>
      </c>
      <c r="J5487" s="359"/>
      <c r="K5487" s="359"/>
      <c r="L5487" s="359"/>
    </row>
    <row r="5488" spans="2:12">
      <c r="B5488" s="359"/>
      <c r="C5488" s="360"/>
      <c r="D5488" s="359"/>
      <c r="E5488" s="359"/>
      <c r="F5488" s="360"/>
      <c r="G5488" s="360"/>
      <c r="H5488" s="360"/>
      <c r="I5488" s="360"/>
      <c r="J5488" s="359"/>
      <c r="K5488" s="359"/>
      <c r="L5488" s="359"/>
    </row>
    <row r="5489" spans="2:12">
      <c r="B5489" s="359"/>
      <c r="C5489" s="360"/>
      <c r="D5489" s="359"/>
      <c r="E5489" s="359"/>
      <c r="F5489" s="359" t="s">
        <v>14379</v>
      </c>
      <c r="G5489" s="359" t="s">
        <v>14579</v>
      </c>
      <c r="H5489" s="359" t="s">
        <v>14381</v>
      </c>
      <c r="I5489" s="359" t="s">
        <v>14579</v>
      </c>
      <c r="J5489" s="359"/>
      <c r="K5489" s="359"/>
      <c r="L5489" s="359"/>
    </row>
    <row r="5490" spans="2:12">
      <c r="B5490" s="359"/>
      <c r="C5490" s="360"/>
      <c r="D5490" s="359"/>
      <c r="E5490" s="359"/>
      <c r="F5490" s="360"/>
      <c r="G5490" s="360"/>
      <c r="H5490" s="360"/>
      <c r="I5490" s="360"/>
      <c r="J5490" s="359"/>
      <c r="K5490" s="359"/>
      <c r="L5490" s="359"/>
    </row>
    <row r="5491" spans="2:12">
      <c r="B5491" s="359"/>
      <c r="C5491" s="360"/>
      <c r="D5491" s="359"/>
      <c r="E5491" s="359"/>
      <c r="F5491" s="359" t="s">
        <v>14382</v>
      </c>
      <c r="G5491" s="359" t="s">
        <v>14383</v>
      </c>
      <c r="H5491" s="359" t="s">
        <v>14370</v>
      </c>
      <c r="I5491" s="359" t="s">
        <v>14383</v>
      </c>
      <c r="J5491" s="359"/>
      <c r="K5491" s="359"/>
      <c r="L5491" s="359"/>
    </row>
    <row r="5492" spans="2:12">
      <c r="B5492" s="359"/>
      <c r="C5492" s="360"/>
      <c r="D5492" s="359"/>
      <c r="E5492" s="359"/>
      <c r="F5492" s="360"/>
      <c r="G5492" s="360"/>
      <c r="H5492" s="360"/>
      <c r="I5492" s="360"/>
      <c r="J5492" s="359"/>
      <c r="K5492" s="359"/>
      <c r="L5492" s="359"/>
    </row>
    <row r="5493" spans="2:12">
      <c r="B5493" s="359"/>
      <c r="C5493" s="360"/>
      <c r="D5493" s="359"/>
      <c r="E5493" s="359"/>
      <c r="F5493" s="359" t="s">
        <v>14382</v>
      </c>
      <c r="G5493" s="359" t="s">
        <v>14428</v>
      </c>
      <c r="H5493" s="359" t="s">
        <v>14332</v>
      </c>
      <c r="I5493" s="359" t="s">
        <v>14428</v>
      </c>
      <c r="J5493" s="359"/>
      <c r="K5493" s="359"/>
      <c r="L5493" s="359"/>
    </row>
    <row r="5494" spans="2:12">
      <c r="B5494" s="359"/>
      <c r="C5494" s="360"/>
      <c r="D5494" s="359"/>
      <c r="E5494" s="359"/>
      <c r="F5494" s="360"/>
      <c r="G5494" s="360"/>
      <c r="H5494" s="360"/>
      <c r="I5494" s="360"/>
      <c r="J5494" s="359"/>
      <c r="K5494" s="359"/>
      <c r="L5494" s="359"/>
    </row>
    <row r="5495" spans="2:12">
      <c r="B5495" s="359"/>
      <c r="C5495" s="360"/>
      <c r="D5495" s="359"/>
      <c r="E5495" s="359"/>
      <c r="F5495" s="359" t="s">
        <v>14384</v>
      </c>
      <c r="G5495" s="359" t="s">
        <v>14388</v>
      </c>
      <c r="H5495" s="360"/>
      <c r="I5495" s="359" t="s">
        <v>14388</v>
      </c>
      <c r="J5495" s="359"/>
      <c r="K5495" s="359"/>
      <c r="L5495" s="359"/>
    </row>
    <row r="5496" spans="2:12">
      <c r="B5496" s="359"/>
      <c r="C5496" s="360"/>
      <c r="D5496" s="359"/>
      <c r="E5496" s="359"/>
      <c r="F5496" s="360"/>
      <c r="G5496" s="360"/>
      <c r="H5496" s="360"/>
      <c r="I5496" s="360"/>
      <c r="J5496" s="359"/>
      <c r="K5496" s="359"/>
      <c r="L5496" s="359"/>
    </row>
    <row r="5497" spans="2:12">
      <c r="B5497" s="359"/>
      <c r="C5497" s="360"/>
      <c r="D5497" s="359"/>
      <c r="E5497" s="359"/>
      <c r="F5497" s="359" t="s">
        <v>14368</v>
      </c>
      <c r="G5497" s="359" t="s">
        <v>14390</v>
      </c>
      <c r="H5497" s="360"/>
      <c r="I5497" s="359" t="s">
        <v>14390</v>
      </c>
      <c r="J5497" s="359"/>
      <c r="K5497" s="359"/>
      <c r="L5497" s="359"/>
    </row>
    <row r="5498" spans="2:12">
      <c r="B5498" s="359"/>
      <c r="C5498" s="360"/>
      <c r="D5498" s="359"/>
      <c r="E5498" s="359"/>
      <c r="F5498" s="360"/>
      <c r="G5498" s="360"/>
      <c r="H5498" s="360"/>
      <c r="I5498" s="360"/>
      <c r="J5498" s="359"/>
      <c r="K5498" s="359"/>
      <c r="L5498" s="359"/>
    </row>
    <row r="5499" spans="2:12">
      <c r="B5499" s="359"/>
      <c r="C5499" s="360"/>
      <c r="D5499" s="359"/>
      <c r="E5499" s="359"/>
      <c r="F5499" s="359" t="s">
        <v>14389</v>
      </c>
      <c r="G5499" s="359" t="s">
        <v>14431</v>
      </c>
      <c r="H5499" s="360"/>
      <c r="I5499" s="359" t="s">
        <v>14431</v>
      </c>
      <c r="J5499" s="359"/>
      <c r="K5499" s="359"/>
      <c r="L5499" s="359"/>
    </row>
    <row r="5500" spans="2:12">
      <c r="B5500" s="359"/>
      <c r="C5500" s="360"/>
      <c r="D5500" s="359"/>
      <c r="E5500" s="359"/>
      <c r="F5500" s="360"/>
      <c r="G5500" s="360"/>
      <c r="H5500" s="360"/>
      <c r="I5500" s="360"/>
      <c r="J5500" s="359"/>
      <c r="K5500" s="359"/>
      <c r="L5500" s="359"/>
    </row>
    <row r="5501" spans="2:12">
      <c r="B5501" s="359"/>
      <c r="C5501" s="360"/>
      <c r="D5501" s="359"/>
      <c r="E5501" s="359"/>
      <c r="F5501" s="359" t="s">
        <v>14430</v>
      </c>
      <c r="G5501" s="359" t="s">
        <v>14372</v>
      </c>
      <c r="H5501" s="360"/>
      <c r="I5501" s="359" t="s">
        <v>14373</v>
      </c>
      <c r="J5501" s="359"/>
      <c r="K5501" s="359"/>
      <c r="L5501" s="359"/>
    </row>
    <row r="5502" spans="2:12">
      <c r="B5502" s="359"/>
      <c r="C5502" s="360"/>
      <c r="D5502" s="359"/>
      <c r="E5502" s="359"/>
      <c r="F5502" s="360"/>
      <c r="G5502" s="360"/>
      <c r="H5502" s="360"/>
      <c r="I5502" s="360"/>
      <c r="J5502" s="359"/>
      <c r="K5502" s="359"/>
      <c r="L5502" s="359"/>
    </row>
    <row r="5503" spans="2:12">
      <c r="B5503" s="359"/>
      <c r="C5503" s="360"/>
      <c r="D5503" s="359"/>
      <c r="E5503" s="359"/>
      <c r="F5503" s="359" t="s">
        <v>14371</v>
      </c>
      <c r="G5503" s="359" t="s">
        <v>14373</v>
      </c>
      <c r="H5503" s="360"/>
      <c r="I5503" s="360"/>
      <c r="J5503" s="359"/>
      <c r="K5503" s="359"/>
      <c r="L5503" s="359"/>
    </row>
    <row r="5504" spans="2:12">
      <c r="B5504" s="359"/>
      <c r="C5504" s="360"/>
      <c r="D5504" s="359"/>
      <c r="E5504" s="359"/>
      <c r="F5504" s="360"/>
      <c r="G5504" s="360"/>
      <c r="H5504" s="360"/>
      <c r="I5504" s="360"/>
      <c r="J5504" s="359"/>
      <c r="K5504" s="359"/>
      <c r="L5504" s="359"/>
    </row>
    <row r="5505" spans="2:12" ht="28.5">
      <c r="B5505" s="361"/>
      <c r="C5505" s="362"/>
      <c r="D5505" s="361"/>
      <c r="E5505" s="361"/>
      <c r="F5505" s="361" t="s">
        <v>14374</v>
      </c>
      <c r="G5505" s="362"/>
      <c r="H5505" s="362"/>
      <c r="I5505" s="362"/>
      <c r="J5505" s="361"/>
      <c r="K5505" s="361"/>
      <c r="L5505" s="361"/>
    </row>
    <row r="5506" spans="2:12">
      <c r="B5506" s="358" t="s">
        <v>17017</v>
      </c>
      <c r="C5506" s="358" t="s">
        <v>17018</v>
      </c>
      <c r="D5506" s="358" t="s">
        <v>17019</v>
      </c>
      <c r="E5506" s="358" t="s">
        <v>6757</v>
      </c>
      <c r="F5506" s="358" t="s">
        <v>14443</v>
      </c>
      <c r="G5506" s="358" t="s">
        <v>14444</v>
      </c>
      <c r="H5506" s="358" t="s">
        <v>14378</v>
      </c>
      <c r="I5506" s="358" t="s">
        <v>14444</v>
      </c>
      <c r="J5506" s="358"/>
      <c r="K5506" s="358" t="s">
        <v>14820</v>
      </c>
      <c r="L5506" s="358"/>
    </row>
    <row r="5507" spans="2:12">
      <c r="B5507" s="359"/>
      <c r="C5507" s="360"/>
      <c r="D5507" s="359"/>
      <c r="E5507" s="359"/>
      <c r="F5507" s="360"/>
      <c r="G5507" s="360"/>
      <c r="H5507" s="360"/>
      <c r="I5507" s="360"/>
      <c r="J5507" s="359"/>
      <c r="K5507" s="359"/>
      <c r="L5507" s="359"/>
    </row>
    <row r="5508" spans="2:12" ht="28.5">
      <c r="B5508" s="359"/>
      <c r="C5508" s="359" t="s">
        <v>17020</v>
      </c>
      <c r="D5508" s="359"/>
      <c r="E5508" s="359"/>
      <c r="F5508" s="359" t="s">
        <v>14507</v>
      </c>
      <c r="G5508" s="359" t="s">
        <v>28814</v>
      </c>
      <c r="H5508" s="359" t="s">
        <v>14341</v>
      </c>
      <c r="I5508" s="359" t="s">
        <v>28814</v>
      </c>
      <c r="J5508" s="359"/>
      <c r="K5508" s="359"/>
      <c r="L5508" s="359"/>
    </row>
    <row r="5509" spans="2:12">
      <c r="B5509" s="359"/>
      <c r="C5509" s="360"/>
      <c r="D5509" s="359"/>
      <c r="E5509" s="359"/>
      <c r="F5509" s="360"/>
      <c r="G5509" s="360"/>
      <c r="H5509" s="360"/>
      <c r="I5509" s="360"/>
      <c r="J5509" s="359"/>
      <c r="K5509" s="359"/>
      <c r="L5509" s="359"/>
    </row>
    <row r="5510" spans="2:12">
      <c r="B5510" s="359"/>
      <c r="C5510" s="360"/>
      <c r="D5510" s="359"/>
      <c r="E5510" s="359"/>
      <c r="F5510" s="359" t="s">
        <v>14379</v>
      </c>
      <c r="G5510" s="359" t="s">
        <v>14579</v>
      </c>
      <c r="H5510" s="359" t="s">
        <v>14381</v>
      </c>
      <c r="I5510" s="359" t="s">
        <v>14579</v>
      </c>
      <c r="J5510" s="359"/>
      <c r="K5510" s="359"/>
      <c r="L5510" s="359"/>
    </row>
    <row r="5511" spans="2:12">
      <c r="B5511" s="359"/>
      <c r="C5511" s="360"/>
      <c r="D5511" s="359"/>
      <c r="E5511" s="359"/>
      <c r="F5511" s="360"/>
      <c r="G5511" s="360"/>
      <c r="H5511" s="360"/>
      <c r="I5511" s="360"/>
      <c r="J5511" s="359"/>
      <c r="K5511" s="359"/>
      <c r="L5511" s="359"/>
    </row>
    <row r="5512" spans="2:12">
      <c r="B5512" s="359"/>
      <c r="C5512" s="360"/>
      <c r="D5512" s="359"/>
      <c r="E5512" s="359"/>
      <c r="F5512" s="359" t="s">
        <v>14382</v>
      </c>
      <c r="G5512" s="359" t="s">
        <v>14383</v>
      </c>
      <c r="H5512" s="359" t="s">
        <v>14370</v>
      </c>
      <c r="I5512" s="359" t="s">
        <v>14383</v>
      </c>
      <c r="J5512" s="359"/>
      <c r="K5512" s="359"/>
      <c r="L5512" s="359"/>
    </row>
    <row r="5513" spans="2:12">
      <c r="B5513" s="359"/>
      <c r="C5513" s="360"/>
      <c r="D5513" s="359"/>
      <c r="E5513" s="359"/>
      <c r="F5513" s="360"/>
      <c r="G5513" s="360"/>
      <c r="H5513" s="360"/>
      <c r="I5513" s="360"/>
      <c r="J5513" s="359"/>
      <c r="K5513" s="359"/>
      <c r="L5513" s="359"/>
    </row>
    <row r="5514" spans="2:12">
      <c r="B5514" s="359"/>
      <c r="C5514" s="360"/>
      <c r="D5514" s="359"/>
      <c r="E5514" s="359"/>
      <c r="F5514" s="359" t="s">
        <v>14382</v>
      </c>
      <c r="G5514" s="359" t="s">
        <v>14428</v>
      </c>
      <c r="H5514" s="359" t="s">
        <v>14332</v>
      </c>
      <c r="I5514" s="359" t="s">
        <v>14428</v>
      </c>
      <c r="J5514" s="359"/>
      <c r="K5514" s="359"/>
      <c r="L5514" s="359"/>
    </row>
    <row r="5515" spans="2:12">
      <c r="B5515" s="359"/>
      <c r="C5515" s="360"/>
      <c r="D5515" s="359"/>
      <c r="E5515" s="359"/>
      <c r="F5515" s="360"/>
      <c r="G5515" s="360"/>
      <c r="H5515" s="360"/>
      <c r="I5515" s="360"/>
      <c r="J5515" s="359"/>
      <c r="K5515" s="359"/>
      <c r="L5515" s="359"/>
    </row>
    <row r="5516" spans="2:12">
      <c r="B5516" s="359"/>
      <c r="C5516" s="360"/>
      <c r="D5516" s="359"/>
      <c r="E5516" s="359"/>
      <c r="F5516" s="359" t="s">
        <v>14384</v>
      </c>
      <c r="G5516" s="359" t="s">
        <v>14388</v>
      </c>
      <c r="H5516" s="360"/>
      <c r="I5516" s="359" t="s">
        <v>14388</v>
      </c>
      <c r="J5516" s="359"/>
      <c r="K5516" s="359"/>
      <c r="L5516" s="359"/>
    </row>
    <row r="5517" spans="2:12">
      <c r="B5517" s="359"/>
      <c r="C5517" s="360"/>
      <c r="D5517" s="359"/>
      <c r="E5517" s="359"/>
      <c r="F5517" s="360"/>
      <c r="G5517" s="360"/>
      <c r="H5517" s="360"/>
      <c r="I5517" s="360"/>
      <c r="J5517" s="359"/>
      <c r="K5517" s="359"/>
      <c r="L5517" s="359"/>
    </row>
    <row r="5518" spans="2:12">
      <c r="B5518" s="359"/>
      <c r="C5518" s="360"/>
      <c r="D5518" s="359"/>
      <c r="E5518" s="359"/>
      <c r="F5518" s="359" t="s">
        <v>14368</v>
      </c>
      <c r="G5518" s="359" t="s">
        <v>14390</v>
      </c>
      <c r="H5518" s="360"/>
      <c r="I5518" s="359" t="s">
        <v>14390</v>
      </c>
      <c r="J5518" s="359"/>
      <c r="K5518" s="359"/>
      <c r="L5518" s="359"/>
    </row>
    <row r="5519" spans="2:12">
      <c r="B5519" s="359"/>
      <c r="C5519" s="360"/>
      <c r="D5519" s="359"/>
      <c r="E5519" s="359"/>
      <c r="F5519" s="360"/>
      <c r="G5519" s="360"/>
      <c r="H5519" s="360"/>
      <c r="I5519" s="360"/>
      <c r="J5519" s="359"/>
      <c r="K5519" s="359"/>
      <c r="L5519" s="359"/>
    </row>
    <row r="5520" spans="2:12">
      <c r="B5520" s="359"/>
      <c r="C5520" s="360"/>
      <c r="D5520" s="359"/>
      <c r="E5520" s="359"/>
      <c r="F5520" s="359" t="s">
        <v>14389</v>
      </c>
      <c r="G5520" s="359" t="s">
        <v>14431</v>
      </c>
      <c r="H5520" s="360"/>
      <c r="I5520" s="359" t="s">
        <v>14431</v>
      </c>
      <c r="J5520" s="359"/>
      <c r="K5520" s="359"/>
      <c r="L5520" s="359"/>
    </row>
    <row r="5521" spans="2:12">
      <c r="B5521" s="359"/>
      <c r="C5521" s="360"/>
      <c r="D5521" s="359"/>
      <c r="E5521" s="359"/>
      <c r="F5521" s="360"/>
      <c r="G5521" s="360"/>
      <c r="H5521" s="360"/>
      <c r="I5521" s="360"/>
      <c r="J5521" s="359"/>
      <c r="K5521" s="359"/>
      <c r="L5521" s="359"/>
    </row>
    <row r="5522" spans="2:12">
      <c r="B5522" s="359"/>
      <c r="C5522" s="360"/>
      <c r="D5522" s="359"/>
      <c r="E5522" s="359"/>
      <c r="F5522" s="359" t="s">
        <v>14430</v>
      </c>
      <c r="G5522" s="359" t="s">
        <v>14372</v>
      </c>
      <c r="H5522" s="360"/>
      <c r="I5522" s="359" t="s">
        <v>14373</v>
      </c>
      <c r="J5522" s="359"/>
      <c r="K5522" s="359"/>
      <c r="L5522" s="359"/>
    </row>
    <row r="5523" spans="2:12">
      <c r="B5523" s="359"/>
      <c r="C5523" s="360"/>
      <c r="D5523" s="359"/>
      <c r="E5523" s="359"/>
      <c r="F5523" s="360"/>
      <c r="G5523" s="360"/>
      <c r="H5523" s="360"/>
      <c r="I5523" s="360"/>
      <c r="J5523" s="359"/>
      <c r="K5523" s="359"/>
      <c r="L5523" s="359"/>
    </row>
    <row r="5524" spans="2:12">
      <c r="B5524" s="359"/>
      <c r="C5524" s="360"/>
      <c r="D5524" s="359"/>
      <c r="E5524" s="359"/>
      <c r="F5524" s="359" t="s">
        <v>14371</v>
      </c>
      <c r="G5524" s="359" t="s">
        <v>14373</v>
      </c>
      <c r="H5524" s="360"/>
      <c r="I5524" s="360"/>
      <c r="J5524" s="359"/>
      <c r="K5524" s="359"/>
      <c r="L5524" s="359"/>
    </row>
    <row r="5525" spans="2:12">
      <c r="B5525" s="359"/>
      <c r="C5525" s="360"/>
      <c r="D5525" s="359"/>
      <c r="E5525" s="359"/>
      <c r="F5525" s="360"/>
      <c r="G5525" s="360"/>
      <c r="H5525" s="360"/>
      <c r="I5525" s="360"/>
      <c r="J5525" s="359"/>
      <c r="K5525" s="359"/>
      <c r="L5525" s="359"/>
    </row>
    <row r="5526" spans="2:12" ht="28.5">
      <c r="B5526" s="361"/>
      <c r="C5526" s="362"/>
      <c r="D5526" s="361"/>
      <c r="E5526" s="361"/>
      <c r="F5526" s="361" t="s">
        <v>14374</v>
      </c>
      <c r="G5526" s="362"/>
      <c r="H5526" s="362"/>
      <c r="I5526" s="362"/>
      <c r="J5526" s="361"/>
      <c r="K5526" s="361"/>
      <c r="L5526" s="361"/>
    </row>
    <row r="5527" spans="2:12" ht="28.5">
      <c r="B5527" s="358" t="s">
        <v>17021</v>
      </c>
      <c r="C5527" s="358" t="s">
        <v>17022</v>
      </c>
      <c r="D5527" s="358" t="s">
        <v>8356</v>
      </c>
      <c r="E5527" s="358" t="s">
        <v>8356</v>
      </c>
      <c r="F5527" s="358" t="s">
        <v>14379</v>
      </c>
      <c r="G5527" s="358" t="s">
        <v>14380</v>
      </c>
      <c r="H5527" s="358" t="s">
        <v>14378</v>
      </c>
      <c r="I5527" s="358" t="s">
        <v>14380</v>
      </c>
      <c r="J5527" s="358"/>
      <c r="K5527" s="358" t="s">
        <v>14929</v>
      </c>
      <c r="L5527" s="358" t="s">
        <v>16902</v>
      </c>
    </row>
    <row r="5528" spans="2:12">
      <c r="B5528" s="359"/>
      <c r="C5528" s="359"/>
      <c r="D5528" s="359"/>
      <c r="E5528" s="359"/>
      <c r="F5528" s="360"/>
      <c r="G5528" s="360"/>
      <c r="H5528" s="360"/>
      <c r="I5528" s="360"/>
      <c r="J5528" s="359"/>
      <c r="K5528" s="359"/>
      <c r="L5528" s="359"/>
    </row>
    <row r="5529" spans="2:12">
      <c r="B5529" s="359"/>
      <c r="C5529" s="359"/>
      <c r="D5529" s="359"/>
      <c r="E5529" s="359"/>
      <c r="F5529" s="359" t="s">
        <v>14530</v>
      </c>
      <c r="G5529" s="359" t="s">
        <v>14531</v>
      </c>
      <c r="H5529" s="359" t="s">
        <v>14370</v>
      </c>
      <c r="I5529" s="359" t="s">
        <v>14531</v>
      </c>
      <c r="J5529" s="359"/>
      <c r="K5529" s="359"/>
      <c r="L5529" s="359"/>
    </row>
    <row r="5530" spans="2:12">
      <c r="B5530" s="359"/>
      <c r="C5530" s="359"/>
      <c r="D5530" s="359"/>
      <c r="E5530" s="359"/>
      <c r="F5530" s="360"/>
      <c r="G5530" s="360"/>
      <c r="H5530" s="360"/>
      <c r="I5530" s="360"/>
      <c r="J5530" s="359"/>
      <c r="K5530" s="359"/>
      <c r="L5530" s="359"/>
    </row>
    <row r="5531" spans="2:12">
      <c r="B5531" s="359"/>
      <c r="C5531" s="359"/>
      <c r="D5531" s="359"/>
      <c r="E5531" s="359"/>
      <c r="F5531" s="359" t="s">
        <v>14379</v>
      </c>
      <c r="G5531" s="359" t="s">
        <v>14405</v>
      </c>
      <c r="H5531" s="359" t="s">
        <v>14332</v>
      </c>
      <c r="I5531" s="359" t="s">
        <v>14405</v>
      </c>
      <c r="J5531" s="359"/>
      <c r="K5531" s="359"/>
      <c r="L5531" s="359"/>
    </row>
    <row r="5532" spans="2:12">
      <c r="B5532" s="359"/>
      <c r="C5532" s="359"/>
      <c r="D5532" s="359"/>
      <c r="E5532" s="359"/>
      <c r="F5532" s="360"/>
      <c r="G5532" s="360"/>
      <c r="H5532" s="360"/>
      <c r="I5532" s="360"/>
      <c r="J5532" s="359"/>
      <c r="K5532" s="359"/>
      <c r="L5532" s="359"/>
    </row>
    <row r="5533" spans="2:12">
      <c r="B5533" s="359"/>
      <c r="C5533" s="359"/>
      <c r="D5533" s="359"/>
      <c r="E5533" s="359"/>
      <c r="F5533" s="359" t="s">
        <v>14371</v>
      </c>
      <c r="G5533" s="359" t="s">
        <v>14372</v>
      </c>
      <c r="H5533" s="360"/>
      <c r="I5533" s="359" t="s">
        <v>14373</v>
      </c>
      <c r="J5533" s="359"/>
      <c r="K5533" s="359"/>
      <c r="L5533" s="359"/>
    </row>
    <row r="5534" spans="2:12">
      <c r="B5534" s="359"/>
      <c r="C5534" s="359"/>
      <c r="D5534" s="359"/>
      <c r="E5534" s="359"/>
      <c r="F5534" s="360"/>
      <c r="G5534" s="360"/>
      <c r="H5534" s="360"/>
      <c r="I5534" s="360"/>
      <c r="J5534" s="359"/>
      <c r="K5534" s="359"/>
      <c r="L5534" s="359"/>
    </row>
    <row r="5535" spans="2:12" ht="28.5">
      <c r="B5535" s="361"/>
      <c r="C5535" s="361"/>
      <c r="D5535" s="361"/>
      <c r="E5535" s="361"/>
      <c r="F5535" s="361" t="s">
        <v>14374</v>
      </c>
      <c r="G5535" s="361" t="s">
        <v>14373</v>
      </c>
      <c r="H5535" s="362"/>
      <c r="I5535" s="362"/>
      <c r="J5535" s="361"/>
      <c r="K5535" s="361"/>
      <c r="L5535" s="361"/>
    </row>
    <row r="5536" spans="2:12" ht="28.5">
      <c r="B5536" s="358" t="s">
        <v>17023</v>
      </c>
      <c r="C5536" s="358" t="s">
        <v>17024</v>
      </c>
      <c r="D5536" s="358" t="s">
        <v>8356</v>
      </c>
      <c r="E5536" s="358" t="s">
        <v>8356</v>
      </c>
      <c r="F5536" s="358" t="s">
        <v>14379</v>
      </c>
      <c r="G5536" s="358" t="s">
        <v>14380</v>
      </c>
      <c r="H5536" s="358" t="s">
        <v>14378</v>
      </c>
      <c r="I5536" s="358" t="s">
        <v>14380</v>
      </c>
      <c r="J5536" s="358"/>
      <c r="K5536" s="358" t="s">
        <v>14929</v>
      </c>
      <c r="L5536" s="358" t="s">
        <v>16902</v>
      </c>
    </row>
    <row r="5537" spans="2:12">
      <c r="B5537" s="359"/>
      <c r="C5537" s="359"/>
      <c r="D5537" s="359"/>
      <c r="E5537" s="359"/>
      <c r="F5537" s="360"/>
      <c r="G5537" s="360"/>
      <c r="H5537" s="360"/>
      <c r="I5537" s="360"/>
      <c r="J5537" s="359"/>
      <c r="K5537" s="359"/>
      <c r="L5537" s="359"/>
    </row>
    <row r="5538" spans="2:12">
      <c r="B5538" s="359"/>
      <c r="C5538" s="359"/>
      <c r="D5538" s="359"/>
      <c r="E5538" s="359"/>
      <c r="F5538" s="359" t="s">
        <v>14530</v>
      </c>
      <c r="G5538" s="359" t="s">
        <v>14531</v>
      </c>
      <c r="H5538" s="359" t="s">
        <v>14370</v>
      </c>
      <c r="I5538" s="359" t="s">
        <v>14531</v>
      </c>
      <c r="J5538" s="359"/>
      <c r="K5538" s="359"/>
      <c r="L5538" s="359"/>
    </row>
    <row r="5539" spans="2:12">
      <c r="B5539" s="359"/>
      <c r="C5539" s="359"/>
      <c r="D5539" s="359"/>
      <c r="E5539" s="359"/>
      <c r="F5539" s="360"/>
      <c r="G5539" s="360"/>
      <c r="H5539" s="360"/>
      <c r="I5539" s="360"/>
      <c r="J5539" s="359"/>
      <c r="K5539" s="359"/>
      <c r="L5539" s="359"/>
    </row>
    <row r="5540" spans="2:12">
      <c r="B5540" s="359"/>
      <c r="C5540" s="359"/>
      <c r="D5540" s="359"/>
      <c r="E5540" s="359"/>
      <c r="F5540" s="359" t="s">
        <v>14379</v>
      </c>
      <c r="G5540" s="359" t="s">
        <v>14405</v>
      </c>
      <c r="H5540" s="359" t="s">
        <v>14332</v>
      </c>
      <c r="I5540" s="359" t="s">
        <v>14405</v>
      </c>
      <c r="J5540" s="359"/>
      <c r="K5540" s="359"/>
      <c r="L5540" s="359"/>
    </row>
    <row r="5541" spans="2:12">
      <c r="B5541" s="359"/>
      <c r="C5541" s="359"/>
      <c r="D5541" s="359"/>
      <c r="E5541" s="359"/>
      <c r="F5541" s="360"/>
      <c r="G5541" s="360"/>
      <c r="H5541" s="360"/>
      <c r="I5541" s="360"/>
      <c r="J5541" s="359"/>
      <c r="K5541" s="359"/>
      <c r="L5541" s="359"/>
    </row>
    <row r="5542" spans="2:12">
      <c r="B5542" s="359"/>
      <c r="C5542" s="359"/>
      <c r="D5542" s="359"/>
      <c r="E5542" s="359"/>
      <c r="F5542" s="359" t="s">
        <v>14371</v>
      </c>
      <c r="G5542" s="359" t="s">
        <v>14372</v>
      </c>
      <c r="H5542" s="360"/>
      <c r="I5542" s="359" t="s">
        <v>14373</v>
      </c>
      <c r="J5542" s="359"/>
      <c r="K5542" s="359"/>
      <c r="L5542" s="359"/>
    </row>
    <row r="5543" spans="2:12">
      <c r="B5543" s="359"/>
      <c r="C5543" s="359"/>
      <c r="D5543" s="359"/>
      <c r="E5543" s="359"/>
      <c r="F5543" s="360"/>
      <c r="G5543" s="360"/>
      <c r="H5543" s="360"/>
      <c r="I5543" s="360"/>
      <c r="J5543" s="359"/>
      <c r="K5543" s="359"/>
      <c r="L5543" s="359"/>
    </row>
    <row r="5544" spans="2:12" ht="28.5">
      <c r="B5544" s="361"/>
      <c r="C5544" s="361"/>
      <c r="D5544" s="361"/>
      <c r="E5544" s="361"/>
      <c r="F5544" s="361" t="s">
        <v>14374</v>
      </c>
      <c r="G5544" s="361" t="s">
        <v>14373</v>
      </c>
      <c r="H5544" s="362"/>
      <c r="I5544" s="362"/>
      <c r="J5544" s="361"/>
      <c r="K5544" s="361"/>
      <c r="L5544" s="361"/>
    </row>
    <row r="5545" spans="2:12" ht="28.5">
      <c r="B5545" s="358" t="s">
        <v>17025</v>
      </c>
      <c r="C5545" s="358" t="s">
        <v>17026</v>
      </c>
      <c r="D5545" s="358" t="s">
        <v>8356</v>
      </c>
      <c r="E5545" s="358" t="s">
        <v>8356</v>
      </c>
      <c r="F5545" s="358" t="s">
        <v>14382</v>
      </c>
      <c r="G5545" s="358" t="s">
        <v>14483</v>
      </c>
      <c r="H5545" s="358" t="s">
        <v>14378</v>
      </c>
      <c r="I5545" s="358" t="s">
        <v>14483</v>
      </c>
      <c r="J5545" s="358"/>
      <c r="K5545" s="358" t="s">
        <v>14929</v>
      </c>
      <c r="L5545" s="358" t="s">
        <v>16902</v>
      </c>
    </row>
    <row r="5546" spans="2:12">
      <c r="B5546" s="359"/>
      <c r="C5546" s="359"/>
      <c r="D5546" s="359"/>
      <c r="E5546" s="359"/>
      <c r="F5546" s="360"/>
      <c r="G5546" s="360"/>
      <c r="H5546" s="360"/>
      <c r="I5546" s="360"/>
      <c r="J5546" s="359"/>
      <c r="K5546" s="359"/>
      <c r="L5546" s="359"/>
    </row>
    <row r="5547" spans="2:12">
      <c r="B5547" s="359"/>
      <c r="C5547" s="359"/>
      <c r="D5547" s="359"/>
      <c r="E5547" s="359"/>
      <c r="F5547" s="359" t="s">
        <v>14382</v>
      </c>
      <c r="G5547" s="359" t="s">
        <v>14579</v>
      </c>
      <c r="H5547" s="359" t="s">
        <v>14370</v>
      </c>
      <c r="I5547" s="359" t="s">
        <v>14579</v>
      </c>
      <c r="J5547" s="359"/>
      <c r="K5547" s="359"/>
      <c r="L5547" s="359"/>
    </row>
    <row r="5548" spans="2:12">
      <c r="B5548" s="359"/>
      <c r="C5548" s="359"/>
      <c r="D5548" s="359"/>
      <c r="E5548" s="359"/>
      <c r="F5548" s="360"/>
      <c r="G5548" s="360"/>
      <c r="H5548" s="360"/>
      <c r="I5548" s="360"/>
      <c r="J5548" s="359"/>
      <c r="K5548" s="359"/>
      <c r="L5548" s="359"/>
    </row>
    <row r="5549" spans="2:12">
      <c r="B5549" s="359"/>
      <c r="C5549" s="359"/>
      <c r="D5549" s="359"/>
      <c r="E5549" s="359"/>
      <c r="F5549" s="359" t="s">
        <v>14382</v>
      </c>
      <c r="G5549" s="359" t="s">
        <v>14383</v>
      </c>
      <c r="H5549" s="359" t="s">
        <v>14332</v>
      </c>
      <c r="I5549" s="359" t="s">
        <v>14383</v>
      </c>
      <c r="J5549" s="359"/>
      <c r="K5549" s="359"/>
      <c r="L5549" s="359"/>
    </row>
    <row r="5550" spans="2:12">
      <c r="B5550" s="359"/>
      <c r="C5550" s="359"/>
      <c r="D5550" s="359"/>
      <c r="E5550" s="359"/>
      <c r="F5550" s="360"/>
      <c r="G5550" s="360"/>
      <c r="H5550" s="360"/>
      <c r="I5550" s="360"/>
      <c r="J5550" s="359"/>
      <c r="K5550" s="359"/>
      <c r="L5550" s="359"/>
    </row>
    <row r="5551" spans="2:12">
      <c r="B5551" s="359"/>
      <c r="C5551" s="359"/>
      <c r="D5551" s="359"/>
      <c r="E5551" s="359"/>
      <c r="F5551" s="359" t="s">
        <v>14371</v>
      </c>
      <c r="G5551" s="359" t="s">
        <v>14372</v>
      </c>
      <c r="H5551" s="360"/>
      <c r="I5551" s="359" t="s">
        <v>14373</v>
      </c>
      <c r="J5551" s="359"/>
      <c r="K5551" s="359"/>
      <c r="L5551" s="359"/>
    </row>
    <row r="5552" spans="2:12">
      <c r="B5552" s="359"/>
      <c r="C5552" s="359"/>
      <c r="D5552" s="359"/>
      <c r="E5552" s="359"/>
      <c r="F5552" s="360"/>
      <c r="G5552" s="360"/>
      <c r="H5552" s="360"/>
      <c r="I5552" s="360"/>
      <c r="J5552" s="359"/>
      <c r="K5552" s="359"/>
      <c r="L5552" s="359"/>
    </row>
    <row r="5553" spans="2:12" ht="28.5">
      <c r="B5553" s="361"/>
      <c r="C5553" s="361"/>
      <c r="D5553" s="361"/>
      <c r="E5553" s="361"/>
      <c r="F5553" s="361" t="s">
        <v>14374</v>
      </c>
      <c r="G5553" s="361" t="s">
        <v>14373</v>
      </c>
      <c r="H5553" s="362"/>
      <c r="I5553" s="362"/>
      <c r="J5553" s="361"/>
      <c r="K5553" s="361"/>
      <c r="L5553" s="361"/>
    </row>
    <row r="5554" spans="2:12">
      <c r="B5554" s="354" t="s">
        <v>8397</v>
      </c>
      <c r="C5554" s="355"/>
      <c r="D5554" s="355"/>
      <c r="E5554" s="355"/>
      <c r="F5554" s="355"/>
      <c r="G5554" s="355"/>
      <c r="H5554" s="355"/>
      <c r="I5554" s="355"/>
      <c r="J5554" s="355"/>
      <c r="K5554" s="355"/>
      <c r="L5554" s="363"/>
    </row>
    <row r="5555" spans="2:12" ht="28.5">
      <c r="B5555" s="358" t="s">
        <v>13619</v>
      </c>
      <c r="C5555" s="358" t="s">
        <v>17027</v>
      </c>
      <c r="D5555" s="358" t="s">
        <v>8356</v>
      </c>
      <c r="E5555" s="358" t="s">
        <v>8356</v>
      </c>
      <c r="F5555" s="358" t="s">
        <v>14424</v>
      </c>
      <c r="G5555" s="358" t="s">
        <v>14425</v>
      </c>
      <c r="H5555" s="358" t="s">
        <v>14381</v>
      </c>
      <c r="I5555" s="358" t="s">
        <v>14425</v>
      </c>
      <c r="J5555" s="358"/>
      <c r="K5555" s="358" t="s">
        <v>14929</v>
      </c>
      <c r="L5555" s="358" t="s">
        <v>9491</v>
      </c>
    </row>
    <row r="5556" spans="2:12">
      <c r="B5556" s="359"/>
      <c r="C5556" s="359"/>
      <c r="D5556" s="359"/>
      <c r="E5556" s="359"/>
      <c r="F5556" s="360"/>
      <c r="G5556" s="360"/>
      <c r="H5556" s="360"/>
      <c r="I5556" s="360"/>
      <c r="J5556" s="359"/>
      <c r="K5556" s="360"/>
      <c r="L5556" s="360"/>
    </row>
    <row r="5557" spans="2:12" ht="42.75">
      <c r="B5557" s="359"/>
      <c r="C5557" s="359"/>
      <c r="D5557" s="359"/>
      <c r="E5557" s="359"/>
      <c r="F5557" s="359" t="s">
        <v>14656</v>
      </c>
      <c r="G5557" s="359" t="s">
        <v>14383</v>
      </c>
      <c r="H5557" s="359" t="s">
        <v>14378</v>
      </c>
      <c r="I5557" s="359" t="s">
        <v>14383</v>
      </c>
      <c r="J5557" s="359"/>
      <c r="K5557" s="359" t="s">
        <v>28561</v>
      </c>
      <c r="L5557" s="359" t="s">
        <v>27406</v>
      </c>
    </row>
    <row r="5558" spans="2:12">
      <c r="B5558" s="359"/>
      <c r="C5558" s="359"/>
      <c r="D5558" s="359"/>
      <c r="E5558" s="359"/>
      <c r="F5558" s="360"/>
      <c r="G5558" s="360"/>
      <c r="H5558" s="360"/>
      <c r="I5558" s="360"/>
      <c r="J5558" s="359"/>
      <c r="K5558" s="360"/>
      <c r="L5558" s="360"/>
    </row>
    <row r="5559" spans="2:12" ht="42.75">
      <c r="B5559" s="359"/>
      <c r="C5559" s="359"/>
      <c r="D5559" s="359"/>
      <c r="E5559" s="359"/>
      <c r="F5559" s="359" t="s">
        <v>17028</v>
      </c>
      <c r="G5559" s="359" t="s">
        <v>14421</v>
      </c>
      <c r="H5559" s="359" t="s">
        <v>14370</v>
      </c>
      <c r="I5559" s="359" t="s">
        <v>14421</v>
      </c>
      <c r="J5559" s="359"/>
      <c r="K5559" s="359" t="s">
        <v>28815</v>
      </c>
      <c r="L5559" s="360"/>
    </row>
    <row r="5560" spans="2:12">
      <c r="B5560" s="359"/>
      <c r="C5560" s="359"/>
      <c r="D5560" s="359"/>
      <c r="E5560" s="359"/>
      <c r="F5560" s="360"/>
      <c r="G5560" s="360"/>
      <c r="H5560" s="360"/>
      <c r="I5560" s="360"/>
      <c r="J5560" s="359"/>
      <c r="K5560" s="360"/>
      <c r="L5560" s="360"/>
    </row>
    <row r="5561" spans="2:12" ht="42.75">
      <c r="B5561" s="359"/>
      <c r="C5561" s="359"/>
      <c r="D5561" s="359"/>
      <c r="E5561" s="359"/>
      <c r="F5561" s="359" t="s">
        <v>14384</v>
      </c>
      <c r="G5561" s="359" t="s">
        <v>14428</v>
      </c>
      <c r="H5561" s="359" t="s">
        <v>14332</v>
      </c>
      <c r="I5561" s="359" t="s">
        <v>14428</v>
      </c>
      <c r="J5561" s="359"/>
      <c r="K5561" s="359" t="s">
        <v>28816</v>
      </c>
      <c r="L5561" s="360"/>
    </row>
    <row r="5562" spans="2:12">
      <c r="B5562" s="359"/>
      <c r="C5562" s="359"/>
      <c r="D5562" s="359"/>
      <c r="E5562" s="359"/>
      <c r="F5562" s="360"/>
      <c r="G5562" s="360"/>
      <c r="H5562" s="360"/>
      <c r="I5562" s="360"/>
      <c r="J5562" s="359"/>
      <c r="K5562" s="360"/>
      <c r="L5562" s="360"/>
    </row>
    <row r="5563" spans="2:12" ht="42.75">
      <c r="B5563" s="359"/>
      <c r="C5563" s="359"/>
      <c r="D5563" s="359"/>
      <c r="E5563" s="359"/>
      <c r="F5563" s="359" t="s">
        <v>14389</v>
      </c>
      <c r="G5563" s="359" t="s">
        <v>14390</v>
      </c>
      <c r="H5563" s="360"/>
      <c r="I5563" s="359" t="s">
        <v>14390</v>
      </c>
      <c r="J5563" s="359"/>
      <c r="K5563" s="359" t="s">
        <v>28817</v>
      </c>
      <c r="L5563" s="360"/>
    </row>
    <row r="5564" spans="2:12">
      <c r="B5564" s="359"/>
      <c r="C5564" s="359"/>
      <c r="D5564" s="359"/>
      <c r="E5564" s="359"/>
      <c r="F5564" s="360"/>
      <c r="G5564" s="360"/>
      <c r="H5564" s="360"/>
      <c r="I5564" s="360"/>
      <c r="J5564" s="359"/>
      <c r="K5564" s="360"/>
      <c r="L5564" s="360"/>
    </row>
    <row r="5565" spans="2:12">
      <c r="B5565" s="359"/>
      <c r="C5565" s="359"/>
      <c r="D5565" s="359"/>
      <c r="E5565" s="359"/>
      <c r="F5565" s="359" t="s">
        <v>14386</v>
      </c>
      <c r="G5565" s="359" t="s">
        <v>14387</v>
      </c>
      <c r="H5565" s="360"/>
      <c r="I5565" s="359" t="s">
        <v>14387</v>
      </c>
      <c r="J5565" s="359"/>
      <c r="K5565" s="359" t="s">
        <v>14517</v>
      </c>
      <c r="L5565" s="360"/>
    </row>
    <row r="5566" spans="2:12">
      <c r="B5566" s="359"/>
      <c r="C5566" s="359"/>
      <c r="D5566" s="359"/>
      <c r="E5566" s="359"/>
      <c r="F5566" s="360"/>
      <c r="G5566" s="360"/>
      <c r="H5566" s="360"/>
      <c r="I5566" s="360"/>
      <c r="J5566" s="359"/>
      <c r="K5566" s="360"/>
      <c r="L5566" s="360"/>
    </row>
    <row r="5567" spans="2:12">
      <c r="B5567" s="359"/>
      <c r="C5567" s="359"/>
      <c r="D5567" s="359"/>
      <c r="E5567" s="359"/>
      <c r="F5567" s="359" t="s">
        <v>14371</v>
      </c>
      <c r="G5567" s="359" t="s">
        <v>14372</v>
      </c>
      <c r="H5567" s="360"/>
      <c r="I5567" s="359" t="s">
        <v>14373</v>
      </c>
      <c r="J5567" s="359"/>
      <c r="K5567" s="360"/>
      <c r="L5567" s="360"/>
    </row>
    <row r="5568" spans="2:12">
      <c r="B5568" s="359"/>
      <c r="C5568" s="359"/>
      <c r="D5568" s="359"/>
      <c r="E5568" s="359"/>
      <c r="F5568" s="360"/>
      <c r="G5568" s="360"/>
      <c r="H5568" s="360"/>
      <c r="I5568" s="360"/>
      <c r="J5568" s="359"/>
      <c r="K5568" s="360"/>
      <c r="L5568" s="360"/>
    </row>
    <row r="5569" spans="2:12" ht="28.5">
      <c r="B5569" s="361"/>
      <c r="C5569" s="361"/>
      <c r="D5569" s="361"/>
      <c r="E5569" s="361"/>
      <c r="F5569" s="361" t="s">
        <v>14374</v>
      </c>
      <c r="G5569" s="361" t="s">
        <v>14373</v>
      </c>
      <c r="H5569" s="362"/>
      <c r="I5569" s="362"/>
      <c r="J5569" s="361"/>
      <c r="K5569" s="362"/>
      <c r="L5569" s="362"/>
    </row>
    <row r="5570" spans="2:12">
      <c r="B5570" s="354" t="s">
        <v>28528</v>
      </c>
      <c r="C5570" s="355"/>
      <c r="D5570" s="355"/>
      <c r="E5570" s="355"/>
      <c r="F5570" s="355"/>
      <c r="G5570" s="355"/>
      <c r="H5570" s="355"/>
      <c r="I5570" s="355"/>
      <c r="J5570" s="355"/>
      <c r="K5570" s="355"/>
      <c r="L5570" s="363"/>
    </row>
    <row r="5571" spans="2:12" ht="28.5">
      <c r="B5571" s="358" t="s">
        <v>17029</v>
      </c>
      <c r="C5571" s="358" t="s">
        <v>28818</v>
      </c>
      <c r="D5571" s="358" t="s">
        <v>17030</v>
      </c>
      <c r="E5571" s="358" t="s">
        <v>17031</v>
      </c>
      <c r="F5571" s="358" t="s">
        <v>14420</v>
      </c>
      <c r="G5571" s="358" t="s">
        <v>14459</v>
      </c>
      <c r="H5571" s="358" t="s">
        <v>14367</v>
      </c>
      <c r="I5571" s="358" t="s">
        <v>14459</v>
      </c>
      <c r="J5571" s="358"/>
      <c r="K5571" s="358" t="s">
        <v>14929</v>
      </c>
      <c r="L5571" s="358" t="s">
        <v>27406</v>
      </c>
    </row>
    <row r="5572" spans="2:12">
      <c r="B5572" s="359"/>
      <c r="C5572" s="360"/>
      <c r="D5572" s="360"/>
      <c r="E5572" s="360"/>
      <c r="F5572" s="360"/>
      <c r="G5572" s="360"/>
      <c r="H5572" s="360"/>
      <c r="I5572" s="360"/>
      <c r="J5572" s="359"/>
      <c r="K5572" s="359"/>
      <c r="L5572" s="359"/>
    </row>
    <row r="5573" spans="2:12" ht="28.5">
      <c r="B5573" s="359"/>
      <c r="C5573" s="359" t="s">
        <v>17032</v>
      </c>
      <c r="D5573" s="359" t="s">
        <v>17033</v>
      </c>
      <c r="E5573" s="359" t="s">
        <v>17034</v>
      </c>
      <c r="F5573" s="359" t="s">
        <v>14420</v>
      </c>
      <c r="G5573" s="359" t="s">
        <v>14421</v>
      </c>
      <c r="H5573" s="359" t="s">
        <v>14370</v>
      </c>
      <c r="I5573" s="359" t="s">
        <v>14421</v>
      </c>
      <c r="J5573" s="359"/>
      <c r="K5573" s="359"/>
      <c r="L5573" s="359"/>
    </row>
    <row r="5574" spans="2:12">
      <c r="B5574" s="359"/>
      <c r="C5574" s="360"/>
      <c r="D5574" s="360"/>
      <c r="E5574" s="360"/>
      <c r="F5574" s="360"/>
      <c r="G5574" s="360"/>
      <c r="H5574" s="360"/>
      <c r="I5574" s="360"/>
      <c r="J5574" s="359"/>
      <c r="K5574" s="359"/>
      <c r="L5574" s="359"/>
    </row>
    <row r="5575" spans="2:12">
      <c r="B5575" s="359"/>
      <c r="C5575" s="360"/>
      <c r="D5575" s="360"/>
      <c r="E5575" s="360"/>
      <c r="F5575" s="359" t="s">
        <v>14420</v>
      </c>
      <c r="G5575" s="359" t="s">
        <v>14429</v>
      </c>
      <c r="H5575" s="359" t="s">
        <v>14422</v>
      </c>
      <c r="I5575" s="359" t="s">
        <v>14429</v>
      </c>
      <c r="J5575" s="359"/>
      <c r="K5575" s="359"/>
      <c r="L5575" s="359"/>
    </row>
    <row r="5576" spans="2:12">
      <c r="B5576" s="359"/>
      <c r="C5576" s="360"/>
      <c r="D5576" s="360"/>
      <c r="E5576" s="360"/>
      <c r="F5576" s="360"/>
      <c r="G5576" s="360"/>
      <c r="H5576" s="360"/>
      <c r="I5576" s="360"/>
      <c r="J5576" s="359"/>
      <c r="K5576" s="359"/>
      <c r="L5576" s="359"/>
    </row>
    <row r="5577" spans="2:12">
      <c r="B5577" s="359"/>
      <c r="C5577" s="360"/>
      <c r="D5577" s="360"/>
      <c r="E5577" s="360"/>
      <c r="F5577" s="359" t="s">
        <v>14371</v>
      </c>
      <c r="G5577" s="359" t="s">
        <v>14372</v>
      </c>
      <c r="H5577" s="360"/>
      <c r="I5577" s="359" t="s">
        <v>14373</v>
      </c>
      <c r="J5577" s="359"/>
      <c r="K5577" s="359"/>
      <c r="L5577" s="359"/>
    </row>
    <row r="5578" spans="2:12">
      <c r="B5578" s="359"/>
      <c r="C5578" s="360"/>
      <c r="D5578" s="360"/>
      <c r="E5578" s="360"/>
      <c r="F5578" s="360"/>
      <c r="G5578" s="360"/>
      <c r="H5578" s="360"/>
      <c r="I5578" s="360"/>
      <c r="J5578" s="359"/>
      <c r="K5578" s="359"/>
      <c r="L5578" s="359"/>
    </row>
    <row r="5579" spans="2:12" ht="28.5">
      <c r="B5579" s="361"/>
      <c r="C5579" s="362"/>
      <c r="D5579" s="362"/>
      <c r="E5579" s="362"/>
      <c r="F5579" s="361" t="s">
        <v>14374</v>
      </c>
      <c r="G5579" s="361" t="s">
        <v>14373</v>
      </c>
      <c r="H5579" s="362"/>
      <c r="I5579" s="362"/>
      <c r="J5579" s="361"/>
      <c r="K5579" s="361"/>
      <c r="L5579" s="361"/>
    </row>
    <row r="5580" spans="2:12">
      <c r="B5580" s="358" t="s">
        <v>17035</v>
      </c>
      <c r="C5580" s="358" t="s">
        <v>17036</v>
      </c>
      <c r="D5580" s="358" t="s">
        <v>17037</v>
      </c>
      <c r="E5580" s="358" t="s">
        <v>17038</v>
      </c>
      <c r="F5580" s="358" t="s">
        <v>14420</v>
      </c>
      <c r="G5580" s="358" t="s">
        <v>14459</v>
      </c>
      <c r="H5580" s="358" t="s">
        <v>14367</v>
      </c>
      <c r="I5580" s="358" t="s">
        <v>14459</v>
      </c>
      <c r="J5580" s="358"/>
      <c r="K5580" s="358" t="s">
        <v>14929</v>
      </c>
      <c r="L5580" s="358" t="s">
        <v>27406</v>
      </c>
    </row>
    <row r="5581" spans="2:12">
      <c r="B5581" s="359"/>
      <c r="C5581" s="359"/>
      <c r="D5581" s="359"/>
      <c r="E5581" s="359"/>
      <c r="F5581" s="360"/>
      <c r="G5581" s="360"/>
      <c r="H5581" s="360"/>
      <c r="I5581" s="360"/>
      <c r="J5581" s="359"/>
      <c r="K5581" s="359"/>
      <c r="L5581" s="359"/>
    </row>
    <row r="5582" spans="2:12">
      <c r="B5582" s="359"/>
      <c r="C5582" s="359"/>
      <c r="D5582" s="359"/>
      <c r="E5582" s="359"/>
      <c r="F5582" s="359" t="s">
        <v>14420</v>
      </c>
      <c r="G5582" s="359" t="s">
        <v>14421</v>
      </c>
      <c r="H5582" s="359" t="s">
        <v>14370</v>
      </c>
      <c r="I5582" s="359" t="s">
        <v>14421</v>
      </c>
      <c r="J5582" s="359"/>
      <c r="K5582" s="359"/>
      <c r="L5582" s="359"/>
    </row>
    <row r="5583" spans="2:12">
      <c r="B5583" s="359"/>
      <c r="C5583" s="359"/>
      <c r="D5583" s="359"/>
      <c r="E5583" s="359"/>
      <c r="F5583" s="360"/>
      <c r="G5583" s="360"/>
      <c r="H5583" s="360"/>
      <c r="I5583" s="360"/>
      <c r="J5583" s="359"/>
      <c r="K5583" s="359"/>
      <c r="L5583" s="359"/>
    </row>
    <row r="5584" spans="2:12">
      <c r="B5584" s="359"/>
      <c r="C5584" s="359"/>
      <c r="D5584" s="359"/>
      <c r="E5584" s="359"/>
      <c r="F5584" s="359" t="s">
        <v>14420</v>
      </c>
      <c r="G5584" s="359" t="s">
        <v>14429</v>
      </c>
      <c r="H5584" s="359" t="s">
        <v>14422</v>
      </c>
      <c r="I5584" s="359" t="s">
        <v>14429</v>
      </c>
      <c r="J5584" s="359"/>
      <c r="K5584" s="359"/>
      <c r="L5584" s="359"/>
    </row>
    <row r="5585" spans="2:12">
      <c r="B5585" s="359"/>
      <c r="C5585" s="359"/>
      <c r="D5585" s="359"/>
      <c r="E5585" s="359"/>
      <c r="F5585" s="360"/>
      <c r="G5585" s="360"/>
      <c r="H5585" s="360"/>
      <c r="I5585" s="360"/>
      <c r="J5585" s="359"/>
      <c r="K5585" s="359"/>
      <c r="L5585" s="359"/>
    </row>
    <row r="5586" spans="2:12">
      <c r="B5586" s="359"/>
      <c r="C5586" s="359"/>
      <c r="D5586" s="359"/>
      <c r="E5586" s="359"/>
      <c r="F5586" s="359" t="s">
        <v>14371</v>
      </c>
      <c r="G5586" s="359" t="s">
        <v>14372</v>
      </c>
      <c r="H5586" s="360"/>
      <c r="I5586" s="359" t="s">
        <v>14373</v>
      </c>
      <c r="J5586" s="359"/>
      <c r="K5586" s="359"/>
      <c r="L5586" s="359"/>
    </row>
    <row r="5587" spans="2:12">
      <c r="B5587" s="359"/>
      <c r="C5587" s="359"/>
      <c r="D5587" s="359"/>
      <c r="E5587" s="359"/>
      <c r="F5587" s="360"/>
      <c r="G5587" s="360"/>
      <c r="H5587" s="360"/>
      <c r="I5587" s="360"/>
      <c r="J5587" s="359"/>
      <c r="K5587" s="359"/>
      <c r="L5587" s="359"/>
    </row>
    <row r="5588" spans="2:12" ht="28.5">
      <c r="B5588" s="361"/>
      <c r="C5588" s="361"/>
      <c r="D5588" s="361"/>
      <c r="E5588" s="361"/>
      <c r="F5588" s="361" t="s">
        <v>14374</v>
      </c>
      <c r="G5588" s="361" t="s">
        <v>14373</v>
      </c>
      <c r="H5588" s="362"/>
      <c r="I5588" s="362"/>
      <c r="J5588" s="361"/>
      <c r="K5588" s="361"/>
      <c r="L5588" s="361"/>
    </row>
    <row r="5589" spans="2:12" ht="28.5">
      <c r="B5589" s="358" t="s">
        <v>17039</v>
      </c>
      <c r="C5589" s="358" t="s">
        <v>17040</v>
      </c>
      <c r="D5589" s="358" t="s">
        <v>8356</v>
      </c>
      <c r="E5589" s="358" t="s">
        <v>8356</v>
      </c>
      <c r="F5589" s="358" t="s">
        <v>14382</v>
      </c>
      <c r="G5589" s="358" t="s">
        <v>14483</v>
      </c>
      <c r="H5589" s="358" t="s">
        <v>14378</v>
      </c>
      <c r="I5589" s="358" t="s">
        <v>14483</v>
      </c>
      <c r="J5589" s="358"/>
      <c r="K5589" s="358" t="s">
        <v>28819</v>
      </c>
      <c r="L5589" s="358" t="s">
        <v>16902</v>
      </c>
    </row>
    <row r="5590" spans="2:12">
      <c r="B5590" s="359"/>
      <c r="C5590" s="359"/>
      <c r="D5590" s="359"/>
      <c r="E5590" s="359"/>
      <c r="F5590" s="360"/>
      <c r="G5590" s="360"/>
      <c r="H5590" s="360"/>
      <c r="I5590" s="360"/>
      <c r="J5590" s="359"/>
      <c r="K5590" s="359"/>
      <c r="L5590" s="359"/>
    </row>
    <row r="5591" spans="2:12">
      <c r="B5591" s="359"/>
      <c r="C5591" s="359"/>
      <c r="D5591" s="359"/>
      <c r="E5591" s="359"/>
      <c r="F5591" s="359" t="s">
        <v>14382</v>
      </c>
      <c r="G5591" s="359" t="s">
        <v>14579</v>
      </c>
      <c r="H5591" s="359" t="s">
        <v>14370</v>
      </c>
      <c r="I5591" s="359" t="s">
        <v>14579</v>
      </c>
      <c r="J5591" s="359"/>
      <c r="K5591" s="359"/>
      <c r="L5591" s="359"/>
    </row>
    <row r="5592" spans="2:12">
      <c r="B5592" s="359"/>
      <c r="C5592" s="359"/>
      <c r="D5592" s="359"/>
      <c r="E5592" s="359"/>
      <c r="F5592" s="360"/>
      <c r="G5592" s="360"/>
      <c r="H5592" s="360"/>
      <c r="I5592" s="360"/>
      <c r="J5592" s="359"/>
      <c r="K5592" s="359"/>
      <c r="L5592" s="359"/>
    </row>
    <row r="5593" spans="2:12">
      <c r="B5593" s="359"/>
      <c r="C5593" s="359"/>
      <c r="D5593" s="359"/>
      <c r="E5593" s="359"/>
      <c r="F5593" s="359" t="s">
        <v>14382</v>
      </c>
      <c r="G5593" s="359" t="s">
        <v>14383</v>
      </c>
      <c r="H5593" s="359" t="s">
        <v>14332</v>
      </c>
      <c r="I5593" s="359" t="s">
        <v>14383</v>
      </c>
      <c r="J5593" s="359"/>
      <c r="K5593" s="359"/>
      <c r="L5593" s="359"/>
    </row>
    <row r="5594" spans="2:12">
      <c r="B5594" s="359"/>
      <c r="C5594" s="359"/>
      <c r="D5594" s="359"/>
      <c r="E5594" s="359"/>
      <c r="F5594" s="360"/>
      <c r="G5594" s="360"/>
      <c r="H5594" s="360"/>
      <c r="I5594" s="360"/>
      <c r="J5594" s="359"/>
      <c r="K5594" s="359"/>
      <c r="L5594" s="359"/>
    </row>
    <row r="5595" spans="2:12">
      <c r="B5595" s="359"/>
      <c r="C5595" s="359"/>
      <c r="D5595" s="359"/>
      <c r="E5595" s="359"/>
      <c r="F5595" s="359" t="s">
        <v>14371</v>
      </c>
      <c r="G5595" s="359" t="s">
        <v>14372</v>
      </c>
      <c r="H5595" s="360"/>
      <c r="I5595" s="359" t="s">
        <v>14373</v>
      </c>
      <c r="J5595" s="359"/>
      <c r="K5595" s="359"/>
      <c r="L5595" s="359"/>
    </row>
    <row r="5596" spans="2:12">
      <c r="B5596" s="359"/>
      <c r="C5596" s="359"/>
      <c r="D5596" s="359"/>
      <c r="E5596" s="359"/>
      <c r="F5596" s="360"/>
      <c r="G5596" s="360"/>
      <c r="H5596" s="360"/>
      <c r="I5596" s="360"/>
      <c r="J5596" s="359"/>
      <c r="K5596" s="359"/>
      <c r="L5596" s="359"/>
    </row>
    <row r="5597" spans="2:12" ht="28.5">
      <c r="B5597" s="361"/>
      <c r="C5597" s="361"/>
      <c r="D5597" s="361"/>
      <c r="E5597" s="361"/>
      <c r="F5597" s="361" t="s">
        <v>14374</v>
      </c>
      <c r="G5597" s="361" t="s">
        <v>14373</v>
      </c>
      <c r="H5597" s="362"/>
      <c r="I5597" s="362"/>
      <c r="J5597" s="361"/>
      <c r="K5597" s="361"/>
      <c r="L5597" s="361"/>
    </row>
    <row r="5598" spans="2:12" ht="42.75">
      <c r="B5598" s="358" t="s">
        <v>17041</v>
      </c>
      <c r="C5598" s="358" t="s">
        <v>28820</v>
      </c>
      <c r="D5598" s="358" t="s">
        <v>17042</v>
      </c>
      <c r="E5598" s="358" t="s">
        <v>17043</v>
      </c>
      <c r="F5598" s="358" t="s">
        <v>14420</v>
      </c>
      <c r="G5598" s="358" t="s">
        <v>14459</v>
      </c>
      <c r="H5598" s="358" t="s">
        <v>14367</v>
      </c>
      <c r="I5598" s="358" t="s">
        <v>14459</v>
      </c>
      <c r="J5598" s="358"/>
      <c r="K5598" s="358" t="s">
        <v>14929</v>
      </c>
      <c r="L5598" s="358" t="s">
        <v>16902</v>
      </c>
    </row>
    <row r="5599" spans="2:12">
      <c r="B5599" s="359"/>
      <c r="C5599" s="359"/>
      <c r="D5599" s="360"/>
      <c r="E5599" s="360"/>
      <c r="F5599" s="360"/>
      <c r="G5599" s="360"/>
      <c r="H5599" s="360"/>
      <c r="I5599" s="360"/>
      <c r="J5599" s="359"/>
      <c r="K5599" s="359"/>
      <c r="L5599" s="359"/>
    </row>
    <row r="5600" spans="2:12" ht="28.5">
      <c r="B5600" s="359"/>
      <c r="C5600" s="359"/>
      <c r="D5600" s="359" t="s">
        <v>17044</v>
      </c>
      <c r="E5600" s="359" t="s">
        <v>17045</v>
      </c>
      <c r="F5600" s="359" t="s">
        <v>14420</v>
      </c>
      <c r="G5600" s="359" t="s">
        <v>14421</v>
      </c>
      <c r="H5600" s="359" t="s">
        <v>14370</v>
      </c>
      <c r="I5600" s="359" t="s">
        <v>14421</v>
      </c>
      <c r="J5600" s="359"/>
      <c r="K5600" s="359"/>
      <c r="L5600" s="359"/>
    </row>
    <row r="5601" spans="2:12">
      <c r="B5601" s="359"/>
      <c r="C5601" s="359"/>
      <c r="D5601" s="360"/>
      <c r="E5601" s="360"/>
      <c r="F5601" s="360"/>
      <c r="G5601" s="360"/>
      <c r="H5601" s="360"/>
      <c r="I5601" s="360"/>
      <c r="J5601" s="359"/>
      <c r="K5601" s="359"/>
      <c r="L5601" s="359"/>
    </row>
    <row r="5602" spans="2:12" ht="28.5">
      <c r="B5602" s="359"/>
      <c r="C5602" s="359"/>
      <c r="D5602" s="359" t="s">
        <v>17046</v>
      </c>
      <c r="E5602" s="359" t="s">
        <v>17047</v>
      </c>
      <c r="F5602" s="359" t="s">
        <v>14420</v>
      </c>
      <c r="G5602" s="359" t="s">
        <v>14429</v>
      </c>
      <c r="H5602" s="359" t="s">
        <v>14422</v>
      </c>
      <c r="I5602" s="359" t="s">
        <v>14429</v>
      </c>
      <c r="J5602" s="359"/>
      <c r="K5602" s="359"/>
      <c r="L5602" s="359"/>
    </row>
    <row r="5603" spans="2:12">
      <c r="B5603" s="359"/>
      <c r="C5603" s="359"/>
      <c r="D5603" s="360"/>
      <c r="E5603" s="360"/>
      <c r="F5603" s="360"/>
      <c r="G5603" s="360"/>
      <c r="H5603" s="360"/>
      <c r="I5603" s="360"/>
      <c r="J5603" s="359"/>
      <c r="K5603" s="359"/>
      <c r="L5603" s="359"/>
    </row>
    <row r="5604" spans="2:12">
      <c r="B5604" s="359"/>
      <c r="C5604" s="359"/>
      <c r="D5604" s="360"/>
      <c r="E5604" s="360"/>
      <c r="F5604" s="359" t="s">
        <v>14371</v>
      </c>
      <c r="G5604" s="359" t="s">
        <v>14372</v>
      </c>
      <c r="H5604" s="360"/>
      <c r="I5604" s="359" t="s">
        <v>14373</v>
      </c>
      <c r="J5604" s="359"/>
      <c r="K5604" s="359"/>
      <c r="L5604" s="359"/>
    </row>
    <row r="5605" spans="2:12">
      <c r="B5605" s="359"/>
      <c r="C5605" s="359"/>
      <c r="D5605" s="360"/>
      <c r="E5605" s="360"/>
      <c r="F5605" s="360"/>
      <c r="G5605" s="360"/>
      <c r="H5605" s="360"/>
      <c r="I5605" s="360"/>
      <c r="J5605" s="359"/>
      <c r="K5605" s="359"/>
      <c r="L5605" s="359"/>
    </row>
    <row r="5606" spans="2:12" ht="28.5">
      <c r="B5606" s="361"/>
      <c r="C5606" s="361"/>
      <c r="D5606" s="362"/>
      <c r="E5606" s="362"/>
      <c r="F5606" s="361" t="s">
        <v>14374</v>
      </c>
      <c r="G5606" s="361" t="s">
        <v>14373</v>
      </c>
      <c r="H5606" s="362"/>
      <c r="I5606" s="362"/>
      <c r="J5606" s="361"/>
      <c r="K5606" s="361"/>
      <c r="L5606" s="361"/>
    </row>
    <row r="5607" spans="2:12" ht="99.75">
      <c r="B5607" s="358" t="s">
        <v>17048</v>
      </c>
      <c r="C5607" s="358" t="s">
        <v>17049</v>
      </c>
      <c r="D5607" s="358" t="s">
        <v>8356</v>
      </c>
      <c r="E5607" s="358" t="s">
        <v>8356</v>
      </c>
      <c r="F5607" s="358" t="s">
        <v>14386</v>
      </c>
      <c r="G5607" s="358" t="s">
        <v>14387</v>
      </c>
      <c r="H5607" s="358" t="s">
        <v>14367</v>
      </c>
      <c r="I5607" s="358" t="s">
        <v>14387</v>
      </c>
      <c r="J5607" s="358"/>
      <c r="K5607" s="358" t="s">
        <v>28821</v>
      </c>
      <c r="L5607" s="358" t="s">
        <v>16902</v>
      </c>
    </row>
    <row r="5608" spans="2:12">
      <c r="B5608" s="359"/>
      <c r="C5608" s="359"/>
      <c r="D5608" s="359"/>
      <c r="E5608" s="359"/>
      <c r="F5608" s="360"/>
      <c r="G5608" s="360"/>
      <c r="H5608" s="360"/>
      <c r="I5608" s="360"/>
      <c r="J5608" s="359"/>
      <c r="K5608" s="359"/>
      <c r="L5608" s="359"/>
    </row>
    <row r="5609" spans="2:12">
      <c r="B5609" s="359"/>
      <c r="C5609" s="359"/>
      <c r="D5609" s="359"/>
      <c r="E5609" s="359"/>
      <c r="F5609" s="359" t="s">
        <v>14368</v>
      </c>
      <c r="G5609" s="359" t="s">
        <v>14388</v>
      </c>
      <c r="H5609" s="359" t="s">
        <v>14422</v>
      </c>
      <c r="I5609" s="359" t="s">
        <v>14388</v>
      </c>
      <c r="J5609" s="359"/>
      <c r="K5609" s="359"/>
      <c r="L5609" s="359"/>
    </row>
    <row r="5610" spans="2:12">
      <c r="B5610" s="359"/>
      <c r="C5610" s="359"/>
      <c r="D5610" s="359"/>
      <c r="E5610" s="359"/>
      <c r="F5610" s="360"/>
      <c r="G5610" s="360"/>
      <c r="H5610" s="360"/>
      <c r="I5610" s="360"/>
      <c r="J5610" s="359"/>
      <c r="K5610" s="359"/>
      <c r="L5610" s="359"/>
    </row>
    <row r="5611" spans="2:12">
      <c r="B5611" s="359"/>
      <c r="C5611" s="359"/>
      <c r="D5611" s="359"/>
      <c r="E5611" s="359"/>
      <c r="F5611" s="359" t="s">
        <v>14389</v>
      </c>
      <c r="G5611" s="359" t="s">
        <v>14390</v>
      </c>
      <c r="H5611" s="360"/>
      <c r="I5611" s="359" t="s">
        <v>14390</v>
      </c>
      <c r="J5611" s="359"/>
      <c r="K5611" s="359"/>
      <c r="L5611" s="359"/>
    </row>
    <row r="5612" spans="2:12">
      <c r="B5612" s="359"/>
      <c r="C5612" s="359"/>
      <c r="D5612" s="359"/>
      <c r="E5612" s="359"/>
      <c r="F5612" s="360"/>
      <c r="G5612" s="360"/>
      <c r="H5612" s="360"/>
      <c r="I5612" s="360"/>
      <c r="J5612" s="359"/>
      <c r="K5612" s="359"/>
      <c r="L5612" s="359"/>
    </row>
    <row r="5613" spans="2:12" ht="28.5">
      <c r="B5613" s="361"/>
      <c r="C5613" s="361"/>
      <c r="D5613" s="361"/>
      <c r="E5613" s="361"/>
      <c r="F5613" s="361" t="s">
        <v>14462</v>
      </c>
      <c r="G5613" s="361" t="s">
        <v>14463</v>
      </c>
      <c r="H5613" s="362"/>
      <c r="I5613" s="361" t="s">
        <v>14463</v>
      </c>
      <c r="J5613" s="361"/>
      <c r="K5613" s="361"/>
      <c r="L5613" s="361"/>
    </row>
    <row r="5614" spans="2:12">
      <c r="B5614" s="358" t="s">
        <v>17050</v>
      </c>
      <c r="C5614" s="358" t="s">
        <v>17051</v>
      </c>
      <c r="D5614" s="358" t="s">
        <v>17052</v>
      </c>
      <c r="E5614" s="358" t="s">
        <v>6628</v>
      </c>
      <c r="F5614" s="358" t="s">
        <v>14379</v>
      </c>
      <c r="G5614" s="358" t="s">
        <v>14380</v>
      </c>
      <c r="H5614" s="358" t="s">
        <v>14378</v>
      </c>
      <c r="I5614" s="358" t="s">
        <v>14380</v>
      </c>
      <c r="J5614" s="358"/>
      <c r="K5614" s="358"/>
      <c r="L5614" s="358"/>
    </row>
    <row r="5615" spans="2:12">
      <c r="B5615" s="359"/>
      <c r="C5615" s="360"/>
      <c r="D5615" s="359"/>
      <c r="E5615" s="359"/>
      <c r="F5615" s="360"/>
      <c r="G5615" s="360"/>
      <c r="H5615" s="360"/>
      <c r="I5615" s="360"/>
      <c r="J5615" s="359"/>
      <c r="K5615" s="359"/>
      <c r="L5615" s="359"/>
    </row>
    <row r="5616" spans="2:12">
      <c r="B5616" s="359"/>
      <c r="C5616" s="359" t="s">
        <v>17053</v>
      </c>
      <c r="D5616" s="359"/>
      <c r="E5616" s="359"/>
      <c r="F5616" s="359" t="s">
        <v>14386</v>
      </c>
      <c r="G5616" s="359" t="s">
        <v>14387</v>
      </c>
      <c r="H5616" s="359" t="s">
        <v>14370</v>
      </c>
      <c r="I5616" s="359" t="s">
        <v>14387</v>
      </c>
      <c r="J5616" s="359"/>
      <c r="K5616" s="359"/>
      <c r="L5616" s="359"/>
    </row>
    <row r="5617" spans="2:12">
      <c r="B5617" s="359"/>
      <c r="C5617" s="360"/>
      <c r="D5617" s="359"/>
      <c r="E5617" s="359"/>
      <c r="F5617" s="360"/>
      <c r="G5617" s="360"/>
      <c r="H5617" s="360"/>
      <c r="I5617" s="360"/>
      <c r="J5617" s="359"/>
      <c r="K5617" s="359"/>
      <c r="L5617" s="359"/>
    </row>
    <row r="5618" spans="2:12">
      <c r="B5618" s="359"/>
      <c r="C5618" s="360"/>
      <c r="D5618" s="359"/>
      <c r="E5618" s="359"/>
      <c r="F5618" s="359" t="s">
        <v>14389</v>
      </c>
      <c r="G5618" s="359" t="s">
        <v>14390</v>
      </c>
      <c r="H5618" s="359" t="s">
        <v>14332</v>
      </c>
      <c r="I5618" s="359" t="s">
        <v>14390</v>
      </c>
      <c r="J5618" s="359"/>
      <c r="K5618" s="359"/>
      <c r="L5618" s="359"/>
    </row>
    <row r="5619" spans="2:12">
      <c r="B5619" s="359"/>
      <c r="C5619" s="360"/>
      <c r="D5619" s="359"/>
      <c r="E5619" s="359"/>
      <c r="F5619" s="360"/>
      <c r="G5619" s="360"/>
      <c r="H5619" s="360"/>
      <c r="I5619" s="360"/>
      <c r="J5619" s="359"/>
      <c r="K5619" s="359"/>
      <c r="L5619" s="359"/>
    </row>
    <row r="5620" spans="2:12">
      <c r="B5620" s="359"/>
      <c r="C5620" s="360"/>
      <c r="D5620" s="359"/>
      <c r="E5620" s="359"/>
      <c r="F5620" s="359" t="s">
        <v>14371</v>
      </c>
      <c r="G5620" s="359" t="s">
        <v>14372</v>
      </c>
      <c r="H5620" s="360"/>
      <c r="I5620" s="359" t="s">
        <v>14373</v>
      </c>
      <c r="J5620" s="359"/>
      <c r="K5620" s="359"/>
      <c r="L5620" s="359"/>
    </row>
    <row r="5621" spans="2:12">
      <c r="B5621" s="359"/>
      <c r="C5621" s="360"/>
      <c r="D5621" s="359"/>
      <c r="E5621" s="359"/>
      <c r="F5621" s="360"/>
      <c r="G5621" s="360"/>
      <c r="H5621" s="360"/>
      <c r="I5621" s="360"/>
      <c r="J5621" s="359"/>
      <c r="K5621" s="359"/>
      <c r="L5621" s="359"/>
    </row>
    <row r="5622" spans="2:12" ht="28.5">
      <c r="B5622" s="361"/>
      <c r="C5622" s="362"/>
      <c r="D5622" s="361"/>
      <c r="E5622" s="361"/>
      <c r="F5622" s="361" t="s">
        <v>14374</v>
      </c>
      <c r="G5622" s="361" t="s">
        <v>14373</v>
      </c>
      <c r="H5622" s="362"/>
      <c r="I5622" s="362"/>
      <c r="J5622" s="361"/>
      <c r="K5622" s="361"/>
      <c r="L5622" s="361"/>
    </row>
    <row r="5623" spans="2:12">
      <c r="B5623" s="358" t="s">
        <v>17054</v>
      </c>
      <c r="C5623" s="358" t="s">
        <v>17055</v>
      </c>
      <c r="D5623" s="358" t="s">
        <v>17056</v>
      </c>
      <c r="E5623" s="358" t="s">
        <v>17057</v>
      </c>
      <c r="F5623" s="358" t="s">
        <v>14356</v>
      </c>
      <c r="G5623" s="358" t="s">
        <v>14340</v>
      </c>
      <c r="H5623" s="358" t="s">
        <v>14341</v>
      </c>
      <c r="I5623" s="358" t="s">
        <v>14340</v>
      </c>
      <c r="J5623" s="358"/>
      <c r="K5623" s="358"/>
      <c r="L5623" s="358"/>
    </row>
    <row r="5624" spans="2:12">
      <c r="B5624" s="359"/>
      <c r="C5624" s="359"/>
      <c r="D5624" s="359"/>
      <c r="E5624" s="359"/>
      <c r="F5624" s="360"/>
      <c r="G5624" s="360"/>
      <c r="H5624" s="360"/>
      <c r="I5624" s="360"/>
      <c r="J5624" s="359"/>
      <c r="K5624" s="359"/>
      <c r="L5624" s="359"/>
    </row>
    <row r="5625" spans="2:12">
      <c r="B5625" s="359"/>
      <c r="C5625" s="359"/>
      <c r="D5625" s="359"/>
      <c r="E5625" s="359"/>
      <c r="F5625" s="359" t="s">
        <v>14420</v>
      </c>
      <c r="G5625" s="359" t="s">
        <v>14429</v>
      </c>
      <c r="H5625" s="359" t="s">
        <v>14367</v>
      </c>
      <c r="I5625" s="359" t="s">
        <v>14429</v>
      </c>
      <c r="J5625" s="359"/>
      <c r="K5625" s="359"/>
      <c r="L5625" s="359"/>
    </row>
    <row r="5626" spans="2:12">
      <c r="B5626" s="359"/>
      <c r="C5626" s="359"/>
      <c r="D5626" s="359"/>
      <c r="E5626" s="359"/>
      <c r="F5626" s="360"/>
      <c r="G5626" s="360"/>
      <c r="H5626" s="360"/>
      <c r="I5626" s="360"/>
      <c r="J5626" s="359"/>
      <c r="K5626" s="359"/>
      <c r="L5626" s="359"/>
    </row>
    <row r="5627" spans="2:12">
      <c r="B5627" s="359"/>
      <c r="C5627" s="359"/>
      <c r="D5627" s="359"/>
      <c r="E5627" s="359"/>
      <c r="F5627" s="359" t="s">
        <v>14391</v>
      </c>
      <c r="G5627" s="359" t="s">
        <v>14392</v>
      </c>
      <c r="H5627" s="359" t="s">
        <v>14370</v>
      </c>
      <c r="I5627" s="359" t="s">
        <v>14392</v>
      </c>
      <c r="J5627" s="359"/>
      <c r="K5627" s="359"/>
      <c r="L5627" s="359"/>
    </row>
    <row r="5628" spans="2:12">
      <c r="B5628" s="359"/>
      <c r="C5628" s="359"/>
      <c r="D5628" s="359"/>
      <c r="E5628" s="359"/>
      <c r="F5628" s="360"/>
      <c r="G5628" s="360"/>
      <c r="H5628" s="360"/>
      <c r="I5628" s="360"/>
      <c r="J5628" s="359"/>
      <c r="K5628" s="359"/>
      <c r="L5628" s="359"/>
    </row>
    <row r="5629" spans="2:12" ht="28.5">
      <c r="B5629" s="361"/>
      <c r="C5629" s="361"/>
      <c r="D5629" s="361"/>
      <c r="E5629" s="361"/>
      <c r="F5629" s="361" t="s">
        <v>14394</v>
      </c>
      <c r="G5629" s="361" t="s">
        <v>14395</v>
      </c>
      <c r="H5629" s="361" t="s">
        <v>14332</v>
      </c>
      <c r="I5629" s="361" t="s">
        <v>14395</v>
      </c>
      <c r="J5629" s="361"/>
      <c r="K5629" s="361"/>
      <c r="L5629" s="361"/>
    </row>
    <row r="5630" spans="2:12">
      <c r="B5630" s="358" t="s">
        <v>17058</v>
      </c>
      <c r="C5630" s="358" t="s">
        <v>17059</v>
      </c>
      <c r="D5630" s="358" t="s">
        <v>17060</v>
      </c>
      <c r="E5630" s="358" t="s">
        <v>6721</v>
      </c>
      <c r="F5630" s="358" t="s">
        <v>14379</v>
      </c>
      <c r="G5630" s="358" t="s">
        <v>14380</v>
      </c>
      <c r="H5630" s="358" t="s">
        <v>14378</v>
      </c>
      <c r="I5630" s="358" t="s">
        <v>14380</v>
      </c>
      <c r="J5630" s="358"/>
      <c r="K5630" s="358"/>
      <c r="L5630" s="358"/>
    </row>
    <row r="5631" spans="2:12">
      <c r="B5631" s="359"/>
      <c r="C5631" s="360"/>
      <c r="D5631" s="359"/>
      <c r="E5631" s="359"/>
      <c r="F5631" s="360"/>
      <c r="G5631" s="360"/>
      <c r="H5631" s="360"/>
      <c r="I5631" s="360"/>
      <c r="J5631" s="359"/>
      <c r="K5631" s="359"/>
      <c r="L5631" s="359"/>
    </row>
    <row r="5632" spans="2:12">
      <c r="B5632" s="359"/>
      <c r="C5632" s="359" t="s">
        <v>27516</v>
      </c>
      <c r="D5632" s="359"/>
      <c r="E5632" s="359"/>
      <c r="F5632" s="359" t="s">
        <v>14382</v>
      </c>
      <c r="G5632" s="359" t="s">
        <v>14383</v>
      </c>
      <c r="H5632" s="359" t="s">
        <v>14341</v>
      </c>
      <c r="I5632" s="359" t="s">
        <v>14383</v>
      </c>
      <c r="J5632" s="359"/>
      <c r="K5632" s="359"/>
      <c r="L5632" s="359"/>
    </row>
    <row r="5633" spans="2:12">
      <c r="B5633" s="359"/>
      <c r="C5633" s="360"/>
      <c r="D5633" s="359"/>
      <c r="E5633" s="359"/>
      <c r="F5633" s="360"/>
      <c r="G5633" s="360"/>
      <c r="H5633" s="360"/>
      <c r="I5633" s="360"/>
      <c r="J5633" s="359"/>
      <c r="K5633" s="359"/>
      <c r="L5633" s="359"/>
    </row>
    <row r="5634" spans="2:12">
      <c r="B5634" s="359"/>
      <c r="C5634" s="360"/>
      <c r="D5634" s="359"/>
      <c r="E5634" s="359"/>
      <c r="F5634" s="359" t="s">
        <v>14368</v>
      </c>
      <c r="G5634" s="359" t="s">
        <v>14388</v>
      </c>
      <c r="H5634" s="359" t="s">
        <v>14370</v>
      </c>
      <c r="I5634" s="359" t="s">
        <v>14388</v>
      </c>
      <c r="J5634" s="359"/>
      <c r="K5634" s="359"/>
      <c r="L5634" s="359"/>
    </row>
    <row r="5635" spans="2:12">
      <c r="B5635" s="359"/>
      <c r="C5635" s="360"/>
      <c r="D5635" s="359"/>
      <c r="E5635" s="359"/>
      <c r="F5635" s="360"/>
      <c r="G5635" s="360"/>
      <c r="H5635" s="360"/>
      <c r="I5635" s="360"/>
      <c r="J5635" s="359"/>
      <c r="K5635" s="359"/>
      <c r="L5635" s="359"/>
    </row>
    <row r="5636" spans="2:12">
      <c r="B5636" s="359"/>
      <c r="C5636" s="360"/>
      <c r="D5636" s="359"/>
      <c r="E5636" s="359"/>
      <c r="F5636" s="359" t="s">
        <v>14389</v>
      </c>
      <c r="G5636" s="359" t="s">
        <v>14390</v>
      </c>
      <c r="H5636" s="359" t="s">
        <v>14332</v>
      </c>
      <c r="I5636" s="359" t="s">
        <v>14390</v>
      </c>
      <c r="J5636" s="359"/>
      <c r="K5636" s="359"/>
      <c r="L5636" s="359"/>
    </row>
    <row r="5637" spans="2:12">
      <c r="B5637" s="359"/>
      <c r="C5637" s="360"/>
      <c r="D5637" s="359"/>
      <c r="E5637" s="359"/>
      <c r="F5637" s="360"/>
      <c r="G5637" s="360"/>
      <c r="H5637" s="360"/>
      <c r="I5637" s="360"/>
      <c r="J5637" s="359"/>
      <c r="K5637" s="359"/>
      <c r="L5637" s="359"/>
    </row>
    <row r="5638" spans="2:12">
      <c r="B5638" s="359"/>
      <c r="C5638" s="360"/>
      <c r="D5638" s="359"/>
      <c r="E5638" s="359"/>
      <c r="F5638" s="359" t="s">
        <v>14430</v>
      </c>
      <c r="G5638" s="359" t="s">
        <v>14431</v>
      </c>
      <c r="H5638" s="360"/>
      <c r="I5638" s="359" t="s">
        <v>14431</v>
      </c>
      <c r="J5638" s="359"/>
      <c r="K5638" s="359"/>
      <c r="L5638" s="359"/>
    </row>
    <row r="5639" spans="2:12">
      <c r="B5639" s="359"/>
      <c r="C5639" s="360"/>
      <c r="D5639" s="359"/>
      <c r="E5639" s="359"/>
      <c r="F5639" s="360"/>
      <c r="G5639" s="360"/>
      <c r="H5639" s="360"/>
      <c r="I5639" s="360"/>
      <c r="J5639" s="359"/>
      <c r="K5639" s="359"/>
      <c r="L5639" s="359"/>
    </row>
    <row r="5640" spans="2:12">
      <c r="B5640" s="359"/>
      <c r="C5640" s="360"/>
      <c r="D5640" s="359"/>
      <c r="E5640" s="359"/>
      <c r="F5640" s="359" t="s">
        <v>14371</v>
      </c>
      <c r="G5640" s="359" t="s">
        <v>14372</v>
      </c>
      <c r="H5640" s="360"/>
      <c r="I5640" s="359" t="s">
        <v>14373</v>
      </c>
      <c r="J5640" s="359"/>
      <c r="K5640" s="359"/>
      <c r="L5640" s="359"/>
    </row>
    <row r="5641" spans="2:12">
      <c r="B5641" s="359"/>
      <c r="C5641" s="360"/>
      <c r="D5641" s="359"/>
      <c r="E5641" s="359"/>
      <c r="F5641" s="360"/>
      <c r="G5641" s="360"/>
      <c r="H5641" s="360"/>
      <c r="I5641" s="360"/>
      <c r="J5641" s="359"/>
      <c r="K5641" s="359"/>
      <c r="L5641" s="359"/>
    </row>
    <row r="5642" spans="2:12" ht="28.5">
      <c r="B5642" s="361"/>
      <c r="C5642" s="362"/>
      <c r="D5642" s="361"/>
      <c r="E5642" s="361"/>
      <c r="F5642" s="361" t="s">
        <v>14374</v>
      </c>
      <c r="G5642" s="361" t="s">
        <v>14373</v>
      </c>
      <c r="H5642" s="362"/>
      <c r="I5642" s="362"/>
      <c r="J5642" s="361"/>
      <c r="K5642" s="361"/>
      <c r="L5642" s="361"/>
    </row>
    <row r="5643" spans="2:12" ht="28.5">
      <c r="B5643" s="358" t="s">
        <v>17061</v>
      </c>
      <c r="C5643" s="358" t="s">
        <v>17062</v>
      </c>
      <c r="D5643" s="358" t="s">
        <v>17063</v>
      </c>
      <c r="E5643" s="358" t="s">
        <v>17064</v>
      </c>
      <c r="F5643" s="358" t="s">
        <v>14384</v>
      </c>
      <c r="G5643" s="358" t="s">
        <v>14385</v>
      </c>
      <c r="H5643" s="358" t="s">
        <v>14381</v>
      </c>
      <c r="I5643" s="358" t="s">
        <v>28822</v>
      </c>
      <c r="J5643" s="358"/>
      <c r="K5643" s="358"/>
      <c r="L5643" s="358"/>
    </row>
    <row r="5644" spans="2:12">
      <c r="B5644" s="359"/>
      <c r="C5644" s="359"/>
      <c r="D5644" s="359"/>
      <c r="E5644" s="359"/>
      <c r="F5644" s="360"/>
      <c r="G5644" s="360"/>
      <c r="H5644" s="360"/>
      <c r="I5644" s="360"/>
      <c r="J5644" s="359"/>
      <c r="K5644" s="359"/>
      <c r="L5644" s="359"/>
    </row>
    <row r="5645" spans="2:12">
      <c r="B5645" s="359"/>
      <c r="C5645" s="359"/>
      <c r="D5645" s="359"/>
      <c r="E5645" s="359"/>
      <c r="F5645" s="359" t="s">
        <v>14389</v>
      </c>
      <c r="G5645" s="359" t="s">
        <v>14390</v>
      </c>
      <c r="H5645" s="359" t="s">
        <v>14367</v>
      </c>
      <c r="I5645" s="359" t="s">
        <v>14463</v>
      </c>
      <c r="J5645" s="359"/>
      <c r="K5645" s="359"/>
      <c r="L5645" s="359"/>
    </row>
    <row r="5646" spans="2:12">
      <c r="B5646" s="359"/>
      <c r="C5646" s="359"/>
      <c r="D5646" s="359"/>
      <c r="E5646" s="359"/>
      <c r="F5646" s="360"/>
      <c r="G5646" s="360"/>
      <c r="H5646" s="360"/>
      <c r="I5646" s="360"/>
      <c r="J5646" s="359"/>
      <c r="K5646" s="359"/>
      <c r="L5646" s="359"/>
    </row>
    <row r="5647" spans="2:12" ht="28.5">
      <c r="B5647" s="361"/>
      <c r="C5647" s="361"/>
      <c r="D5647" s="361"/>
      <c r="E5647" s="361"/>
      <c r="F5647" s="361" t="s">
        <v>14462</v>
      </c>
      <c r="G5647" s="361" t="s">
        <v>14463</v>
      </c>
      <c r="H5647" s="361" t="s">
        <v>14332</v>
      </c>
      <c r="I5647" s="362"/>
      <c r="J5647" s="361"/>
      <c r="K5647" s="361"/>
      <c r="L5647" s="361"/>
    </row>
    <row r="5648" spans="2:12">
      <c r="B5648" s="358" t="s">
        <v>17065</v>
      </c>
      <c r="C5648" s="358" t="s">
        <v>17066</v>
      </c>
      <c r="D5648" s="358" t="s">
        <v>17067</v>
      </c>
      <c r="E5648" s="358" t="s">
        <v>3462</v>
      </c>
      <c r="F5648" s="358" t="s">
        <v>14382</v>
      </c>
      <c r="G5648" s="358" t="s">
        <v>14483</v>
      </c>
      <c r="H5648" s="358" t="s">
        <v>14378</v>
      </c>
      <c r="I5648" s="358" t="s">
        <v>14483</v>
      </c>
      <c r="J5648" s="358"/>
      <c r="K5648" s="358"/>
      <c r="L5648" s="358"/>
    </row>
    <row r="5649" spans="2:12">
      <c r="B5649" s="359"/>
      <c r="C5649" s="359"/>
      <c r="D5649" s="359"/>
      <c r="E5649" s="359"/>
      <c r="F5649" s="360"/>
      <c r="G5649" s="360"/>
      <c r="H5649" s="360"/>
      <c r="I5649" s="360"/>
      <c r="J5649" s="359"/>
      <c r="K5649" s="359"/>
      <c r="L5649" s="359"/>
    </row>
    <row r="5650" spans="2:12">
      <c r="B5650" s="359"/>
      <c r="C5650" s="359"/>
      <c r="D5650" s="359"/>
      <c r="E5650" s="359"/>
      <c r="F5650" s="359" t="s">
        <v>14384</v>
      </c>
      <c r="G5650" s="359" t="s">
        <v>14428</v>
      </c>
      <c r="H5650" s="359" t="s">
        <v>14381</v>
      </c>
      <c r="I5650" s="359" t="s">
        <v>14428</v>
      </c>
      <c r="J5650" s="359"/>
      <c r="K5650" s="359"/>
      <c r="L5650" s="359"/>
    </row>
    <row r="5651" spans="2:12">
      <c r="B5651" s="359"/>
      <c r="C5651" s="359"/>
      <c r="D5651" s="359"/>
      <c r="E5651" s="359"/>
      <c r="F5651" s="360"/>
      <c r="G5651" s="360"/>
      <c r="H5651" s="360"/>
      <c r="I5651" s="360"/>
      <c r="J5651" s="359"/>
      <c r="K5651" s="359"/>
      <c r="L5651" s="359"/>
    </row>
    <row r="5652" spans="2:12" ht="28.5">
      <c r="B5652" s="361"/>
      <c r="C5652" s="361"/>
      <c r="D5652" s="361"/>
      <c r="E5652" s="361"/>
      <c r="F5652" s="361" t="s">
        <v>14472</v>
      </c>
      <c r="G5652" s="361" t="s">
        <v>14473</v>
      </c>
      <c r="H5652" s="361" t="s">
        <v>14332</v>
      </c>
      <c r="I5652" s="361" t="s">
        <v>14473</v>
      </c>
      <c r="J5652" s="361"/>
      <c r="K5652" s="361"/>
      <c r="L5652" s="361"/>
    </row>
    <row r="5653" spans="2:12" ht="85.5">
      <c r="B5653" s="358" t="s">
        <v>13036</v>
      </c>
      <c r="C5653" s="358" t="s">
        <v>17068</v>
      </c>
      <c r="D5653" s="358" t="s">
        <v>219</v>
      </c>
      <c r="E5653" s="358" t="s">
        <v>220</v>
      </c>
      <c r="F5653" s="358" t="s">
        <v>14426</v>
      </c>
      <c r="G5653" s="358" t="s">
        <v>14427</v>
      </c>
      <c r="H5653" s="358" t="s">
        <v>14378</v>
      </c>
      <c r="I5653" s="358" t="s">
        <v>14427</v>
      </c>
      <c r="J5653" s="358"/>
      <c r="K5653" s="358" t="s">
        <v>28823</v>
      </c>
      <c r="L5653" s="358"/>
    </row>
    <row r="5654" spans="2:12">
      <c r="B5654" s="359"/>
      <c r="C5654" s="360"/>
      <c r="D5654" s="359"/>
      <c r="E5654" s="359"/>
      <c r="F5654" s="360"/>
      <c r="G5654" s="360"/>
      <c r="H5654" s="360"/>
      <c r="I5654" s="360"/>
      <c r="J5654" s="359"/>
      <c r="K5654" s="360"/>
      <c r="L5654" s="359"/>
    </row>
    <row r="5655" spans="2:12" ht="42.75">
      <c r="B5655" s="359"/>
      <c r="C5655" s="359" t="s">
        <v>13035</v>
      </c>
      <c r="D5655" s="359"/>
      <c r="E5655" s="359"/>
      <c r="F5655" s="359" t="s">
        <v>14424</v>
      </c>
      <c r="G5655" s="359" t="s">
        <v>14425</v>
      </c>
      <c r="H5655" s="359" t="s">
        <v>14341</v>
      </c>
      <c r="I5655" s="359" t="s">
        <v>28804</v>
      </c>
      <c r="J5655" s="359"/>
      <c r="K5655" s="359" t="s">
        <v>28695</v>
      </c>
      <c r="L5655" s="359"/>
    </row>
    <row r="5656" spans="2:12">
      <c r="B5656" s="359"/>
      <c r="C5656" s="360"/>
      <c r="D5656" s="359"/>
      <c r="E5656" s="359"/>
      <c r="F5656" s="360"/>
      <c r="G5656" s="360"/>
      <c r="H5656" s="360"/>
      <c r="I5656" s="360"/>
      <c r="J5656" s="359"/>
      <c r="K5656" s="360"/>
      <c r="L5656" s="359"/>
    </row>
    <row r="5657" spans="2:12">
      <c r="B5657" s="359"/>
      <c r="C5657" s="360"/>
      <c r="D5657" s="359"/>
      <c r="E5657" s="359"/>
      <c r="F5657" s="359" t="s">
        <v>14379</v>
      </c>
      <c r="G5657" s="359" t="s">
        <v>14380</v>
      </c>
      <c r="H5657" s="359" t="s">
        <v>14381</v>
      </c>
      <c r="I5657" s="359" t="s">
        <v>14383</v>
      </c>
      <c r="J5657" s="359"/>
      <c r="K5657" s="359" t="s">
        <v>28694</v>
      </c>
      <c r="L5657" s="359"/>
    </row>
    <row r="5658" spans="2:12">
      <c r="B5658" s="359"/>
      <c r="C5658" s="360"/>
      <c r="D5658" s="359"/>
      <c r="E5658" s="359"/>
      <c r="F5658" s="360"/>
      <c r="G5658" s="360"/>
      <c r="H5658" s="360"/>
      <c r="I5658" s="360"/>
      <c r="J5658" s="359"/>
      <c r="K5658" s="360"/>
      <c r="L5658" s="359"/>
    </row>
    <row r="5659" spans="2:12" ht="42.75">
      <c r="B5659" s="359"/>
      <c r="C5659" s="360"/>
      <c r="D5659" s="359"/>
      <c r="E5659" s="359"/>
      <c r="F5659" s="359" t="s">
        <v>14382</v>
      </c>
      <c r="G5659" s="359" t="s">
        <v>14383</v>
      </c>
      <c r="H5659" s="359" t="s">
        <v>14370</v>
      </c>
      <c r="I5659" s="359" t="s">
        <v>14421</v>
      </c>
      <c r="J5659" s="359"/>
      <c r="K5659" s="359" t="s">
        <v>28824</v>
      </c>
      <c r="L5659" s="359"/>
    </row>
    <row r="5660" spans="2:12">
      <c r="B5660" s="359"/>
      <c r="C5660" s="360"/>
      <c r="D5660" s="359"/>
      <c r="E5660" s="359"/>
      <c r="F5660" s="360"/>
      <c r="G5660" s="360"/>
      <c r="H5660" s="360"/>
      <c r="I5660" s="360"/>
      <c r="J5660" s="359"/>
      <c r="K5660" s="360"/>
      <c r="L5660" s="359"/>
    </row>
    <row r="5661" spans="2:12">
      <c r="B5661" s="359"/>
      <c r="C5661" s="360"/>
      <c r="D5661" s="359"/>
      <c r="E5661" s="359"/>
      <c r="F5661" s="359" t="s">
        <v>14420</v>
      </c>
      <c r="G5661" s="359" t="s">
        <v>14421</v>
      </c>
      <c r="H5661" s="359" t="s">
        <v>14332</v>
      </c>
      <c r="I5661" s="359" t="s">
        <v>14428</v>
      </c>
      <c r="J5661" s="359"/>
      <c r="K5661" s="359" t="s">
        <v>14820</v>
      </c>
      <c r="L5661" s="359"/>
    </row>
    <row r="5662" spans="2:12">
      <c r="B5662" s="359"/>
      <c r="C5662" s="360"/>
      <c r="D5662" s="359"/>
      <c r="E5662" s="359"/>
      <c r="F5662" s="360"/>
      <c r="G5662" s="360"/>
      <c r="H5662" s="360"/>
      <c r="I5662" s="360"/>
      <c r="J5662" s="359"/>
      <c r="K5662" s="360"/>
      <c r="L5662" s="359"/>
    </row>
    <row r="5663" spans="2:12">
      <c r="B5663" s="359"/>
      <c r="C5663" s="360"/>
      <c r="D5663" s="359"/>
      <c r="E5663" s="359"/>
      <c r="F5663" s="359" t="s">
        <v>14384</v>
      </c>
      <c r="G5663" s="359" t="s">
        <v>14428</v>
      </c>
      <c r="H5663" s="360"/>
      <c r="I5663" s="359" t="s">
        <v>14340</v>
      </c>
      <c r="J5663" s="359"/>
      <c r="K5663" s="360"/>
      <c r="L5663" s="359"/>
    </row>
    <row r="5664" spans="2:12">
      <c r="B5664" s="359"/>
      <c r="C5664" s="360"/>
      <c r="D5664" s="359"/>
      <c r="E5664" s="359"/>
      <c r="F5664" s="360"/>
      <c r="G5664" s="360"/>
      <c r="H5664" s="360"/>
      <c r="I5664" s="360"/>
      <c r="J5664" s="359"/>
      <c r="K5664" s="360"/>
      <c r="L5664" s="359"/>
    </row>
    <row r="5665" spans="2:12">
      <c r="B5665" s="359"/>
      <c r="C5665" s="360"/>
      <c r="D5665" s="359"/>
      <c r="E5665" s="359"/>
      <c r="F5665" s="359" t="s">
        <v>14356</v>
      </c>
      <c r="G5665" s="359" t="s">
        <v>14340</v>
      </c>
      <c r="H5665" s="360"/>
      <c r="I5665" s="359" t="s">
        <v>14373</v>
      </c>
      <c r="J5665" s="359"/>
      <c r="K5665" s="360"/>
      <c r="L5665" s="359"/>
    </row>
    <row r="5666" spans="2:12">
      <c r="B5666" s="359"/>
      <c r="C5666" s="360"/>
      <c r="D5666" s="359"/>
      <c r="E5666" s="359"/>
      <c r="F5666" s="360"/>
      <c r="G5666" s="360"/>
      <c r="H5666" s="360"/>
      <c r="I5666" s="360"/>
      <c r="J5666" s="359"/>
      <c r="K5666" s="360"/>
      <c r="L5666" s="359"/>
    </row>
    <row r="5667" spans="2:12">
      <c r="B5667" s="359"/>
      <c r="C5667" s="360"/>
      <c r="D5667" s="359"/>
      <c r="E5667" s="359"/>
      <c r="F5667" s="359" t="s">
        <v>14371</v>
      </c>
      <c r="G5667" s="359" t="s">
        <v>14372</v>
      </c>
      <c r="H5667" s="360"/>
      <c r="I5667" s="360"/>
      <c r="J5667" s="359"/>
      <c r="K5667" s="360"/>
      <c r="L5667" s="359"/>
    </row>
    <row r="5668" spans="2:12">
      <c r="B5668" s="359"/>
      <c r="C5668" s="360"/>
      <c r="D5668" s="359"/>
      <c r="E5668" s="359"/>
      <c r="F5668" s="360"/>
      <c r="G5668" s="360"/>
      <c r="H5668" s="360"/>
      <c r="I5668" s="360"/>
      <c r="J5668" s="359"/>
      <c r="K5668" s="360"/>
      <c r="L5668" s="359"/>
    </row>
    <row r="5669" spans="2:12" ht="28.5">
      <c r="B5669" s="361"/>
      <c r="C5669" s="362"/>
      <c r="D5669" s="361"/>
      <c r="E5669" s="361"/>
      <c r="F5669" s="361" t="s">
        <v>14374</v>
      </c>
      <c r="G5669" s="361" t="s">
        <v>14373</v>
      </c>
      <c r="H5669" s="362"/>
      <c r="I5669" s="362"/>
      <c r="J5669" s="361"/>
      <c r="K5669" s="362"/>
      <c r="L5669" s="361"/>
    </row>
    <row r="5670" spans="2:12" ht="28.5">
      <c r="B5670" s="358" t="s">
        <v>17069</v>
      </c>
      <c r="C5670" s="358" t="s">
        <v>17070</v>
      </c>
      <c r="D5670" s="358" t="s">
        <v>17071</v>
      </c>
      <c r="E5670" s="358" t="s">
        <v>8356</v>
      </c>
      <c r="F5670" s="358" t="s">
        <v>14460</v>
      </c>
      <c r="G5670" s="358" t="s">
        <v>14461</v>
      </c>
      <c r="H5670" s="358" t="s">
        <v>14381</v>
      </c>
      <c r="I5670" s="358" t="s">
        <v>14461</v>
      </c>
      <c r="J5670" s="358"/>
      <c r="K5670" s="358" t="s">
        <v>14820</v>
      </c>
      <c r="L5670" s="358"/>
    </row>
    <row r="5671" spans="2:12">
      <c r="B5671" s="359"/>
      <c r="C5671" s="360"/>
      <c r="D5671" s="359"/>
      <c r="E5671" s="359"/>
      <c r="F5671" s="360"/>
      <c r="G5671" s="360"/>
      <c r="H5671" s="360"/>
      <c r="I5671" s="360"/>
      <c r="J5671" s="359"/>
      <c r="K5671" s="359"/>
      <c r="L5671" s="359"/>
    </row>
    <row r="5672" spans="2:12" ht="28.5">
      <c r="B5672" s="359"/>
      <c r="C5672" s="359" t="s">
        <v>28825</v>
      </c>
      <c r="D5672" s="359"/>
      <c r="E5672" s="359"/>
      <c r="F5672" s="359" t="s">
        <v>14371</v>
      </c>
      <c r="G5672" s="359" t="s">
        <v>14372</v>
      </c>
      <c r="H5672" s="359" t="s">
        <v>14370</v>
      </c>
      <c r="I5672" s="359" t="s">
        <v>14373</v>
      </c>
      <c r="J5672" s="359"/>
      <c r="K5672" s="359"/>
      <c r="L5672" s="359"/>
    </row>
    <row r="5673" spans="2:12">
      <c r="B5673" s="359"/>
      <c r="C5673" s="360"/>
      <c r="D5673" s="359"/>
      <c r="E5673" s="359"/>
      <c r="F5673" s="360"/>
      <c r="G5673" s="360"/>
      <c r="H5673" s="360"/>
      <c r="I5673" s="360"/>
      <c r="J5673" s="359"/>
      <c r="K5673" s="359"/>
      <c r="L5673" s="359"/>
    </row>
    <row r="5674" spans="2:12" ht="28.5">
      <c r="B5674" s="361"/>
      <c r="C5674" s="361" t="s">
        <v>17072</v>
      </c>
      <c r="D5674" s="361"/>
      <c r="E5674" s="361"/>
      <c r="F5674" s="361" t="s">
        <v>14374</v>
      </c>
      <c r="G5674" s="361" t="s">
        <v>14373</v>
      </c>
      <c r="H5674" s="361" t="s">
        <v>14422</v>
      </c>
      <c r="I5674" s="362"/>
      <c r="J5674" s="361"/>
      <c r="K5674" s="361"/>
      <c r="L5674" s="361"/>
    </row>
    <row r="5675" spans="2:12" ht="28.5">
      <c r="B5675" s="358" t="s">
        <v>17073</v>
      </c>
      <c r="C5675" s="358" t="s">
        <v>30109</v>
      </c>
      <c r="D5675" s="358" t="s">
        <v>17074</v>
      </c>
      <c r="E5675" s="358" t="s">
        <v>8356</v>
      </c>
      <c r="F5675" s="358" t="s">
        <v>14384</v>
      </c>
      <c r="G5675" s="358" t="s">
        <v>14428</v>
      </c>
      <c r="H5675" s="358" t="s">
        <v>14341</v>
      </c>
      <c r="I5675" s="358" t="s">
        <v>14428</v>
      </c>
      <c r="J5675" s="358"/>
      <c r="K5675" s="358"/>
      <c r="L5675" s="358"/>
    </row>
    <row r="5676" spans="2:12">
      <c r="B5676" s="359"/>
      <c r="C5676" s="359"/>
      <c r="D5676" s="359"/>
      <c r="E5676" s="359"/>
      <c r="F5676" s="360"/>
      <c r="G5676" s="360"/>
      <c r="H5676" s="360"/>
      <c r="I5676" s="360"/>
      <c r="J5676" s="359"/>
      <c r="K5676" s="359"/>
      <c r="L5676" s="359"/>
    </row>
    <row r="5677" spans="2:12">
      <c r="B5677" s="359"/>
      <c r="C5677" s="359"/>
      <c r="D5677" s="359"/>
      <c r="E5677" s="359"/>
      <c r="F5677" s="359" t="s">
        <v>14420</v>
      </c>
      <c r="G5677" s="359" t="s">
        <v>14429</v>
      </c>
      <c r="H5677" s="359" t="s">
        <v>14381</v>
      </c>
      <c r="I5677" s="359" t="s">
        <v>14429</v>
      </c>
      <c r="J5677" s="359"/>
      <c r="K5677" s="359"/>
      <c r="L5677" s="359"/>
    </row>
    <row r="5678" spans="2:12">
      <c r="B5678" s="359"/>
      <c r="C5678" s="359"/>
      <c r="D5678" s="359"/>
      <c r="E5678" s="359"/>
      <c r="F5678" s="360"/>
      <c r="G5678" s="360"/>
      <c r="H5678" s="360"/>
      <c r="I5678" s="360"/>
      <c r="J5678" s="359"/>
      <c r="K5678" s="359"/>
      <c r="L5678" s="359"/>
    </row>
    <row r="5679" spans="2:12">
      <c r="B5679" s="359"/>
      <c r="C5679" s="359"/>
      <c r="D5679" s="359"/>
      <c r="E5679" s="359"/>
      <c r="F5679" s="359" t="s">
        <v>14389</v>
      </c>
      <c r="G5679" s="359" t="s">
        <v>14390</v>
      </c>
      <c r="H5679" s="359" t="s">
        <v>14367</v>
      </c>
      <c r="I5679" s="359" t="s">
        <v>14390</v>
      </c>
      <c r="J5679" s="359"/>
      <c r="K5679" s="359"/>
      <c r="L5679" s="359"/>
    </row>
    <row r="5680" spans="2:12">
      <c r="B5680" s="359"/>
      <c r="C5680" s="359"/>
      <c r="D5680" s="359"/>
      <c r="E5680" s="359"/>
      <c r="F5680" s="360"/>
      <c r="G5680" s="360"/>
      <c r="H5680" s="360"/>
      <c r="I5680" s="360"/>
      <c r="J5680" s="359"/>
      <c r="K5680" s="359"/>
      <c r="L5680" s="359"/>
    </row>
    <row r="5681" spans="2:12">
      <c r="B5681" s="359"/>
      <c r="C5681" s="359"/>
      <c r="D5681" s="359"/>
      <c r="E5681" s="359"/>
      <c r="F5681" s="359" t="s">
        <v>14430</v>
      </c>
      <c r="G5681" s="359" t="s">
        <v>14431</v>
      </c>
      <c r="H5681" s="359" t="s">
        <v>14370</v>
      </c>
      <c r="I5681" s="359" t="s">
        <v>14431</v>
      </c>
      <c r="J5681" s="359"/>
      <c r="K5681" s="359"/>
      <c r="L5681" s="359"/>
    </row>
    <row r="5682" spans="2:12">
      <c r="B5682" s="359"/>
      <c r="C5682" s="359"/>
      <c r="D5682" s="359"/>
      <c r="E5682" s="359"/>
      <c r="F5682" s="360"/>
      <c r="G5682" s="360"/>
      <c r="H5682" s="360"/>
      <c r="I5682" s="360"/>
      <c r="J5682" s="359"/>
      <c r="K5682" s="359"/>
      <c r="L5682" s="359"/>
    </row>
    <row r="5683" spans="2:12">
      <c r="B5683" s="359"/>
      <c r="C5683" s="359"/>
      <c r="D5683" s="359"/>
      <c r="E5683" s="359"/>
      <c r="F5683" s="359" t="s">
        <v>14391</v>
      </c>
      <c r="G5683" s="359" t="s">
        <v>14392</v>
      </c>
      <c r="H5683" s="359" t="s">
        <v>14332</v>
      </c>
      <c r="I5683" s="359" t="s">
        <v>14392</v>
      </c>
      <c r="J5683" s="359"/>
      <c r="K5683" s="359"/>
      <c r="L5683" s="359"/>
    </row>
    <row r="5684" spans="2:12">
      <c r="B5684" s="359"/>
      <c r="C5684" s="359"/>
      <c r="D5684" s="359"/>
      <c r="E5684" s="359"/>
      <c r="F5684" s="360"/>
      <c r="G5684" s="360"/>
      <c r="H5684" s="360"/>
      <c r="I5684" s="360"/>
      <c r="J5684" s="359"/>
      <c r="K5684" s="359"/>
      <c r="L5684" s="359"/>
    </row>
    <row r="5685" spans="2:12">
      <c r="B5685" s="359"/>
      <c r="C5685" s="359"/>
      <c r="D5685" s="359"/>
      <c r="E5685" s="359"/>
      <c r="F5685" s="359" t="s">
        <v>14371</v>
      </c>
      <c r="G5685" s="359" t="s">
        <v>14372</v>
      </c>
      <c r="H5685" s="360"/>
      <c r="I5685" s="359" t="s">
        <v>14373</v>
      </c>
      <c r="J5685" s="359"/>
      <c r="K5685" s="359"/>
      <c r="L5685" s="359"/>
    </row>
    <row r="5686" spans="2:12">
      <c r="B5686" s="359"/>
      <c r="C5686" s="359"/>
      <c r="D5686" s="359"/>
      <c r="E5686" s="359"/>
      <c r="F5686" s="360"/>
      <c r="G5686" s="360"/>
      <c r="H5686" s="360"/>
      <c r="I5686" s="360"/>
      <c r="J5686" s="359"/>
      <c r="K5686" s="359"/>
      <c r="L5686" s="359"/>
    </row>
    <row r="5687" spans="2:12" ht="28.5">
      <c r="B5687" s="361"/>
      <c r="C5687" s="361"/>
      <c r="D5687" s="361"/>
      <c r="E5687" s="361"/>
      <c r="F5687" s="361" t="s">
        <v>14374</v>
      </c>
      <c r="G5687" s="361" t="s">
        <v>14373</v>
      </c>
      <c r="H5687" s="362"/>
      <c r="I5687" s="362"/>
      <c r="J5687" s="361"/>
      <c r="K5687" s="361"/>
      <c r="L5687" s="361"/>
    </row>
    <row r="5688" spans="2:12">
      <c r="B5688" s="358" t="s">
        <v>17075</v>
      </c>
      <c r="C5688" s="358" t="s">
        <v>17076</v>
      </c>
      <c r="D5688" s="358" t="s">
        <v>17077</v>
      </c>
      <c r="E5688" s="358" t="s">
        <v>17078</v>
      </c>
      <c r="F5688" s="358" t="s">
        <v>14507</v>
      </c>
      <c r="G5688" s="358" t="s">
        <v>16971</v>
      </c>
      <c r="H5688" s="358" t="s">
        <v>14381</v>
      </c>
      <c r="I5688" s="358" t="s">
        <v>16971</v>
      </c>
      <c r="J5688" s="358"/>
      <c r="K5688" s="358"/>
      <c r="L5688" s="358"/>
    </row>
    <row r="5689" spans="2:12">
      <c r="B5689" s="359"/>
      <c r="C5689" s="359"/>
      <c r="D5689" s="359"/>
      <c r="E5689" s="359"/>
      <c r="F5689" s="359"/>
      <c r="G5689" s="359"/>
      <c r="H5689" s="360"/>
      <c r="I5689" s="359"/>
      <c r="J5689" s="359"/>
      <c r="K5689" s="359"/>
      <c r="L5689" s="359"/>
    </row>
    <row r="5690" spans="2:12">
      <c r="B5690" s="361"/>
      <c r="C5690" s="361"/>
      <c r="D5690" s="361"/>
      <c r="E5690" s="361"/>
      <c r="F5690" s="361"/>
      <c r="G5690" s="361"/>
      <c r="H5690" s="361" t="s">
        <v>14422</v>
      </c>
      <c r="I5690" s="361"/>
      <c r="J5690" s="361"/>
      <c r="K5690" s="361"/>
      <c r="L5690" s="361"/>
    </row>
    <row r="5691" spans="2:12" ht="42.75">
      <c r="B5691" s="358" t="s">
        <v>17079</v>
      </c>
      <c r="C5691" s="358" t="s">
        <v>17080</v>
      </c>
      <c r="D5691" s="358" t="s">
        <v>17081</v>
      </c>
      <c r="E5691" s="358" t="s">
        <v>17082</v>
      </c>
      <c r="F5691" s="358" t="s">
        <v>14507</v>
      </c>
      <c r="G5691" s="358" t="s">
        <v>16971</v>
      </c>
      <c r="H5691" s="358" t="s">
        <v>14381</v>
      </c>
      <c r="I5691" s="358" t="s">
        <v>16971</v>
      </c>
      <c r="J5691" s="358"/>
      <c r="K5691" s="358"/>
      <c r="L5691" s="358"/>
    </row>
    <row r="5692" spans="2:12">
      <c r="B5692" s="359"/>
      <c r="C5692" s="359"/>
      <c r="D5692" s="359"/>
      <c r="E5692" s="359"/>
      <c r="F5692" s="359"/>
      <c r="G5692" s="359"/>
      <c r="H5692" s="360"/>
      <c r="I5692" s="359"/>
      <c r="J5692" s="359"/>
      <c r="K5692" s="359"/>
      <c r="L5692" s="359"/>
    </row>
    <row r="5693" spans="2:12">
      <c r="B5693" s="361"/>
      <c r="C5693" s="361"/>
      <c r="D5693" s="361"/>
      <c r="E5693" s="361"/>
      <c r="F5693" s="361"/>
      <c r="G5693" s="361"/>
      <c r="H5693" s="361" t="s">
        <v>14422</v>
      </c>
      <c r="I5693" s="361"/>
      <c r="J5693" s="361"/>
      <c r="K5693" s="361"/>
      <c r="L5693" s="361"/>
    </row>
    <row r="5694" spans="2:12" ht="28.5">
      <c r="B5694" s="358" t="s">
        <v>13038</v>
      </c>
      <c r="C5694" s="358" t="s">
        <v>13037</v>
      </c>
      <c r="D5694" s="358" t="s">
        <v>114</v>
      </c>
      <c r="E5694" s="358" t="s">
        <v>115</v>
      </c>
      <c r="F5694" s="358" t="s">
        <v>14424</v>
      </c>
      <c r="G5694" s="358" t="s">
        <v>17083</v>
      </c>
      <c r="H5694" s="358" t="s">
        <v>14381</v>
      </c>
      <c r="I5694" s="358" t="s">
        <v>17083</v>
      </c>
      <c r="J5694" s="358"/>
      <c r="K5694" s="358"/>
      <c r="L5694" s="358"/>
    </row>
    <row r="5695" spans="2:12">
      <c r="B5695" s="359"/>
      <c r="C5695" s="359"/>
      <c r="D5695" s="359"/>
      <c r="E5695" s="359"/>
      <c r="F5695" s="359"/>
      <c r="G5695" s="359"/>
      <c r="H5695" s="360"/>
      <c r="I5695" s="359"/>
      <c r="J5695" s="359"/>
      <c r="K5695" s="359"/>
      <c r="L5695" s="359"/>
    </row>
    <row r="5696" spans="2:12">
      <c r="B5696" s="361"/>
      <c r="C5696" s="361"/>
      <c r="D5696" s="361"/>
      <c r="E5696" s="361"/>
      <c r="F5696" s="361"/>
      <c r="G5696" s="361"/>
      <c r="H5696" s="361" t="s">
        <v>14332</v>
      </c>
      <c r="I5696" s="361"/>
      <c r="J5696" s="361"/>
      <c r="K5696" s="361"/>
      <c r="L5696" s="361"/>
    </row>
    <row r="5697" spans="2:12" ht="28.5">
      <c r="B5697" s="358" t="s">
        <v>17084</v>
      </c>
      <c r="C5697" s="358" t="s">
        <v>17085</v>
      </c>
      <c r="D5697" s="358" t="s">
        <v>17086</v>
      </c>
      <c r="E5697" s="358" t="s">
        <v>14017</v>
      </c>
      <c r="F5697" s="358" t="s">
        <v>14507</v>
      </c>
      <c r="G5697" s="358" t="s">
        <v>16971</v>
      </c>
      <c r="H5697" s="358" t="s">
        <v>14381</v>
      </c>
      <c r="I5697" s="358" t="s">
        <v>16971</v>
      </c>
      <c r="J5697" s="358"/>
      <c r="K5697" s="358"/>
      <c r="L5697" s="358"/>
    </row>
    <row r="5698" spans="2:12">
      <c r="B5698" s="359"/>
      <c r="C5698" s="359"/>
      <c r="D5698" s="359"/>
      <c r="E5698" s="359"/>
      <c r="F5698" s="360"/>
      <c r="G5698" s="360"/>
      <c r="H5698" s="360"/>
      <c r="I5698" s="360"/>
      <c r="J5698" s="359"/>
      <c r="K5698" s="359"/>
      <c r="L5698" s="359"/>
    </row>
    <row r="5699" spans="2:12">
      <c r="B5699" s="359"/>
      <c r="C5699" s="359"/>
      <c r="D5699" s="359"/>
      <c r="E5699" s="359"/>
      <c r="F5699" s="359" t="s">
        <v>15089</v>
      </c>
      <c r="G5699" s="359" t="s">
        <v>14429</v>
      </c>
      <c r="H5699" s="359" t="s">
        <v>14367</v>
      </c>
      <c r="I5699" s="359" t="s">
        <v>14429</v>
      </c>
      <c r="J5699" s="359"/>
      <c r="K5699" s="359"/>
      <c r="L5699" s="359"/>
    </row>
    <row r="5700" spans="2:12">
      <c r="B5700" s="359"/>
      <c r="C5700" s="359"/>
      <c r="D5700" s="359"/>
      <c r="E5700" s="359"/>
      <c r="F5700" s="360"/>
      <c r="G5700" s="360"/>
      <c r="H5700" s="360"/>
      <c r="I5700" s="360"/>
      <c r="J5700" s="359"/>
      <c r="K5700" s="359"/>
      <c r="L5700" s="359"/>
    </row>
    <row r="5701" spans="2:12" ht="71.25">
      <c r="B5701" s="359"/>
      <c r="C5701" s="359"/>
      <c r="D5701" s="359"/>
      <c r="E5701" s="359"/>
      <c r="F5701" s="359" t="s">
        <v>14384</v>
      </c>
      <c r="G5701" s="359" t="s">
        <v>15088</v>
      </c>
      <c r="H5701" s="359" t="s">
        <v>14332</v>
      </c>
      <c r="I5701" s="359" t="s">
        <v>17087</v>
      </c>
      <c r="J5701" s="359"/>
      <c r="K5701" s="359"/>
      <c r="L5701" s="359"/>
    </row>
    <row r="5702" spans="2:12">
      <c r="B5702" s="359"/>
      <c r="C5702" s="359"/>
      <c r="D5702" s="359"/>
      <c r="E5702" s="359"/>
      <c r="F5702" s="360"/>
      <c r="G5702" s="360"/>
      <c r="H5702" s="360"/>
      <c r="I5702" s="360"/>
      <c r="J5702" s="359"/>
      <c r="K5702" s="359"/>
      <c r="L5702" s="359"/>
    </row>
    <row r="5703" spans="2:12" ht="57">
      <c r="B5703" s="359"/>
      <c r="C5703" s="359"/>
      <c r="D5703" s="359"/>
      <c r="E5703" s="359"/>
      <c r="F5703" s="359" t="s">
        <v>17088</v>
      </c>
      <c r="G5703" s="359" t="s">
        <v>28826</v>
      </c>
      <c r="H5703" s="360"/>
      <c r="I5703" s="359" t="s">
        <v>14392</v>
      </c>
      <c r="J5703" s="359"/>
      <c r="K5703" s="359"/>
      <c r="L5703" s="359"/>
    </row>
    <row r="5704" spans="2:12">
      <c r="B5704" s="359"/>
      <c r="C5704" s="359"/>
      <c r="D5704" s="359"/>
      <c r="E5704" s="359"/>
      <c r="F5704" s="360"/>
      <c r="G5704" s="360"/>
      <c r="H5704" s="360"/>
      <c r="I5704" s="360"/>
      <c r="J5704" s="359"/>
      <c r="K5704" s="359"/>
      <c r="L5704" s="359"/>
    </row>
    <row r="5705" spans="2:12">
      <c r="B5705" s="361"/>
      <c r="C5705" s="361"/>
      <c r="D5705" s="361"/>
      <c r="E5705" s="361"/>
      <c r="F5705" s="362"/>
      <c r="G5705" s="361" t="s">
        <v>14392</v>
      </c>
      <c r="H5705" s="362"/>
      <c r="I5705" s="362"/>
      <c r="J5705" s="361"/>
      <c r="K5705" s="361"/>
      <c r="L5705" s="361"/>
    </row>
    <row r="5706" spans="2:12">
      <c r="B5706" s="358" t="s">
        <v>17089</v>
      </c>
      <c r="C5706" s="358" t="s">
        <v>17090</v>
      </c>
      <c r="D5706" s="358" t="s">
        <v>17091</v>
      </c>
      <c r="E5706" s="358" t="s">
        <v>14020</v>
      </c>
      <c r="F5706" s="358" t="s">
        <v>14507</v>
      </c>
      <c r="G5706" s="358" t="s">
        <v>16971</v>
      </c>
      <c r="H5706" s="358" t="s">
        <v>14381</v>
      </c>
      <c r="I5706" s="358" t="s">
        <v>16971</v>
      </c>
      <c r="J5706" s="358" t="s">
        <v>14944</v>
      </c>
      <c r="K5706" s="358"/>
      <c r="L5706" s="358"/>
    </row>
    <row r="5707" spans="2:12">
      <c r="B5707" s="359"/>
      <c r="C5707" s="359"/>
      <c r="D5707" s="359"/>
      <c r="E5707" s="359"/>
      <c r="F5707" s="360"/>
      <c r="G5707" s="360"/>
      <c r="H5707" s="360"/>
      <c r="I5707" s="360"/>
      <c r="J5707" s="359"/>
      <c r="K5707" s="359"/>
      <c r="L5707" s="359"/>
    </row>
    <row r="5708" spans="2:12">
      <c r="B5708" s="359"/>
      <c r="C5708" s="359"/>
      <c r="D5708" s="359"/>
      <c r="E5708" s="359"/>
      <c r="F5708" s="359" t="s">
        <v>14700</v>
      </c>
      <c r="G5708" s="359" t="s">
        <v>14380</v>
      </c>
      <c r="H5708" s="359" t="s">
        <v>14378</v>
      </c>
      <c r="I5708" s="359" t="s">
        <v>14380</v>
      </c>
      <c r="J5708" s="359"/>
      <c r="K5708" s="359"/>
      <c r="L5708" s="359"/>
    </row>
    <row r="5709" spans="2:12">
      <c r="B5709" s="359"/>
      <c r="C5709" s="359"/>
      <c r="D5709" s="359"/>
      <c r="E5709" s="359"/>
      <c r="F5709" s="360"/>
      <c r="G5709" s="360"/>
      <c r="H5709" s="360"/>
      <c r="I5709" s="360"/>
      <c r="J5709" s="359"/>
      <c r="K5709" s="359"/>
      <c r="L5709" s="359"/>
    </row>
    <row r="5710" spans="2:12">
      <c r="B5710" s="359"/>
      <c r="C5710" s="359"/>
      <c r="D5710" s="359"/>
      <c r="E5710" s="359"/>
      <c r="F5710" s="359" t="s">
        <v>14656</v>
      </c>
      <c r="G5710" s="359" t="s">
        <v>14383</v>
      </c>
      <c r="H5710" s="359" t="s">
        <v>14341</v>
      </c>
      <c r="I5710" s="359" t="s">
        <v>14383</v>
      </c>
      <c r="J5710" s="359"/>
      <c r="K5710" s="359"/>
      <c r="L5710" s="359"/>
    </row>
    <row r="5711" spans="2:12">
      <c r="B5711" s="359"/>
      <c r="C5711" s="359"/>
      <c r="D5711" s="359"/>
      <c r="E5711" s="359"/>
      <c r="F5711" s="360"/>
      <c r="G5711" s="360"/>
      <c r="H5711" s="360"/>
      <c r="I5711" s="360"/>
      <c r="J5711" s="359"/>
      <c r="K5711" s="359"/>
      <c r="L5711" s="359"/>
    </row>
    <row r="5712" spans="2:12">
      <c r="B5712" s="359"/>
      <c r="C5712" s="359"/>
      <c r="D5712" s="359"/>
      <c r="E5712" s="359"/>
      <c r="F5712" s="359" t="s">
        <v>14656</v>
      </c>
      <c r="G5712" s="359" t="s">
        <v>14579</v>
      </c>
      <c r="H5712" s="359" t="s">
        <v>14332</v>
      </c>
      <c r="I5712" s="359" t="s">
        <v>14579</v>
      </c>
      <c r="J5712" s="359"/>
      <c r="K5712" s="359"/>
      <c r="L5712" s="359"/>
    </row>
    <row r="5713" spans="2:12">
      <c r="B5713" s="359"/>
      <c r="C5713" s="359"/>
      <c r="D5713" s="359"/>
      <c r="E5713" s="359"/>
      <c r="F5713" s="360"/>
      <c r="G5713" s="360"/>
      <c r="H5713" s="360"/>
      <c r="I5713" s="360"/>
      <c r="J5713" s="359"/>
      <c r="K5713" s="359"/>
      <c r="L5713" s="359"/>
    </row>
    <row r="5714" spans="2:12" ht="71.25">
      <c r="B5714" s="359"/>
      <c r="C5714" s="359"/>
      <c r="D5714" s="359"/>
      <c r="E5714" s="359"/>
      <c r="F5714" s="359" t="s">
        <v>14384</v>
      </c>
      <c r="G5714" s="359" t="s">
        <v>15088</v>
      </c>
      <c r="H5714" s="360"/>
      <c r="I5714" s="359" t="s">
        <v>17087</v>
      </c>
      <c r="J5714" s="359"/>
      <c r="K5714" s="359"/>
      <c r="L5714" s="359"/>
    </row>
    <row r="5715" spans="2:12">
      <c r="B5715" s="359"/>
      <c r="C5715" s="359"/>
      <c r="D5715" s="359"/>
      <c r="E5715" s="359"/>
      <c r="F5715" s="360"/>
      <c r="G5715" s="360"/>
      <c r="H5715" s="360"/>
      <c r="I5715" s="360"/>
      <c r="J5715" s="359"/>
      <c r="K5715" s="359"/>
      <c r="L5715" s="359"/>
    </row>
    <row r="5716" spans="2:12" ht="57">
      <c r="B5716" s="359"/>
      <c r="C5716" s="359"/>
      <c r="D5716" s="359"/>
      <c r="E5716" s="359"/>
      <c r="F5716" s="359" t="s">
        <v>14356</v>
      </c>
      <c r="G5716" s="359" t="s">
        <v>28826</v>
      </c>
      <c r="H5716" s="360"/>
      <c r="I5716" s="359" t="s">
        <v>14340</v>
      </c>
      <c r="J5716" s="359"/>
      <c r="K5716" s="359"/>
      <c r="L5716" s="359"/>
    </row>
    <row r="5717" spans="2:12">
      <c r="B5717" s="359"/>
      <c r="C5717" s="359"/>
      <c r="D5717" s="359"/>
      <c r="E5717" s="359"/>
      <c r="F5717" s="360"/>
      <c r="G5717" s="360"/>
      <c r="H5717" s="360"/>
      <c r="I5717" s="360"/>
      <c r="J5717" s="359"/>
      <c r="K5717" s="359"/>
      <c r="L5717" s="359"/>
    </row>
    <row r="5718" spans="2:12">
      <c r="B5718" s="361"/>
      <c r="C5718" s="361"/>
      <c r="D5718" s="361"/>
      <c r="E5718" s="361"/>
      <c r="F5718" s="362"/>
      <c r="G5718" s="361" t="s">
        <v>14340</v>
      </c>
      <c r="H5718" s="362"/>
      <c r="I5718" s="362"/>
      <c r="J5718" s="361"/>
      <c r="K5718" s="361"/>
      <c r="L5718" s="361"/>
    </row>
    <row r="5719" spans="2:12">
      <c r="B5719" s="354" t="s">
        <v>8444</v>
      </c>
      <c r="C5719" s="355"/>
      <c r="D5719" s="355"/>
      <c r="E5719" s="355"/>
      <c r="F5719" s="355"/>
      <c r="G5719" s="355"/>
      <c r="H5719" s="355"/>
      <c r="I5719" s="355"/>
      <c r="J5719" s="355"/>
      <c r="K5719" s="355"/>
      <c r="L5719" s="363"/>
    </row>
    <row r="5720" spans="2:12" ht="28.5">
      <c r="B5720" s="358" t="s">
        <v>13953</v>
      </c>
      <c r="C5720" s="358" t="s">
        <v>17092</v>
      </c>
      <c r="D5720" s="358" t="s">
        <v>13954</v>
      </c>
      <c r="E5720" s="358" t="s">
        <v>3389</v>
      </c>
      <c r="F5720" s="358" t="s">
        <v>14426</v>
      </c>
      <c r="G5720" s="358" t="s">
        <v>14427</v>
      </c>
      <c r="H5720" s="358" t="s">
        <v>14381</v>
      </c>
      <c r="I5720" s="358" t="s">
        <v>14427</v>
      </c>
      <c r="J5720" s="358"/>
      <c r="K5720" s="358"/>
      <c r="L5720" s="358"/>
    </row>
    <row r="5721" spans="2:12">
      <c r="B5721" s="359"/>
      <c r="C5721" s="359"/>
      <c r="D5721" s="359"/>
      <c r="E5721" s="359"/>
      <c r="F5721" s="360"/>
      <c r="G5721" s="360"/>
      <c r="H5721" s="360"/>
      <c r="I5721" s="360"/>
      <c r="J5721" s="359"/>
      <c r="K5721" s="359"/>
      <c r="L5721" s="359"/>
    </row>
    <row r="5722" spans="2:12">
      <c r="B5722" s="359"/>
      <c r="C5722" s="359"/>
      <c r="D5722" s="359"/>
      <c r="E5722" s="359"/>
      <c r="F5722" s="359" t="s">
        <v>14424</v>
      </c>
      <c r="G5722" s="359" t="s">
        <v>14425</v>
      </c>
      <c r="H5722" s="359" t="s">
        <v>14332</v>
      </c>
      <c r="I5722" s="359" t="s">
        <v>14425</v>
      </c>
      <c r="J5722" s="359"/>
      <c r="K5722" s="359"/>
      <c r="L5722" s="359"/>
    </row>
    <row r="5723" spans="2:12">
      <c r="B5723" s="359"/>
      <c r="C5723" s="359"/>
      <c r="D5723" s="359"/>
      <c r="E5723" s="359"/>
      <c r="F5723" s="360"/>
      <c r="G5723" s="360"/>
      <c r="H5723" s="360"/>
      <c r="I5723" s="360"/>
      <c r="J5723" s="359"/>
      <c r="K5723" s="359"/>
      <c r="L5723" s="359"/>
    </row>
    <row r="5724" spans="2:12" ht="42.75">
      <c r="B5724" s="361"/>
      <c r="C5724" s="361"/>
      <c r="D5724" s="361"/>
      <c r="E5724" s="361"/>
      <c r="F5724" s="361" t="s">
        <v>14384</v>
      </c>
      <c r="G5724" s="361" t="s">
        <v>17093</v>
      </c>
      <c r="H5724" s="362"/>
      <c r="I5724" s="361" t="s">
        <v>17093</v>
      </c>
      <c r="J5724" s="361"/>
      <c r="K5724" s="361"/>
      <c r="L5724" s="361"/>
    </row>
    <row r="5725" spans="2:12">
      <c r="B5725" s="354" t="s">
        <v>28528</v>
      </c>
      <c r="C5725" s="355"/>
      <c r="D5725" s="355"/>
      <c r="E5725" s="355"/>
      <c r="F5725" s="355"/>
      <c r="G5725" s="355"/>
      <c r="H5725" s="355"/>
      <c r="I5725" s="355"/>
      <c r="J5725" s="355"/>
      <c r="K5725" s="355"/>
      <c r="L5725" s="363"/>
    </row>
    <row r="5726" spans="2:12" ht="42.75">
      <c r="B5726" s="358" t="s">
        <v>17094</v>
      </c>
      <c r="C5726" s="358" t="s">
        <v>17095</v>
      </c>
      <c r="D5726" s="358" t="s">
        <v>17096</v>
      </c>
      <c r="E5726" s="358" t="s">
        <v>17097</v>
      </c>
      <c r="F5726" s="358" t="s">
        <v>14356</v>
      </c>
      <c r="G5726" s="358" t="s">
        <v>14340</v>
      </c>
      <c r="H5726" s="358" t="s">
        <v>14341</v>
      </c>
      <c r="I5726" s="358" t="s">
        <v>14340</v>
      </c>
      <c r="J5726" s="358"/>
      <c r="K5726" s="358" t="s">
        <v>28827</v>
      </c>
      <c r="L5726" s="358"/>
    </row>
    <row r="5727" spans="2:12">
      <c r="B5727" s="359"/>
      <c r="C5727" s="359"/>
      <c r="D5727" s="359"/>
      <c r="E5727" s="359"/>
      <c r="F5727" s="360"/>
      <c r="G5727" s="360"/>
      <c r="H5727" s="360"/>
      <c r="I5727" s="360"/>
      <c r="J5727" s="359"/>
      <c r="K5727" s="359"/>
      <c r="L5727" s="359"/>
    </row>
    <row r="5728" spans="2:12" ht="28.5">
      <c r="B5728" s="359"/>
      <c r="C5728" s="359"/>
      <c r="D5728" s="359"/>
      <c r="E5728" s="359"/>
      <c r="F5728" s="359" t="s">
        <v>14394</v>
      </c>
      <c r="G5728" s="359" t="s">
        <v>14395</v>
      </c>
      <c r="H5728" s="359" t="s">
        <v>14370</v>
      </c>
      <c r="I5728" s="359" t="s">
        <v>14395</v>
      </c>
      <c r="J5728" s="359"/>
      <c r="K5728" s="359"/>
      <c r="L5728" s="359"/>
    </row>
    <row r="5729" spans="2:12">
      <c r="B5729" s="359"/>
      <c r="C5729" s="359"/>
      <c r="D5729" s="359"/>
      <c r="E5729" s="359"/>
      <c r="F5729" s="360"/>
      <c r="G5729" s="360"/>
      <c r="H5729" s="360"/>
      <c r="I5729" s="360"/>
      <c r="J5729" s="359"/>
      <c r="K5729" s="359"/>
      <c r="L5729" s="359"/>
    </row>
    <row r="5730" spans="2:12">
      <c r="B5730" s="361"/>
      <c r="C5730" s="361"/>
      <c r="D5730" s="361"/>
      <c r="E5730" s="361"/>
      <c r="F5730" s="362"/>
      <c r="G5730" s="362"/>
      <c r="H5730" s="361" t="s">
        <v>14332</v>
      </c>
      <c r="I5730" s="362"/>
      <c r="J5730" s="361"/>
      <c r="K5730" s="361"/>
      <c r="L5730" s="361"/>
    </row>
    <row r="5731" spans="2:12" ht="42.75">
      <c r="B5731" s="358" t="s">
        <v>17098</v>
      </c>
      <c r="C5731" s="358" t="s">
        <v>17099</v>
      </c>
      <c r="D5731" s="358" t="s">
        <v>17100</v>
      </c>
      <c r="E5731" s="358" t="s">
        <v>17101</v>
      </c>
      <c r="F5731" s="358" t="s">
        <v>14356</v>
      </c>
      <c r="G5731" s="358" t="s">
        <v>14340</v>
      </c>
      <c r="H5731" s="358" t="s">
        <v>14341</v>
      </c>
      <c r="I5731" s="358" t="s">
        <v>14340</v>
      </c>
      <c r="J5731" s="358"/>
      <c r="K5731" s="358" t="s">
        <v>28582</v>
      </c>
      <c r="L5731" s="358"/>
    </row>
    <row r="5732" spans="2:12">
      <c r="B5732" s="359"/>
      <c r="C5732" s="359"/>
      <c r="D5732" s="359"/>
      <c r="E5732" s="359"/>
      <c r="F5732" s="360"/>
      <c r="G5732" s="360"/>
      <c r="H5732" s="360"/>
      <c r="I5732" s="360"/>
      <c r="J5732" s="359"/>
      <c r="K5732" s="359"/>
      <c r="L5732" s="359"/>
    </row>
    <row r="5733" spans="2:12" ht="28.5">
      <c r="B5733" s="359"/>
      <c r="C5733" s="359"/>
      <c r="D5733" s="359"/>
      <c r="E5733" s="359"/>
      <c r="F5733" s="359" t="s">
        <v>14394</v>
      </c>
      <c r="G5733" s="359" t="s">
        <v>14395</v>
      </c>
      <c r="H5733" s="359" t="s">
        <v>14370</v>
      </c>
      <c r="I5733" s="359" t="s">
        <v>14395</v>
      </c>
      <c r="J5733" s="359"/>
      <c r="K5733" s="359"/>
      <c r="L5733" s="359"/>
    </row>
    <row r="5734" spans="2:12">
      <c r="B5734" s="359"/>
      <c r="C5734" s="359"/>
      <c r="D5734" s="359"/>
      <c r="E5734" s="359"/>
      <c r="F5734" s="360"/>
      <c r="G5734" s="360"/>
      <c r="H5734" s="360"/>
      <c r="I5734" s="360"/>
      <c r="J5734" s="359"/>
      <c r="K5734" s="359"/>
      <c r="L5734" s="359"/>
    </row>
    <row r="5735" spans="2:12">
      <c r="B5735" s="361"/>
      <c r="C5735" s="361"/>
      <c r="D5735" s="361"/>
      <c r="E5735" s="361"/>
      <c r="F5735" s="362"/>
      <c r="G5735" s="362"/>
      <c r="H5735" s="361" t="s">
        <v>14332</v>
      </c>
      <c r="I5735" s="362"/>
      <c r="J5735" s="361"/>
      <c r="K5735" s="361"/>
      <c r="L5735" s="361"/>
    </row>
    <row r="5736" spans="2:12" ht="57">
      <c r="B5736" s="358" t="s">
        <v>17102</v>
      </c>
      <c r="C5736" s="358" t="s">
        <v>27517</v>
      </c>
      <c r="D5736" s="358" t="s">
        <v>8356</v>
      </c>
      <c r="E5736" s="358" t="s">
        <v>8356</v>
      </c>
      <c r="F5736" s="358" t="s">
        <v>14420</v>
      </c>
      <c r="G5736" s="358" t="s">
        <v>14459</v>
      </c>
      <c r="H5736" s="358" t="s">
        <v>14367</v>
      </c>
      <c r="I5736" s="358" t="s">
        <v>14459</v>
      </c>
      <c r="J5736" s="358"/>
      <c r="K5736" s="358" t="s">
        <v>14929</v>
      </c>
      <c r="L5736" s="358" t="s">
        <v>16902</v>
      </c>
    </row>
    <row r="5737" spans="2:12">
      <c r="B5737" s="359"/>
      <c r="C5737" s="359"/>
      <c r="D5737" s="359"/>
      <c r="E5737" s="359"/>
      <c r="F5737" s="360"/>
      <c r="G5737" s="360"/>
      <c r="H5737" s="360"/>
      <c r="I5737" s="360"/>
      <c r="J5737" s="359"/>
      <c r="K5737" s="359"/>
      <c r="L5737" s="359"/>
    </row>
    <row r="5738" spans="2:12">
      <c r="B5738" s="359"/>
      <c r="C5738" s="359"/>
      <c r="D5738" s="359"/>
      <c r="E5738" s="359"/>
      <c r="F5738" s="359" t="s">
        <v>14420</v>
      </c>
      <c r="G5738" s="359" t="s">
        <v>14429</v>
      </c>
      <c r="H5738" s="359" t="s">
        <v>14370</v>
      </c>
      <c r="I5738" s="359" t="s">
        <v>14429</v>
      </c>
      <c r="J5738" s="359"/>
      <c r="K5738" s="359"/>
      <c r="L5738" s="359"/>
    </row>
    <row r="5739" spans="2:12">
      <c r="B5739" s="359"/>
      <c r="C5739" s="359"/>
      <c r="D5739" s="359"/>
      <c r="E5739" s="359"/>
      <c r="F5739" s="360"/>
      <c r="G5739" s="360"/>
      <c r="H5739" s="360"/>
      <c r="I5739" s="360"/>
      <c r="J5739" s="359"/>
      <c r="K5739" s="359"/>
      <c r="L5739" s="359"/>
    </row>
    <row r="5740" spans="2:12" ht="28.5">
      <c r="B5740" s="361"/>
      <c r="C5740" s="361"/>
      <c r="D5740" s="361"/>
      <c r="E5740" s="361"/>
      <c r="F5740" s="361" t="s">
        <v>14394</v>
      </c>
      <c r="G5740" s="361" t="s">
        <v>14395</v>
      </c>
      <c r="H5740" s="361" t="s">
        <v>14422</v>
      </c>
      <c r="I5740" s="361" t="s">
        <v>14395</v>
      </c>
      <c r="J5740" s="361"/>
      <c r="K5740" s="361"/>
      <c r="L5740" s="361"/>
    </row>
    <row r="5741" spans="2:12">
      <c r="B5741" s="358" t="s">
        <v>17103</v>
      </c>
      <c r="C5741" s="358" t="s">
        <v>17104</v>
      </c>
      <c r="D5741" s="358" t="s">
        <v>17105</v>
      </c>
      <c r="E5741" s="358" t="s">
        <v>17106</v>
      </c>
      <c r="F5741" s="358" t="s">
        <v>14382</v>
      </c>
      <c r="G5741" s="358" t="s">
        <v>14483</v>
      </c>
      <c r="H5741" s="358" t="s">
        <v>14378</v>
      </c>
      <c r="I5741" s="358" t="s">
        <v>14483</v>
      </c>
      <c r="J5741" s="358"/>
      <c r="K5741" s="358"/>
      <c r="L5741" s="358"/>
    </row>
    <row r="5742" spans="2:12">
      <c r="B5742" s="359"/>
      <c r="C5742" s="359"/>
      <c r="D5742" s="359"/>
      <c r="E5742" s="359"/>
      <c r="F5742" s="360"/>
      <c r="G5742" s="360"/>
      <c r="H5742" s="360"/>
      <c r="I5742" s="360"/>
      <c r="J5742" s="359"/>
      <c r="K5742" s="359"/>
      <c r="L5742" s="359"/>
    </row>
    <row r="5743" spans="2:12">
      <c r="B5743" s="359"/>
      <c r="C5743" s="359"/>
      <c r="D5743" s="359"/>
      <c r="E5743" s="359"/>
      <c r="F5743" s="359" t="s">
        <v>14382</v>
      </c>
      <c r="G5743" s="359" t="s">
        <v>14579</v>
      </c>
      <c r="H5743" s="359" t="s">
        <v>14370</v>
      </c>
      <c r="I5743" s="359" t="s">
        <v>14579</v>
      </c>
      <c r="J5743" s="359"/>
      <c r="K5743" s="359"/>
      <c r="L5743" s="359"/>
    </row>
    <row r="5744" spans="2:12">
      <c r="B5744" s="359"/>
      <c r="C5744" s="359"/>
      <c r="D5744" s="359"/>
      <c r="E5744" s="359"/>
      <c r="F5744" s="360"/>
      <c r="G5744" s="360"/>
      <c r="H5744" s="360"/>
      <c r="I5744" s="360"/>
      <c r="J5744" s="359"/>
      <c r="K5744" s="359"/>
      <c r="L5744" s="359"/>
    </row>
    <row r="5745" spans="2:12">
      <c r="B5745" s="359"/>
      <c r="C5745" s="359"/>
      <c r="D5745" s="359"/>
      <c r="E5745" s="359"/>
      <c r="F5745" s="359" t="s">
        <v>14382</v>
      </c>
      <c r="G5745" s="359" t="s">
        <v>14383</v>
      </c>
      <c r="H5745" s="359" t="s">
        <v>14332</v>
      </c>
      <c r="I5745" s="359" t="s">
        <v>14383</v>
      </c>
      <c r="J5745" s="359"/>
      <c r="K5745" s="359"/>
      <c r="L5745" s="359"/>
    </row>
    <row r="5746" spans="2:12">
      <c r="B5746" s="359"/>
      <c r="C5746" s="359"/>
      <c r="D5746" s="359"/>
      <c r="E5746" s="359"/>
      <c r="F5746" s="360"/>
      <c r="G5746" s="360"/>
      <c r="H5746" s="360"/>
      <c r="I5746" s="360"/>
      <c r="J5746" s="359"/>
      <c r="K5746" s="359"/>
      <c r="L5746" s="359"/>
    </row>
    <row r="5747" spans="2:12" ht="28.5">
      <c r="B5747" s="361"/>
      <c r="C5747" s="361"/>
      <c r="D5747" s="361"/>
      <c r="E5747" s="361"/>
      <c r="F5747" s="361" t="s">
        <v>14394</v>
      </c>
      <c r="G5747" s="361" t="s">
        <v>14395</v>
      </c>
      <c r="H5747" s="362"/>
      <c r="I5747" s="361" t="s">
        <v>14395</v>
      </c>
      <c r="J5747" s="361"/>
      <c r="K5747" s="361"/>
      <c r="L5747" s="361"/>
    </row>
    <row r="5748" spans="2:12">
      <c r="B5748" s="358" t="s">
        <v>17107</v>
      </c>
      <c r="C5748" s="358" t="s">
        <v>17108</v>
      </c>
      <c r="D5748" s="358" t="s">
        <v>17109</v>
      </c>
      <c r="E5748" s="358" t="s">
        <v>673</v>
      </c>
      <c r="F5748" s="358" t="s">
        <v>14443</v>
      </c>
      <c r="G5748" s="358" t="s">
        <v>14444</v>
      </c>
      <c r="H5748" s="358" t="s">
        <v>14381</v>
      </c>
      <c r="I5748" s="358" t="s">
        <v>14444</v>
      </c>
      <c r="J5748" s="358"/>
      <c r="K5748" s="358"/>
      <c r="L5748" s="358"/>
    </row>
    <row r="5749" spans="2:12">
      <c r="B5749" s="359"/>
      <c r="C5749" s="359"/>
      <c r="D5749" s="359"/>
      <c r="E5749" s="359"/>
      <c r="F5749" s="359"/>
      <c r="G5749" s="359"/>
      <c r="H5749" s="360"/>
      <c r="I5749" s="359"/>
      <c r="J5749" s="359"/>
      <c r="K5749" s="359"/>
      <c r="L5749" s="359"/>
    </row>
    <row r="5750" spans="2:12">
      <c r="B5750" s="361"/>
      <c r="C5750" s="361"/>
      <c r="D5750" s="361"/>
      <c r="E5750" s="361"/>
      <c r="F5750" s="361"/>
      <c r="G5750" s="361"/>
      <c r="H5750" s="361" t="s">
        <v>14422</v>
      </c>
      <c r="I5750" s="361"/>
      <c r="J5750" s="361"/>
      <c r="K5750" s="361"/>
      <c r="L5750" s="361"/>
    </row>
    <row r="5751" spans="2:12" ht="28.5">
      <c r="B5751" s="358" t="s">
        <v>17110</v>
      </c>
      <c r="C5751" s="358" t="s">
        <v>17111</v>
      </c>
      <c r="D5751" s="358" t="s">
        <v>17112</v>
      </c>
      <c r="E5751" s="358" t="s">
        <v>8356</v>
      </c>
      <c r="F5751" s="358" t="s">
        <v>14391</v>
      </c>
      <c r="G5751" s="358" t="s">
        <v>14392</v>
      </c>
      <c r="H5751" s="358" t="s">
        <v>14367</v>
      </c>
      <c r="I5751" s="358" t="s">
        <v>14392</v>
      </c>
      <c r="J5751" s="358"/>
      <c r="K5751" s="358"/>
      <c r="L5751" s="358"/>
    </row>
    <row r="5752" spans="2:12">
      <c r="B5752" s="359"/>
      <c r="C5752" s="359"/>
      <c r="D5752" s="359"/>
      <c r="E5752" s="359"/>
      <c r="F5752" s="360"/>
      <c r="G5752" s="360"/>
      <c r="H5752" s="360"/>
      <c r="I5752" s="360"/>
      <c r="J5752" s="359"/>
      <c r="K5752" s="359"/>
      <c r="L5752" s="359"/>
    </row>
    <row r="5753" spans="2:12">
      <c r="B5753" s="359"/>
      <c r="C5753" s="359"/>
      <c r="D5753" s="359"/>
      <c r="E5753" s="359"/>
      <c r="F5753" s="359" t="s">
        <v>14371</v>
      </c>
      <c r="G5753" s="359" t="s">
        <v>14372</v>
      </c>
      <c r="H5753" s="359" t="s">
        <v>14370</v>
      </c>
      <c r="I5753" s="359" t="s">
        <v>14373</v>
      </c>
      <c r="J5753" s="359"/>
      <c r="K5753" s="359"/>
      <c r="L5753" s="359"/>
    </row>
    <row r="5754" spans="2:12">
      <c r="B5754" s="359"/>
      <c r="C5754" s="359"/>
      <c r="D5754" s="359"/>
      <c r="E5754" s="359"/>
      <c r="F5754" s="360"/>
      <c r="G5754" s="360"/>
      <c r="H5754" s="360"/>
      <c r="I5754" s="360"/>
      <c r="J5754" s="359"/>
      <c r="K5754" s="359"/>
      <c r="L5754" s="359"/>
    </row>
    <row r="5755" spans="2:12" ht="28.5">
      <c r="B5755" s="361"/>
      <c r="C5755" s="361"/>
      <c r="D5755" s="361"/>
      <c r="E5755" s="361"/>
      <c r="F5755" s="361" t="s">
        <v>14374</v>
      </c>
      <c r="G5755" s="361" t="s">
        <v>14373</v>
      </c>
      <c r="H5755" s="361" t="s">
        <v>14422</v>
      </c>
      <c r="I5755" s="362"/>
      <c r="J5755" s="361"/>
      <c r="K5755" s="361"/>
      <c r="L5755" s="361"/>
    </row>
    <row r="5756" spans="2:12">
      <c r="B5756" s="358" t="s">
        <v>17113</v>
      </c>
      <c r="C5756" s="358" t="s">
        <v>17114</v>
      </c>
      <c r="D5756" s="358" t="s">
        <v>17115</v>
      </c>
      <c r="E5756" s="358" t="s">
        <v>17116</v>
      </c>
      <c r="F5756" s="358" t="s">
        <v>14391</v>
      </c>
      <c r="G5756" s="358" t="s">
        <v>14392</v>
      </c>
      <c r="H5756" s="358" t="s">
        <v>14367</v>
      </c>
      <c r="I5756" s="358" t="s">
        <v>14392</v>
      </c>
      <c r="J5756" s="358"/>
      <c r="K5756" s="358"/>
      <c r="L5756" s="358"/>
    </row>
    <row r="5757" spans="2:12">
      <c r="B5757" s="359"/>
      <c r="C5757" s="359"/>
      <c r="D5757" s="359"/>
      <c r="E5757" s="359"/>
      <c r="F5757" s="360"/>
      <c r="G5757" s="360"/>
      <c r="H5757" s="360"/>
      <c r="I5757" s="360"/>
      <c r="J5757" s="359"/>
      <c r="K5757" s="359"/>
      <c r="L5757" s="359"/>
    </row>
    <row r="5758" spans="2:12" ht="28.5">
      <c r="B5758" s="361"/>
      <c r="C5758" s="361"/>
      <c r="D5758" s="361"/>
      <c r="E5758" s="361"/>
      <c r="F5758" s="361" t="s">
        <v>14472</v>
      </c>
      <c r="G5758" s="361" t="s">
        <v>14473</v>
      </c>
      <c r="H5758" s="361" t="s">
        <v>14422</v>
      </c>
      <c r="I5758" s="361" t="s">
        <v>14473</v>
      </c>
      <c r="J5758" s="361"/>
      <c r="K5758" s="361"/>
      <c r="L5758" s="361"/>
    </row>
    <row r="5759" spans="2:12">
      <c r="B5759" s="358" t="s">
        <v>17117</v>
      </c>
      <c r="C5759" s="358" t="s">
        <v>17118</v>
      </c>
      <c r="D5759" s="358" t="s">
        <v>17119</v>
      </c>
      <c r="E5759" s="358" t="s">
        <v>1823</v>
      </c>
      <c r="F5759" s="358" t="s">
        <v>14420</v>
      </c>
      <c r="G5759" s="358" t="s">
        <v>14459</v>
      </c>
      <c r="H5759" s="358" t="s">
        <v>14367</v>
      </c>
      <c r="I5759" s="358" t="s">
        <v>14459</v>
      </c>
      <c r="J5759" s="358"/>
      <c r="K5759" s="358"/>
      <c r="L5759" s="358"/>
    </row>
    <row r="5760" spans="2:12">
      <c r="B5760" s="359"/>
      <c r="C5760" s="359"/>
      <c r="D5760" s="359"/>
      <c r="E5760" s="359"/>
      <c r="F5760" s="360"/>
      <c r="G5760" s="360"/>
      <c r="H5760" s="360"/>
      <c r="I5760" s="360"/>
      <c r="J5760" s="359"/>
      <c r="K5760" s="359"/>
      <c r="L5760" s="359"/>
    </row>
    <row r="5761" spans="2:12">
      <c r="B5761" s="359"/>
      <c r="C5761" s="359"/>
      <c r="D5761" s="359"/>
      <c r="E5761" s="359"/>
      <c r="F5761" s="359" t="s">
        <v>14420</v>
      </c>
      <c r="G5761" s="359" t="s">
        <v>14421</v>
      </c>
      <c r="H5761" s="359" t="s">
        <v>14370</v>
      </c>
      <c r="I5761" s="359" t="s">
        <v>14421</v>
      </c>
      <c r="J5761" s="359"/>
      <c r="K5761" s="359"/>
      <c r="L5761" s="359"/>
    </row>
    <row r="5762" spans="2:12">
      <c r="B5762" s="359"/>
      <c r="C5762" s="359"/>
      <c r="D5762" s="359"/>
      <c r="E5762" s="359"/>
      <c r="F5762" s="360"/>
      <c r="G5762" s="360"/>
      <c r="H5762" s="360"/>
      <c r="I5762" s="360"/>
      <c r="J5762" s="359"/>
      <c r="K5762" s="359"/>
      <c r="L5762" s="359"/>
    </row>
    <row r="5763" spans="2:12">
      <c r="B5763" s="361"/>
      <c r="C5763" s="361"/>
      <c r="D5763" s="361"/>
      <c r="E5763" s="361"/>
      <c r="F5763" s="361" t="s">
        <v>14371</v>
      </c>
      <c r="G5763" s="361" t="s">
        <v>14372</v>
      </c>
      <c r="H5763" s="361" t="s">
        <v>14422</v>
      </c>
      <c r="I5763" s="361" t="s">
        <v>14372</v>
      </c>
      <c r="J5763" s="361"/>
      <c r="K5763" s="361"/>
      <c r="L5763" s="361"/>
    </row>
    <row r="5764" spans="2:12" ht="85.5">
      <c r="B5764" s="358" t="s">
        <v>17120</v>
      </c>
      <c r="C5764" s="358" t="s">
        <v>17121</v>
      </c>
      <c r="D5764" s="358" t="s">
        <v>17122</v>
      </c>
      <c r="E5764" s="358" t="s">
        <v>17123</v>
      </c>
      <c r="F5764" s="358" t="s">
        <v>14330</v>
      </c>
      <c r="G5764" s="358" t="s">
        <v>14340</v>
      </c>
      <c r="H5764" s="358" t="s">
        <v>14331</v>
      </c>
      <c r="I5764" s="358" t="s">
        <v>14340</v>
      </c>
      <c r="J5764" s="358"/>
      <c r="K5764" s="358" t="s">
        <v>28828</v>
      </c>
      <c r="L5764" s="358" t="s">
        <v>16101</v>
      </c>
    </row>
    <row r="5765" spans="2:12">
      <c r="B5765" s="359"/>
      <c r="C5765" s="359"/>
      <c r="D5765" s="359"/>
      <c r="E5765" s="359"/>
      <c r="F5765" s="360"/>
      <c r="G5765" s="359"/>
      <c r="H5765" s="360"/>
      <c r="I5765" s="359"/>
      <c r="J5765" s="359"/>
      <c r="K5765" s="360"/>
      <c r="L5765" s="359"/>
    </row>
    <row r="5766" spans="2:12" ht="57">
      <c r="B5766" s="359"/>
      <c r="C5766" s="359"/>
      <c r="D5766" s="359"/>
      <c r="E5766" s="359"/>
      <c r="F5766" s="359" t="s">
        <v>14339</v>
      </c>
      <c r="G5766" s="359"/>
      <c r="H5766" s="359" t="s">
        <v>14341</v>
      </c>
      <c r="I5766" s="359"/>
      <c r="J5766" s="359"/>
      <c r="K5766" s="359" t="s">
        <v>28829</v>
      </c>
      <c r="L5766" s="359"/>
    </row>
    <row r="5767" spans="2:12">
      <c r="B5767" s="359"/>
      <c r="C5767" s="359"/>
      <c r="D5767" s="359"/>
      <c r="E5767" s="359"/>
      <c r="F5767" s="360"/>
      <c r="G5767" s="359"/>
      <c r="H5767" s="360"/>
      <c r="I5767" s="359"/>
      <c r="J5767" s="359"/>
      <c r="K5767" s="360"/>
      <c r="L5767" s="359"/>
    </row>
    <row r="5768" spans="2:12" ht="57">
      <c r="B5768" s="359"/>
      <c r="C5768" s="359"/>
      <c r="D5768" s="359"/>
      <c r="E5768" s="359"/>
      <c r="F5768" s="360"/>
      <c r="G5768" s="359"/>
      <c r="H5768" s="359" t="s">
        <v>14332</v>
      </c>
      <c r="I5768" s="359"/>
      <c r="J5768" s="359"/>
      <c r="K5768" s="359" t="s">
        <v>28830</v>
      </c>
      <c r="L5768" s="359"/>
    </row>
    <row r="5769" spans="2:12">
      <c r="B5769" s="359"/>
      <c r="C5769" s="359"/>
      <c r="D5769" s="359"/>
      <c r="E5769" s="359"/>
      <c r="F5769" s="360"/>
      <c r="G5769" s="359"/>
      <c r="H5769" s="360"/>
      <c r="I5769" s="359"/>
      <c r="J5769" s="359"/>
      <c r="K5769" s="360"/>
      <c r="L5769" s="359"/>
    </row>
    <row r="5770" spans="2:12" ht="42.75">
      <c r="B5770" s="361"/>
      <c r="C5770" s="361"/>
      <c r="D5770" s="361"/>
      <c r="E5770" s="361"/>
      <c r="F5770" s="362"/>
      <c r="G5770" s="361"/>
      <c r="H5770" s="362"/>
      <c r="I5770" s="361"/>
      <c r="J5770" s="361"/>
      <c r="K5770" s="361" t="s">
        <v>28831</v>
      </c>
      <c r="L5770" s="361"/>
    </row>
    <row r="5771" spans="2:12" ht="85.5">
      <c r="B5771" s="358" t="s">
        <v>17124</v>
      </c>
      <c r="C5771" s="358" t="s">
        <v>28832</v>
      </c>
      <c r="D5771" s="358" t="s">
        <v>8356</v>
      </c>
      <c r="E5771" s="358" t="s">
        <v>8356</v>
      </c>
      <c r="F5771" s="358" t="s">
        <v>14356</v>
      </c>
      <c r="G5771" s="358" t="s">
        <v>14340</v>
      </c>
      <c r="H5771" s="358" t="s">
        <v>14341</v>
      </c>
      <c r="I5771" s="358"/>
      <c r="J5771" s="358"/>
      <c r="K5771" s="358" t="s">
        <v>28607</v>
      </c>
      <c r="L5771" s="358" t="s">
        <v>10376</v>
      </c>
    </row>
    <row r="5772" spans="2:12">
      <c r="B5772" s="359"/>
      <c r="C5772" s="359"/>
      <c r="D5772" s="359"/>
      <c r="E5772" s="359"/>
      <c r="F5772" s="359"/>
      <c r="G5772" s="359"/>
      <c r="H5772" s="360"/>
      <c r="I5772" s="359"/>
      <c r="J5772" s="359"/>
      <c r="K5772" s="360"/>
      <c r="L5772" s="359"/>
    </row>
    <row r="5773" spans="2:12" ht="42.75">
      <c r="B5773" s="361"/>
      <c r="C5773" s="361"/>
      <c r="D5773" s="361"/>
      <c r="E5773" s="361"/>
      <c r="F5773" s="361"/>
      <c r="G5773" s="361"/>
      <c r="H5773" s="361" t="s">
        <v>14332</v>
      </c>
      <c r="I5773" s="361"/>
      <c r="J5773" s="361"/>
      <c r="K5773" s="361" t="s">
        <v>28667</v>
      </c>
      <c r="L5773" s="361"/>
    </row>
    <row r="5774" spans="2:12">
      <c r="B5774" s="358" t="s">
        <v>17125</v>
      </c>
      <c r="C5774" s="358" t="s">
        <v>17126</v>
      </c>
      <c r="D5774" s="358" t="s">
        <v>8356</v>
      </c>
      <c r="E5774" s="358" t="s">
        <v>17127</v>
      </c>
      <c r="F5774" s="358" t="s">
        <v>17128</v>
      </c>
      <c r="G5774" s="358" t="s">
        <v>17129</v>
      </c>
      <c r="H5774" s="358" t="s">
        <v>17129</v>
      </c>
      <c r="I5774" s="358" t="s">
        <v>17129</v>
      </c>
      <c r="J5774" s="358"/>
      <c r="K5774" s="358"/>
      <c r="L5774" s="358"/>
    </row>
    <row r="5775" spans="2:12">
      <c r="B5775" s="361"/>
      <c r="C5775" s="361"/>
      <c r="D5775" s="361"/>
      <c r="E5775" s="361"/>
      <c r="F5775" s="361"/>
      <c r="G5775" s="361"/>
      <c r="H5775" s="361"/>
      <c r="I5775" s="361"/>
      <c r="J5775" s="361"/>
      <c r="K5775" s="361"/>
      <c r="L5775" s="361"/>
    </row>
    <row r="5776" spans="2:12">
      <c r="B5776" s="358" t="s">
        <v>17130</v>
      </c>
      <c r="C5776" s="358" t="s">
        <v>17131</v>
      </c>
      <c r="D5776" s="358" t="s">
        <v>8356</v>
      </c>
      <c r="E5776" s="358" t="s">
        <v>8356</v>
      </c>
      <c r="F5776" s="358" t="s">
        <v>17128</v>
      </c>
      <c r="G5776" s="358" t="s">
        <v>17129</v>
      </c>
      <c r="H5776" s="358" t="s">
        <v>17129</v>
      </c>
      <c r="I5776" s="358" t="s">
        <v>17129</v>
      </c>
      <c r="J5776" s="358"/>
      <c r="K5776" s="358"/>
      <c r="L5776" s="358" t="s">
        <v>14611</v>
      </c>
    </row>
    <row r="5777" spans="2:12">
      <c r="B5777" s="361"/>
      <c r="C5777" s="361"/>
      <c r="D5777" s="361"/>
      <c r="E5777" s="361"/>
      <c r="F5777" s="361"/>
      <c r="G5777" s="361"/>
      <c r="H5777" s="361"/>
      <c r="I5777" s="361"/>
      <c r="J5777" s="361"/>
      <c r="K5777" s="361"/>
      <c r="L5777" s="361"/>
    </row>
    <row r="5778" spans="2:12" ht="28.5">
      <c r="B5778" s="358" t="s">
        <v>17132</v>
      </c>
      <c r="C5778" s="358" t="s">
        <v>28833</v>
      </c>
      <c r="D5778" s="358" t="s">
        <v>17133</v>
      </c>
      <c r="E5778" s="358" t="s">
        <v>17134</v>
      </c>
      <c r="F5778" s="358" t="s">
        <v>14420</v>
      </c>
      <c r="G5778" s="358" t="s">
        <v>14421</v>
      </c>
      <c r="H5778" s="358" t="s">
        <v>14381</v>
      </c>
      <c r="I5778" s="358" t="s">
        <v>14421</v>
      </c>
      <c r="J5778" s="358"/>
      <c r="K5778" s="358"/>
      <c r="L5778" s="358"/>
    </row>
    <row r="5779" spans="2:12">
      <c r="B5779" s="359"/>
      <c r="C5779" s="359"/>
      <c r="D5779" s="359"/>
      <c r="E5779" s="359"/>
      <c r="F5779" s="360"/>
      <c r="G5779" s="360"/>
      <c r="H5779" s="360"/>
      <c r="I5779" s="360"/>
      <c r="J5779" s="359"/>
      <c r="K5779" s="359"/>
      <c r="L5779" s="359"/>
    </row>
    <row r="5780" spans="2:12">
      <c r="B5780" s="359"/>
      <c r="C5780" s="359"/>
      <c r="D5780" s="359"/>
      <c r="E5780" s="359"/>
      <c r="F5780" s="359" t="s">
        <v>14420</v>
      </c>
      <c r="G5780" s="359" t="s">
        <v>14429</v>
      </c>
      <c r="H5780" s="359" t="s">
        <v>14367</v>
      </c>
      <c r="I5780" s="359" t="s">
        <v>14429</v>
      </c>
      <c r="J5780" s="359"/>
      <c r="K5780" s="359"/>
      <c r="L5780" s="359"/>
    </row>
    <row r="5781" spans="2:12">
      <c r="B5781" s="359"/>
      <c r="C5781" s="359"/>
      <c r="D5781" s="359"/>
      <c r="E5781" s="359"/>
      <c r="F5781" s="360"/>
      <c r="G5781" s="360"/>
      <c r="H5781" s="360"/>
      <c r="I5781" s="360"/>
      <c r="J5781" s="359"/>
      <c r="K5781" s="359"/>
      <c r="L5781" s="359"/>
    </row>
    <row r="5782" spans="2:12" ht="28.5">
      <c r="B5782" s="359"/>
      <c r="C5782" s="359"/>
      <c r="D5782" s="359"/>
      <c r="E5782" s="359"/>
      <c r="F5782" s="359" t="s">
        <v>14460</v>
      </c>
      <c r="G5782" s="359" t="s">
        <v>14519</v>
      </c>
      <c r="H5782" s="359" t="s">
        <v>14370</v>
      </c>
      <c r="I5782" s="359" t="s">
        <v>28681</v>
      </c>
      <c r="J5782" s="359"/>
      <c r="K5782" s="359"/>
      <c r="L5782" s="359"/>
    </row>
    <row r="5783" spans="2:12">
      <c r="B5783" s="359"/>
      <c r="C5783" s="359"/>
      <c r="D5783" s="359"/>
      <c r="E5783" s="359"/>
      <c r="F5783" s="360"/>
      <c r="G5783" s="360"/>
      <c r="H5783" s="360"/>
      <c r="I5783" s="360"/>
      <c r="J5783" s="359"/>
      <c r="K5783" s="359"/>
      <c r="L5783" s="359"/>
    </row>
    <row r="5784" spans="2:12">
      <c r="B5784" s="359"/>
      <c r="C5784" s="359"/>
      <c r="D5784" s="359"/>
      <c r="E5784" s="359"/>
      <c r="F5784" s="359" t="s">
        <v>14371</v>
      </c>
      <c r="G5784" s="359" t="s">
        <v>14372</v>
      </c>
      <c r="H5784" s="359" t="s">
        <v>14422</v>
      </c>
      <c r="I5784" s="360"/>
      <c r="J5784" s="359"/>
      <c r="K5784" s="359"/>
      <c r="L5784" s="359"/>
    </row>
    <row r="5785" spans="2:12">
      <c r="B5785" s="359"/>
      <c r="C5785" s="359"/>
      <c r="D5785" s="359"/>
      <c r="E5785" s="359"/>
      <c r="F5785" s="360"/>
      <c r="G5785" s="360"/>
      <c r="H5785" s="360"/>
      <c r="I5785" s="360"/>
      <c r="J5785" s="359"/>
      <c r="K5785" s="359"/>
      <c r="L5785" s="359"/>
    </row>
    <row r="5786" spans="2:12" ht="28.5">
      <c r="B5786" s="361"/>
      <c r="C5786" s="361"/>
      <c r="D5786" s="361"/>
      <c r="E5786" s="361"/>
      <c r="F5786" s="361" t="s">
        <v>14374</v>
      </c>
      <c r="G5786" s="361" t="s">
        <v>14373</v>
      </c>
      <c r="H5786" s="362"/>
      <c r="I5786" s="362"/>
      <c r="J5786" s="361"/>
      <c r="K5786" s="361"/>
      <c r="L5786" s="361"/>
    </row>
    <row r="5787" spans="2:12">
      <c r="B5787" s="358" t="s">
        <v>17135</v>
      </c>
      <c r="C5787" s="358" t="s">
        <v>17136</v>
      </c>
      <c r="D5787" s="358" t="s">
        <v>17137</v>
      </c>
      <c r="E5787" s="358" t="s">
        <v>1369</v>
      </c>
      <c r="F5787" s="358" t="s">
        <v>14477</v>
      </c>
      <c r="G5787" s="358" t="s">
        <v>14478</v>
      </c>
      <c r="H5787" s="358" t="s">
        <v>14479</v>
      </c>
      <c r="I5787" s="358" t="s">
        <v>14478</v>
      </c>
      <c r="J5787" s="358"/>
      <c r="K5787" s="358"/>
      <c r="L5787" s="358"/>
    </row>
    <row r="5788" spans="2:12">
      <c r="B5788" s="359"/>
      <c r="C5788" s="359"/>
      <c r="D5788" s="359"/>
      <c r="E5788" s="359"/>
      <c r="F5788" s="360"/>
      <c r="G5788" s="360"/>
      <c r="H5788" s="360"/>
      <c r="I5788" s="360"/>
      <c r="J5788" s="359"/>
      <c r="K5788" s="359"/>
      <c r="L5788" s="359"/>
    </row>
    <row r="5789" spans="2:12">
      <c r="B5789" s="359"/>
      <c r="C5789" s="359"/>
      <c r="D5789" s="359"/>
      <c r="E5789" s="359"/>
      <c r="F5789" s="359" t="s">
        <v>14420</v>
      </c>
      <c r="G5789" s="359" t="s">
        <v>14459</v>
      </c>
      <c r="H5789" s="359" t="s">
        <v>14367</v>
      </c>
      <c r="I5789" s="359" t="s">
        <v>14459</v>
      </c>
      <c r="J5789" s="359"/>
      <c r="K5789" s="359"/>
      <c r="L5789" s="359"/>
    </row>
    <row r="5790" spans="2:12">
      <c r="B5790" s="359"/>
      <c r="C5790" s="359"/>
      <c r="D5790" s="359"/>
      <c r="E5790" s="359"/>
      <c r="F5790" s="360"/>
      <c r="G5790" s="360"/>
      <c r="H5790" s="360"/>
      <c r="I5790" s="360"/>
      <c r="J5790" s="359"/>
      <c r="K5790" s="359"/>
      <c r="L5790" s="359"/>
    </row>
    <row r="5791" spans="2:12">
      <c r="B5791" s="361"/>
      <c r="C5791" s="361"/>
      <c r="D5791" s="361"/>
      <c r="E5791" s="361"/>
      <c r="F5791" s="361" t="s">
        <v>14420</v>
      </c>
      <c r="G5791" s="361" t="s">
        <v>14429</v>
      </c>
      <c r="H5791" s="361" t="s">
        <v>14332</v>
      </c>
      <c r="I5791" s="361" t="s">
        <v>14429</v>
      </c>
      <c r="J5791" s="361"/>
      <c r="K5791" s="361"/>
      <c r="L5791" s="361"/>
    </row>
    <row r="5792" spans="2:12" ht="42.75">
      <c r="B5792" s="358" t="s">
        <v>17138</v>
      </c>
      <c r="C5792" s="358" t="s">
        <v>17139</v>
      </c>
      <c r="D5792" s="358" t="s">
        <v>8356</v>
      </c>
      <c r="E5792" s="358" t="s">
        <v>8356</v>
      </c>
      <c r="F5792" s="358" t="s">
        <v>14420</v>
      </c>
      <c r="G5792" s="358" t="s">
        <v>14459</v>
      </c>
      <c r="H5792" s="358" t="s">
        <v>14367</v>
      </c>
      <c r="I5792" s="358" t="s">
        <v>14459</v>
      </c>
      <c r="J5792" s="358"/>
      <c r="K5792" s="358" t="s">
        <v>14929</v>
      </c>
      <c r="L5792" s="358" t="s">
        <v>16902</v>
      </c>
    </row>
    <row r="5793" spans="2:12">
      <c r="B5793" s="359"/>
      <c r="C5793" s="359"/>
      <c r="D5793" s="359"/>
      <c r="E5793" s="359"/>
      <c r="F5793" s="360"/>
      <c r="G5793" s="360"/>
      <c r="H5793" s="360"/>
      <c r="I5793" s="360"/>
      <c r="J5793" s="359"/>
      <c r="K5793" s="359"/>
      <c r="L5793" s="359"/>
    </row>
    <row r="5794" spans="2:12">
      <c r="B5794" s="361"/>
      <c r="C5794" s="361"/>
      <c r="D5794" s="361"/>
      <c r="E5794" s="361"/>
      <c r="F5794" s="361" t="s">
        <v>14420</v>
      </c>
      <c r="G5794" s="361" t="s">
        <v>14429</v>
      </c>
      <c r="H5794" s="361" t="s">
        <v>14422</v>
      </c>
      <c r="I5794" s="361" t="s">
        <v>14429</v>
      </c>
      <c r="J5794" s="361"/>
      <c r="K5794" s="361"/>
      <c r="L5794" s="361"/>
    </row>
    <row r="5795" spans="2:12">
      <c r="B5795" s="358" t="s">
        <v>17140</v>
      </c>
      <c r="C5795" s="358" t="s">
        <v>17141</v>
      </c>
      <c r="D5795" s="358" t="s">
        <v>17142</v>
      </c>
      <c r="E5795" s="358" t="s">
        <v>17143</v>
      </c>
      <c r="F5795" s="358" t="s">
        <v>14420</v>
      </c>
      <c r="G5795" s="358" t="s">
        <v>14429</v>
      </c>
      <c r="H5795" s="358" t="s">
        <v>14367</v>
      </c>
      <c r="I5795" s="358" t="s">
        <v>14429</v>
      </c>
      <c r="J5795" s="358"/>
      <c r="K5795" s="358"/>
      <c r="L5795" s="358"/>
    </row>
    <row r="5796" spans="2:12">
      <c r="B5796" s="359"/>
      <c r="C5796" s="359"/>
      <c r="D5796" s="359"/>
      <c r="E5796" s="359"/>
      <c r="F5796" s="359"/>
      <c r="G5796" s="359"/>
      <c r="H5796" s="360"/>
      <c r="I5796" s="359"/>
      <c r="J5796" s="359"/>
      <c r="K5796" s="359"/>
      <c r="L5796" s="359"/>
    </row>
    <row r="5797" spans="2:12">
      <c r="B5797" s="361"/>
      <c r="C5797" s="361"/>
      <c r="D5797" s="361"/>
      <c r="E5797" s="361"/>
      <c r="F5797" s="361"/>
      <c r="G5797" s="361"/>
      <c r="H5797" s="361" t="s">
        <v>14422</v>
      </c>
      <c r="I5797" s="361"/>
      <c r="J5797" s="361"/>
      <c r="K5797" s="361"/>
      <c r="L5797" s="361"/>
    </row>
    <row r="5798" spans="2:12">
      <c r="B5798" s="358" t="s">
        <v>17144</v>
      </c>
      <c r="C5798" s="358" t="s">
        <v>17145</v>
      </c>
      <c r="D5798" s="358" t="s">
        <v>17146</v>
      </c>
      <c r="E5798" s="358" t="s">
        <v>1346</v>
      </c>
      <c r="F5798" s="358" t="s">
        <v>14382</v>
      </c>
      <c r="G5798" s="358" t="s">
        <v>14383</v>
      </c>
      <c r="H5798" s="358" t="s">
        <v>14378</v>
      </c>
      <c r="I5798" s="358" t="s">
        <v>14383</v>
      </c>
      <c r="J5798" s="358"/>
      <c r="K5798" s="358"/>
      <c r="L5798" s="358"/>
    </row>
    <row r="5799" spans="2:12">
      <c r="B5799" s="359"/>
      <c r="C5799" s="359"/>
      <c r="D5799" s="359"/>
      <c r="E5799" s="359"/>
      <c r="F5799" s="360"/>
      <c r="G5799" s="360"/>
      <c r="H5799" s="360"/>
      <c r="I5799" s="360"/>
      <c r="J5799" s="359"/>
      <c r="K5799" s="359"/>
      <c r="L5799" s="359"/>
    </row>
    <row r="5800" spans="2:12">
      <c r="B5800" s="361"/>
      <c r="C5800" s="361"/>
      <c r="D5800" s="361"/>
      <c r="E5800" s="361"/>
      <c r="F5800" s="361" t="s">
        <v>14420</v>
      </c>
      <c r="G5800" s="361" t="s">
        <v>14459</v>
      </c>
      <c r="H5800" s="361" t="s">
        <v>14332</v>
      </c>
      <c r="I5800" s="361" t="s">
        <v>14459</v>
      </c>
      <c r="J5800" s="361"/>
      <c r="K5800" s="361"/>
      <c r="L5800" s="361"/>
    </row>
    <row r="5801" spans="2:12" ht="28.5">
      <c r="B5801" s="358" t="s">
        <v>17147</v>
      </c>
      <c r="C5801" s="358" t="s">
        <v>17148</v>
      </c>
      <c r="D5801" s="358" t="s">
        <v>17149</v>
      </c>
      <c r="E5801" s="358" t="s">
        <v>17150</v>
      </c>
      <c r="F5801" s="358" t="s">
        <v>14394</v>
      </c>
      <c r="G5801" s="358" t="s">
        <v>14395</v>
      </c>
      <c r="H5801" s="358" t="s">
        <v>14370</v>
      </c>
      <c r="I5801" s="358" t="s">
        <v>14395</v>
      </c>
      <c r="J5801" s="358"/>
      <c r="K5801" s="358"/>
      <c r="L5801" s="358"/>
    </row>
    <row r="5802" spans="2:12">
      <c r="B5802" s="361"/>
      <c r="C5802" s="361"/>
      <c r="D5802" s="361"/>
      <c r="E5802" s="361"/>
      <c r="F5802" s="361"/>
      <c r="G5802" s="361"/>
      <c r="H5802" s="361"/>
      <c r="I5802" s="361"/>
      <c r="J5802" s="361"/>
      <c r="K5802" s="361"/>
      <c r="L5802" s="361"/>
    </row>
    <row r="5803" spans="2:12">
      <c r="B5803" s="358" t="s">
        <v>17151</v>
      </c>
      <c r="C5803" s="358" t="s">
        <v>27518</v>
      </c>
      <c r="D5803" s="358" t="s">
        <v>17152</v>
      </c>
      <c r="E5803" s="358" t="s">
        <v>17153</v>
      </c>
      <c r="F5803" s="358" t="s">
        <v>14430</v>
      </c>
      <c r="G5803" s="358" t="s">
        <v>14431</v>
      </c>
      <c r="H5803" s="358" t="s">
        <v>14341</v>
      </c>
      <c r="I5803" s="358" t="s">
        <v>14431</v>
      </c>
      <c r="J5803" s="358"/>
      <c r="K5803" s="358"/>
      <c r="L5803" s="358"/>
    </row>
    <row r="5804" spans="2:12">
      <c r="B5804" s="359"/>
      <c r="C5804" s="359"/>
      <c r="D5804" s="359"/>
      <c r="E5804" s="359"/>
      <c r="F5804" s="360"/>
      <c r="G5804" s="360"/>
      <c r="H5804" s="360"/>
      <c r="I5804" s="360"/>
      <c r="J5804" s="359"/>
      <c r="K5804" s="359"/>
      <c r="L5804" s="359"/>
    </row>
    <row r="5805" spans="2:12">
      <c r="B5805" s="359"/>
      <c r="C5805" s="359"/>
      <c r="D5805" s="359"/>
      <c r="E5805" s="359"/>
      <c r="F5805" s="359" t="s">
        <v>14391</v>
      </c>
      <c r="G5805" s="359" t="s">
        <v>14392</v>
      </c>
      <c r="H5805" s="359" t="s">
        <v>14367</v>
      </c>
      <c r="I5805" s="359" t="s">
        <v>14392</v>
      </c>
      <c r="J5805" s="359"/>
      <c r="K5805" s="359"/>
      <c r="L5805" s="359"/>
    </row>
    <row r="5806" spans="2:12">
      <c r="B5806" s="359"/>
      <c r="C5806" s="359"/>
      <c r="D5806" s="359"/>
      <c r="E5806" s="359"/>
      <c r="F5806" s="360"/>
      <c r="G5806" s="360"/>
      <c r="H5806" s="360"/>
      <c r="I5806" s="360"/>
      <c r="J5806" s="359"/>
      <c r="K5806" s="359"/>
      <c r="L5806" s="359"/>
    </row>
    <row r="5807" spans="2:12">
      <c r="B5807" s="361"/>
      <c r="C5807" s="361"/>
      <c r="D5807" s="361"/>
      <c r="E5807" s="361"/>
      <c r="F5807" s="362"/>
      <c r="G5807" s="362"/>
      <c r="H5807" s="361" t="s">
        <v>14332</v>
      </c>
      <c r="I5807" s="362"/>
      <c r="J5807" s="361"/>
      <c r="K5807" s="361"/>
      <c r="L5807" s="361"/>
    </row>
    <row r="5808" spans="2:12">
      <c r="B5808" s="358" t="s">
        <v>17154</v>
      </c>
      <c r="C5808" s="358" t="s">
        <v>17155</v>
      </c>
      <c r="D5808" s="358" t="s">
        <v>17156</v>
      </c>
      <c r="E5808" s="358" t="s">
        <v>17157</v>
      </c>
      <c r="F5808" s="358" t="s">
        <v>14420</v>
      </c>
      <c r="G5808" s="358" t="s">
        <v>14429</v>
      </c>
      <c r="H5808" s="358" t="s">
        <v>14341</v>
      </c>
      <c r="I5808" s="358" t="s">
        <v>14429</v>
      </c>
      <c r="J5808" s="358"/>
      <c r="K5808" s="358"/>
      <c r="L5808" s="358"/>
    </row>
    <row r="5809" spans="2:12">
      <c r="B5809" s="359"/>
      <c r="C5809" s="359"/>
      <c r="D5809" s="359"/>
      <c r="E5809" s="359"/>
      <c r="F5809" s="360"/>
      <c r="G5809" s="360"/>
      <c r="H5809" s="360"/>
      <c r="I5809" s="360"/>
      <c r="J5809" s="359"/>
      <c r="K5809" s="359"/>
      <c r="L5809" s="359"/>
    </row>
    <row r="5810" spans="2:12">
      <c r="B5810" s="359"/>
      <c r="C5810" s="359"/>
      <c r="D5810" s="359"/>
      <c r="E5810" s="359"/>
      <c r="F5810" s="359" t="s">
        <v>14430</v>
      </c>
      <c r="G5810" s="359" t="s">
        <v>14431</v>
      </c>
      <c r="H5810" s="359" t="s">
        <v>14367</v>
      </c>
      <c r="I5810" s="359" t="s">
        <v>14431</v>
      </c>
      <c r="J5810" s="359"/>
      <c r="K5810" s="359"/>
      <c r="L5810" s="359"/>
    </row>
    <row r="5811" spans="2:12">
      <c r="B5811" s="359"/>
      <c r="C5811" s="359"/>
      <c r="D5811" s="359"/>
      <c r="E5811" s="359"/>
      <c r="F5811" s="360"/>
      <c r="G5811" s="360"/>
      <c r="H5811" s="360"/>
      <c r="I5811" s="360"/>
      <c r="J5811" s="359"/>
      <c r="K5811" s="359"/>
      <c r="L5811" s="359"/>
    </row>
    <row r="5812" spans="2:12" ht="28.5">
      <c r="B5812" s="361"/>
      <c r="C5812" s="361"/>
      <c r="D5812" s="361"/>
      <c r="E5812" s="361"/>
      <c r="F5812" s="361" t="s">
        <v>14472</v>
      </c>
      <c r="G5812" s="361" t="s">
        <v>14473</v>
      </c>
      <c r="H5812" s="361" t="s">
        <v>14332</v>
      </c>
      <c r="I5812" s="361" t="s">
        <v>14473</v>
      </c>
      <c r="J5812" s="361"/>
      <c r="K5812" s="361"/>
      <c r="L5812" s="361"/>
    </row>
    <row r="5813" spans="2:12" ht="42.75">
      <c r="B5813" s="358" t="s">
        <v>17158</v>
      </c>
      <c r="C5813" s="358" t="s">
        <v>28834</v>
      </c>
      <c r="D5813" s="358" t="s">
        <v>17159</v>
      </c>
      <c r="E5813" s="358" t="s">
        <v>8356</v>
      </c>
      <c r="F5813" s="358" t="s">
        <v>14505</v>
      </c>
      <c r="G5813" s="358" t="s">
        <v>14506</v>
      </c>
      <c r="H5813" s="358" t="s">
        <v>14328</v>
      </c>
      <c r="I5813" s="358" t="s">
        <v>14506</v>
      </c>
      <c r="J5813" s="358"/>
      <c r="K5813" s="358"/>
      <c r="L5813" s="358"/>
    </row>
    <row r="5814" spans="2:12">
      <c r="B5814" s="359"/>
      <c r="C5814" s="359"/>
      <c r="D5814" s="359"/>
      <c r="E5814" s="359"/>
      <c r="F5814" s="360"/>
      <c r="G5814" s="360"/>
      <c r="H5814" s="360"/>
      <c r="I5814" s="360"/>
      <c r="J5814" s="359"/>
      <c r="K5814" s="359"/>
      <c r="L5814" s="359"/>
    </row>
    <row r="5815" spans="2:12">
      <c r="B5815" s="359"/>
      <c r="C5815" s="359"/>
      <c r="D5815" s="359"/>
      <c r="E5815" s="359"/>
      <c r="F5815" s="359" t="s">
        <v>14420</v>
      </c>
      <c r="G5815" s="359" t="s">
        <v>14459</v>
      </c>
      <c r="H5815" s="359" t="s">
        <v>14341</v>
      </c>
      <c r="I5815" s="359" t="s">
        <v>14459</v>
      </c>
      <c r="J5815" s="359"/>
      <c r="K5815" s="359"/>
      <c r="L5815" s="359"/>
    </row>
    <row r="5816" spans="2:12">
      <c r="B5816" s="359"/>
      <c r="C5816" s="359"/>
      <c r="D5816" s="359"/>
      <c r="E5816" s="359"/>
      <c r="F5816" s="360"/>
      <c r="G5816" s="360"/>
      <c r="H5816" s="360"/>
      <c r="I5816" s="360"/>
      <c r="J5816" s="359"/>
      <c r="K5816" s="359"/>
      <c r="L5816" s="359"/>
    </row>
    <row r="5817" spans="2:12">
      <c r="B5817" s="359"/>
      <c r="C5817" s="359"/>
      <c r="D5817" s="359"/>
      <c r="E5817" s="359"/>
      <c r="F5817" s="359" t="s">
        <v>14356</v>
      </c>
      <c r="G5817" s="359" t="s">
        <v>14340</v>
      </c>
      <c r="H5817" s="359" t="s">
        <v>14367</v>
      </c>
      <c r="I5817" s="359" t="s">
        <v>14340</v>
      </c>
      <c r="J5817" s="359"/>
      <c r="K5817" s="359"/>
      <c r="L5817" s="359"/>
    </row>
    <row r="5818" spans="2:12">
      <c r="B5818" s="359"/>
      <c r="C5818" s="359"/>
      <c r="D5818" s="359"/>
      <c r="E5818" s="359"/>
      <c r="F5818" s="360"/>
      <c r="G5818" s="360"/>
      <c r="H5818" s="360"/>
      <c r="I5818" s="360"/>
      <c r="J5818" s="359"/>
      <c r="K5818" s="359"/>
      <c r="L5818" s="359"/>
    </row>
    <row r="5819" spans="2:12">
      <c r="B5819" s="359"/>
      <c r="C5819" s="359"/>
      <c r="D5819" s="359"/>
      <c r="E5819" s="359"/>
      <c r="F5819" s="359" t="s">
        <v>14391</v>
      </c>
      <c r="G5819" s="359" t="s">
        <v>14392</v>
      </c>
      <c r="H5819" s="359" t="s">
        <v>14370</v>
      </c>
      <c r="I5819" s="359" t="s">
        <v>14392</v>
      </c>
      <c r="J5819" s="359"/>
      <c r="K5819" s="359"/>
      <c r="L5819" s="359"/>
    </row>
    <row r="5820" spans="2:12">
      <c r="B5820" s="359"/>
      <c r="C5820" s="359"/>
      <c r="D5820" s="359"/>
      <c r="E5820" s="359"/>
      <c r="F5820" s="360"/>
      <c r="G5820" s="360"/>
      <c r="H5820" s="360"/>
      <c r="I5820" s="360"/>
      <c r="J5820" s="359"/>
      <c r="K5820" s="359"/>
      <c r="L5820" s="359"/>
    </row>
    <row r="5821" spans="2:12">
      <c r="B5821" s="359"/>
      <c r="C5821" s="359"/>
      <c r="D5821" s="359"/>
      <c r="E5821" s="359"/>
      <c r="F5821" s="359" t="s">
        <v>14371</v>
      </c>
      <c r="G5821" s="359" t="s">
        <v>14372</v>
      </c>
      <c r="H5821" s="359" t="s">
        <v>14332</v>
      </c>
      <c r="I5821" s="359" t="s">
        <v>14373</v>
      </c>
      <c r="J5821" s="359"/>
      <c r="K5821" s="359"/>
      <c r="L5821" s="359"/>
    </row>
    <row r="5822" spans="2:12">
      <c r="B5822" s="359"/>
      <c r="C5822" s="359"/>
      <c r="D5822" s="359"/>
      <c r="E5822" s="359"/>
      <c r="F5822" s="360"/>
      <c r="G5822" s="360"/>
      <c r="H5822" s="360"/>
      <c r="I5822" s="360"/>
      <c r="J5822" s="359"/>
      <c r="K5822" s="359"/>
      <c r="L5822" s="359"/>
    </row>
    <row r="5823" spans="2:12" ht="28.5">
      <c r="B5823" s="361"/>
      <c r="C5823" s="361"/>
      <c r="D5823" s="361"/>
      <c r="E5823" s="361"/>
      <c r="F5823" s="361" t="s">
        <v>14374</v>
      </c>
      <c r="G5823" s="361" t="s">
        <v>14373</v>
      </c>
      <c r="H5823" s="362"/>
      <c r="I5823" s="362"/>
      <c r="J5823" s="361"/>
      <c r="K5823" s="361"/>
      <c r="L5823" s="361"/>
    </row>
    <row r="5824" spans="2:12">
      <c r="B5824" s="358" t="s">
        <v>17160</v>
      </c>
      <c r="C5824" s="358" t="s">
        <v>17161</v>
      </c>
      <c r="D5824" s="358" t="s">
        <v>17162</v>
      </c>
      <c r="E5824" s="358" t="s">
        <v>17163</v>
      </c>
      <c r="F5824" s="358" t="s">
        <v>14379</v>
      </c>
      <c r="G5824" s="358" t="s">
        <v>14380</v>
      </c>
      <c r="H5824" s="358" t="s">
        <v>14378</v>
      </c>
      <c r="I5824" s="358" t="s">
        <v>14380</v>
      </c>
      <c r="J5824" s="358"/>
      <c r="K5824" s="358"/>
      <c r="L5824" s="358"/>
    </row>
    <row r="5825" spans="2:12">
      <c r="B5825" s="359"/>
      <c r="C5825" s="360"/>
      <c r="D5825" s="359"/>
      <c r="E5825" s="359"/>
      <c r="F5825" s="360"/>
      <c r="G5825" s="360"/>
      <c r="H5825" s="360"/>
      <c r="I5825" s="360"/>
      <c r="J5825" s="359"/>
      <c r="K5825" s="359"/>
      <c r="L5825" s="359"/>
    </row>
    <row r="5826" spans="2:12">
      <c r="B5826" s="359"/>
      <c r="C5826" s="359" t="s">
        <v>17164</v>
      </c>
      <c r="D5826" s="359"/>
      <c r="E5826" s="359"/>
      <c r="F5826" s="359" t="s">
        <v>14530</v>
      </c>
      <c r="G5826" s="359" t="s">
        <v>14531</v>
      </c>
      <c r="H5826" s="359" t="s">
        <v>14341</v>
      </c>
      <c r="I5826" s="359" t="s">
        <v>14531</v>
      </c>
      <c r="J5826" s="359"/>
      <c r="K5826" s="359"/>
      <c r="L5826" s="359"/>
    </row>
    <row r="5827" spans="2:12">
      <c r="B5827" s="359"/>
      <c r="C5827" s="360"/>
      <c r="D5827" s="359"/>
      <c r="E5827" s="359"/>
      <c r="F5827" s="360"/>
      <c r="G5827" s="360"/>
      <c r="H5827" s="360"/>
      <c r="I5827" s="360"/>
      <c r="J5827" s="359"/>
      <c r="K5827" s="359"/>
      <c r="L5827" s="359"/>
    </row>
    <row r="5828" spans="2:12">
      <c r="B5828" s="359"/>
      <c r="C5828" s="360"/>
      <c r="D5828" s="359"/>
      <c r="E5828" s="359"/>
      <c r="F5828" s="359" t="s">
        <v>14379</v>
      </c>
      <c r="G5828" s="359" t="s">
        <v>14405</v>
      </c>
      <c r="H5828" s="359" t="s">
        <v>14332</v>
      </c>
      <c r="I5828" s="359" t="s">
        <v>14405</v>
      </c>
      <c r="J5828" s="359"/>
      <c r="K5828" s="359"/>
      <c r="L5828" s="359"/>
    </row>
    <row r="5829" spans="2:12">
      <c r="B5829" s="359"/>
      <c r="C5829" s="360"/>
      <c r="D5829" s="359"/>
      <c r="E5829" s="359"/>
      <c r="F5829" s="360"/>
      <c r="G5829" s="360"/>
      <c r="H5829" s="360"/>
      <c r="I5829" s="360"/>
      <c r="J5829" s="359"/>
      <c r="K5829" s="359"/>
      <c r="L5829" s="359"/>
    </row>
    <row r="5830" spans="2:12">
      <c r="B5830" s="361"/>
      <c r="C5830" s="362"/>
      <c r="D5830" s="361"/>
      <c r="E5830" s="361"/>
      <c r="F5830" s="361" t="s">
        <v>14356</v>
      </c>
      <c r="G5830" s="361" t="s">
        <v>14340</v>
      </c>
      <c r="H5830" s="362"/>
      <c r="I5830" s="361" t="s">
        <v>14340</v>
      </c>
      <c r="J5830" s="361"/>
      <c r="K5830" s="361"/>
      <c r="L5830" s="361"/>
    </row>
    <row r="5831" spans="2:12" ht="28.5">
      <c r="B5831" s="358" t="s">
        <v>17165</v>
      </c>
      <c r="C5831" s="358" t="s">
        <v>17166</v>
      </c>
      <c r="D5831" s="358" t="s">
        <v>8356</v>
      </c>
      <c r="E5831" s="358" t="s">
        <v>8356</v>
      </c>
      <c r="F5831" s="358" t="s">
        <v>14382</v>
      </c>
      <c r="G5831" s="358" t="s">
        <v>14383</v>
      </c>
      <c r="H5831" s="358" t="s">
        <v>14378</v>
      </c>
      <c r="I5831" s="358" t="s">
        <v>14383</v>
      </c>
      <c r="J5831" s="358"/>
      <c r="K5831" s="358"/>
      <c r="L5831" s="358" t="s">
        <v>9491</v>
      </c>
    </row>
    <row r="5832" spans="2:12">
      <c r="B5832" s="359"/>
      <c r="C5832" s="359"/>
      <c r="D5832" s="359"/>
      <c r="E5832" s="359"/>
      <c r="F5832" s="360"/>
      <c r="G5832" s="360"/>
      <c r="H5832" s="360"/>
      <c r="I5832" s="360"/>
      <c r="J5832" s="359"/>
      <c r="K5832" s="359"/>
      <c r="L5832" s="359"/>
    </row>
    <row r="5833" spans="2:12">
      <c r="B5833" s="359"/>
      <c r="C5833" s="359"/>
      <c r="D5833" s="359"/>
      <c r="E5833" s="359"/>
      <c r="F5833" s="359" t="s">
        <v>14430</v>
      </c>
      <c r="G5833" s="359" t="s">
        <v>14431</v>
      </c>
      <c r="H5833" s="359" t="s">
        <v>14341</v>
      </c>
      <c r="I5833" s="359" t="s">
        <v>14431</v>
      </c>
      <c r="J5833" s="359"/>
      <c r="K5833" s="359"/>
      <c r="L5833" s="359"/>
    </row>
    <row r="5834" spans="2:12">
      <c r="B5834" s="359"/>
      <c r="C5834" s="359"/>
      <c r="D5834" s="359"/>
      <c r="E5834" s="359"/>
      <c r="F5834" s="360"/>
      <c r="G5834" s="360"/>
      <c r="H5834" s="360"/>
      <c r="I5834" s="360"/>
      <c r="J5834" s="359"/>
      <c r="K5834" s="359"/>
      <c r="L5834" s="359"/>
    </row>
    <row r="5835" spans="2:12">
      <c r="B5835" s="359"/>
      <c r="C5835" s="359"/>
      <c r="D5835" s="359"/>
      <c r="E5835" s="359"/>
      <c r="F5835" s="359" t="s">
        <v>14814</v>
      </c>
      <c r="G5835" s="359" t="s">
        <v>14815</v>
      </c>
      <c r="H5835" s="359" t="s">
        <v>14381</v>
      </c>
      <c r="I5835" s="359" t="s">
        <v>14815</v>
      </c>
      <c r="J5835" s="359"/>
      <c r="K5835" s="359"/>
      <c r="L5835" s="359"/>
    </row>
    <row r="5836" spans="2:12">
      <c r="B5836" s="359"/>
      <c r="C5836" s="359"/>
      <c r="D5836" s="359"/>
      <c r="E5836" s="359"/>
      <c r="F5836" s="360"/>
      <c r="G5836" s="360"/>
      <c r="H5836" s="360"/>
      <c r="I5836" s="360"/>
      <c r="J5836" s="359"/>
      <c r="K5836" s="359"/>
      <c r="L5836" s="359"/>
    </row>
    <row r="5837" spans="2:12">
      <c r="B5837" s="361"/>
      <c r="C5837" s="361"/>
      <c r="D5837" s="361"/>
      <c r="E5837" s="361"/>
      <c r="F5837" s="361" t="s">
        <v>14391</v>
      </c>
      <c r="G5837" s="361" t="s">
        <v>14392</v>
      </c>
      <c r="H5837" s="361" t="s">
        <v>14332</v>
      </c>
      <c r="I5837" s="361" t="s">
        <v>14392</v>
      </c>
      <c r="J5837" s="361"/>
      <c r="K5837" s="361"/>
      <c r="L5837" s="361"/>
    </row>
    <row r="5838" spans="2:12">
      <c r="B5838" s="358" t="s">
        <v>17167</v>
      </c>
      <c r="C5838" s="358" t="s">
        <v>17168</v>
      </c>
      <c r="D5838" s="358" t="s">
        <v>17169</v>
      </c>
      <c r="E5838" s="358" t="s">
        <v>17170</v>
      </c>
      <c r="F5838" s="358" t="s">
        <v>14382</v>
      </c>
      <c r="G5838" s="358" t="s">
        <v>14383</v>
      </c>
      <c r="H5838" s="358" t="s">
        <v>14378</v>
      </c>
      <c r="I5838" s="358" t="s">
        <v>14383</v>
      </c>
      <c r="J5838" s="358"/>
      <c r="K5838" s="358"/>
      <c r="L5838" s="358"/>
    </row>
    <row r="5839" spans="2:12">
      <c r="B5839" s="359"/>
      <c r="C5839" s="359"/>
      <c r="D5839" s="359"/>
      <c r="E5839" s="359"/>
      <c r="F5839" s="360"/>
      <c r="G5839" s="360"/>
      <c r="H5839" s="360"/>
      <c r="I5839" s="360"/>
      <c r="J5839" s="359"/>
      <c r="K5839" s="359"/>
      <c r="L5839" s="359"/>
    </row>
    <row r="5840" spans="2:12">
      <c r="B5840" s="359"/>
      <c r="C5840" s="359"/>
      <c r="D5840" s="359"/>
      <c r="E5840" s="359"/>
      <c r="F5840" s="359" t="s">
        <v>14389</v>
      </c>
      <c r="G5840" s="359" t="s">
        <v>14390</v>
      </c>
      <c r="H5840" s="359" t="s">
        <v>14341</v>
      </c>
      <c r="I5840" s="359" t="s">
        <v>14390</v>
      </c>
      <c r="J5840" s="359"/>
      <c r="K5840" s="359"/>
      <c r="L5840" s="359"/>
    </row>
    <row r="5841" spans="2:12">
      <c r="B5841" s="359"/>
      <c r="C5841" s="359"/>
      <c r="D5841" s="359"/>
      <c r="E5841" s="359"/>
      <c r="F5841" s="360"/>
      <c r="G5841" s="360"/>
      <c r="H5841" s="360"/>
      <c r="I5841" s="360"/>
      <c r="J5841" s="359"/>
      <c r="K5841" s="359"/>
      <c r="L5841" s="359"/>
    </row>
    <row r="5842" spans="2:12">
      <c r="B5842" s="359"/>
      <c r="C5842" s="359"/>
      <c r="D5842" s="359"/>
      <c r="E5842" s="359"/>
      <c r="F5842" s="359" t="s">
        <v>14430</v>
      </c>
      <c r="G5842" s="359" t="s">
        <v>14431</v>
      </c>
      <c r="H5842" s="359" t="s">
        <v>14381</v>
      </c>
      <c r="I5842" s="359" t="s">
        <v>14431</v>
      </c>
      <c r="J5842" s="359"/>
      <c r="K5842" s="359"/>
      <c r="L5842" s="359"/>
    </row>
    <row r="5843" spans="2:12">
      <c r="B5843" s="359"/>
      <c r="C5843" s="359"/>
      <c r="D5843" s="359"/>
      <c r="E5843" s="359"/>
      <c r="F5843" s="360"/>
      <c r="G5843" s="360"/>
      <c r="H5843" s="360"/>
      <c r="I5843" s="360"/>
      <c r="J5843" s="359"/>
      <c r="K5843" s="359"/>
      <c r="L5843" s="359"/>
    </row>
    <row r="5844" spans="2:12">
      <c r="B5844" s="359"/>
      <c r="C5844" s="359"/>
      <c r="D5844" s="359"/>
      <c r="E5844" s="359"/>
      <c r="F5844" s="359" t="s">
        <v>14814</v>
      </c>
      <c r="G5844" s="359" t="s">
        <v>14815</v>
      </c>
      <c r="H5844" s="359" t="s">
        <v>14332</v>
      </c>
      <c r="I5844" s="359" t="s">
        <v>14815</v>
      </c>
      <c r="J5844" s="359"/>
      <c r="K5844" s="359"/>
      <c r="L5844" s="359"/>
    </row>
    <row r="5845" spans="2:12">
      <c r="B5845" s="359"/>
      <c r="C5845" s="359"/>
      <c r="D5845" s="359"/>
      <c r="E5845" s="359"/>
      <c r="F5845" s="360"/>
      <c r="G5845" s="360"/>
      <c r="H5845" s="360"/>
      <c r="I5845" s="360"/>
      <c r="J5845" s="359"/>
      <c r="K5845" s="359"/>
      <c r="L5845" s="359"/>
    </row>
    <row r="5846" spans="2:12">
      <c r="B5846" s="361"/>
      <c r="C5846" s="361"/>
      <c r="D5846" s="361"/>
      <c r="E5846" s="361"/>
      <c r="F5846" s="361" t="s">
        <v>14391</v>
      </c>
      <c r="G5846" s="361" t="s">
        <v>14392</v>
      </c>
      <c r="H5846" s="362"/>
      <c r="I5846" s="361" t="s">
        <v>14392</v>
      </c>
      <c r="J5846" s="361"/>
      <c r="K5846" s="361"/>
      <c r="L5846" s="361"/>
    </row>
    <row r="5847" spans="2:12">
      <c r="B5847" s="358" t="s">
        <v>17171</v>
      </c>
      <c r="C5847" s="358" t="s">
        <v>17172</v>
      </c>
      <c r="D5847" s="358" t="s">
        <v>17173</v>
      </c>
      <c r="E5847" s="358" t="s">
        <v>17174</v>
      </c>
      <c r="F5847" s="358" t="s">
        <v>14382</v>
      </c>
      <c r="G5847" s="358" t="s">
        <v>14383</v>
      </c>
      <c r="H5847" s="358" t="s">
        <v>14378</v>
      </c>
      <c r="I5847" s="358" t="s">
        <v>14383</v>
      </c>
      <c r="J5847" s="358"/>
      <c r="K5847" s="358"/>
      <c r="L5847" s="358"/>
    </row>
    <row r="5848" spans="2:12">
      <c r="B5848" s="359"/>
      <c r="C5848" s="359"/>
      <c r="D5848" s="359"/>
      <c r="E5848" s="359"/>
      <c r="F5848" s="360"/>
      <c r="G5848" s="360"/>
      <c r="H5848" s="360"/>
      <c r="I5848" s="360"/>
      <c r="J5848" s="359"/>
      <c r="K5848" s="359"/>
      <c r="L5848" s="359"/>
    </row>
    <row r="5849" spans="2:12">
      <c r="B5849" s="359"/>
      <c r="C5849" s="359"/>
      <c r="D5849" s="359"/>
      <c r="E5849" s="359"/>
      <c r="F5849" s="359" t="s">
        <v>14389</v>
      </c>
      <c r="G5849" s="359" t="s">
        <v>14390</v>
      </c>
      <c r="H5849" s="359" t="s">
        <v>14341</v>
      </c>
      <c r="I5849" s="359" t="s">
        <v>14390</v>
      </c>
      <c r="J5849" s="359"/>
      <c r="K5849" s="359"/>
      <c r="L5849" s="359"/>
    </row>
    <row r="5850" spans="2:12">
      <c r="B5850" s="359"/>
      <c r="C5850" s="359"/>
      <c r="D5850" s="359"/>
      <c r="E5850" s="359"/>
      <c r="F5850" s="360"/>
      <c r="G5850" s="360"/>
      <c r="H5850" s="360"/>
      <c r="I5850" s="360"/>
      <c r="J5850" s="359"/>
      <c r="K5850" s="359"/>
      <c r="L5850" s="359"/>
    </row>
    <row r="5851" spans="2:12">
      <c r="B5851" s="359"/>
      <c r="C5851" s="359"/>
      <c r="D5851" s="359"/>
      <c r="E5851" s="359"/>
      <c r="F5851" s="359" t="s">
        <v>14430</v>
      </c>
      <c r="G5851" s="359" t="s">
        <v>14431</v>
      </c>
      <c r="H5851" s="359" t="s">
        <v>14381</v>
      </c>
      <c r="I5851" s="359" t="s">
        <v>14431</v>
      </c>
      <c r="J5851" s="359"/>
      <c r="K5851" s="359"/>
      <c r="L5851" s="359"/>
    </row>
    <row r="5852" spans="2:12">
      <c r="B5852" s="359"/>
      <c r="C5852" s="359"/>
      <c r="D5852" s="359"/>
      <c r="E5852" s="359"/>
      <c r="F5852" s="360"/>
      <c r="G5852" s="360"/>
      <c r="H5852" s="360"/>
      <c r="I5852" s="360"/>
      <c r="J5852" s="359"/>
      <c r="K5852" s="359"/>
      <c r="L5852" s="359"/>
    </row>
    <row r="5853" spans="2:12">
      <c r="B5853" s="359"/>
      <c r="C5853" s="359"/>
      <c r="D5853" s="359"/>
      <c r="E5853" s="359"/>
      <c r="F5853" s="359" t="s">
        <v>14814</v>
      </c>
      <c r="G5853" s="359" t="s">
        <v>14815</v>
      </c>
      <c r="H5853" s="359" t="s">
        <v>14332</v>
      </c>
      <c r="I5853" s="359" t="s">
        <v>14815</v>
      </c>
      <c r="J5853" s="359"/>
      <c r="K5853" s="359"/>
      <c r="L5853" s="359"/>
    </row>
    <row r="5854" spans="2:12">
      <c r="B5854" s="359"/>
      <c r="C5854" s="359"/>
      <c r="D5854" s="359"/>
      <c r="E5854" s="359"/>
      <c r="F5854" s="360"/>
      <c r="G5854" s="360"/>
      <c r="H5854" s="360"/>
      <c r="I5854" s="360"/>
      <c r="J5854" s="359"/>
      <c r="K5854" s="359"/>
      <c r="L5854" s="359"/>
    </row>
    <row r="5855" spans="2:12">
      <c r="B5855" s="361"/>
      <c r="C5855" s="361"/>
      <c r="D5855" s="361"/>
      <c r="E5855" s="361"/>
      <c r="F5855" s="361" t="s">
        <v>14391</v>
      </c>
      <c r="G5855" s="361" t="s">
        <v>14392</v>
      </c>
      <c r="H5855" s="362"/>
      <c r="I5855" s="361" t="s">
        <v>14392</v>
      </c>
      <c r="J5855" s="361"/>
      <c r="K5855" s="361"/>
      <c r="L5855" s="361"/>
    </row>
    <row r="5856" spans="2:12">
      <c r="B5856" s="358" t="s">
        <v>17175</v>
      </c>
      <c r="C5856" s="358" t="s">
        <v>17176</v>
      </c>
      <c r="D5856" s="358" t="s">
        <v>17177</v>
      </c>
      <c r="E5856" s="358" t="s">
        <v>17178</v>
      </c>
      <c r="F5856" s="358" t="s">
        <v>14382</v>
      </c>
      <c r="G5856" s="358" t="s">
        <v>14383</v>
      </c>
      <c r="H5856" s="358" t="s">
        <v>14378</v>
      </c>
      <c r="I5856" s="358" t="s">
        <v>14383</v>
      </c>
      <c r="J5856" s="358"/>
      <c r="K5856" s="358"/>
      <c r="L5856" s="358"/>
    </row>
    <row r="5857" spans="2:12">
      <c r="B5857" s="359"/>
      <c r="C5857" s="359"/>
      <c r="D5857" s="359"/>
      <c r="E5857" s="359"/>
      <c r="F5857" s="360"/>
      <c r="G5857" s="360"/>
      <c r="H5857" s="360"/>
      <c r="I5857" s="360"/>
      <c r="J5857" s="359"/>
      <c r="K5857" s="359"/>
      <c r="L5857" s="359"/>
    </row>
    <row r="5858" spans="2:12">
      <c r="B5858" s="359"/>
      <c r="C5858" s="359"/>
      <c r="D5858" s="359"/>
      <c r="E5858" s="359"/>
      <c r="F5858" s="359" t="s">
        <v>14389</v>
      </c>
      <c r="G5858" s="359" t="s">
        <v>14390</v>
      </c>
      <c r="H5858" s="359" t="s">
        <v>14341</v>
      </c>
      <c r="I5858" s="359" t="s">
        <v>14390</v>
      </c>
      <c r="J5858" s="359"/>
      <c r="K5858" s="359"/>
      <c r="L5858" s="359"/>
    </row>
    <row r="5859" spans="2:12">
      <c r="B5859" s="359"/>
      <c r="C5859" s="359"/>
      <c r="D5859" s="359"/>
      <c r="E5859" s="359"/>
      <c r="F5859" s="360"/>
      <c r="G5859" s="360"/>
      <c r="H5859" s="360"/>
      <c r="I5859" s="360"/>
      <c r="J5859" s="359"/>
      <c r="K5859" s="359"/>
      <c r="L5859" s="359"/>
    </row>
    <row r="5860" spans="2:12">
      <c r="B5860" s="359"/>
      <c r="C5860" s="359"/>
      <c r="D5860" s="359"/>
      <c r="E5860" s="359"/>
      <c r="F5860" s="359" t="s">
        <v>14430</v>
      </c>
      <c r="G5860" s="359" t="s">
        <v>14431</v>
      </c>
      <c r="H5860" s="359" t="s">
        <v>14381</v>
      </c>
      <c r="I5860" s="359" t="s">
        <v>14431</v>
      </c>
      <c r="J5860" s="359"/>
      <c r="K5860" s="359"/>
      <c r="L5860" s="359"/>
    </row>
    <row r="5861" spans="2:12">
      <c r="B5861" s="359"/>
      <c r="C5861" s="359"/>
      <c r="D5861" s="359"/>
      <c r="E5861" s="359"/>
      <c r="F5861" s="360"/>
      <c r="G5861" s="360"/>
      <c r="H5861" s="360"/>
      <c r="I5861" s="360"/>
      <c r="J5861" s="359"/>
      <c r="K5861" s="359"/>
      <c r="L5861" s="359"/>
    </row>
    <row r="5862" spans="2:12">
      <c r="B5862" s="359"/>
      <c r="C5862" s="359"/>
      <c r="D5862" s="359"/>
      <c r="E5862" s="359"/>
      <c r="F5862" s="359" t="s">
        <v>14814</v>
      </c>
      <c r="G5862" s="359" t="s">
        <v>14815</v>
      </c>
      <c r="H5862" s="359" t="s">
        <v>14332</v>
      </c>
      <c r="I5862" s="359" t="s">
        <v>14815</v>
      </c>
      <c r="J5862" s="359"/>
      <c r="K5862" s="359"/>
      <c r="L5862" s="359"/>
    </row>
    <row r="5863" spans="2:12">
      <c r="B5863" s="359"/>
      <c r="C5863" s="359"/>
      <c r="D5863" s="359"/>
      <c r="E5863" s="359"/>
      <c r="F5863" s="360"/>
      <c r="G5863" s="360"/>
      <c r="H5863" s="360"/>
      <c r="I5863" s="360"/>
      <c r="J5863" s="359"/>
      <c r="K5863" s="359"/>
      <c r="L5863" s="359"/>
    </row>
    <row r="5864" spans="2:12">
      <c r="B5864" s="361"/>
      <c r="C5864" s="361"/>
      <c r="D5864" s="361"/>
      <c r="E5864" s="361"/>
      <c r="F5864" s="361" t="s">
        <v>14391</v>
      </c>
      <c r="G5864" s="361" t="s">
        <v>14392</v>
      </c>
      <c r="H5864" s="362"/>
      <c r="I5864" s="361" t="s">
        <v>14392</v>
      </c>
      <c r="J5864" s="361"/>
      <c r="K5864" s="361"/>
      <c r="L5864" s="361"/>
    </row>
    <row r="5865" spans="2:12" ht="28.5">
      <c r="B5865" s="358" t="s">
        <v>17179</v>
      </c>
      <c r="C5865" s="358" t="s">
        <v>17180</v>
      </c>
      <c r="D5865" s="358" t="s">
        <v>8356</v>
      </c>
      <c r="E5865" s="358" t="s">
        <v>8356</v>
      </c>
      <c r="F5865" s="358" t="s">
        <v>14382</v>
      </c>
      <c r="G5865" s="358" t="s">
        <v>14383</v>
      </c>
      <c r="H5865" s="358" t="s">
        <v>14378</v>
      </c>
      <c r="I5865" s="358" t="s">
        <v>14383</v>
      </c>
      <c r="J5865" s="358"/>
      <c r="K5865" s="358"/>
      <c r="L5865" s="358" t="s">
        <v>9491</v>
      </c>
    </row>
    <row r="5866" spans="2:12">
      <c r="B5866" s="359"/>
      <c r="C5866" s="359"/>
      <c r="D5866" s="359"/>
      <c r="E5866" s="359"/>
      <c r="F5866" s="360"/>
      <c r="G5866" s="360"/>
      <c r="H5866" s="360"/>
      <c r="I5866" s="360"/>
      <c r="J5866" s="359"/>
      <c r="K5866" s="359"/>
      <c r="L5866" s="359"/>
    </row>
    <row r="5867" spans="2:12">
      <c r="B5867" s="359"/>
      <c r="C5867" s="359"/>
      <c r="D5867" s="359"/>
      <c r="E5867" s="359"/>
      <c r="F5867" s="359" t="s">
        <v>14430</v>
      </c>
      <c r="G5867" s="359" t="s">
        <v>14431</v>
      </c>
      <c r="H5867" s="359" t="s">
        <v>14341</v>
      </c>
      <c r="I5867" s="359" t="s">
        <v>14431</v>
      </c>
      <c r="J5867" s="359"/>
      <c r="K5867" s="359"/>
      <c r="L5867" s="359"/>
    </row>
    <row r="5868" spans="2:12">
      <c r="B5868" s="359"/>
      <c r="C5868" s="359"/>
      <c r="D5868" s="359"/>
      <c r="E5868" s="359"/>
      <c r="F5868" s="360"/>
      <c r="G5868" s="360"/>
      <c r="H5868" s="360"/>
      <c r="I5868" s="360"/>
      <c r="J5868" s="359"/>
      <c r="K5868" s="359"/>
      <c r="L5868" s="359"/>
    </row>
    <row r="5869" spans="2:12">
      <c r="B5869" s="359"/>
      <c r="C5869" s="359"/>
      <c r="D5869" s="359"/>
      <c r="E5869" s="359"/>
      <c r="F5869" s="359" t="s">
        <v>14814</v>
      </c>
      <c r="G5869" s="359" t="s">
        <v>14815</v>
      </c>
      <c r="H5869" s="359" t="s">
        <v>14381</v>
      </c>
      <c r="I5869" s="359" t="s">
        <v>14815</v>
      </c>
      <c r="J5869" s="359"/>
      <c r="K5869" s="359"/>
      <c r="L5869" s="359"/>
    </row>
    <row r="5870" spans="2:12">
      <c r="B5870" s="359"/>
      <c r="C5870" s="359"/>
      <c r="D5870" s="359"/>
      <c r="E5870" s="359"/>
      <c r="F5870" s="360"/>
      <c r="G5870" s="360"/>
      <c r="H5870" s="360"/>
      <c r="I5870" s="360"/>
      <c r="J5870" s="359"/>
      <c r="K5870" s="359"/>
      <c r="L5870" s="359"/>
    </row>
    <row r="5871" spans="2:12">
      <c r="B5871" s="361"/>
      <c r="C5871" s="361"/>
      <c r="D5871" s="361"/>
      <c r="E5871" s="361"/>
      <c r="F5871" s="361" t="s">
        <v>14391</v>
      </c>
      <c r="G5871" s="361" t="s">
        <v>14392</v>
      </c>
      <c r="H5871" s="361" t="s">
        <v>14332</v>
      </c>
      <c r="I5871" s="361" t="s">
        <v>14392</v>
      </c>
      <c r="J5871" s="361"/>
      <c r="K5871" s="361"/>
      <c r="L5871" s="361"/>
    </row>
    <row r="5872" spans="2:12">
      <c r="B5872" s="358" t="s">
        <v>17181</v>
      </c>
      <c r="C5872" s="358" t="s">
        <v>17182</v>
      </c>
      <c r="D5872" s="358" t="s">
        <v>17183</v>
      </c>
      <c r="E5872" s="358" t="s">
        <v>17184</v>
      </c>
      <c r="F5872" s="358" t="s">
        <v>14382</v>
      </c>
      <c r="G5872" s="358" t="s">
        <v>14383</v>
      </c>
      <c r="H5872" s="358" t="s">
        <v>14378</v>
      </c>
      <c r="I5872" s="358" t="s">
        <v>14383</v>
      </c>
      <c r="J5872" s="358"/>
      <c r="K5872" s="358"/>
      <c r="L5872" s="358"/>
    </row>
    <row r="5873" spans="2:12">
      <c r="B5873" s="359"/>
      <c r="C5873" s="359"/>
      <c r="D5873" s="359"/>
      <c r="E5873" s="359"/>
      <c r="F5873" s="360"/>
      <c r="G5873" s="360"/>
      <c r="H5873" s="360"/>
      <c r="I5873" s="360"/>
      <c r="J5873" s="359"/>
      <c r="K5873" s="359"/>
      <c r="L5873" s="359"/>
    </row>
    <row r="5874" spans="2:12">
      <c r="B5874" s="359"/>
      <c r="C5874" s="359"/>
      <c r="D5874" s="359"/>
      <c r="E5874" s="359"/>
      <c r="F5874" s="359" t="s">
        <v>14430</v>
      </c>
      <c r="G5874" s="359" t="s">
        <v>14431</v>
      </c>
      <c r="H5874" s="359" t="s">
        <v>14341</v>
      </c>
      <c r="I5874" s="359" t="s">
        <v>14431</v>
      </c>
      <c r="J5874" s="359"/>
      <c r="K5874" s="359"/>
      <c r="L5874" s="359"/>
    </row>
    <row r="5875" spans="2:12">
      <c r="B5875" s="359"/>
      <c r="C5875" s="359"/>
      <c r="D5875" s="359"/>
      <c r="E5875" s="359"/>
      <c r="F5875" s="360"/>
      <c r="G5875" s="360"/>
      <c r="H5875" s="360"/>
      <c r="I5875" s="360"/>
      <c r="J5875" s="359"/>
      <c r="K5875" s="359"/>
      <c r="L5875" s="359"/>
    </row>
    <row r="5876" spans="2:12">
      <c r="B5876" s="359"/>
      <c r="C5876" s="359"/>
      <c r="D5876" s="359"/>
      <c r="E5876" s="359"/>
      <c r="F5876" s="359" t="s">
        <v>14814</v>
      </c>
      <c r="G5876" s="359" t="s">
        <v>14815</v>
      </c>
      <c r="H5876" s="359" t="s">
        <v>14381</v>
      </c>
      <c r="I5876" s="359" t="s">
        <v>14815</v>
      </c>
      <c r="J5876" s="359"/>
      <c r="K5876" s="359"/>
      <c r="L5876" s="359"/>
    </row>
    <row r="5877" spans="2:12">
      <c r="B5877" s="359"/>
      <c r="C5877" s="359"/>
      <c r="D5877" s="359"/>
      <c r="E5877" s="359"/>
      <c r="F5877" s="360"/>
      <c r="G5877" s="360"/>
      <c r="H5877" s="360"/>
      <c r="I5877" s="360"/>
      <c r="J5877" s="359"/>
      <c r="K5877" s="359"/>
      <c r="L5877" s="359"/>
    </row>
    <row r="5878" spans="2:12">
      <c r="B5878" s="361"/>
      <c r="C5878" s="361"/>
      <c r="D5878" s="361"/>
      <c r="E5878" s="361"/>
      <c r="F5878" s="361" t="s">
        <v>14391</v>
      </c>
      <c r="G5878" s="361" t="s">
        <v>14392</v>
      </c>
      <c r="H5878" s="361" t="s">
        <v>14332</v>
      </c>
      <c r="I5878" s="361" t="s">
        <v>14392</v>
      </c>
      <c r="J5878" s="361"/>
      <c r="K5878" s="361"/>
      <c r="L5878" s="361"/>
    </row>
    <row r="5879" spans="2:12">
      <c r="B5879" s="358" t="s">
        <v>17185</v>
      </c>
      <c r="C5879" s="358" t="s">
        <v>17186</v>
      </c>
      <c r="D5879" s="358" t="s">
        <v>17187</v>
      </c>
      <c r="E5879" s="358" t="s">
        <v>17188</v>
      </c>
      <c r="F5879" s="358" t="s">
        <v>14382</v>
      </c>
      <c r="G5879" s="358" t="s">
        <v>14383</v>
      </c>
      <c r="H5879" s="358" t="s">
        <v>14378</v>
      </c>
      <c r="I5879" s="358" t="s">
        <v>14383</v>
      </c>
      <c r="J5879" s="358"/>
      <c r="K5879" s="358"/>
      <c r="L5879" s="358"/>
    </row>
    <row r="5880" spans="2:12">
      <c r="B5880" s="359"/>
      <c r="C5880" s="359"/>
      <c r="D5880" s="359"/>
      <c r="E5880" s="359"/>
      <c r="F5880" s="360"/>
      <c r="G5880" s="360"/>
      <c r="H5880" s="360"/>
      <c r="I5880" s="360"/>
      <c r="J5880" s="359"/>
      <c r="K5880" s="359"/>
      <c r="L5880" s="359"/>
    </row>
    <row r="5881" spans="2:12">
      <c r="B5881" s="359"/>
      <c r="C5881" s="359"/>
      <c r="D5881" s="359"/>
      <c r="E5881" s="359"/>
      <c r="F5881" s="359" t="s">
        <v>14430</v>
      </c>
      <c r="G5881" s="359" t="s">
        <v>14431</v>
      </c>
      <c r="H5881" s="359" t="s">
        <v>14341</v>
      </c>
      <c r="I5881" s="359" t="s">
        <v>14431</v>
      </c>
      <c r="J5881" s="359"/>
      <c r="K5881" s="359"/>
      <c r="L5881" s="359"/>
    </row>
    <row r="5882" spans="2:12">
      <c r="B5882" s="359"/>
      <c r="C5882" s="359"/>
      <c r="D5882" s="359"/>
      <c r="E5882" s="359"/>
      <c r="F5882" s="360"/>
      <c r="G5882" s="360"/>
      <c r="H5882" s="360"/>
      <c r="I5882" s="360"/>
      <c r="J5882" s="359"/>
      <c r="K5882" s="359"/>
      <c r="L5882" s="359"/>
    </row>
    <row r="5883" spans="2:12">
      <c r="B5883" s="359"/>
      <c r="C5883" s="359"/>
      <c r="D5883" s="359"/>
      <c r="E5883" s="359"/>
      <c r="F5883" s="359" t="s">
        <v>14814</v>
      </c>
      <c r="G5883" s="359" t="s">
        <v>14815</v>
      </c>
      <c r="H5883" s="359" t="s">
        <v>14381</v>
      </c>
      <c r="I5883" s="359" t="s">
        <v>14815</v>
      </c>
      <c r="J5883" s="359"/>
      <c r="K5883" s="359"/>
      <c r="L5883" s="359"/>
    </row>
    <row r="5884" spans="2:12">
      <c r="B5884" s="359"/>
      <c r="C5884" s="359"/>
      <c r="D5884" s="359"/>
      <c r="E5884" s="359"/>
      <c r="F5884" s="360"/>
      <c r="G5884" s="360"/>
      <c r="H5884" s="360"/>
      <c r="I5884" s="360"/>
      <c r="J5884" s="359"/>
      <c r="K5884" s="359"/>
      <c r="L5884" s="359"/>
    </row>
    <row r="5885" spans="2:12">
      <c r="B5885" s="361"/>
      <c r="C5885" s="361"/>
      <c r="D5885" s="361"/>
      <c r="E5885" s="361"/>
      <c r="F5885" s="361" t="s">
        <v>14391</v>
      </c>
      <c r="G5885" s="361" t="s">
        <v>14392</v>
      </c>
      <c r="H5885" s="361" t="s">
        <v>14332</v>
      </c>
      <c r="I5885" s="361" t="s">
        <v>14392</v>
      </c>
      <c r="J5885" s="361"/>
      <c r="K5885" s="361"/>
      <c r="L5885" s="361"/>
    </row>
    <row r="5886" spans="2:12">
      <c r="B5886" s="358" t="s">
        <v>17189</v>
      </c>
      <c r="C5886" s="358" t="s">
        <v>17190</v>
      </c>
      <c r="D5886" s="358" t="s">
        <v>17191</v>
      </c>
      <c r="E5886" s="358" t="s">
        <v>17192</v>
      </c>
      <c r="F5886" s="358" t="s">
        <v>14382</v>
      </c>
      <c r="G5886" s="358" t="s">
        <v>14383</v>
      </c>
      <c r="H5886" s="358" t="s">
        <v>14378</v>
      </c>
      <c r="I5886" s="358" t="s">
        <v>14383</v>
      </c>
      <c r="J5886" s="358"/>
      <c r="K5886" s="358"/>
      <c r="L5886" s="358"/>
    </row>
    <row r="5887" spans="2:12">
      <c r="B5887" s="359"/>
      <c r="C5887" s="359"/>
      <c r="D5887" s="359"/>
      <c r="E5887" s="359"/>
      <c r="F5887" s="360"/>
      <c r="G5887" s="360"/>
      <c r="H5887" s="360"/>
      <c r="I5887" s="360"/>
      <c r="J5887" s="359"/>
      <c r="K5887" s="359"/>
      <c r="L5887" s="359"/>
    </row>
    <row r="5888" spans="2:12">
      <c r="B5888" s="359"/>
      <c r="C5888" s="359"/>
      <c r="D5888" s="359"/>
      <c r="E5888" s="359"/>
      <c r="F5888" s="359" t="s">
        <v>14430</v>
      </c>
      <c r="G5888" s="359" t="s">
        <v>14431</v>
      </c>
      <c r="H5888" s="359" t="s">
        <v>14341</v>
      </c>
      <c r="I5888" s="359" t="s">
        <v>14431</v>
      </c>
      <c r="J5888" s="359"/>
      <c r="K5888" s="359"/>
      <c r="L5888" s="359"/>
    </row>
    <row r="5889" spans="2:12">
      <c r="B5889" s="359"/>
      <c r="C5889" s="359"/>
      <c r="D5889" s="359"/>
      <c r="E5889" s="359"/>
      <c r="F5889" s="360"/>
      <c r="G5889" s="360"/>
      <c r="H5889" s="360"/>
      <c r="I5889" s="360"/>
      <c r="J5889" s="359"/>
      <c r="K5889" s="359"/>
      <c r="L5889" s="359"/>
    </row>
    <row r="5890" spans="2:12">
      <c r="B5890" s="359"/>
      <c r="C5890" s="359"/>
      <c r="D5890" s="359"/>
      <c r="E5890" s="359"/>
      <c r="F5890" s="359" t="s">
        <v>14814</v>
      </c>
      <c r="G5890" s="359" t="s">
        <v>14815</v>
      </c>
      <c r="H5890" s="359" t="s">
        <v>14381</v>
      </c>
      <c r="I5890" s="359" t="s">
        <v>14815</v>
      </c>
      <c r="J5890" s="359"/>
      <c r="K5890" s="359"/>
      <c r="L5890" s="359"/>
    </row>
    <row r="5891" spans="2:12">
      <c r="B5891" s="359"/>
      <c r="C5891" s="359"/>
      <c r="D5891" s="359"/>
      <c r="E5891" s="359"/>
      <c r="F5891" s="360"/>
      <c r="G5891" s="360"/>
      <c r="H5891" s="360"/>
      <c r="I5891" s="360"/>
      <c r="J5891" s="359"/>
      <c r="K5891" s="359"/>
      <c r="L5891" s="359"/>
    </row>
    <row r="5892" spans="2:12">
      <c r="B5892" s="361"/>
      <c r="C5892" s="361"/>
      <c r="D5892" s="361"/>
      <c r="E5892" s="361"/>
      <c r="F5892" s="361" t="s">
        <v>14391</v>
      </c>
      <c r="G5892" s="361" t="s">
        <v>14392</v>
      </c>
      <c r="H5892" s="361" t="s">
        <v>14332</v>
      </c>
      <c r="I5892" s="361" t="s">
        <v>14392</v>
      </c>
      <c r="J5892" s="361"/>
      <c r="K5892" s="361"/>
      <c r="L5892" s="361"/>
    </row>
    <row r="5893" spans="2:12">
      <c r="B5893" s="358" t="s">
        <v>17193</v>
      </c>
      <c r="C5893" s="358" t="s">
        <v>17194</v>
      </c>
      <c r="D5893" s="358" t="s">
        <v>17195</v>
      </c>
      <c r="E5893" s="358" t="s">
        <v>17196</v>
      </c>
      <c r="F5893" s="358" t="s">
        <v>14382</v>
      </c>
      <c r="G5893" s="358" t="s">
        <v>14383</v>
      </c>
      <c r="H5893" s="358" t="s">
        <v>14378</v>
      </c>
      <c r="I5893" s="358" t="s">
        <v>14383</v>
      </c>
      <c r="J5893" s="358"/>
      <c r="K5893" s="358"/>
      <c r="L5893" s="358"/>
    </row>
    <row r="5894" spans="2:12">
      <c r="B5894" s="359"/>
      <c r="C5894" s="359"/>
      <c r="D5894" s="359"/>
      <c r="E5894" s="359"/>
      <c r="F5894" s="360"/>
      <c r="G5894" s="360"/>
      <c r="H5894" s="360"/>
      <c r="I5894" s="360"/>
      <c r="J5894" s="359"/>
      <c r="K5894" s="359"/>
      <c r="L5894" s="359"/>
    </row>
    <row r="5895" spans="2:12">
      <c r="B5895" s="359"/>
      <c r="C5895" s="359"/>
      <c r="D5895" s="359"/>
      <c r="E5895" s="359"/>
      <c r="F5895" s="359" t="s">
        <v>14356</v>
      </c>
      <c r="G5895" s="359" t="s">
        <v>14340</v>
      </c>
      <c r="H5895" s="359" t="s">
        <v>14341</v>
      </c>
      <c r="I5895" s="359" t="s">
        <v>14340</v>
      </c>
      <c r="J5895" s="359"/>
      <c r="K5895" s="359"/>
      <c r="L5895" s="359"/>
    </row>
    <row r="5896" spans="2:12">
      <c r="B5896" s="359"/>
      <c r="C5896" s="359"/>
      <c r="D5896" s="359"/>
      <c r="E5896" s="359"/>
      <c r="F5896" s="360"/>
      <c r="G5896" s="360"/>
      <c r="H5896" s="360"/>
      <c r="I5896" s="360"/>
      <c r="J5896" s="359"/>
      <c r="K5896" s="359"/>
      <c r="L5896" s="359"/>
    </row>
    <row r="5897" spans="2:12">
      <c r="B5897" s="359"/>
      <c r="C5897" s="359"/>
      <c r="D5897" s="359"/>
      <c r="E5897" s="359"/>
      <c r="F5897" s="359" t="s">
        <v>14814</v>
      </c>
      <c r="G5897" s="359" t="s">
        <v>14815</v>
      </c>
      <c r="H5897" s="359" t="s">
        <v>14381</v>
      </c>
      <c r="I5897" s="359" t="s">
        <v>14815</v>
      </c>
      <c r="J5897" s="359"/>
      <c r="K5897" s="359"/>
      <c r="L5897" s="359"/>
    </row>
    <row r="5898" spans="2:12">
      <c r="B5898" s="359"/>
      <c r="C5898" s="359"/>
      <c r="D5898" s="359"/>
      <c r="E5898" s="359"/>
      <c r="F5898" s="360"/>
      <c r="G5898" s="360"/>
      <c r="H5898" s="360"/>
      <c r="I5898" s="360"/>
      <c r="J5898" s="359"/>
      <c r="K5898" s="359"/>
      <c r="L5898" s="359"/>
    </row>
    <row r="5899" spans="2:12">
      <c r="B5899" s="361"/>
      <c r="C5899" s="361"/>
      <c r="D5899" s="361"/>
      <c r="E5899" s="361"/>
      <c r="F5899" s="361" t="s">
        <v>14391</v>
      </c>
      <c r="G5899" s="361" t="s">
        <v>14392</v>
      </c>
      <c r="H5899" s="361" t="s">
        <v>14332</v>
      </c>
      <c r="I5899" s="361" t="s">
        <v>14392</v>
      </c>
      <c r="J5899" s="361"/>
      <c r="K5899" s="361"/>
      <c r="L5899" s="361"/>
    </row>
    <row r="5900" spans="2:12">
      <c r="B5900" s="358" t="s">
        <v>17197</v>
      </c>
      <c r="C5900" s="358" t="s">
        <v>28835</v>
      </c>
      <c r="D5900" s="358" t="s">
        <v>17198</v>
      </c>
      <c r="E5900" s="358" t="s">
        <v>17199</v>
      </c>
      <c r="F5900" s="358" t="s">
        <v>14420</v>
      </c>
      <c r="G5900" s="358" t="s">
        <v>14429</v>
      </c>
      <c r="H5900" s="358" t="s">
        <v>14341</v>
      </c>
      <c r="I5900" s="358" t="s">
        <v>14429</v>
      </c>
      <c r="J5900" s="358"/>
      <c r="K5900" s="358"/>
      <c r="L5900" s="358"/>
    </row>
    <row r="5901" spans="2:12">
      <c r="B5901" s="359"/>
      <c r="C5901" s="360"/>
      <c r="D5901" s="359"/>
      <c r="E5901" s="359"/>
      <c r="F5901" s="360"/>
      <c r="G5901" s="360"/>
      <c r="H5901" s="360"/>
      <c r="I5901" s="360"/>
      <c r="J5901" s="359"/>
      <c r="K5901" s="359"/>
      <c r="L5901" s="359"/>
    </row>
    <row r="5902" spans="2:12">
      <c r="B5902" s="359"/>
      <c r="C5902" s="359" t="s">
        <v>28836</v>
      </c>
      <c r="D5902" s="359"/>
      <c r="E5902" s="359"/>
      <c r="F5902" s="359" t="s">
        <v>14430</v>
      </c>
      <c r="G5902" s="359" t="s">
        <v>14431</v>
      </c>
      <c r="H5902" s="359" t="s">
        <v>14367</v>
      </c>
      <c r="I5902" s="359" t="s">
        <v>14431</v>
      </c>
      <c r="J5902" s="359"/>
      <c r="K5902" s="359"/>
      <c r="L5902" s="359"/>
    </row>
    <row r="5903" spans="2:12">
      <c r="B5903" s="359"/>
      <c r="C5903" s="360"/>
      <c r="D5903" s="359"/>
      <c r="E5903" s="359"/>
      <c r="F5903" s="360"/>
      <c r="G5903" s="360"/>
      <c r="H5903" s="360"/>
      <c r="I5903" s="360"/>
      <c r="J5903" s="359"/>
      <c r="K5903" s="359"/>
      <c r="L5903" s="359"/>
    </row>
    <row r="5904" spans="2:12" ht="28.5">
      <c r="B5904" s="361"/>
      <c r="C5904" s="362"/>
      <c r="D5904" s="361"/>
      <c r="E5904" s="361"/>
      <c r="F5904" s="361" t="s">
        <v>14472</v>
      </c>
      <c r="G5904" s="361" t="s">
        <v>14473</v>
      </c>
      <c r="H5904" s="361" t="s">
        <v>14332</v>
      </c>
      <c r="I5904" s="361" t="s">
        <v>14473</v>
      </c>
      <c r="J5904" s="361"/>
      <c r="K5904" s="361"/>
      <c r="L5904" s="361"/>
    </row>
    <row r="5905" spans="2:12">
      <c r="B5905" s="358" t="s">
        <v>17200</v>
      </c>
      <c r="C5905" s="358" t="s">
        <v>28837</v>
      </c>
      <c r="D5905" s="358" t="s">
        <v>17201</v>
      </c>
      <c r="E5905" s="358" t="s">
        <v>17202</v>
      </c>
      <c r="F5905" s="358" t="s">
        <v>14420</v>
      </c>
      <c r="G5905" s="358" t="s">
        <v>14429</v>
      </c>
      <c r="H5905" s="358" t="s">
        <v>14341</v>
      </c>
      <c r="I5905" s="358" t="s">
        <v>14429</v>
      </c>
      <c r="J5905" s="358"/>
      <c r="K5905" s="358"/>
      <c r="L5905" s="358"/>
    </row>
    <row r="5906" spans="2:12">
      <c r="B5906" s="359"/>
      <c r="C5906" s="359"/>
      <c r="D5906" s="359"/>
      <c r="E5906" s="359"/>
      <c r="F5906" s="360"/>
      <c r="G5906" s="360"/>
      <c r="H5906" s="360"/>
      <c r="I5906" s="360"/>
      <c r="J5906" s="359"/>
      <c r="K5906" s="359"/>
      <c r="L5906" s="359"/>
    </row>
    <row r="5907" spans="2:12">
      <c r="B5907" s="359"/>
      <c r="C5907" s="359"/>
      <c r="D5907" s="359"/>
      <c r="E5907" s="359"/>
      <c r="F5907" s="359" t="s">
        <v>14460</v>
      </c>
      <c r="G5907" s="359" t="s">
        <v>17203</v>
      </c>
      <c r="H5907" s="359" t="s">
        <v>14381</v>
      </c>
      <c r="I5907" s="359" t="s">
        <v>17203</v>
      </c>
      <c r="J5907" s="359"/>
      <c r="K5907" s="359"/>
      <c r="L5907" s="359"/>
    </row>
    <row r="5908" spans="2:12">
      <c r="B5908" s="359"/>
      <c r="C5908" s="359"/>
      <c r="D5908" s="359"/>
      <c r="E5908" s="359"/>
      <c r="F5908" s="360"/>
      <c r="G5908" s="360"/>
      <c r="H5908" s="360"/>
      <c r="I5908" s="360"/>
      <c r="J5908" s="359"/>
      <c r="K5908" s="359"/>
      <c r="L5908" s="359"/>
    </row>
    <row r="5909" spans="2:12">
      <c r="B5909" s="359"/>
      <c r="C5909" s="359"/>
      <c r="D5909" s="359"/>
      <c r="E5909" s="359"/>
      <c r="F5909" s="359" t="s">
        <v>14339</v>
      </c>
      <c r="G5909" s="359" t="s">
        <v>14340</v>
      </c>
      <c r="H5909" s="359" t="s">
        <v>14367</v>
      </c>
      <c r="I5909" s="359" t="s">
        <v>14340</v>
      </c>
      <c r="J5909" s="359"/>
      <c r="K5909" s="359"/>
      <c r="L5909" s="359"/>
    </row>
    <row r="5910" spans="2:12">
      <c r="B5910" s="359"/>
      <c r="C5910" s="359"/>
      <c r="D5910" s="359"/>
      <c r="E5910" s="359"/>
      <c r="F5910" s="360"/>
      <c r="G5910" s="360"/>
      <c r="H5910" s="360"/>
      <c r="I5910" s="360"/>
      <c r="J5910" s="359"/>
      <c r="K5910" s="359"/>
      <c r="L5910" s="359"/>
    </row>
    <row r="5911" spans="2:12">
      <c r="B5911" s="359"/>
      <c r="C5911" s="359"/>
      <c r="D5911" s="359"/>
      <c r="E5911" s="359"/>
      <c r="F5911" s="359" t="s">
        <v>14814</v>
      </c>
      <c r="G5911" s="359" t="s">
        <v>14815</v>
      </c>
      <c r="H5911" s="359" t="s">
        <v>14332</v>
      </c>
      <c r="I5911" s="359" t="s">
        <v>14815</v>
      </c>
      <c r="J5911" s="359"/>
      <c r="K5911" s="359"/>
      <c r="L5911" s="359"/>
    </row>
    <row r="5912" spans="2:12">
      <c r="B5912" s="359"/>
      <c r="C5912" s="359"/>
      <c r="D5912" s="359"/>
      <c r="E5912" s="359"/>
      <c r="F5912" s="360"/>
      <c r="G5912" s="360"/>
      <c r="H5912" s="360"/>
      <c r="I5912" s="360"/>
      <c r="J5912" s="359"/>
      <c r="K5912" s="359"/>
      <c r="L5912" s="359"/>
    </row>
    <row r="5913" spans="2:12">
      <c r="B5913" s="359"/>
      <c r="C5913" s="359"/>
      <c r="D5913" s="359"/>
      <c r="E5913" s="359"/>
      <c r="F5913" s="359" t="s">
        <v>14391</v>
      </c>
      <c r="G5913" s="359" t="s">
        <v>14392</v>
      </c>
      <c r="H5913" s="360"/>
      <c r="I5913" s="359" t="s">
        <v>14392</v>
      </c>
      <c r="J5913" s="359"/>
      <c r="K5913" s="359"/>
      <c r="L5913" s="359"/>
    </row>
    <row r="5914" spans="2:12">
      <c r="B5914" s="359"/>
      <c r="C5914" s="359"/>
      <c r="D5914" s="359"/>
      <c r="E5914" s="359"/>
      <c r="F5914" s="360"/>
      <c r="G5914" s="360"/>
      <c r="H5914" s="360"/>
      <c r="I5914" s="360"/>
      <c r="J5914" s="359"/>
      <c r="K5914" s="359"/>
      <c r="L5914" s="359"/>
    </row>
    <row r="5915" spans="2:12" ht="28.5">
      <c r="B5915" s="361"/>
      <c r="C5915" s="361"/>
      <c r="D5915" s="361"/>
      <c r="E5915" s="361"/>
      <c r="F5915" s="361" t="s">
        <v>14472</v>
      </c>
      <c r="G5915" s="361" t="s">
        <v>14473</v>
      </c>
      <c r="H5915" s="362"/>
      <c r="I5915" s="361" t="s">
        <v>14473</v>
      </c>
      <c r="J5915" s="361"/>
      <c r="K5915" s="361"/>
      <c r="L5915" s="361"/>
    </row>
    <row r="5916" spans="2:12">
      <c r="B5916" s="358" t="s">
        <v>17204</v>
      </c>
      <c r="C5916" s="358" t="s">
        <v>17205</v>
      </c>
      <c r="D5916" s="358" t="s">
        <v>17206</v>
      </c>
      <c r="E5916" s="358" t="s">
        <v>8356</v>
      </c>
      <c r="F5916" s="358" t="s">
        <v>14339</v>
      </c>
      <c r="G5916" s="358" t="s">
        <v>14340</v>
      </c>
      <c r="H5916" s="358" t="s">
        <v>14341</v>
      </c>
      <c r="I5916" s="358" t="s">
        <v>14340</v>
      </c>
      <c r="J5916" s="358"/>
      <c r="K5916" s="358"/>
      <c r="L5916" s="358"/>
    </row>
    <row r="5917" spans="2:12">
      <c r="B5917" s="359"/>
      <c r="C5917" s="359"/>
      <c r="D5917" s="359"/>
      <c r="E5917" s="359"/>
      <c r="F5917" s="360"/>
      <c r="G5917" s="360"/>
      <c r="H5917" s="360"/>
      <c r="I5917" s="360"/>
      <c r="J5917" s="359"/>
      <c r="K5917" s="359"/>
      <c r="L5917" s="359"/>
    </row>
    <row r="5918" spans="2:12">
      <c r="B5918" s="359"/>
      <c r="C5918" s="359"/>
      <c r="D5918" s="359"/>
      <c r="E5918" s="359"/>
      <c r="F5918" s="359" t="s">
        <v>14371</v>
      </c>
      <c r="G5918" s="359" t="s">
        <v>14372</v>
      </c>
      <c r="H5918" s="359" t="s">
        <v>14370</v>
      </c>
      <c r="I5918" s="359" t="s">
        <v>14373</v>
      </c>
      <c r="J5918" s="359"/>
      <c r="K5918" s="359"/>
      <c r="L5918" s="359"/>
    </row>
    <row r="5919" spans="2:12">
      <c r="B5919" s="359"/>
      <c r="C5919" s="359"/>
      <c r="D5919" s="359"/>
      <c r="E5919" s="359"/>
      <c r="F5919" s="360"/>
      <c r="G5919" s="360"/>
      <c r="H5919" s="360"/>
      <c r="I5919" s="360"/>
      <c r="J5919" s="359"/>
      <c r="K5919" s="359"/>
      <c r="L5919" s="359"/>
    </row>
    <row r="5920" spans="2:12" ht="28.5">
      <c r="B5920" s="361"/>
      <c r="C5920" s="361"/>
      <c r="D5920" s="361"/>
      <c r="E5920" s="361"/>
      <c r="F5920" s="361" t="s">
        <v>14374</v>
      </c>
      <c r="G5920" s="361" t="s">
        <v>14373</v>
      </c>
      <c r="H5920" s="361" t="s">
        <v>14332</v>
      </c>
      <c r="I5920" s="362"/>
      <c r="J5920" s="361"/>
      <c r="K5920" s="361"/>
      <c r="L5920" s="361"/>
    </row>
    <row r="5921" spans="2:12" ht="28.5">
      <c r="B5921" s="358" t="s">
        <v>13039</v>
      </c>
      <c r="C5921" s="358" t="s">
        <v>17207</v>
      </c>
      <c r="D5921" s="358" t="s">
        <v>13040</v>
      </c>
      <c r="E5921" s="358" t="s">
        <v>4915</v>
      </c>
      <c r="F5921" s="358" t="s">
        <v>14424</v>
      </c>
      <c r="G5921" s="358" t="s">
        <v>28838</v>
      </c>
      <c r="H5921" s="358" t="s">
        <v>14378</v>
      </c>
      <c r="I5921" s="358" t="s">
        <v>28838</v>
      </c>
      <c r="J5921" s="358"/>
      <c r="K5921" s="358"/>
      <c r="L5921" s="358"/>
    </row>
    <row r="5922" spans="2:12">
      <c r="B5922" s="359"/>
      <c r="C5922" s="359"/>
      <c r="D5922" s="359"/>
      <c r="E5922" s="359"/>
      <c r="F5922" s="360"/>
      <c r="G5922" s="360"/>
      <c r="H5922" s="360"/>
      <c r="I5922" s="360"/>
      <c r="J5922" s="359"/>
      <c r="K5922" s="359"/>
      <c r="L5922" s="359"/>
    </row>
    <row r="5923" spans="2:12">
      <c r="B5923" s="359"/>
      <c r="C5923" s="359"/>
      <c r="D5923" s="359"/>
      <c r="E5923" s="359"/>
      <c r="F5923" s="359" t="s">
        <v>14379</v>
      </c>
      <c r="G5923" s="359" t="s">
        <v>14428</v>
      </c>
      <c r="H5923" s="359" t="s">
        <v>14381</v>
      </c>
      <c r="I5923" s="359" t="s">
        <v>14428</v>
      </c>
      <c r="J5923" s="359"/>
      <c r="K5923" s="359"/>
      <c r="L5923" s="359"/>
    </row>
    <row r="5924" spans="2:12">
      <c r="B5924" s="359"/>
      <c r="C5924" s="359"/>
      <c r="D5924" s="359"/>
      <c r="E5924" s="359"/>
      <c r="F5924" s="360"/>
      <c r="G5924" s="360"/>
      <c r="H5924" s="360"/>
      <c r="I5924" s="360"/>
      <c r="J5924" s="359"/>
      <c r="K5924" s="359"/>
      <c r="L5924" s="359"/>
    </row>
    <row r="5925" spans="2:12">
      <c r="B5925" s="359"/>
      <c r="C5925" s="359"/>
      <c r="D5925" s="359"/>
      <c r="E5925" s="359"/>
      <c r="F5925" s="359" t="s">
        <v>14384</v>
      </c>
      <c r="G5925" s="359" t="s">
        <v>14372</v>
      </c>
      <c r="H5925" s="359" t="s">
        <v>14370</v>
      </c>
      <c r="I5925" s="359" t="s">
        <v>14373</v>
      </c>
      <c r="J5925" s="359"/>
      <c r="K5925" s="359"/>
      <c r="L5925" s="359"/>
    </row>
    <row r="5926" spans="2:12">
      <c r="B5926" s="359"/>
      <c r="C5926" s="359"/>
      <c r="D5926" s="359"/>
      <c r="E5926" s="359"/>
      <c r="F5926" s="360"/>
      <c r="G5926" s="360"/>
      <c r="H5926" s="360"/>
      <c r="I5926" s="360"/>
      <c r="J5926" s="359"/>
      <c r="K5926" s="359"/>
      <c r="L5926" s="359"/>
    </row>
    <row r="5927" spans="2:12">
      <c r="B5927" s="359"/>
      <c r="C5927" s="359"/>
      <c r="D5927" s="359"/>
      <c r="E5927" s="359"/>
      <c r="F5927" s="359" t="s">
        <v>14371</v>
      </c>
      <c r="G5927" s="359" t="s">
        <v>14373</v>
      </c>
      <c r="H5927" s="359" t="s">
        <v>14332</v>
      </c>
      <c r="I5927" s="360"/>
      <c r="J5927" s="359"/>
      <c r="K5927" s="359"/>
      <c r="L5927" s="359"/>
    </row>
    <row r="5928" spans="2:12">
      <c r="B5928" s="359"/>
      <c r="C5928" s="359"/>
      <c r="D5928" s="359"/>
      <c r="E5928" s="359"/>
      <c r="F5928" s="360"/>
      <c r="G5928" s="360"/>
      <c r="H5928" s="360"/>
      <c r="I5928" s="360"/>
      <c r="J5928" s="359"/>
      <c r="K5928" s="359"/>
      <c r="L5928" s="359"/>
    </row>
    <row r="5929" spans="2:12" ht="28.5">
      <c r="B5929" s="361"/>
      <c r="C5929" s="361"/>
      <c r="D5929" s="361"/>
      <c r="E5929" s="361"/>
      <c r="F5929" s="361" t="s">
        <v>14374</v>
      </c>
      <c r="G5929" s="362"/>
      <c r="H5929" s="362"/>
      <c r="I5929" s="362"/>
      <c r="J5929" s="361"/>
      <c r="K5929" s="361"/>
      <c r="L5929" s="361"/>
    </row>
    <row r="5930" spans="2:12" ht="42.75">
      <c r="B5930" s="358" t="s">
        <v>17208</v>
      </c>
      <c r="C5930" s="358" t="s">
        <v>28839</v>
      </c>
      <c r="D5930" s="358" t="s">
        <v>8356</v>
      </c>
      <c r="E5930" s="358" t="s">
        <v>8356</v>
      </c>
      <c r="F5930" s="358" t="s">
        <v>14379</v>
      </c>
      <c r="G5930" s="358" t="s">
        <v>14380</v>
      </c>
      <c r="H5930" s="358" t="s">
        <v>14378</v>
      </c>
      <c r="I5930" s="358" t="s">
        <v>14380</v>
      </c>
      <c r="J5930" s="358"/>
      <c r="K5930" s="358" t="s">
        <v>14929</v>
      </c>
      <c r="L5930" s="358" t="s">
        <v>16902</v>
      </c>
    </row>
    <row r="5931" spans="2:12">
      <c r="B5931" s="359"/>
      <c r="C5931" s="359"/>
      <c r="D5931" s="359"/>
      <c r="E5931" s="359"/>
      <c r="F5931" s="360"/>
      <c r="G5931" s="360"/>
      <c r="H5931" s="360"/>
      <c r="I5931" s="360"/>
      <c r="J5931" s="359"/>
      <c r="K5931" s="360"/>
      <c r="L5931" s="359"/>
    </row>
    <row r="5932" spans="2:12" ht="42.75">
      <c r="B5932" s="359"/>
      <c r="C5932" s="359"/>
      <c r="D5932" s="359"/>
      <c r="E5932" s="359"/>
      <c r="F5932" s="359" t="s">
        <v>14530</v>
      </c>
      <c r="G5932" s="359" t="s">
        <v>14531</v>
      </c>
      <c r="H5932" s="359" t="s">
        <v>14381</v>
      </c>
      <c r="I5932" s="359" t="s">
        <v>14531</v>
      </c>
      <c r="J5932" s="359"/>
      <c r="K5932" s="359" t="s">
        <v>28807</v>
      </c>
      <c r="L5932" s="359"/>
    </row>
    <row r="5933" spans="2:12">
      <c r="B5933" s="359"/>
      <c r="C5933" s="359"/>
      <c r="D5933" s="359"/>
      <c r="E5933" s="359"/>
      <c r="F5933" s="360"/>
      <c r="G5933" s="360"/>
      <c r="H5933" s="360"/>
      <c r="I5933" s="360"/>
      <c r="J5933" s="359"/>
      <c r="K5933" s="360"/>
      <c r="L5933" s="359"/>
    </row>
    <row r="5934" spans="2:12">
      <c r="B5934" s="359"/>
      <c r="C5934" s="359"/>
      <c r="D5934" s="359"/>
      <c r="E5934" s="359"/>
      <c r="F5934" s="359" t="s">
        <v>14379</v>
      </c>
      <c r="G5934" s="359" t="s">
        <v>14405</v>
      </c>
      <c r="H5934" s="359" t="s">
        <v>14370</v>
      </c>
      <c r="I5934" s="359" t="s">
        <v>14405</v>
      </c>
      <c r="J5934" s="359"/>
      <c r="K5934" s="360"/>
      <c r="L5934" s="359"/>
    </row>
    <row r="5935" spans="2:12">
      <c r="B5935" s="359"/>
      <c r="C5935" s="359"/>
      <c r="D5935" s="359"/>
      <c r="E5935" s="359"/>
      <c r="F5935" s="360"/>
      <c r="G5935" s="360"/>
      <c r="H5935" s="360"/>
      <c r="I5935" s="360"/>
      <c r="J5935" s="359"/>
      <c r="K5935" s="360"/>
      <c r="L5935" s="359"/>
    </row>
    <row r="5936" spans="2:12" ht="28.5">
      <c r="B5936" s="359"/>
      <c r="C5936" s="359"/>
      <c r="D5936" s="359"/>
      <c r="E5936" s="359"/>
      <c r="F5936" s="359" t="s">
        <v>14460</v>
      </c>
      <c r="G5936" s="359" t="s">
        <v>14519</v>
      </c>
      <c r="H5936" s="359" t="s">
        <v>14332</v>
      </c>
      <c r="I5936" s="359" t="s">
        <v>28681</v>
      </c>
      <c r="J5936" s="359"/>
      <c r="K5936" s="360"/>
      <c r="L5936" s="359"/>
    </row>
    <row r="5937" spans="2:12">
      <c r="B5937" s="359"/>
      <c r="C5937" s="359"/>
      <c r="D5937" s="359"/>
      <c r="E5937" s="359"/>
      <c r="F5937" s="360"/>
      <c r="G5937" s="360"/>
      <c r="H5937" s="360"/>
      <c r="I5937" s="360"/>
      <c r="J5937" s="359"/>
      <c r="K5937" s="360"/>
      <c r="L5937" s="359"/>
    </row>
    <row r="5938" spans="2:12">
      <c r="B5938" s="359"/>
      <c r="C5938" s="359"/>
      <c r="D5938" s="359"/>
      <c r="E5938" s="359"/>
      <c r="F5938" s="359" t="s">
        <v>14371</v>
      </c>
      <c r="G5938" s="359" t="s">
        <v>14372</v>
      </c>
      <c r="H5938" s="360"/>
      <c r="I5938" s="360"/>
      <c r="J5938" s="359"/>
      <c r="K5938" s="360"/>
      <c r="L5938" s="359"/>
    </row>
    <row r="5939" spans="2:12">
      <c r="B5939" s="359"/>
      <c r="C5939" s="359"/>
      <c r="D5939" s="359"/>
      <c r="E5939" s="359"/>
      <c r="F5939" s="360"/>
      <c r="G5939" s="360"/>
      <c r="H5939" s="360"/>
      <c r="I5939" s="360"/>
      <c r="J5939" s="359"/>
      <c r="K5939" s="360"/>
      <c r="L5939" s="359"/>
    </row>
    <row r="5940" spans="2:12" ht="28.5">
      <c r="B5940" s="361"/>
      <c r="C5940" s="361"/>
      <c r="D5940" s="361"/>
      <c r="E5940" s="361"/>
      <c r="F5940" s="361" t="s">
        <v>14374</v>
      </c>
      <c r="G5940" s="361" t="s">
        <v>14373</v>
      </c>
      <c r="H5940" s="362"/>
      <c r="I5940" s="362"/>
      <c r="J5940" s="361"/>
      <c r="K5940" s="362"/>
      <c r="L5940" s="361"/>
    </row>
    <row r="5941" spans="2:12">
      <c r="B5941" s="358" t="s">
        <v>17209</v>
      </c>
      <c r="C5941" s="358" t="s">
        <v>17210</v>
      </c>
      <c r="D5941" s="358" t="s">
        <v>17211</v>
      </c>
      <c r="E5941" s="358" t="s">
        <v>4937</v>
      </c>
      <c r="F5941" s="358" t="s">
        <v>14420</v>
      </c>
      <c r="G5941" s="358" t="s">
        <v>14429</v>
      </c>
      <c r="H5941" s="358" t="s">
        <v>14367</v>
      </c>
      <c r="I5941" s="358" t="s">
        <v>14429</v>
      </c>
      <c r="J5941" s="358"/>
      <c r="K5941" s="358"/>
      <c r="L5941" s="358"/>
    </row>
    <row r="5942" spans="2:12">
      <c r="B5942" s="359"/>
      <c r="C5942" s="360"/>
      <c r="D5942" s="359"/>
      <c r="E5942" s="359"/>
      <c r="F5942" s="360"/>
      <c r="G5942" s="360"/>
      <c r="H5942" s="360"/>
      <c r="I5942" s="360"/>
      <c r="J5942" s="359"/>
      <c r="K5942" s="359"/>
      <c r="L5942" s="359"/>
    </row>
    <row r="5943" spans="2:12">
      <c r="B5943" s="359"/>
      <c r="C5943" s="359" t="s">
        <v>17212</v>
      </c>
      <c r="D5943" s="359"/>
      <c r="E5943" s="359"/>
      <c r="F5943" s="359" t="s">
        <v>14386</v>
      </c>
      <c r="G5943" s="359" t="s">
        <v>14387</v>
      </c>
      <c r="H5943" s="359" t="s">
        <v>14370</v>
      </c>
      <c r="I5943" s="359" t="s">
        <v>14387</v>
      </c>
      <c r="J5943" s="359"/>
      <c r="K5943" s="359"/>
      <c r="L5943" s="359"/>
    </row>
    <row r="5944" spans="2:12">
      <c r="B5944" s="359"/>
      <c r="C5944" s="360"/>
      <c r="D5944" s="359"/>
      <c r="E5944" s="359"/>
      <c r="F5944" s="360"/>
      <c r="G5944" s="360"/>
      <c r="H5944" s="360"/>
      <c r="I5944" s="360"/>
      <c r="J5944" s="359"/>
      <c r="K5944" s="359"/>
      <c r="L5944" s="359"/>
    </row>
    <row r="5945" spans="2:12">
      <c r="B5945" s="359"/>
      <c r="C5945" s="359" t="s">
        <v>17213</v>
      </c>
      <c r="D5945" s="359"/>
      <c r="E5945" s="359"/>
      <c r="F5945" s="359" t="s">
        <v>14368</v>
      </c>
      <c r="G5945" s="359" t="s">
        <v>14388</v>
      </c>
      <c r="H5945" s="359" t="s">
        <v>14422</v>
      </c>
      <c r="I5945" s="359" t="s">
        <v>14388</v>
      </c>
      <c r="J5945" s="359"/>
      <c r="K5945" s="359"/>
      <c r="L5945" s="359"/>
    </row>
    <row r="5946" spans="2:12">
      <c r="B5946" s="359"/>
      <c r="C5946" s="360"/>
      <c r="D5946" s="359"/>
      <c r="E5946" s="359"/>
      <c r="F5946" s="360"/>
      <c r="G5946" s="360"/>
      <c r="H5946" s="360"/>
      <c r="I5946" s="360"/>
      <c r="J5946" s="359"/>
      <c r="K5946" s="359"/>
      <c r="L5946" s="359"/>
    </row>
    <row r="5947" spans="2:12">
      <c r="B5947" s="359"/>
      <c r="C5947" s="360"/>
      <c r="D5947" s="359"/>
      <c r="E5947" s="359"/>
      <c r="F5947" s="359" t="s">
        <v>14389</v>
      </c>
      <c r="G5947" s="359" t="s">
        <v>14390</v>
      </c>
      <c r="H5947" s="360"/>
      <c r="I5947" s="359" t="s">
        <v>14390</v>
      </c>
      <c r="J5947" s="359"/>
      <c r="K5947" s="359"/>
      <c r="L5947" s="359"/>
    </row>
    <row r="5948" spans="2:12">
      <c r="B5948" s="359"/>
      <c r="C5948" s="360"/>
      <c r="D5948" s="359"/>
      <c r="E5948" s="359"/>
      <c r="F5948" s="360"/>
      <c r="G5948" s="360"/>
      <c r="H5948" s="360"/>
      <c r="I5948" s="360"/>
      <c r="J5948" s="359"/>
      <c r="K5948" s="359"/>
      <c r="L5948" s="359"/>
    </row>
    <row r="5949" spans="2:12">
      <c r="B5949" s="359"/>
      <c r="C5949" s="360"/>
      <c r="D5949" s="359"/>
      <c r="E5949" s="359"/>
      <c r="F5949" s="359" t="s">
        <v>14371</v>
      </c>
      <c r="G5949" s="359" t="s">
        <v>14372</v>
      </c>
      <c r="H5949" s="360"/>
      <c r="I5949" s="359" t="s">
        <v>14373</v>
      </c>
      <c r="J5949" s="359"/>
      <c r="K5949" s="359"/>
      <c r="L5949" s="359"/>
    </row>
    <row r="5950" spans="2:12">
      <c r="B5950" s="359"/>
      <c r="C5950" s="360"/>
      <c r="D5950" s="359"/>
      <c r="E5950" s="359"/>
      <c r="F5950" s="360"/>
      <c r="G5950" s="360"/>
      <c r="H5950" s="360"/>
      <c r="I5950" s="360"/>
      <c r="J5950" s="359"/>
      <c r="K5950" s="359"/>
      <c r="L5950" s="359"/>
    </row>
    <row r="5951" spans="2:12" ht="28.5">
      <c r="B5951" s="361"/>
      <c r="C5951" s="362"/>
      <c r="D5951" s="361"/>
      <c r="E5951" s="361"/>
      <c r="F5951" s="361" t="s">
        <v>14374</v>
      </c>
      <c r="G5951" s="361" t="s">
        <v>14373</v>
      </c>
      <c r="H5951" s="362"/>
      <c r="I5951" s="362"/>
      <c r="J5951" s="361"/>
      <c r="K5951" s="361"/>
      <c r="L5951" s="361"/>
    </row>
    <row r="5952" spans="2:12" ht="28.5">
      <c r="B5952" s="358" t="s">
        <v>17214</v>
      </c>
      <c r="C5952" s="358" t="s">
        <v>17215</v>
      </c>
      <c r="D5952" s="358" t="s">
        <v>8356</v>
      </c>
      <c r="E5952" s="358" t="s">
        <v>8356</v>
      </c>
      <c r="F5952" s="358" t="s">
        <v>14379</v>
      </c>
      <c r="G5952" s="358" t="s">
        <v>14380</v>
      </c>
      <c r="H5952" s="358" t="s">
        <v>14378</v>
      </c>
      <c r="I5952" s="358" t="s">
        <v>14380</v>
      </c>
      <c r="J5952" s="358"/>
      <c r="K5952" s="358" t="s">
        <v>14929</v>
      </c>
      <c r="L5952" s="358" t="s">
        <v>16902</v>
      </c>
    </row>
    <row r="5953" spans="2:12">
      <c r="B5953" s="359"/>
      <c r="C5953" s="359"/>
      <c r="D5953" s="359"/>
      <c r="E5953" s="359"/>
      <c r="F5953" s="360"/>
      <c r="G5953" s="360"/>
      <c r="H5953" s="360"/>
      <c r="I5953" s="360"/>
      <c r="J5953" s="359"/>
      <c r="K5953" s="360"/>
      <c r="L5953" s="359"/>
    </row>
    <row r="5954" spans="2:12" ht="42.75">
      <c r="B5954" s="359"/>
      <c r="C5954" s="359"/>
      <c r="D5954" s="359"/>
      <c r="E5954" s="359"/>
      <c r="F5954" s="359" t="s">
        <v>14530</v>
      </c>
      <c r="G5954" s="359" t="s">
        <v>14531</v>
      </c>
      <c r="H5954" s="359" t="s">
        <v>14381</v>
      </c>
      <c r="I5954" s="359" t="s">
        <v>14531</v>
      </c>
      <c r="J5954" s="359"/>
      <c r="K5954" s="359" t="s">
        <v>28802</v>
      </c>
      <c r="L5954" s="359"/>
    </row>
    <row r="5955" spans="2:12">
      <c r="B5955" s="359"/>
      <c r="C5955" s="359"/>
      <c r="D5955" s="359"/>
      <c r="E5955" s="359"/>
      <c r="F5955" s="360"/>
      <c r="G5955" s="360"/>
      <c r="H5955" s="360"/>
      <c r="I5955" s="360"/>
      <c r="J5955" s="359"/>
      <c r="K5955" s="360"/>
      <c r="L5955" s="359"/>
    </row>
    <row r="5956" spans="2:12">
      <c r="B5956" s="359"/>
      <c r="C5956" s="359"/>
      <c r="D5956" s="359"/>
      <c r="E5956" s="359"/>
      <c r="F5956" s="359" t="s">
        <v>14379</v>
      </c>
      <c r="G5956" s="359" t="s">
        <v>14405</v>
      </c>
      <c r="H5956" s="359" t="s">
        <v>14370</v>
      </c>
      <c r="I5956" s="359" t="s">
        <v>14405</v>
      </c>
      <c r="J5956" s="359"/>
      <c r="K5956" s="360"/>
      <c r="L5956" s="359"/>
    </row>
    <row r="5957" spans="2:12">
      <c r="B5957" s="359"/>
      <c r="C5957" s="359"/>
      <c r="D5957" s="359"/>
      <c r="E5957" s="359"/>
      <c r="F5957" s="360"/>
      <c r="G5957" s="360"/>
      <c r="H5957" s="360"/>
      <c r="I5957" s="360"/>
      <c r="J5957" s="359"/>
      <c r="K5957" s="360"/>
      <c r="L5957" s="359"/>
    </row>
    <row r="5958" spans="2:12" ht="28.5">
      <c r="B5958" s="359"/>
      <c r="C5958" s="359"/>
      <c r="D5958" s="359"/>
      <c r="E5958" s="359"/>
      <c r="F5958" s="359" t="s">
        <v>14460</v>
      </c>
      <c r="G5958" s="359" t="s">
        <v>14519</v>
      </c>
      <c r="H5958" s="359" t="s">
        <v>14332</v>
      </c>
      <c r="I5958" s="359" t="s">
        <v>28681</v>
      </c>
      <c r="J5958" s="359"/>
      <c r="K5958" s="360"/>
      <c r="L5958" s="359"/>
    </row>
    <row r="5959" spans="2:12">
      <c r="B5959" s="359"/>
      <c r="C5959" s="359"/>
      <c r="D5959" s="359"/>
      <c r="E5959" s="359"/>
      <c r="F5959" s="360"/>
      <c r="G5959" s="360"/>
      <c r="H5959" s="360"/>
      <c r="I5959" s="360"/>
      <c r="J5959" s="359"/>
      <c r="K5959" s="360"/>
      <c r="L5959" s="359"/>
    </row>
    <row r="5960" spans="2:12">
      <c r="B5960" s="359"/>
      <c r="C5960" s="359"/>
      <c r="D5960" s="359"/>
      <c r="E5960" s="359"/>
      <c r="F5960" s="359" t="s">
        <v>14371</v>
      </c>
      <c r="G5960" s="359" t="s">
        <v>14372</v>
      </c>
      <c r="H5960" s="360"/>
      <c r="I5960" s="360"/>
      <c r="J5960" s="359"/>
      <c r="K5960" s="360"/>
      <c r="L5960" s="359"/>
    </row>
    <row r="5961" spans="2:12">
      <c r="B5961" s="359"/>
      <c r="C5961" s="359"/>
      <c r="D5961" s="359"/>
      <c r="E5961" s="359"/>
      <c r="F5961" s="360"/>
      <c r="G5961" s="360"/>
      <c r="H5961" s="360"/>
      <c r="I5961" s="360"/>
      <c r="J5961" s="359"/>
      <c r="K5961" s="360"/>
      <c r="L5961" s="359"/>
    </row>
    <row r="5962" spans="2:12" ht="28.5">
      <c r="B5962" s="361"/>
      <c r="C5962" s="361"/>
      <c r="D5962" s="361"/>
      <c r="E5962" s="361"/>
      <c r="F5962" s="361" t="s">
        <v>14374</v>
      </c>
      <c r="G5962" s="361" t="s">
        <v>14373</v>
      </c>
      <c r="H5962" s="362"/>
      <c r="I5962" s="362"/>
      <c r="J5962" s="361"/>
      <c r="K5962" s="362"/>
      <c r="L5962" s="361"/>
    </row>
    <row r="5963" spans="2:12">
      <c r="B5963" s="358" t="s">
        <v>17216</v>
      </c>
      <c r="C5963" s="358" t="s">
        <v>17217</v>
      </c>
      <c r="D5963" s="358" t="s">
        <v>17218</v>
      </c>
      <c r="E5963" s="358" t="s">
        <v>5128</v>
      </c>
      <c r="F5963" s="358" t="s">
        <v>14952</v>
      </c>
      <c r="G5963" s="358" t="s">
        <v>14953</v>
      </c>
      <c r="H5963" s="358" t="s">
        <v>14954</v>
      </c>
      <c r="I5963" s="358" t="s">
        <v>14953</v>
      </c>
      <c r="J5963" s="358"/>
      <c r="K5963" s="358"/>
      <c r="L5963" s="358"/>
    </row>
    <row r="5964" spans="2:12">
      <c r="B5964" s="359"/>
      <c r="C5964" s="360"/>
      <c r="D5964" s="359"/>
      <c r="E5964" s="359"/>
      <c r="F5964" s="360"/>
      <c r="G5964" s="360"/>
      <c r="H5964" s="360"/>
      <c r="I5964" s="360"/>
      <c r="J5964" s="359"/>
      <c r="K5964" s="359"/>
      <c r="L5964" s="359"/>
    </row>
    <row r="5965" spans="2:12">
      <c r="B5965" s="359"/>
      <c r="C5965" s="359" t="s">
        <v>17219</v>
      </c>
      <c r="D5965" s="359"/>
      <c r="E5965" s="359"/>
      <c r="F5965" s="359" t="s">
        <v>14382</v>
      </c>
      <c r="G5965" s="359" t="s">
        <v>14483</v>
      </c>
      <c r="H5965" s="359" t="s">
        <v>14378</v>
      </c>
      <c r="I5965" s="359" t="s">
        <v>14483</v>
      </c>
      <c r="J5965" s="359"/>
      <c r="K5965" s="359"/>
      <c r="L5965" s="359"/>
    </row>
    <row r="5966" spans="2:12">
      <c r="B5966" s="359"/>
      <c r="C5966" s="360"/>
      <c r="D5966" s="359"/>
      <c r="E5966" s="359"/>
      <c r="F5966" s="360"/>
      <c r="G5966" s="360"/>
      <c r="H5966" s="360"/>
      <c r="I5966" s="360"/>
      <c r="J5966" s="359"/>
      <c r="K5966" s="359"/>
      <c r="L5966" s="359"/>
    </row>
    <row r="5967" spans="2:12">
      <c r="B5967" s="359"/>
      <c r="C5967" s="359" t="s">
        <v>17220</v>
      </c>
      <c r="D5967" s="359"/>
      <c r="E5967" s="359"/>
      <c r="F5967" s="359" t="s">
        <v>14382</v>
      </c>
      <c r="G5967" s="359" t="s">
        <v>14579</v>
      </c>
      <c r="H5967" s="359" t="s">
        <v>14381</v>
      </c>
      <c r="I5967" s="359" t="s">
        <v>14579</v>
      </c>
      <c r="J5967" s="359"/>
      <c r="K5967" s="359"/>
      <c r="L5967" s="359"/>
    </row>
    <row r="5968" spans="2:12">
      <c r="B5968" s="359"/>
      <c r="C5968" s="360"/>
      <c r="D5968" s="359"/>
      <c r="E5968" s="359"/>
      <c r="F5968" s="360"/>
      <c r="G5968" s="360"/>
      <c r="H5968" s="360"/>
      <c r="I5968" s="360"/>
      <c r="J5968" s="359"/>
      <c r="K5968" s="359"/>
      <c r="L5968" s="359"/>
    </row>
    <row r="5969" spans="2:12">
      <c r="B5969" s="359"/>
      <c r="C5969" s="360"/>
      <c r="D5969" s="359"/>
      <c r="E5969" s="359"/>
      <c r="F5969" s="359" t="s">
        <v>14382</v>
      </c>
      <c r="G5969" s="359" t="s">
        <v>14383</v>
      </c>
      <c r="H5969" s="359" t="s">
        <v>14370</v>
      </c>
      <c r="I5969" s="359" t="s">
        <v>14383</v>
      </c>
      <c r="J5969" s="359"/>
      <c r="K5969" s="359"/>
      <c r="L5969" s="359"/>
    </row>
    <row r="5970" spans="2:12">
      <c r="B5970" s="359"/>
      <c r="C5970" s="360"/>
      <c r="D5970" s="359"/>
      <c r="E5970" s="359"/>
      <c r="F5970" s="360"/>
      <c r="G5970" s="360"/>
      <c r="H5970" s="360"/>
      <c r="I5970" s="360"/>
      <c r="J5970" s="359"/>
      <c r="K5970" s="359"/>
      <c r="L5970" s="359"/>
    </row>
    <row r="5971" spans="2:12" ht="28.5">
      <c r="B5971" s="359"/>
      <c r="C5971" s="360"/>
      <c r="D5971" s="359"/>
      <c r="E5971" s="359"/>
      <c r="F5971" s="359" t="s">
        <v>14460</v>
      </c>
      <c r="G5971" s="359" t="s">
        <v>14519</v>
      </c>
      <c r="H5971" s="359" t="s">
        <v>14332</v>
      </c>
      <c r="I5971" s="359" t="s">
        <v>28680</v>
      </c>
      <c r="J5971" s="359"/>
      <c r="K5971" s="359"/>
      <c r="L5971" s="359"/>
    </row>
    <row r="5972" spans="2:12">
      <c r="B5972" s="359"/>
      <c r="C5972" s="360"/>
      <c r="D5972" s="359"/>
      <c r="E5972" s="359"/>
      <c r="F5972" s="360"/>
      <c r="G5972" s="360"/>
      <c r="H5972" s="360"/>
      <c r="I5972" s="360"/>
      <c r="J5972" s="359"/>
      <c r="K5972" s="359"/>
      <c r="L5972" s="359"/>
    </row>
    <row r="5973" spans="2:12">
      <c r="B5973" s="359"/>
      <c r="C5973" s="360"/>
      <c r="D5973" s="359"/>
      <c r="E5973" s="359"/>
      <c r="F5973" s="359" t="s">
        <v>14371</v>
      </c>
      <c r="G5973" s="359" t="s">
        <v>14372</v>
      </c>
      <c r="H5973" s="360"/>
      <c r="I5973" s="359" t="s">
        <v>14373</v>
      </c>
      <c r="J5973" s="359"/>
      <c r="K5973" s="359"/>
      <c r="L5973" s="359"/>
    </row>
    <row r="5974" spans="2:12">
      <c r="B5974" s="359"/>
      <c r="C5974" s="360"/>
      <c r="D5974" s="359"/>
      <c r="E5974" s="359"/>
      <c r="F5974" s="360"/>
      <c r="G5974" s="360"/>
      <c r="H5974" s="360"/>
      <c r="I5974" s="360"/>
      <c r="J5974" s="359"/>
      <c r="K5974" s="359"/>
      <c r="L5974" s="359"/>
    </row>
    <row r="5975" spans="2:12" ht="28.5">
      <c r="B5975" s="361"/>
      <c r="C5975" s="362"/>
      <c r="D5975" s="361"/>
      <c r="E5975" s="361"/>
      <c r="F5975" s="361" t="s">
        <v>14374</v>
      </c>
      <c r="G5975" s="361" t="s">
        <v>14373</v>
      </c>
      <c r="H5975" s="362"/>
      <c r="I5975" s="362"/>
      <c r="J5975" s="361"/>
      <c r="K5975" s="361"/>
      <c r="L5975" s="361"/>
    </row>
    <row r="5976" spans="2:12">
      <c r="B5976" s="358" t="s">
        <v>17221</v>
      </c>
      <c r="C5976" s="358" t="s">
        <v>17217</v>
      </c>
      <c r="D5976" s="358" t="s">
        <v>17218</v>
      </c>
      <c r="E5976" s="358" t="s">
        <v>5128</v>
      </c>
      <c r="F5976" s="358" t="s">
        <v>16426</v>
      </c>
      <c r="G5976" s="358" t="s">
        <v>15011</v>
      </c>
      <c r="H5976" s="358" t="s">
        <v>14954</v>
      </c>
      <c r="I5976" s="358" t="s">
        <v>15011</v>
      </c>
      <c r="J5976" s="358"/>
      <c r="K5976" s="358"/>
      <c r="L5976" s="358"/>
    </row>
    <row r="5977" spans="2:12">
      <c r="B5977" s="359"/>
      <c r="C5977" s="360"/>
      <c r="D5977" s="359"/>
      <c r="E5977" s="359"/>
      <c r="F5977" s="360"/>
      <c r="G5977" s="360"/>
      <c r="H5977" s="360"/>
      <c r="I5977" s="360"/>
      <c r="J5977" s="359"/>
      <c r="K5977" s="359"/>
      <c r="L5977" s="359"/>
    </row>
    <row r="5978" spans="2:12">
      <c r="B5978" s="359"/>
      <c r="C5978" s="359" t="s">
        <v>17219</v>
      </c>
      <c r="D5978" s="359"/>
      <c r="E5978" s="359"/>
      <c r="F5978" s="359" t="s">
        <v>14382</v>
      </c>
      <c r="G5978" s="359" t="s">
        <v>14483</v>
      </c>
      <c r="H5978" s="359" t="s">
        <v>14378</v>
      </c>
      <c r="I5978" s="359" t="s">
        <v>14483</v>
      </c>
      <c r="J5978" s="359"/>
      <c r="K5978" s="359"/>
      <c r="L5978" s="359"/>
    </row>
    <row r="5979" spans="2:12">
      <c r="B5979" s="359"/>
      <c r="C5979" s="360"/>
      <c r="D5979" s="359"/>
      <c r="E5979" s="359"/>
      <c r="F5979" s="360"/>
      <c r="G5979" s="360"/>
      <c r="H5979" s="360"/>
      <c r="I5979" s="360"/>
      <c r="J5979" s="359"/>
      <c r="K5979" s="359"/>
      <c r="L5979" s="359"/>
    </row>
    <row r="5980" spans="2:12">
      <c r="B5980" s="359"/>
      <c r="C5980" s="359" t="s">
        <v>28840</v>
      </c>
      <c r="D5980" s="359"/>
      <c r="E5980" s="359"/>
      <c r="F5980" s="359" t="s">
        <v>14382</v>
      </c>
      <c r="G5980" s="359" t="s">
        <v>14579</v>
      </c>
      <c r="H5980" s="359" t="s">
        <v>14381</v>
      </c>
      <c r="I5980" s="359" t="s">
        <v>14579</v>
      </c>
      <c r="J5980" s="359"/>
      <c r="K5980" s="359"/>
      <c r="L5980" s="359"/>
    </row>
    <row r="5981" spans="2:12">
      <c r="B5981" s="359"/>
      <c r="C5981" s="360"/>
      <c r="D5981" s="359"/>
      <c r="E5981" s="359"/>
      <c r="F5981" s="360"/>
      <c r="G5981" s="360"/>
      <c r="H5981" s="360"/>
      <c r="I5981" s="360"/>
      <c r="J5981" s="359"/>
      <c r="K5981" s="359"/>
      <c r="L5981" s="359"/>
    </row>
    <row r="5982" spans="2:12">
      <c r="B5982" s="359"/>
      <c r="C5982" s="360"/>
      <c r="D5982" s="359"/>
      <c r="E5982" s="359"/>
      <c r="F5982" s="359" t="s">
        <v>14382</v>
      </c>
      <c r="G5982" s="359" t="s">
        <v>14383</v>
      </c>
      <c r="H5982" s="359" t="s">
        <v>14370</v>
      </c>
      <c r="I5982" s="359" t="s">
        <v>14383</v>
      </c>
      <c r="J5982" s="359"/>
      <c r="K5982" s="359"/>
      <c r="L5982" s="359"/>
    </row>
    <row r="5983" spans="2:12">
      <c r="B5983" s="359"/>
      <c r="C5983" s="360"/>
      <c r="D5983" s="359"/>
      <c r="E5983" s="359"/>
      <c r="F5983" s="360"/>
      <c r="G5983" s="360"/>
      <c r="H5983" s="360"/>
      <c r="I5983" s="360"/>
      <c r="J5983" s="359"/>
      <c r="K5983" s="359"/>
      <c r="L5983" s="359"/>
    </row>
    <row r="5984" spans="2:12" ht="28.5">
      <c r="B5984" s="359"/>
      <c r="C5984" s="360"/>
      <c r="D5984" s="359"/>
      <c r="E5984" s="359"/>
      <c r="F5984" s="359" t="s">
        <v>14460</v>
      </c>
      <c r="G5984" s="359" t="s">
        <v>14519</v>
      </c>
      <c r="H5984" s="359" t="s">
        <v>14332</v>
      </c>
      <c r="I5984" s="359" t="s">
        <v>28680</v>
      </c>
      <c r="J5984" s="359"/>
      <c r="K5984" s="359"/>
      <c r="L5984" s="359"/>
    </row>
    <row r="5985" spans="2:12">
      <c r="B5985" s="359"/>
      <c r="C5985" s="360"/>
      <c r="D5985" s="359"/>
      <c r="E5985" s="359"/>
      <c r="F5985" s="360"/>
      <c r="G5985" s="360"/>
      <c r="H5985" s="360"/>
      <c r="I5985" s="360"/>
      <c r="J5985" s="359"/>
      <c r="K5985" s="359"/>
      <c r="L5985" s="359"/>
    </row>
    <row r="5986" spans="2:12">
      <c r="B5986" s="359"/>
      <c r="C5986" s="360"/>
      <c r="D5986" s="359"/>
      <c r="E5986" s="359"/>
      <c r="F5986" s="359" t="s">
        <v>14371</v>
      </c>
      <c r="G5986" s="359" t="s">
        <v>14372</v>
      </c>
      <c r="H5986" s="360"/>
      <c r="I5986" s="359" t="s">
        <v>14373</v>
      </c>
      <c r="J5986" s="359"/>
      <c r="K5986" s="359"/>
      <c r="L5986" s="359"/>
    </row>
    <row r="5987" spans="2:12">
      <c r="B5987" s="359"/>
      <c r="C5987" s="360"/>
      <c r="D5987" s="359"/>
      <c r="E5987" s="359"/>
      <c r="F5987" s="360"/>
      <c r="G5987" s="360"/>
      <c r="H5987" s="360"/>
      <c r="I5987" s="360"/>
      <c r="J5987" s="359"/>
      <c r="K5987" s="359"/>
      <c r="L5987" s="359"/>
    </row>
    <row r="5988" spans="2:12" ht="28.5">
      <c r="B5988" s="361"/>
      <c r="C5988" s="362"/>
      <c r="D5988" s="361"/>
      <c r="E5988" s="361"/>
      <c r="F5988" s="361" t="s">
        <v>14374</v>
      </c>
      <c r="G5988" s="361" t="s">
        <v>14373</v>
      </c>
      <c r="H5988" s="362"/>
      <c r="I5988" s="362"/>
      <c r="J5988" s="361"/>
      <c r="K5988" s="361"/>
      <c r="L5988" s="361"/>
    </row>
    <row r="5989" spans="2:12">
      <c r="B5989" s="358" t="s">
        <v>17222</v>
      </c>
      <c r="C5989" s="358" t="s">
        <v>17223</v>
      </c>
      <c r="D5989" s="358" t="s">
        <v>17224</v>
      </c>
      <c r="E5989" s="358" t="s">
        <v>4889</v>
      </c>
      <c r="F5989" s="358" t="s">
        <v>16426</v>
      </c>
      <c r="G5989" s="358" t="s">
        <v>15011</v>
      </c>
      <c r="H5989" s="358" t="s">
        <v>14954</v>
      </c>
      <c r="I5989" s="358" t="s">
        <v>15011</v>
      </c>
      <c r="J5989" s="358"/>
      <c r="K5989" s="358"/>
      <c r="L5989" s="358"/>
    </row>
    <row r="5990" spans="2:12">
      <c r="B5990" s="359"/>
      <c r="C5990" s="360"/>
      <c r="D5990" s="359"/>
      <c r="E5990" s="359"/>
      <c r="F5990" s="360"/>
      <c r="G5990" s="360"/>
      <c r="H5990" s="360"/>
      <c r="I5990" s="360"/>
      <c r="J5990" s="359"/>
      <c r="K5990" s="359"/>
      <c r="L5990" s="359"/>
    </row>
    <row r="5991" spans="2:12">
      <c r="B5991" s="359"/>
      <c r="C5991" s="359" t="s">
        <v>17225</v>
      </c>
      <c r="D5991" s="359"/>
      <c r="E5991" s="359"/>
      <c r="F5991" s="359" t="s">
        <v>14382</v>
      </c>
      <c r="G5991" s="359" t="s">
        <v>14483</v>
      </c>
      <c r="H5991" s="359" t="s">
        <v>14378</v>
      </c>
      <c r="I5991" s="359" t="s">
        <v>14483</v>
      </c>
      <c r="J5991" s="359"/>
      <c r="K5991" s="359"/>
      <c r="L5991" s="359"/>
    </row>
    <row r="5992" spans="2:12">
      <c r="B5992" s="359"/>
      <c r="C5992" s="360"/>
      <c r="D5992" s="359"/>
      <c r="E5992" s="359"/>
      <c r="F5992" s="360"/>
      <c r="G5992" s="360"/>
      <c r="H5992" s="360"/>
      <c r="I5992" s="360"/>
      <c r="J5992" s="359"/>
      <c r="K5992" s="359"/>
      <c r="L5992" s="359"/>
    </row>
    <row r="5993" spans="2:12">
      <c r="B5993" s="359"/>
      <c r="C5993" s="360"/>
      <c r="D5993" s="359"/>
      <c r="E5993" s="359"/>
      <c r="F5993" s="359" t="s">
        <v>14382</v>
      </c>
      <c r="G5993" s="359" t="s">
        <v>14579</v>
      </c>
      <c r="H5993" s="359" t="s">
        <v>14381</v>
      </c>
      <c r="I5993" s="359" t="s">
        <v>14579</v>
      </c>
      <c r="J5993" s="359"/>
      <c r="K5993" s="359"/>
      <c r="L5993" s="359"/>
    </row>
    <row r="5994" spans="2:12">
      <c r="B5994" s="359"/>
      <c r="C5994" s="360"/>
      <c r="D5994" s="359"/>
      <c r="E5994" s="359"/>
      <c r="F5994" s="360"/>
      <c r="G5994" s="360"/>
      <c r="H5994" s="360"/>
      <c r="I5994" s="360"/>
      <c r="J5994" s="359"/>
      <c r="K5994" s="359"/>
      <c r="L5994" s="359"/>
    </row>
    <row r="5995" spans="2:12">
      <c r="B5995" s="359"/>
      <c r="C5995" s="360"/>
      <c r="D5995" s="359"/>
      <c r="E5995" s="359"/>
      <c r="F5995" s="359" t="s">
        <v>14382</v>
      </c>
      <c r="G5995" s="359" t="s">
        <v>14383</v>
      </c>
      <c r="H5995" s="359" t="s">
        <v>14370</v>
      </c>
      <c r="I5995" s="359" t="s">
        <v>14383</v>
      </c>
      <c r="J5995" s="359"/>
      <c r="K5995" s="359"/>
      <c r="L5995" s="359"/>
    </row>
    <row r="5996" spans="2:12">
      <c r="B5996" s="359"/>
      <c r="C5996" s="360"/>
      <c r="D5996" s="359"/>
      <c r="E5996" s="359"/>
      <c r="F5996" s="360"/>
      <c r="G5996" s="360"/>
      <c r="H5996" s="360"/>
      <c r="I5996" s="360"/>
      <c r="J5996" s="359"/>
      <c r="K5996" s="359"/>
      <c r="L5996" s="359"/>
    </row>
    <row r="5997" spans="2:12">
      <c r="B5997" s="359"/>
      <c r="C5997" s="360"/>
      <c r="D5997" s="359"/>
      <c r="E5997" s="359"/>
      <c r="F5997" s="359" t="s">
        <v>16919</v>
      </c>
      <c r="G5997" s="359" t="s">
        <v>14461</v>
      </c>
      <c r="H5997" s="359" t="s">
        <v>14332</v>
      </c>
      <c r="I5997" s="359" t="s">
        <v>14461</v>
      </c>
      <c r="J5997" s="359"/>
      <c r="K5997" s="359"/>
      <c r="L5997" s="359"/>
    </row>
    <row r="5998" spans="2:12">
      <c r="B5998" s="359"/>
      <c r="C5998" s="360"/>
      <c r="D5998" s="359"/>
      <c r="E5998" s="359"/>
      <c r="F5998" s="360"/>
      <c r="G5998" s="360"/>
      <c r="H5998" s="360"/>
      <c r="I5998" s="360"/>
      <c r="J5998" s="359"/>
      <c r="K5998" s="359"/>
      <c r="L5998" s="359"/>
    </row>
    <row r="5999" spans="2:12">
      <c r="B5999" s="359"/>
      <c r="C5999" s="360"/>
      <c r="D5999" s="359"/>
      <c r="E5999" s="359"/>
      <c r="F5999" s="359" t="s">
        <v>14371</v>
      </c>
      <c r="G5999" s="359" t="s">
        <v>14372</v>
      </c>
      <c r="H5999" s="360"/>
      <c r="I5999" s="359" t="s">
        <v>14373</v>
      </c>
      <c r="J5999" s="359"/>
      <c r="K5999" s="359"/>
      <c r="L5999" s="359"/>
    </row>
    <row r="6000" spans="2:12">
      <c r="B6000" s="359"/>
      <c r="C6000" s="360"/>
      <c r="D6000" s="359"/>
      <c r="E6000" s="359"/>
      <c r="F6000" s="360"/>
      <c r="G6000" s="360"/>
      <c r="H6000" s="360"/>
      <c r="I6000" s="360"/>
      <c r="J6000" s="359"/>
      <c r="K6000" s="359"/>
      <c r="L6000" s="359"/>
    </row>
    <row r="6001" spans="2:12" ht="28.5">
      <c r="B6001" s="361"/>
      <c r="C6001" s="362"/>
      <c r="D6001" s="361"/>
      <c r="E6001" s="361"/>
      <c r="F6001" s="361" t="s">
        <v>14374</v>
      </c>
      <c r="G6001" s="361" t="s">
        <v>14373</v>
      </c>
      <c r="H6001" s="362"/>
      <c r="I6001" s="362"/>
      <c r="J6001" s="361"/>
      <c r="K6001" s="361"/>
      <c r="L6001" s="361"/>
    </row>
    <row r="6002" spans="2:12">
      <c r="B6002" s="358" t="s">
        <v>17226</v>
      </c>
      <c r="C6002" s="358" t="s">
        <v>17227</v>
      </c>
      <c r="D6002" s="358" t="s">
        <v>17228</v>
      </c>
      <c r="E6002" s="358" t="s">
        <v>17229</v>
      </c>
      <c r="F6002" s="358" t="s">
        <v>14379</v>
      </c>
      <c r="G6002" s="358" t="s">
        <v>14380</v>
      </c>
      <c r="H6002" s="358" t="s">
        <v>14378</v>
      </c>
      <c r="I6002" s="358" t="s">
        <v>14380</v>
      </c>
      <c r="J6002" s="358"/>
      <c r="K6002" s="358" t="s">
        <v>14929</v>
      </c>
      <c r="L6002" s="358" t="s">
        <v>27406</v>
      </c>
    </row>
    <row r="6003" spans="2:12">
      <c r="B6003" s="359"/>
      <c r="C6003" s="360"/>
      <c r="D6003" s="360"/>
      <c r="E6003" s="360"/>
      <c r="F6003" s="360"/>
      <c r="G6003" s="360"/>
      <c r="H6003" s="360"/>
      <c r="I6003" s="360"/>
      <c r="J6003" s="359"/>
      <c r="K6003" s="360"/>
      <c r="L6003" s="359"/>
    </row>
    <row r="6004" spans="2:12" ht="42.75">
      <c r="B6004" s="359"/>
      <c r="C6004" s="359" t="s">
        <v>17230</v>
      </c>
      <c r="D6004" s="359" t="s">
        <v>17231</v>
      </c>
      <c r="E6004" s="359" t="s">
        <v>17232</v>
      </c>
      <c r="F6004" s="359" t="s">
        <v>14530</v>
      </c>
      <c r="G6004" s="359" t="s">
        <v>14531</v>
      </c>
      <c r="H6004" s="359" t="s">
        <v>14381</v>
      </c>
      <c r="I6004" s="359" t="s">
        <v>14531</v>
      </c>
      <c r="J6004" s="359"/>
      <c r="K6004" s="359" t="s">
        <v>28841</v>
      </c>
      <c r="L6004" s="359"/>
    </row>
    <row r="6005" spans="2:12">
      <c r="B6005" s="359"/>
      <c r="C6005" s="360"/>
      <c r="D6005" s="360"/>
      <c r="E6005" s="360"/>
      <c r="F6005" s="360"/>
      <c r="G6005" s="360"/>
      <c r="H6005" s="360"/>
      <c r="I6005" s="360"/>
      <c r="J6005" s="359"/>
      <c r="K6005" s="360"/>
      <c r="L6005" s="359"/>
    </row>
    <row r="6006" spans="2:12">
      <c r="B6006" s="359"/>
      <c r="C6006" s="360"/>
      <c r="D6006" s="360"/>
      <c r="E6006" s="360"/>
      <c r="F6006" s="359" t="s">
        <v>14379</v>
      </c>
      <c r="G6006" s="359" t="s">
        <v>14405</v>
      </c>
      <c r="H6006" s="359" t="s">
        <v>14370</v>
      </c>
      <c r="I6006" s="359" t="s">
        <v>14405</v>
      </c>
      <c r="J6006" s="359"/>
      <c r="K6006" s="360"/>
      <c r="L6006" s="359"/>
    </row>
    <row r="6007" spans="2:12">
      <c r="B6007" s="359"/>
      <c r="C6007" s="360"/>
      <c r="D6007" s="360"/>
      <c r="E6007" s="360"/>
      <c r="F6007" s="360"/>
      <c r="G6007" s="360"/>
      <c r="H6007" s="360"/>
      <c r="I6007" s="360"/>
      <c r="J6007" s="359"/>
      <c r="K6007" s="360"/>
      <c r="L6007" s="359"/>
    </row>
    <row r="6008" spans="2:12" ht="28.5">
      <c r="B6008" s="359"/>
      <c r="C6008" s="360"/>
      <c r="D6008" s="360"/>
      <c r="E6008" s="360"/>
      <c r="F6008" s="359" t="s">
        <v>14460</v>
      </c>
      <c r="G6008" s="359" t="s">
        <v>14519</v>
      </c>
      <c r="H6008" s="359" t="s">
        <v>14332</v>
      </c>
      <c r="I6008" s="359" t="s">
        <v>28681</v>
      </c>
      <c r="J6008" s="359"/>
      <c r="K6008" s="360"/>
      <c r="L6008" s="359"/>
    </row>
    <row r="6009" spans="2:12">
      <c r="B6009" s="359"/>
      <c r="C6009" s="360"/>
      <c r="D6009" s="360"/>
      <c r="E6009" s="360"/>
      <c r="F6009" s="360"/>
      <c r="G6009" s="360"/>
      <c r="H6009" s="360"/>
      <c r="I6009" s="360"/>
      <c r="J6009" s="359"/>
      <c r="K6009" s="360"/>
      <c r="L6009" s="359"/>
    </row>
    <row r="6010" spans="2:12">
      <c r="B6010" s="359"/>
      <c r="C6010" s="360"/>
      <c r="D6010" s="360"/>
      <c r="E6010" s="360"/>
      <c r="F6010" s="359" t="s">
        <v>14371</v>
      </c>
      <c r="G6010" s="359" t="s">
        <v>14372</v>
      </c>
      <c r="H6010" s="360"/>
      <c r="I6010" s="360"/>
      <c r="J6010" s="359"/>
      <c r="K6010" s="360"/>
      <c r="L6010" s="359"/>
    </row>
    <row r="6011" spans="2:12">
      <c r="B6011" s="359"/>
      <c r="C6011" s="360"/>
      <c r="D6011" s="360"/>
      <c r="E6011" s="360"/>
      <c r="F6011" s="360"/>
      <c r="G6011" s="360"/>
      <c r="H6011" s="360"/>
      <c r="I6011" s="360"/>
      <c r="J6011" s="359"/>
      <c r="K6011" s="360"/>
      <c r="L6011" s="359"/>
    </row>
    <row r="6012" spans="2:12" ht="28.5">
      <c r="B6012" s="361"/>
      <c r="C6012" s="362"/>
      <c r="D6012" s="362"/>
      <c r="E6012" s="362"/>
      <c r="F6012" s="361" t="s">
        <v>14374</v>
      </c>
      <c r="G6012" s="361" t="s">
        <v>14373</v>
      </c>
      <c r="H6012" s="362"/>
      <c r="I6012" s="362"/>
      <c r="J6012" s="361"/>
      <c r="K6012" s="362"/>
      <c r="L6012" s="361"/>
    </row>
    <row r="6013" spans="2:12" ht="28.5">
      <c r="B6013" s="358" t="s">
        <v>17233</v>
      </c>
      <c r="C6013" s="358" t="s">
        <v>28842</v>
      </c>
      <c r="D6013" s="358" t="s">
        <v>17234</v>
      </c>
      <c r="E6013" s="358" t="s">
        <v>17235</v>
      </c>
      <c r="F6013" s="358" t="s">
        <v>14382</v>
      </c>
      <c r="G6013" s="358" t="s">
        <v>14383</v>
      </c>
      <c r="H6013" s="358" t="s">
        <v>14378</v>
      </c>
      <c r="I6013" s="358" t="s">
        <v>14383</v>
      </c>
      <c r="J6013" s="358"/>
      <c r="K6013" s="358"/>
      <c r="L6013" s="358"/>
    </row>
    <row r="6014" spans="2:12">
      <c r="B6014" s="359"/>
      <c r="C6014" s="360"/>
      <c r="D6014" s="360"/>
      <c r="E6014" s="360"/>
      <c r="F6014" s="360"/>
      <c r="G6014" s="360"/>
      <c r="H6014" s="360"/>
      <c r="I6014" s="360"/>
      <c r="J6014" s="359"/>
      <c r="K6014" s="359"/>
      <c r="L6014" s="359"/>
    </row>
    <row r="6015" spans="2:12" ht="28.5">
      <c r="B6015" s="359"/>
      <c r="C6015" s="359" t="s">
        <v>17238</v>
      </c>
      <c r="D6015" s="359" t="s">
        <v>17236</v>
      </c>
      <c r="E6015" s="359" t="s">
        <v>17237</v>
      </c>
      <c r="F6015" s="359" t="s">
        <v>14384</v>
      </c>
      <c r="G6015" s="359" t="s">
        <v>14385</v>
      </c>
      <c r="H6015" s="359" t="s">
        <v>14381</v>
      </c>
      <c r="I6015" s="359" t="s">
        <v>28843</v>
      </c>
      <c r="J6015" s="359"/>
      <c r="K6015" s="359"/>
      <c r="L6015" s="359"/>
    </row>
    <row r="6016" spans="2:12">
      <c r="B6016" s="359"/>
      <c r="C6016" s="360"/>
      <c r="D6016" s="360"/>
      <c r="E6016" s="360"/>
      <c r="F6016" s="360"/>
      <c r="G6016" s="360"/>
      <c r="H6016" s="360"/>
      <c r="I6016" s="360"/>
      <c r="J6016" s="359"/>
      <c r="K6016" s="359"/>
      <c r="L6016" s="359"/>
    </row>
    <row r="6017" spans="2:12" ht="28.5">
      <c r="B6017" s="359"/>
      <c r="C6017" s="360"/>
      <c r="D6017" s="359" t="s">
        <v>17239</v>
      </c>
      <c r="E6017" s="359" t="s">
        <v>17240</v>
      </c>
      <c r="F6017" s="359" t="s">
        <v>14356</v>
      </c>
      <c r="G6017" s="359" t="s">
        <v>14340</v>
      </c>
      <c r="H6017" s="359" t="s">
        <v>14341</v>
      </c>
      <c r="I6017" s="359" t="s">
        <v>14373</v>
      </c>
      <c r="J6017" s="359"/>
      <c r="K6017" s="359"/>
      <c r="L6017" s="359"/>
    </row>
    <row r="6018" spans="2:12">
      <c r="B6018" s="359"/>
      <c r="C6018" s="360"/>
      <c r="D6018" s="360"/>
      <c r="E6018" s="360"/>
      <c r="F6018" s="360"/>
      <c r="G6018" s="360"/>
      <c r="H6018" s="360"/>
      <c r="I6018" s="360"/>
      <c r="J6018" s="359"/>
      <c r="K6018" s="359"/>
      <c r="L6018" s="359"/>
    </row>
    <row r="6019" spans="2:12">
      <c r="B6019" s="359"/>
      <c r="C6019" s="360"/>
      <c r="D6019" s="360"/>
      <c r="E6019" s="360"/>
      <c r="F6019" s="359" t="s">
        <v>14371</v>
      </c>
      <c r="G6019" s="359" t="s">
        <v>14372</v>
      </c>
      <c r="H6019" s="359" t="s">
        <v>14370</v>
      </c>
      <c r="I6019" s="360"/>
      <c r="J6019" s="359"/>
      <c r="K6019" s="359"/>
      <c r="L6019" s="359"/>
    </row>
    <row r="6020" spans="2:12">
      <c r="B6020" s="359"/>
      <c r="C6020" s="360"/>
      <c r="D6020" s="360"/>
      <c r="E6020" s="360"/>
      <c r="F6020" s="360"/>
      <c r="G6020" s="360"/>
      <c r="H6020" s="360"/>
      <c r="I6020" s="360"/>
      <c r="J6020" s="359"/>
      <c r="K6020" s="359"/>
      <c r="L6020" s="359"/>
    </row>
    <row r="6021" spans="2:12" ht="28.5">
      <c r="B6021" s="361"/>
      <c r="C6021" s="362"/>
      <c r="D6021" s="362"/>
      <c r="E6021" s="362"/>
      <c r="F6021" s="361" t="s">
        <v>14374</v>
      </c>
      <c r="G6021" s="361" t="s">
        <v>14373</v>
      </c>
      <c r="H6021" s="361" t="s">
        <v>14332</v>
      </c>
      <c r="I6021" s="362"/>
      <c r="J6021" s="361"/>
      <c r="K6021" s="361"/>
      <c r="L6021" s="361"/>
    </row>
    <row r="6022" spans="2:12">
      <c r="B6022" s="358" t="s">
        <v>17241</v>
      </c>
      <c r="C6022" s="358" t="s">
        <v>17242</v>
      </c>
      <c r="D6022" s="358" t="s">
        <v>17243</v>
      </c>
      <c r="E6022" s="358" t="s">
        <v>4757</v>
      </c>
      <c r="F6022" s="358" t="s">
        <v>14382</v>
      </c>
      <c r="G6022" s="358" t="s">
        <v>14383</v>
      </c>
      <c r="H6022" s="358" t="s">
        <v>14378</v>
      </c>
      <c r="I6022" s="358" t="s">
        <v>14383</v>
      </c>
      <c r="J6022" s="358"/>
      <c r="K6022" s="358"/>
      <c r="L6022" s="358"/>
    </row>
    <row r="6023" spans="2:12">
      <c r="B6023" s="359"/>
      <c r="C6023" s="359"/>
      <c r="D6023" s="359"/>
      <c r="E6023" s="359"/>
      <c r="F6023" s="360"/>
      <c r="G6023" s="360"/>
      <c r="H6023" s="360"/>
      <c r="I6023" s="360"/>
      <c r="J6023" s="359"/>
      <c r="K6023" s="359"/>
      <c r="L6023" s="359"/>
    </row>
    <row r="6024" spans="2:12" ht="28.5">
      <c r="B6024" s="359"/>
      <c r="C6024" s="359"/>
      <c r="D6024" s="359"/>
      <c r="E6024" s="359"/>
      <c r="F6024" s="359" t="s">
        <v>14384</v>
      </c>
      <c r="G6024" s="359" t="s">
        <v>14385</v>
      </c>
      <c r="H6024" s="359" t="s">
        <v>14381</v>
      </c>
      <c r="I6024" s="359" t="s">
        <v>28843</v>
      </c>
      <c r="J6024" s="359"/>
      <c r="K6024" s="359"/>
      <c r="L6024" s="359"/>
    </row>
    <row r="6025" spans="2:12">
      <c r="B6025" s="359"/>
      <c r="C6025" s="359"/>
      <c r="D6025" s="359"/>
      <c r="E6025" s="359"/>
      <c r="F6025" s="360"/>
      <c r="G6025" s="360"/>
      <c r="H6025" s="360"/>
      <c r="I6025" s="360"/>
      <c r="J6025" s="359"/>
      <c r="K6025" s="359"/>
      <c r="L6025" s="359"/>
    </row>
    <row r="6026" spans="2:12">
      <c r="B6026" s="359"/>
      <c r="C6026" s="359"/>
      <c r="D6026" s="359"/>
      <c r="E6026" s="359"/>
      <c r="F6026" s="359" t="s">
        <v>14356</v>
      </c>
      <c r="G6026" s="359" t="s">
        <v>14340</v>
      </c>
      <c r="H6026" s="359" t="s">
        <v>14341</v>
      </c>
      <c r="I6026" s="359" t="s">
        <v>14373</v>
      </c>
      <c r="J6026" s="359"/>
      <c r="K6026" s="359"/>
      <c r="L6026" s="359"/>
    </row>
    <row r="6027" spans="2:12">
      <c r="B6027" s="359"/>
      <c r="C6027" s="359"/>
      <c r="D6027" s="359"/>
      <c r="E6027" s="359"/>
      <c r="F6027" s="360"/>
      <c r="G6027" s="360"/>
      <c r="H6027" s="360"/>
      <c r="I6027" s="360"/>
      <c r="J6027" s="359"/>
      <c r="K6027" s="359"/>
      <c r="L6027" s="359"/>
    </row>
    <row r="6028" spans="2:12">
      <c r="B6028" s="359"/>
      <c r="C6028" s="359"/>
      <c r="D6028" s="359"/>
      <c r="E6028" s="359"/>
      <c r="F6028" s="359" t="s">
        <v>14371</v>
      </c>
      <c r="G6028" s="359" t="s">
        <v>14372</v>
      </c>
      <c r="H6028" s="359" t="s">
        <v>14370</v>
      </c>
      <c r="I6028" s="360"/>
      <c r="J6028" s="359"/>
      <c r="K6028" s="359"/>
      <c r="L6028" s="359"/>
    </row>
    <row r="6029" spans="2:12">
      <c r="B6029" s="359"/>
      <c r="C6029" s="359"/>
      <c r="D6029" s="359"/>
      <c r="E6029" s="359"/>
      <c r="F6029" s="360"/>
      <c r="G6029" s="360"/>
      <c r="H6029" s="360"/>
      <c r="I6029" s="360"/>
      <c r="J6029" s="359"/>
      <c r="K6029" s="359"/>
      <c r="L6029" s="359"/>
    </row>
    <row r="6030" spans="2:12" ht="28.5">
      <c r="B6030" s="361"/>
      <c r="C6030" s="361"/>
      <c r="D6030" s="361"/>
      <c r="E6030" s="361"/>
      <c r="F6030" s="361" t="s">
        <v>14374</v>
      </c>
      <c r="G6030" s="361" t="s">
        <v>14373</v>
      </c>
      <c r="H6030" s="361" t="s">
        <v>14332</v>
      </c>
      <c r="I6030" s="362"/>
      <c r="J6030" s="361"/>
      <c r="K6030" s="361"/>
      <c r="L6030" s="361"/>
    </row>
    <row r="6031" spans="2:12">
      <c r="B6031" s="358" t="s">
        <v>17244</v>
      </c>
      <c r="C6031" s="358" t="s">
        <v>17245</v>
      </c>
      <c r="D6031" s="358" t="s">
        <v>17246</v>
      </c>
      <c r="E6031" s="358" t="s">
        <v>4879</v>
      </c>
      <c r="F6031" s="358" t="s">
        <v>14426</v>
      </c>
      <c r="G6031" s="358" t="s">
        <v>14427</v>
      </c>
      <c r="H6031" s="358" t="s">
        <v>14378</v>
      </c>
      <c r="I6031" s="358" t="s">
        <v>14427</v>
      </c>
      <c r="J6031" s="358"/>
      <c r="K6031" s="358"/>
      <c r="L6031" s="358"/>
    </row>
    <row r="6032" spans="2:12">
      <c r="B6032" s="359"/>
      <c r="C6032" s="360"/>
      <c r="D6032" s="359"/>
      <c r="E6032" s="359"/>
      <c r="F6032" s="360"/>
      <c r="G6032" s="360"/>
      <c r="H6032" s="360"/>
      <c r="I6032" s="360"/>
      <c r="J6032" s="359"/>
      <c r="K6032" s="359"/>
      <c r="L6032" s="359"/>
    </row>
    <row r="6033" spans="2:12" ht="28.5">
      <c r="B6033" s="359"/>
      <c r="C6033" s="359" t="s">
        <v>17247</v>
      </c>
      <c r="D6033" s="359"/>
      <c r="E6033" s="359"/>
      <c r="F6033" s="359" t="s">
        <v>14507</v>
      </c>
      <c r="G6033" s="359" t="s">
        <v>28844</v>
      </c>
      <c r="H6033" s="359" t="s">
        <v>14341</v>
      </c>
      <c r="I6033" s="359" t="s">
        <v>28844</v>
      </c>
      <c r="J6033" s="359"/>
      <c r="K6033" s="359"/>
      <c r="L6033" s="359"/>
    </row>
    <row r="6034" spans="2:12">
      <c r="B6034" s="359"/>
      <c r="C6034" s="360"/>
      <c r="D6034" s="359"/>
      <c r="E6034" s="359"/>
      <c r="F6034" s="360"/>
      <c r="G6034" s="360"/>
      <c r="H6034" s="360"/>
      <c r="I6034" s="360"/>
      <c r="J6034" s="359"/>
      <c r="K6034" s="359"/>
      <c r="L6034" s="359"/>
    </row>
    <row r="6035" spans="2:12">
      <c r="B6035" s="359"/>
      <c r="C6035" s="360"/>
      <c r="D6035" s="359"/>
      <c r="E6035" s="359"/>
      <c r="F6035" s="359" t="s">
        <v>14379</v>
      </c>
      <c r="G6035" s="359" t="s">
        <v>14428</v>
      </c>
      <c r="H6035" s="359" t="s">
        <v>14381</v>
      </c>
      <c r="I6035" s="359" t="s">
        <v>14428</v>
      </c>
      <c r="J6035" s="359"/>
      <c r="K6035" s="359"/>
      <c r="L6035" s="359"/>
    </row>
    <row r="6036" spans="2:12">
      <c r="B6036" s="359"/>
      <c r="C6036" s="360"/>
      <c r="D6036" s="359"/>
      <c r="E6036" s="359"/>
      <c r="F6036" s="360"/>
      <c r="G6036" s="360"/>
      <c r="H6036" s="360"/>
      <c r="I6036" s="360"/>
      <c r="J6036" s="359"/>
      <c r="K6036" s="359"/>
      <c r="L6036" s="359"/>
    </row>
    <row r="6037" spans="2:12">
      <c r="B6037" s="359"/>
      <c r="C6037" s="360"/>
      <c r="D6037" s="359"/>
      <c r="E6037" s="359"/>
      <c r="F6037" s="359" t="s">
        <v>14384</v>
      </c>
      <c r="G6037" s="359" t="s">
        <v>14340</v>
      </c>
      <c r="H6037" s="359" t="s">
        <v>14370</v>
      </c>
      <c r="I6037" s="359" t="s">
        <v>14340</v>
      </c>
      <c r="J6037" s="359"/>
      <c r="K6037" s="359"/>
      <c r="L6037" s="359"/>
    </row>
    <row r="6038" spans="2:12">
      <c r="B6038" s="359"/>
      <c r="C6038" s="360"/>
      <c r="D6038" s="359"/>
      <c r="E6038" s="359"/>
      <c r="F6038" s="360"/>
      <c r="G6038" s="360"/>
      <c r="H6038" s="360"/>
      <c r="I6038" s="360"/>
      <c r="J6038" s="359"/>
      <c r="K6038" s="359"/>
      <c r="L6038" s="359"/>
    </row>
    <row r="6039" spans="2:12">
      <c r="B6039" s="359"/>
      <c r="C6039" s="360"/>
      <c r="D6039" s="359"/>
      <c r="E6039" s="359"/>
      <c r="F6039" s="359" t="s">
        <v>14356</v>
      </c>
      <c r="G6039" s="359" t="s">
        <v>14372</v>
      </c>
      <c r="H6039" s="359" t="s">
        <v>14332</v>
      </c>
      <c r="I6039" s="359" t="s">
        <v>14373</v>
      </c>
      <c r="J6039" s="359"/>
      <c r="K6039" s="359"/>
      <c r="L6039" s="359"/>
    </row>
    <row r="6040" spans="2:12">
      <c r="B6040" s="359"/>
      <c r="C6040" s="360"/>
      <c r="D6040" s="359"/>
      <c r="E6040" s="359"/>
      <c r="F6040" s="360"/>
      <c r="G6040" s="360"/>
      <c r="H6040" s="360"/>
      <c r="I6040" s="360"/>
      <c r="J6040" s="359"/>
      <c r="K6040" s="359"/>
      <c r="L6040" s="359"/>
    </row>
    <row r="6041" spans="2:12">
      <c r="B6041" s="359"/>
      <c r="C6041" s="360"/>
      <c r="D6041" s="359"/>
      <c r="E6041" s="359"/>
      <c r="F6041" s="359" t="s">
        <v>14371</v>
      </c>
      <c r="G6041" s="359" t="s">
        <v>14373</v>
      </c>
      <c r="H6041" s="360"/>
      <c r="I6041" s="360"/>
      <c r="J6041" s="359"/>
      <c r="K6041" s="359"/>
      <c r="L6041" s="359"/>
    </row>
    <row r="6042" spans="2:12">
      <c r="B6042" s="359"/>
      <c r="C6042" s="360"/>
      <c r="D6042" s="359"/>
      <c r="E6042" s="359"/>
      <c r="F6042" s="360"/>
      <c r="G6042" s="360"/>
      <c r="H6042" s="360"/>
      <c r="I6042" s="360"/>
      <c r="J6042" s="359"/>
      <c r="K6042" s="359"/>
      <c r="L6042" s="359"/>
    </row>
    <row r="6043" spans="2:12" ht="28.5">
      <c r="B6043" s="361"/>
      <c r="C6043" s="362"/>
      <c r="D6043" s="361"/>
      <c r="E6043" s="361"/>
      <c r="F6043" s="361" t="s">
        <v>14374</v>
      </c>
      <c r="G6043" s="362"/>
      <c r="H6043" s="362"/>
      <c r="I6043" s="362"/>
      <c r="J6043" s="361"/>
      <c r="K6043" s="361"/>
      <c r="L6043" s="361"/>
    </row>
    <row r="6044" spans="2:12">
      <c r="B6044" s="358" t="s">
        <v>17248</v>
      </c>
      <c r="C6044" s="358" t="s">
        <v>17249</v>
      </c>
      <c r="D6044" s="358" t="s">
        <v>17250</v>
      </c>
      <c r="E6044" s="358" t="s">
        <v>5092</v>
      </c>
      <c r="F6044" s="358" t="s">
        <v>14382</v>
      </c>
      <c r="G6044" s="358" t="s">
        <v>14383</v>
      </c>
      <c r="H6044" s="358" t="s">
        <v>14378</v>
      </c>
      <c r="I6044" s="358" t="s">
        <v>14383</v>
      </c>
      <c r="J6044" s="358"/>
      <c r="K6044" s="358"/>
      <c r="L6044" s="358"/>
    </row>
    <row r="6045" spans="2:12">
      <c r="B6045" s="359"/>
      <c r="C6045" s="359"/>
      <c r="D6045" s="359"/>
      <c r="E6045" s="359"/>
      <c r="F6045" s="360"/>
      <c r="G6045" s="360"/>
      <c r="H6045" s="360"/>
      <c r="I6045" s="360"/>
      <c r="J6045" s="359"/>
      <c r="K6045" s="359"/>
      <c r="L6045" s="359"/>
    </row>
    <row r="6046" spans="2:12" ht="28.5">
      <c r="B6046" s="359"/>
      <c r="C6046" s="359"/>
      <c r="D6046" s="359"/>
      <c r="E6046" s="359"/>
      <c r="F6046" s="359" t="s">
        <v>14384</v>
      </c>
      <c r="G6046" s="359" t="s">
        <v>14385</v>
      </c>
      <c r="H6046" s="359" t="s">
        <v>14381</v>
      </c>
      <c r="I6046" s="359" t="s">
        <v>28843</v>
      </c>
      <c r="J6046" s="359"/>
      <c r="K6046" s="359"/>
      <c r="L6046" s="359"/>
    </row>
    <row r="6047" spans="2:12">
      <c r="B6047" s="359"/>
      <c r="C6047" s="359"/>
      <c r="D6047" s="359"/>
      <c r="E6047" s="359"/>
      <c r="F6047" s="360"/>
      <c r="G6047" s="360"/>
      <c r="H6047" s="360"/>
      <c r="I6047" s="360"/>
      <c r="J6047" s="359"/>
      <c r="K6047" s="359"/>
      <c r="L6047" s="359"/>
    </row>
    <row r="6048" spans="2:12">
      <c r="B6048" s="359"/>
      <c r="C6048" s="359"/>
      <c r="D6048" s="359"/>
      <c r="E6048" s="359"/>
      <c r="F6048" s="359" t="s">
        <v>14356</v>
      </c>
      <c r="G6048" s="359" t="s">
        <v>14340</v>
      </c>
      <c r="H6048" s="359" t="s">
        <v>14341</v>
      </c>
      <c r="I6048" s="359" t="s">
        <v>14373</v>
      </c>
      <c r="J6048" s="359"/>
      <c r="K6048" s="359"/>
      <c r="L6048" s="359"/>
    </row>
    <row r="6049" spans="2:12">
      <c r="B6049" s="359"/>
      <c r="C6049" s="359"/>
      <c r="D6049" s="359"/>
      <c r="E6049" s="359"/>
      <c r="F6049" s="360"/>
      <c r="G6049" s="360"/>
      <c r="H6049" s="360"/>
      <c r="I6049" s="360"/>
      <c r="J6049" s="359"/>
      <c r="K6049" s="359"/>
      <c r="L6049" s="359"/>
    </row>
    <row r="6050" spans="2:12">
      <c r="B6050" s="359"/>
      <c r="C6050" s="359"/>
      <c r="D6050" s="359"/>
      <c r="E6050" s="359"/>
      <c r="F6050" s="359" t="s">
        <v>14371</v>
      </c>
      <c r="G6050" s="359" t="s">
        <v>14372</v>
      </c>
      <c r="H6050" s="359" t="s">
        <v>14370</v>
      </c>
      <c r="I6050" s="360"/>
      <c r="J6050" s="359"/>
      <c r="K6050" s="359"/>
      <c r="L6050" s="359"/>
    </row>
    <row r="6051" spans="2:12">
      <c r="B6051" s="359"/>
      <c r="C6051" s="359"/>
      <c r="D6051" s="359"/>
      <c r="E6051" s="359"/>
      <c r="F6051" s="360"/>
      <c r="G6051" s="360"/>
      <c r="H6051" s="360"/>
      <c r="I6051" s="360"/>
      <c r="J6051" s="359"/>
      <c r="K6051" s="359"/>
      <c r="L6051" s="359"/>
    </row>
    <row r="6052" spans="2:12" ht="28.5">
      <c r="B6052" s="361"/>
      <c r="C6052" s="361"/>
      <c r="D6052" s="361"/>
      <c r="E6052" s="361"/>
      <c r="F6052" s="361" t="s">
        <v>14374</v>
      </c>
      <c r="G6052" s="361" t="s">
        <v>14373</v>
      </c>
      <c r="H6052" s="361" t="s">
        <v>14332</v>
      </c>
      <c r="I6052" s="362"/>
      <c r="J6052" s="361"/>
      <c r="K6052" s="361"/>
      <c r="L6052" s="361"/>
    </row>
    <row r="6053" spans="2:12">
      <c r="B6053" s="358" t="s">
        <v>17251</v>
      </c>
      <c r="C6053" s="358" t="s">
        <v>17252</v>
      </c>
      <c r="D6053" s="358" t="s">
        <v>17253</v>
      </c>
      <c r="E6053" s="358" t="s">
        <v>6588</v>
      </c>
      <c r="F6053" s="358" t="s">
        <v>14379</v>
      </c>
      <c r="G6053" s="358" t="s">
        <v>14380</v>
      </c>
      <c r="H6053" s="358" t="s">
        <v>14378</v>
      </c>
      <c r="I6053" s="358" t="s">
        <v>14380</v>
      </c>
      <c r="J6053" s="358"/>
      <c r="K6053" s="358"/>
      <c r="L6053" s="358"/>
    </row>
    <row r="6054" spans="2:12">
      <c r="B6054" s="359"/>
      <c r="C6054" s="359"/>
      <c r="D6054" s="359"/>
      <c r="E6054" s="359"/>
      <c r="F6054" s="360"/>
      <c r="G6054" s="360"/>
      <c r="H6054" s="360"/>
      <c r="I6054" s="360"/>
      <c r="J6054" s="359"/>
      <c r="K6054" s="359"/>
      <c r="L6054" s="359"/>
    </row>
    <row r="6055" spans="2:12">
      <c r="B6055" s="359"/>
      <c r="C6055" s="359"/>
      <c r="D6055" s="359"/>
      <c r="E6055" s="359"/>
      <c r="F6055" s="359" t="s">
        <v>14379</v>
      </c>
      <c r="G6055" s="359" t="s">
        <v>14405</v>
      </c>
      <c r="H6055" s="359" t="s">
        <v>14381</v>
      </c>
      <c r="I6055" s="359" t="s">
        <v>14405</v>
      </c>
      <c r="J6055" s="359"/>
      <c r="K6055" s="359"/>
      <c r="L6055" s="359"/>
    </row>
    <row r="6056" spans="2:12">
      <c r="B6056" s="359"/>
      <c r="C6056" s="359"/>
      <c r="D6056" s="359"/>
      <c r="E6056" s="359"/>
      <c r="F6056" s="360"/>
      <c r="G6056" s="360"/>
      <c r="H6056" s="360"/>
      <c r="I6056" s="360"/>
      <c r="J6056" s="359"/>
      <c r="K6056" s="359"/>
      <c r="L6056" s="359"/>
    </row>
    <row r="6057" spans="2:12" ht="28.5">
      <c r="B6057" s="359"/>
      <c r="C6057" s="359"/>
      <c r="D6057" s="359"/>
      <c r="E6057" s="359"/>
      <c r="F6057" s="359" t="s">
        <v>14460</v>
      </c>
      <c r="G6057" s="359" t="s">
        <v>14519</v>
      </c>
      <c r="H6057" s="359" t="s">
        <v>14332</v>
      </c>
      <c r="I6057" s="359" t="s">
        <v>28791</v>
      </c>
      <c r="J6057" s="359"/>
      <c r="K6057" s="359"/>
      <c r="L6057" s="359"/>
    </row>
    <row r="6058" spans="2:12">
      <c r="B6058" s="359"/>
      <c r="C6058" s="359"/>
      <c r="D6058" s="359"/>
      <c r="E6058" s="359"/>
      <c r="F6058" s="360"/>
      <c r="G6058" s="360"/>
      <c r="H6058" s="360"/>
      <c r="I6058" s="360"/>
      <c r="J6058" s="359"/>
      <c r="K6058" s="359"/>
      <c r="L6058" s="359"/>
    </row>
    <row r="6059" spans="2:12" ht="28.5">
      <c r="B6059" s="361"/>
      <c r="C6059" s="361"/>
      <c r="D6059" s="361"/>
      <c r="E6059" s="361"/>
      <c r="F6059" s="361" t="s">
        <v>14462</v>
      </c>
      <c r="G6059" s="361" t="s">
        <v>14463</v>
      </c>
      <c r="H6059" s="362"/>
      <c r="I6059" s="362"/>
      <c r="J6059" s="361"/>
      <c r="K6059" s="361"/>
      <c r="L6059" s="361"/>
    </row>
    <row r="6060" spans="2:12" ht="28.5">
      <c r="B6060" s="358" t="s">
        <v>17254</v>
      </c>
      <c r="C6060" s="358" t="s">
        <v>17255</v>
      </c>
      <c r="D6060" s="358" t="s">
        <v>8356</v>
      </c>
      <c r="E6060" s="358" t="s">
        <v>8356</v>
      </c>
      <c r="F6060" s="358" t="s">
        <v>14379</v>
      </c>
      <c r="G6060" s="358" t="s">
        <v>14380</v>
      </c>
      <c r="H6060" s="358" t="s">
        <v>14378</v>
      </c>
      <c r="I6060" s="358" t="s">
        <v>14380</v>
      </c>
      <c r="J6060" s="358"/>
      <c r="K6060" s="358"/>
      <c r="L6060" s="358" t="s">
        <v>9491</v>
      </c>
    </row>
    <row r="6061" spans="2:12">
      <c r="B6061" s="359"/>
      <c r="C6061" s="359"/>
      <c r="D6061" s="359"/>
      <c r="E6061" s="359"/>
      <c r="F6061" s="360"/>
      <c r="G6061" s="360"/>
      <c r="H6061" s="360"/>
      <c r="I6061" s="360"/>
      <c r="J6061" s="359"/>
      <c r="K6061" s="359"/>
      <c r="L6061" s="359"/>
    </row>
    <row r="6062" spans="2:12">
      <c r="B6062" s="359"/>
      <c r="C6062" s="359"/>
      <c r="D6062" s="359"/>
      <c r="E6062" s="359"/>
      <c r="F6062" s="359" t="s">
        <v>14379</v>
      </c>
      <c r="G6062" s="359" t="s">
        <v>14405</v>
      </c>
      <c r="H6062" s="359" t="s">
        <v>14381</v>
      </c>
      <c r="I6062" s="359" t="s">
        <v>14405</v>
      </c>
      <c r="J6062" s="359"/>
      <c r="K6062" s="359"/>
      <c r="L6062" s="359"/>
    </row>
    <row r="6063" spans="2:12">
      <c r="B6063" s="359"/>
      <c r="C6063" s="359"/>
      <c r="D6063" s="359"/>
      <c r="E6063" s="359"/>
      <c r="F6063" s="360"/>
      <c r="G6063" s="360"/>
      <c r="H6063" s="360"/>
      <c r="I6063" s="360"/>
      <c r="J6063" s="359"/>
      <c r="K6063" s="359"/>
      <c r="L6063" s="359"/>
    </row>
    <row r="6064" spans="2:12" ht="28.5">
      <c r="B6064" s="359"/>
      <c r="C6064" s="359"/>
      <c r="D6064" s="359"/>
      <c r="E6064" s="359"/>
      <c r="F6064" s="359" t="s">
        <v>14460</v>
      </c>
      <c r="G6064" s="359" t="s">
        <v>14519</v>
      </c>
      <c r="H6064" s="359" t="s">
        <v>14370</v>
      </c>
      <c r="I6064" s="359" t="s">
        <v>28724</v>
      </c>
      <c r="J6064" s="359"/>
      <c r="K6064" s="359"/>
      <c r="L6064" s="359"/>
    </row>
    <row r="6065" spans="2:12">
      <c r="B6065" s="359"/>
      <c r="C6065" s="359"/>
      <c r="D6065" s="359"/>
      <c r="E6065" s="359"/>
      <c r="F6065" s="360"/>
      <c r="G6065" s="360"/>
      <c r="H6065" s="360"/>
      <c r="I6065" s="360"/>
      <c r="J6065" s="359"/>
      <c r="K6065" s="359"/>
      <c r="L6065" s="359"/>
    </row>
    <row r="6066" spans="2:12" ht="28.5">
      <c r="B6066" s="361"/>
      <c r="C6066" s="361"/>
      <c r="D6066" s="361"/>
      <c r="E6066" s="361"/>
      <c r="F6066" s="361" t="s">
        <v>14394</v>
      </c>
      <c r="G6066" s="361" t="s">
        <v>14395</v>
      </c>
      <c r="H6066" s="361" t="s">
        <v>14332</v>
      </c>
      <c r="I6066" s="362"/>
      <c r="J6066" s="361"/>
      <c r="K6066" s="361"/>
      <c r="L6066" s="361"/>
    </row>
    <row r="6067" spans="2:12">
      <c r="B6067" s="358" t="s">
        <v>17256</v>
      </c>
      <c r="C6067" s="358" t="s">
        <v>17257</v>
      </c>
      <c r="D6067" s="358" t="s">
        <v>17258</v>
      </c>
      <c r="E6067" s="358" t="s">
        <v>17259</v>
      </c>
      <c r="F6067" s="358" t="s">
        <v>14379</v>
      </c>
      <c r="G6067" s="358" t="s">
        <v>14405</v>
      </c>
      <c r="H6067" s="358" t="s">
        <v>14378</v>
      </c>
      <c r="I6067" s="358" t="s">
        <v>14405</v>
      </c>
      <c r="J6067" s="358"/>
      <c r="K6067" s="358"/>
      <c r="L6067" s="358"/>
    </row>
    <row r="6068" spans="2:12">
      <c r="B6068" s="359"/>
      <c r="C6068" s="360"/>
      <c r="D6068" s="359"/>
      <c r="E6068" s="359"/>
      <c r="F6068" s="360"/>
      <c r="G6068" s="360"/>
      <c r="H6068" s="360"/>
      <c r="I6068" s="360"/>
      <c r="J6068" s="359"/>
      <c r="K6068" s="359"/>
      <c r="L6068" s="359"/>
    </row>
    <row r="6069" spans="2:12" ht="28.5">
      <c r="B6069" s="359"/>
      <c r="C6069" s="359" t="s">
        <v>17260</v>
      </c>
      <c r="D6069" s="359"/>
      <c r="E6069" s="359"/>
      <c r="F6069" s="359" t="s">
        <v>14384</v>
      </c>
      <c r="G6069" s="359" t="s">
        <v>14385</v>
      </c>
      <c r="H6069" s="359" t="s">
        <v>14381</v>
      </c>
      <c r="I6069" s="359" t="s">
        <v>28822</v>
      </c>
      <c r="J6069" s="359"/>
      <c r="K6069" s="359"/>
      <c r="L6069" s="359"/>
    </row>
    <row r="6070" spans="2:12">
      <c r="B6070" s="359"/>
      <c r="C6070" s="360"/>
      <c r="D6070" s="359"/>
      <c r="E6070" s="359"/>
      <c r="F6070" s="360"/>
      <c r="G6070" s="360"/>
      <c r="H6070" s="360"/>
      <c r="I6070" s="360"/>
      <c r="J6070" s="359"/>
      <c r="K6070" s="359"/>
      <c r="L6070" s="359"/>
    </row>
    <row r="6071" spans="2:12">
      <c r="B6071" s="359"/>
      <c r="C6071" s="360"/>
      <c r="D6071" s="359"/>
      <c r="E6071" s="359"/>
      <c r="F6071" s="359" t="s">
        <v>14389</v>
      </c>
      <c r="G6071" s="359" t="s">
        <v>14390</v>
      </c>
      <c r="H6071" s="359" t="s">
        <v>14370</v>
      </c>
      <c r="I6071" s="359" t="s">
        <v>14395</v>
      </c>
      <c r="J6071" s="359"/>
      <c r="K6071" s="359"/>
      <c r="L6071" s="359"/>
    </row>
    <row r="6072" spans="2:12">
      <c r="B6072" s="359"/>
      <c r="C6072" s="360"/>
      <c r="D6072" s="359"/>
      <c r="E6072" s="359"/>
      <c r="F6072" s="360"/>
      <c r="G6072" s="360"/>
      <c r="H6072" s="360"/>
      <c r="I6072" s="360"/>
      <c r="J6072" s="359"/>
      <c r="K6072" s="359"/>
      <c r="L6072" s="359"/>
    </row>
    <row r="6073" spans="2:12" ht="28.5">
      <c r="B6073" s="361"/>
      <c r="C6073" s="362"/>
      <c r="D6073" s="361"/>
      <c r="E6073" s="361"/>
      <c r="F6073" s="361" t="s">
        <v>14394</v>
      </c>
      <c r="G6073" s="361" t="s">
        <v>14395</v>
      </c>
      <c r="H6073" s="361" t="s">
        <v>14332</v>
      </c>
      <c r="I6073" s="362"/>
      <c r="J6073" s="361"/>
      <c r="K6073" s="361"/>
      <c r="L6073" s="361"/>
    </row>
    <row r="6074" spans="2:12" ht="42.75">
      <c r="B6074" s="358" t="s">
        <v>12927</v>
      </c>
      <c r="C6074" s="358" t="s">
        <v>17261</v>
      </c>
      <c r="D6074" s="358" t="s">
        <v>8356</v>
      </c>
      <c r="E6074" s="358" t="s">
        <v>8356</v>
      </c>
      <c r="F6074" s="358" t="s">
        <v>14497</v>
      </c>
      <c r="G6074" s="358" t="s">
        <v>14481</v>
      </c>
      <c r="H6074" s="358" t="s">
        <v>14381</v>
      </c>
      <c r="I6074" s="358" t="s">
        <v>14481</v>
      </c>
      <c r="J6074" s="358"/>
      <c r="K6074" s="358" t="s">
        <v>28845</v>
      </c>
      <c r="L6074" s="358" t="s">
        <v>16902</v>
      </c>
    </row>
    <row r="6075" spans="2:12">
      <c r="B6075" s="359"/>
      <c r="C6075" s="359"/>
      <c r="D6075" s="359"/>
      <c r="E6075" s="359"/>
      <c r="F6075" s="360"/>
      <c r="G6075" s="360"/>
      <c r="H6075" s="360"/>
      <c r="I6075" s="360"/>
      <c r="J6075" s="359"/>
      <c r="K6075" s="360"/>
      <c r="L6075" s="359"/>
    </row>
    <row r="6076" spans="2:12">
      <c r="B6076" s="359"/>
      <c r="C6076" s="359"/>
      <c r="D6076" s="359"/>
      <c r="E6076" s="359"/>
      <c r="F6076" s="359" t="s">
        <v>14420</v>
      </c>
      <c r="G6076" s="359" t="s">
        <v>14459</v>
      </c>
      <c r="H6076" s="359" t="s">
        <v>14367</v>
      </c>
      <c r="I6076" s="359" t="s">
        <v>14459</v>
      </c>
      <c r="J6076" s="359"/>
      <c r="K6076" s="359" t="s">
        <v>14929</v>
      </c>
      <c r="L6076" s="359"/>
    </row>
    <row r="6077" spans="2:12">
      <c r="B6077" s="359"/>
      <c r="C6077" s="359"/>
      <c r="D6077" s="359"/>
      <c r="E6077" s="359"/>
      <c r="F6077" s="360"/>
      <c r="G6077" s="360"/>
      <c r="H6077" s="360"/>
      <c r="I6077" s="360"/>
      <c r="J6077" s="359"/>
      <c r="K6077" s="360"/>
      <c r="L6077" s="359"/>
    </row>
    <row r="6078" spans="2:12" ht="42.75">
      <c r="B6078" s="359"/>
      <c r="C6078" s="359"/>
      <c r="D6078" s="359"/>
      <c r="E6078" s="359"/>
      <c r="F6078" s="359" t="s">
        <v>14420</v>
      </c>
      <c r="G6078" s="359" t="s">
        <v>14429</v>
      </c>
      <c r="H6078" s="359" t="s">
        <v>14370</v>
      </c>
      <c r="I6078" s="359" t="s">
        <v>14429</v>
      </c>
      <c r="J6078" s="359"/>
      <c r="K6078" s="359" t="s">
        <v>28846</v>
      </c>
      <c r="L6078" s="359"/>
    </row>
    <row r="6079" spans="2:12">
      <c r="B6079" s="359"/>
      <c r="C6079" s="359"/>
      <c r="D6079" s="359"/>
      <c r="E6079" s="359"/>
      <c r="F6079" s="360"/>
      <c r="G6079" s="360"/>
      <c r="H6079" s="360"/>
      <c r="I6079" s="360"/>
      <c r="J6079" s="359"/>
      <c r="K6079" s="360"/>
      <c r="L6079" s="359"/>
    </row>
    <row r="6080" spans="2:12" ht="28.5">
      <c r="B6080" s="359"/>
      <c r="C6080" s="359"/>
      <c r="D6080" s="359"/>
      <c r="E6080" s="359"/>
      <c r="F6080" s="359" t="s">
        <v>14460</v>
      </c>
      <c r="G6080" s="359" t="s">
        <v>14519</v>
      </c>
      <c r="H6080" s="359" t="s">
        <v>14332</v>
      </c>
      <c r="I6080" s="359" t="s">
        <v>28681</v>
      </c>
      <c r="J6080" s="359"/>
      <c r="K6080" s="360"/>
      <c r="L6080" s="359"/>
    </row>
    <row r="6081" spans="2:12">
      <c r="B6081" s="359"/>
      <c r="C6081" s="359"/>
      <c r="D6081" s="359"/>
      <c r="E6081" s="359"/>
      <c r="F6081" s="360"/>
      <c r="G6081" s="360"/>
      <c r="H6081" s="360"/>
      <c r="I6081" s="360"/>
      <c r="J6081" s="359"/>
      <c r="K6081" s="360"/>
      <c r="L6081" s="359"/>
    </row>
    <row r="6082" spans="2:12">
      <c r="B6082" s="359"/>
      <c r="C6082" s="359"/>
      <c r="D6082" s="359"/>
      <c r="E6082" s="359"/>
      <c r="F6082" s="359" t="s">
        <v>14371</v>
      </c>
      <c r="G6082" s="359" t="s">
        <v>14372</v>
      </c>
      <c r="H6082" s="360"/>
      <c r="I6082" s="360"/>
      <c r="J6082" s="359"/>
      <c r="K6082" s="360"/>
      <c r="L6082" s="359"/>
    </row>
    <row r="6083" spans="2:12">
      <c r="B6083" s="359"/>
      <c r="C6083" s="359"/>
      <c r="D6083" s="359"/>
      <c r="E6083" s="359"/>
      <c r="F6083" s="360"/>
      <c r="G6083" s="360"/>
      <c r="H6083" s="360"/>
      <c r="I6083" s="360"/>
      <c r="J6083" s="359"/>
      <c r="K6083" s="360"/>
      <c r="L6083" s="359"/>
    </row>
    <row r="6084" spans="2:12" ht="28.5">
      <c r="B6084" s="361"/>
      <c r="C6084" s="361"/>
      <c r="D6084" s="361"/>
      <c r="E6084" s="361"/>
      <c r="F6084" s="361" t="s">
        <v>14374</v>
      </c>
      <c r="G6084" s="361" t="s">
        <v>14373</v>
      </c>
      <c r="H6084" s="362"/>
      <c r="I6084" s="362"/>
      <c r="J6084" s="361"/>
      <c r="K6084" s="362"/>
      <c r="L6084" s="361"/>
    </row>
    <row r="6085" spans="2:12" ht="42.75">
      <c r="B6085" s="358" t="s">
        <v>12928</v>
      </c>
      <c r="C6085" s="358" t="s">
        <v>17262</v>
      </c>
      <c r="D6085" s="358" t="s">
        <v>8356</v>
      </c>
      <c r="E6085" s="358" t="s">
        <v>8356</v>
      </c>
      <c r="F6085" s="358" t="s">
        <v>14497</v>
      </c>
      <c r="G6085" s="358" t="s">
        <v>14481</v>
      </c>
      <c r="H6085" s="358" t="s">
        <v>14378</v>
      </c>
      <c r="I6085" s="358" t="s">
        <v>14481</v>
      </c>
      <c r="J6085" s="358"/>
      <c r="K6085" s="358" t="s">
        <v>28847</v>
      </c>
      <c r="L6085" s="358" t="s">
        <v>16902</v>
      </c>
    </row>
    <row r="6086" spans="2:12">
      <c r="B6086" s="359"/>
      <c r="C6086" s="359"/>
      <c r="D6086" s="359"/>
      <c r="E6086" s="359"/>
      <c r="F6086" s="360"/>
      <c r="G6086" s="360"/>
      <c r="H6086" s="360"/>
      <c r="I6086" s="360"/>
      <c r="J6086" s="359"/>
      <c r="K6086" s="360"/>
      <c r="L6086" s="359"/>
    </row>
    <row r="6087" spans="2:12">
      <c r="B6087" s="359"/>
      <c r="C6087" s="359"/>
      <c r="D6087" s="359"/>
      <c r="E6087" s="359"/>
      <c r="F6087" s="359" t="s">
        <v>14379</v>
      </c>
      <c r="G6087" s="359" t="s">
        <v>14380</v>
      </c>
      <c r="H6087" s="359" t="s">
        <v>14381</v>
      </c>
      <c r="I6087" s="359" t="s">
        <v>14380</v>
      </c>
      <c r="J6087" s="359"/>
      <c r="K6087" s="359" t="s">
        <v>14929</v>
      </c>
      <c r="L6087" s="359"/>
    </row>
    <row r="6088" spans="2:12">
      <c r="B6088" s="359"/>
      <c r="C6088" s="359"/>
      <c r="D6088" s="359"/>
      <c r="E6088" s="359"/>
      <c r="F6088" s="360"/>
      <c r="G6088" s="360"/>
      <c r="H6088" s="360"/>
      <c r="I6088" s="360"/>
      <c r="J6088" s="359"/>
      <c r="K6088" s="360"/>
      <c r="L6088" s="359"/>
    </row>
    <row r="6089" spans="2:12" ht="42.75">
      <c r="B6089" s="359"/>
      <c r="C6089" s="359"/>
      <c r="D6089" s="359"/>
      <c r="E6089" s="359"/>
      <c r="F6089" s="359" t="s">
        <v>14530</v>
      </c>
      <c r="G6089" s="359" t="s">
        <v>14531</v>
      </c>
      <c r="H6089" s="359" t="s">
        <v>14370</v>
      </c>
      <c r="I6089" s="359" t="s">
        <v>14531</v>
      </c>
      <c r="J6089" s="359"/>
      <c r="K6089" s="359" t="s">
        <v>28841</v>
      </c>
      <c r="L6089" s="359"/>
    </row>
    <row r="6090" spans="2:12">
      <c r="B6090" s="359"/>
      <c r="C6090" s="359"/>
      <c r="D6090" s="359"/>
      <c r="E6090" s="359"/>
      <c r="F6090" s="360"/>
      <c r="G6090" s="360"/>
      <c r="H6090" s="360"/>
      <c r="I6090" s="360"/>
      <c r="J6090" s="359"/>
      <c r="K6090" s="360"/>
      <c r="L6090" s="359"/>
    </row>
    <row r="6091" spans="2:12">
      <c r="B6091" s="359"/>
      <c r="C6091" s="359"/>
      <c r="D6091" s="359"/>
      <c r="E6091" s="359"/>
      <c r="F6091" s="359" t="s">
        <v>14379</v>
      </c>
      <c r="G6091" s="359" t="s">
        <v>14405</v>
      </c>
      <c r="H6091" s="359" t="s">
        <v>14332</v>
      </c>
      <c r="I6091" s="359" t="s">
        <v>14405</v>
      </c>
      <c r="J6091" s="359"/>
      <c r="K6091" s="360"/>
      <c r="L6091" s="359"/>
    </row>
    <row r="6092" spans="2:12">
      <c r="B6092" s="359"/>
      <c r="C6092" s="359"/>
      <c r="D6092" s="359"/>
      <c r="E6092" s="359"/>
      <c r="F6092" s="360"/>
      <c r="G6092" s="360"/>
      <c r="H6092" s="360"/>
      <c r="I6092" s="360"/>
      <c r="J6092" s="359"/>
      <c r="K6092" s="360"/>
      <c r="L6092" s="359"/>
    </row>
    <row r="6093" spans="2:12" ht="28.5">
      <c r="B6093" s="359"/>
      <c r="C6093" s="359"/>
      <c r="D6093" s="359"/>
      <c r="E6093" s="359"/>
      <c r="F6093" s="359" t="s">
        <v>14460</v>
      </c>
      <c r="G6093" s="359" t="s">
        <v>14519</v>
      </c>
      <c r="H6093" s="360"/>
      <c r="I6093" s="359" t="s">
        <v>28681</v>
      </c>
      <c r="J6093" s="359"/>
      <c r="K6093" s="360"/>
      <c r="L6093" s="359"/>
    </row>
    <row r="6094" spans="2:12">
      <c r="B6094" s="359"/>
      <c r="C6094" s="359"/>
      <c r="D6094" s="359"/>
      <c r="E6094" s="359"/>
      <c r="F6094" s="360"/>
      <c r="G6094" s="360"/>
      <c r="H6094" s="360"/>
      <c r="I6094" s="360"/>
      <c r="J6094" s="359"/>
      <c r="K6094" s="360"/>
      <c r="L6094" s="359"/>
    </row>
    <row r="6095" spans="2:12">
      <c r="B6095" s="359"/>
      <c r="C6095" s="359"/>
      <c r="D6095" s="359"/>
      <c r="E6095" s="359"/>
      <c r="F6095" s="359" t="s">
        <v>14371</v>
      </c>
      <c r="G6095" s="359" t="s">
        <v>14372</v>
      </c>
      <c r="H6095" s="360"/>
      <c r="I6095" s="360"/>
      <c r="J6095" s="359"/>
      <c r="K6095" s="360"/>
      <c r="L6095" s="359"/>
    </row>
    <row r="6096" spans="2:12">
      <c r="B6096" s="359"/>
      <c r="C6096" s="359"/>
      <c r="D6096" s="359"/>
      <c r="E6096" s="359"/>
      <c r="F6096" s="360"/>
      <c r="G6096" s="360"/>
      <c r="H6096" s="360"/>
      <c r="I6096" s="360"/>
      <c r="J6096" s="359"/>
      <c r="K6096" s="360"/>
      <c r="L6096" s="359"/>
    </row>
    <row r="6097" spans="2:12" ht="28.5">
      <c r="B6097" s="361"/>
      <c r="C6097" s="361"/>
      <c r="D6097" s="361"/>
      <c r="E6097" s="361"/>
      <c r="F6097" s="361" t="s">
        <v>14374</v>
      </c>
      <c r="G6097" s="361" t="s">
        <v>14373</v>
      </c>
      <c r="H6097" s="362"/>
      <c r="I6097" s="362"/>
      <c r="J6097" s="361"/>
      <c r="K6097" s="362"/>
      <c r="L6097" s="361"/>
    </row>
    <row r="6098" spans="2:12" ht="28.5">
      <c r="B6098" s="358" t="s">
        <v>12929</v>
      </c>
      <c r="C6098" s="358" t="s">
        <v>17263</v>
      </c>
      <c r="D6098" s="358" t="s">
        <v>398</v>
      </c>
      <c r="E6098" s="358" t="s">
        <v>399</v>
      </c>
      <c r="F6098" s="358" t="s">
        <v>28848</v>
      </c>
      <c r="G6098" s="358" t="s">
        <v>14953</v>
      </c>
      <c r="H6098" s="358" t="s">
        <v>14954</v>
      </c>
      <c r="I6098" s="358" t="s">
        <v>14953</v>
      </c>
      <c r="J6098" s="358"/>
      <c r="K6098" s="358"/>
      <c r="L6098" s="358" t="s">
        <v>27406</v>
      </c>
    </row>
    <row r="6099" spans="2:12">
      <c r="B6099" s="359"/>
      <c r="C6099" s="360"/>
      <c r="D6099" s="359"/>
      <c r="E6099" s="359"/>
      <c r="F6099" s="360"/>
      <c r="G6099" s="360"/>
      <c r="H6099" s="360"/>
      <c r="I6099" s="360"/>
      <c r="J6099" s="359"/>
      <c r="K6099" s="359"/>
      <c r="L6099" s="359"/>
    </row>
    <row r="6100" spans="2:12">
      <c r="B6100" s="359"/>
      <c r="C6100" s="359" t="s">
        <v>17264</v>
      </c>
      <c r="D6100" s="359"/>
      <c r="E6100" s="359"/>
      <c r="F6100" s="359" t="s">
        <v>14420</v>
      </c>
      <c r="G6100" s="359" t="s">
        <v>14481</v>
      </c>
      <c r="H6100" s="359" t="s">
        <v>14381</v>
      </c>
      <c r="I6100" s="359" t="s">
        <v>14481</v>
      </c>
      <c r="J6100" s="359"/>
      <c r="K6100" s="359"/>
      <c r="L6100" s="359"/>
    </row>
    <row r="6101" spans="2:12">
      <c r="B6101" s="359"/>
      <c r="C6101" s="360"/>
      <c r="D6101" s="359"/>
      <c r="E6101" s="359"/>
      <c r="F6101" s="360"/>
      <c r="G6101" s="360"/>
      <c r="H6101" s="360"/>
      <c r="I6101" s="360"/>
      <c r="J6101" s="359"/>
      <c r="K6101" s="359"/>
      <c r="L6101" s="359"/>
    </row>
    <row r="6102" spans="2:12">
      <c r="B6102" s="359"/>
      <c r="C6102" s="360"/>
      <c r="D6102" s="359"/>
      <c r="E6102" s="359"/>
      <c r="F6102" s="359" t="s">
        <v>14420</v>
      </c>
      <c r="G6102" s="359" t="s">
        <v>14459</v>
      </c>
      <c r="H6102" s="359" t="s">
        <v>14367</v>
      </c>
      <c r="I6102" s="359" t="s">
        <v>14459</v>
      </c>
      <c r="J6102" s="359"/>
      <c r="K6102" s="359"/>
      <c r="L6102" s="359"/>
    </row>
    <row r="6103" spans="2:12">
      <c r="B6103" s="359"/>
      <c r="C6103" s="360"/>
      <c r="D6103" s="359"/>
      <c r="E6103" s="359"/>
      <c r="F6103" s="360"/>
      <c r="G6103" s="360"/>
      <c r="H6103" s="360"/>
      <c r="I6103" s="360"/>
      <c r="J6103" s="359"/>
      <c r="K6103" s="359"/>
      <c r="L6103" s="359"/>
    </row>
    <row r="6104" spans="2:12">
      <c r="B6104" s="359"/>
      <c r="C6104" s="360"/>
      <c r="D6104" s="359"/>
      <c r="E6104" s="359"/>
      <c r="F6104" s="359" t="s">
        <v>14460</v>
      </c>
      <c r="G6104" s="359" t="s">
        <v>14429</v>
      </c>
      <c r="H6104" s="359" t="s">
        <v>14370</v>
      </c>
      <c r="I6104" s="359" t="s">
        <v>14429</v>
      </c>
      <c r="J6104" s="359"/>
      <c r="K6104" s="359"/>
      <c r="L6104" s="359"/>
    </row>
    <row r="6105" spans="2:12">
      <c r="B6105" s="359"/>
      <c r="C6105" s="360"/>
      <c r="D6105" s="359"/>
      <c r="E6105" s="359"/>
      <c r="F6105" s="360"/>
      <c r="G6105" s="360"/>
      <c r="H6105" s="360"/>
      <c r="I6105" s="360"/>
      <c r="J6105" s="359"/>
      <c r="K6105" s="359"/>
      <c r="L6105" s="359"/>
    </row>
    <row r="6106" spans="2:12" ht="28.5">
      <c r="B6106" s="359"/>
      <c r="C6106" s="360"/>
      <c r="D6106" s="359"/>
      <c r="E6106" s="359"/>
      <c r="F6106" s="359" t="s">
        <v>14371</v>
      </c>
      <c r="G6106" s="359" t="s">
        <v>14519</v>
      </c>
      <c r="H6106" s="359" t="s">
        <v>14332</v>
      </c>
      <c r="I6106" s="359" t="s">
        <v>28681</v>
      </c>
      <c r="J6106" s="359"/>
      <c r="K6106" s="359"/>
      <c r="L6106" s="359"/>
    </row>
    <row r="6107" spans="2:12">
      <c r="B6107" s="359"/>
      <c r="C6107" s="360"/>
      <c r="D6107" s="359"/>
      <c r="E6107" s="359"/>
      <c r="F6107" s="360"/>
      <c r="G6107" s="360"/>
      <c r="H6107" s="360"/>
      <c r="I6107" s="360"/>
      <c r="J6107" s="359"/>
      <c r="K6107" s="359"/>
      <c r="L6107" s="359"/>
    </row>
    <row r="6108" spans="2:12" ht="28.5">
      <c r="B6108" s="359"/>
      <c r="C6108" s="360"/>
      <c r="D6108" s="359"/>
      <c r="E6108" s="359"/>
      <c r="F6108" s="359" t="s">
        <v>14374</v>
      </c>
      <c r="G6108" s="359" t="s">
        <v>14372</v>
      </c>
      <c r="H6108" s="360"/>
      <c r="I6108" s="360"/>
      <c r="J6108" s="359"/>
      <c r="K6108" s="359"/>
      <c r="L6108" s="359"/>
    </row>
    <row r="6109" spans="2:12">
      <c r="B6109" s="359"/>
      <c r="C6109" s="360"/>
      <c r="D6109" s="359"/>
      <c r="E6109" s="359"/>
      <c r="F6109" s="360"/>
      <c r="G6109" s="360"/>
      <c r="H6109" s="360"/>
      <c r="I6109" s="360"/>
      <c r="J6109" s="359"/>
      <c r="K6109" s="359"/>
      <c r="L6109" s="359"/>
    </row>
    <row r="6110" spans="2:12">
      <c r="B6110" s="361"/>
      <c r="C6110" s="362"/>
      <c r="D6110" s="361"/>
      <c r="E6110" s="361"/>
      <c r="F6110" s="362"/>
      <c r="G6110" s="361" t="s">
        <v>14373</v>
      </c>
      <c r="H6110" s="362"/>
      <c r="I6110" s="362"/>
      <c r="J6110" s="361"/>
      <c r="K6110" s="361"/>
      <c r="L6110" s="361"/>
    </row>
    <row r="6111" spans="2:12">
      <c r="B6111" s="358" t="s">
        <v>17265</v>
      </c>
      <c r="C6111" s="358" t="s">
        <v>17263</v>
      </c>
      <c r="D6111" s="358" t="s">
        <v>398</v>
      </c>
      <c r="E6111" s="358" t="s">
        <v>399</v>
      </c>
      <c r="F6111" s="358" t="s">
        <v>16426</v>
      </c>
      <c r="G6111" s="358" t="s">
        <v>15011</v>
      </c>
      <c r="H6111" s="358" t="s">
        <v>14954</v>
      </c>
      <c r="I6111" s="358" t="s">
        <v>15011</v>
      </c>
      <c r="J6111" s="358"/>
      <c r="K6111" s="358"/>
      <c r="L6111" s="358" t="s">
        <v>27406</v>
      </c>
    </row>
    <row r="6112" spans="2:12">
      <c r="B6112" s="359"/>
      <c r="C6112" s="360"/>
      <c r="D6112" s="359"/>
      <c r="E6112" s="359"/>
      <c r="F6112" s="360"/>
      <c r="G6112" s="360"/>
      <c r="H6112" s="360"/>
      <c r="I6112" s="360"/>
      <c r="J6112" s="359"/>
      <c r="K6112" s="359"/>
      <c r="L6112" s="359"/>
    </row>
    <row r="6113" spans="2:12">
      <c r="B6113" s="359"/>
      <c r="C6113" s="359" t="s">
        <v>28849</v>
      </c>
      <c r="D6113" s="359"/>
      <c r="E6113" s="359"/>
      <c r="F6113" s="359" t="s">
        <v>14497</v>
      </c>
      <c r="G6113" s="359" t="s">
        <v>14481</v>
      </c>
      <c r="H6113" s="359" t="s">
        <v>14381</v>
      </c>
      <c r="I6113" s="359" t="s">
        <v>14481</v>
      </c>
      <c r="J6113" s="359"/>
      <c r="K6113" s="359"/>
      <c r="L6113" s="359"/>
    </row>
    <row r="6114" spans="2:12">
      <c r="B6114" s="359"/>
      <c r="C6114" s="360"/>
      <c r="D6114" s="359"/>
      <c r="E6114" s="359"/>
      <c r="F6114" s="360"/>
      <c r="G6114" s="360"/>
      <c r="H6114" s="360"/>
      <c r="I6114" s="360"/>
      <c r="J6114" s="359"/>
      <c r="K6114" s="359"/>
      <c r="L6114" s="359"/>
    </row>
    <row r="6115" spans="2:12">
      <c r="B6115" s="359"/>
      <c r="C6115" s="360"/>
      <c r="D6115" s="359"/>
      <c r="E6115" s="359"/>
      <c r="F6115" s="359" t="s">
        <v>14420</v>
      </c>
      <c r="G6115" s="359" t="s">
        <v>14459</v>
      </c>
      <c r="H6115" s="359" t="s">
        <v>14367</v>
      </c>
      <c r="I6115" s="359" t="s">
        <v>14459</v>
      </c>
      <c r="J6115" s="359"/>
      <c r="K6115" s="359"/>
      <c r="L6115" s="359"/>
    </row>
    <row r="6116" spans="2:12">
      <c r="B6116" s="359"/>
      <c r="C6116" s="360"/>
      <c r="D6116" s="359"/>
      <c r="E6116" s="359"/>
      <c r="F6116" s="360"/>
      <c r="G6116" s="360"/>
      <c r="H6116" s="360"/>
      <c r="I6116" s="360"/>
      <c r="J6116" s="359"/>
      <c r="K6116" s="359"/>
      <c r="L6116" s="359"/>
    </row>
    <row r="6117" spans="2:12">
      <c r="B6117" s="359"/>
      <c r="C6117" s="360"/>
      <c r="D6117" s="359"/>
      <c r="E6117" s="359"/>
      <c r="F6117" s="359" t="s">
        <v>14420</v>
      </c>
      <c r="G6117" s="359" t="s">
        <v>14429</v>
      </c>
      <c r="H6117" s="359" t="s">
        <v>14370</v>
      </c>
      <c r="I6117" s="359" t="s">
        <v>14429</v>
      </c>
      <c r="J6117" s="359"/>
      <c r="K6117" s="359"/>
      <c r="L6117" s="359"/>
    </row>
    <row r="6118" spans="2:12">
      <c r="B6118" s="359"/>
      <c r="C6118" s="360"/>
      <c r="D6118" s="359"/>
      <c r="E6118" s="359"/>
      <c r="F6118" s="360"/>
      <c r="G6118" s="360"/>
      <c r="H6118" s="360"/>
      <c r="I6118" s="360"/>
      <c r="J6118" s="359"/>
      <c r="K6118" s="359"/>
      <c r="L6118" s="359"/>
    </row>
    <row r="6119" spans="2:12" ht="28.5">
      <c r="B6119" s="359"/>
      <c r="C6119" s="360"/>
      <c r="D6119" s="359"/>
      <c r="E6119" s="359"/>
      <c r="F6119" s="359" t="s">
        <v>14460</v>
      </c>
      <c r="G6119" s="359" t="s">
        <v>14519</v>
      </c>
      <c r="H6119" s="359" t="s">
        <v>14332</v>
      </c>
      <c r="I6119" s="359" t="s">
        <v>28681</v>
      </c>
      <c r="J6119" s="359"/>
      <c r="K6119" s="359"/>
      <c r="L6119" s="359"/>
    </row>
    <row r="6120" spans="2:12">
      <c r="B6120" s="359"/>
      <c r="C6120" s="360"/>
      <c r="D6120" s="359"/>
      <c r="E6120" s="359"/>
      <c r="F6120" s="360"/>
      <c r="G6120" s="360"/>
      <c r="H6120" s="360"/>
      <c r="I6120" s="360"/>
      <c r="J6120" s="359"/>
      <c r="K6120" s="359"/>
      <c r="L6120" s="359"/>
    </row>
    <row r="6121" spans="2:12">
      <c r="B6121" s="359"/>
      <c r="C6121" s="360"/>
      <c r="D6121" s="359"/>
      <c r="E6121" s="359"/>
      <c r="F6121" s="359" t="s">
        <v>14371</v>
      </c>
      <c r="G6121" s="359" t="s">
        <v>14372</v>
      </c>
      <c r="H6121" s="360"/>
      <c r="I6121" s="360"/>
      <c r="J6121" s="359"/>
      <c r="K6121" s="359"/>
      <c r="L6121" s="359"/>
    </row>
    <row r="6122" spans="2:12">
      <c r="B6122" s="359"/>
      <c r="C6122" s="360"/>
      <c r="D6122" s="359"/>
      <c r="E6122" s="359"/>
      <c r="F6122" s="360"/>
      <c r="G6122" s="360"/>
      <c r="H6122" s="360"/>
      <c r="I6122" s="360"/>
      <c r="J6122" s="359"/>
      <c r="K6122" s="359"/>
      <c r="L6122" s="359"/>
    </row>
    <row r="6123" spans="2:12" ht="28.5">
      <c r="B6123" s="361"/>
      <c r="C6123" s="362"/>
      <c r="D6123" s="361"/>
      <c r="E6123" s="361"/>
      <c r="F6123" s="361" t="s">
        <v>14374</v>
      </c>
      <c r="G6123" s="361" t="s">
        <v>14373</v>
      </c>
      <c r="H6123" s="362"/>
      <c r="I6123" s="362"/>
      <c r="J6123" s="361"/>
      <c r="K6123" s="361"/>
      <c r="L6123" s="361"/>
    </row>
    <row r="6124" spans="2:12">
      <c r="B6124" s="358" t="s">
        <v>10259</v>
      </c>
      <c r="C6124" s="358" t="s">
        <v>17266</v>
      </c>
      <c r="D6124" s="358" t="s">
        <v>513</v>
      </c>
      <c r="E6124" s="358" t="s">
        <v>514</v>
      </c>
      <c r="F6124" s="358" t="s">
        <v>14376</v>
      </c>
      <c r="G6124" s="358" t="s">
        <v>14669</v>
      </c>
      <c r="H6124" s="358" t="s">
        <v>14381</v>
      </c>
      <c r="I6124" s="358" t="s">
        <v>14669</v>
      </c>
      <c r="J6124" s="358"/>
      <c r="K6124" s="358"/>
      <c r="L6124" s="358" t="s">
        <v>27406</v>
      </c>
    </row>
    <row r="6125" spans="2:12">
      <c r="B6125" s="359"/>
      <c r="C6125" s="359"/>
      <c r="D6125" s="359"/>
      <c r="E6125" s="359"/>
      <c r="F6125" s="360"/>
      <c r="G6125" s="360"/>
      <c r="H6125" s="360"/>
      <c r="I6125" s="360"/>
      <c r="J6125" s="359"/>
      <c r="K6125" s="359"/>
      <c r="L6125" s="359"/>
    </row>
    <row r="6126" spans="2:12" ht="28.5">
      <c r="B6126" s="359"/>
      <c r="C6126" s="359"/>
      <c r="D6126" s="359"/>
      <c r="E6126" s="359"/>
      <c r="F6126" s="359" t="s">
        <v>14497</v>
      </c>
      <c r="G6126" s="359" t="s">
        <v>28850</v>
      </c>
      <c r="H6126" s="359" t="s">
        <v>14370</v>
      </c>
      <c r="I6126" s="359" t="s">
        <v>28850</v>
      </c>
      <c r="J6126" s="359"/>
      <c r="K6126" s="359"/>
      <c r="L6126" s="359"/>
    </row>
    <row r="6127" spans="2:12">
      <c r="B6127" s="359"/>
      <c r="C6127" s="359"/>
      <c r="D6127" s="359"/>
      <c r="E6127" s="359"/>
      <c r="F6127" s="360"/>
      <c r="G6127" s="360"/>
      <c r="H6127" s="360"/>
      <c r="I6127" s="360"/>
      <c r="J6127" s="359"/>
      <c r="K6127" s="359"/>
      <c r="L6127" s="359"/>
    </row>
    <row r="6128" spans="2:12">
      <c r="B6128" s="359"/>
      <c r="C6128" s="359"/>
      <c r="D6128" s="359"/>
      <c r="E6128" s="359"/>
      <c r="F6128" s="359" t="s">
        <v>16919</v>
      </c>
      <c r="G6128" s="359" t="s">
        <v>14372</v>
      </c>
      <c r="H6128" s="359" t="s">
        <v>14332</v>
      </c>
      <c r="I6128" s="359" t="s">
        <v>14373</v>
      </c>
      <c r="J6128" s="359"/>
      <c r="K6128" s="359"/>
      <c r="L6128" s="359"/>
    </row>
    <row r="6129" spans="2:12">
      <c r="B6129" s="359"/>
      <c r="C6129" s="359"/>
      <c r="D6129" s="359"/>
      <c r="E6129" s="359"/>
      <c r="F6129" s="360"/>
      <c r="G6129" s="360"/>
      <c r="H6129" s="360"/>
      <c r="I6129" s="360"/>
      <c r="J6129" s="359"/>
      <c r="K6129" s="359"/>
      <c r="L6129" s="359"/>
    </row>
    <row r="6130" spans="2:12">
      <c r="B6130" s="359"/>
      <c r="C6130" s="359"/>
      <c r="D6130" s="359"/>
      <c r="E6130" s="359"/>
      <c r="F6130" s="359" t="s">
        <v>14371</v>
      </c>
      <c r="G6130" s="359" t="s">
        <v>14373</v>
      </c>
      <c r="H6130" s="360"/>
      <c r="I6130" s="360"/>
      <c r="J6130" s="359"/>
      <c r="K6130" s="359"/>
      <c r="L6130" s="359"/>
    </row>
    <row r="6131" spans="2:12">
      <c r="B6131" s="359"/>
      <c r="C6131" s="359"/>
      <c r="D6131" s="359"/>
      <c r="E6131" s="359"/>
      <c r="F6131" s="360"/>
      <c r="G6131" s="360"/>
      <c r="H6131" s="360"/>
      <c r="I6131" s="360"/>
      <c r="J6131" s="359"/>
      <c r="K6131" s="359"/>
      <c r="L6131" s="359"/>
    </row>
    <row r="6132" spans="2:12" ht="28.5">
      <c r="B6132" s="361"/>
      <c r="C6132" s="361"/>
      <c r="D6132" s="361"/>
      <c r="E6132" s="361"/>
      <c r="F6132" s="361" t="s">
        <v>14374</v>
      </c>
      <c r="G6132" s="362"/>
      <c r="H6132" s="362"/>
      <c r="I6132" s="362"/>
      <c r="J6132" s="361"/>
      <c r="K6132" s="361"/>
      <c r="L6132" s="361"/>
    </row>
    <row r="6133" spans="2:12">
      <c r="B6133" s="358" t="s">
        <v>12930</v>
      </c>
      <c r="C6133" s="358" t="s">
        <v>17267</v>
      </c>
      <c r="D6133" s="358" t="s">
        <v>149</v>
      </c>
      <c r="E6133" s="358" t="s">
        <v>150</v>
      </c>
      <c r="F6133" s="358" t="s">
        <v>14497</v>
      </c>
      <c r="G6133" s="358" t="s">
        <v>14481</v>
      </c>
      <c r="H6133" s="358" t="s">
        <v>14381</v>
      </c>
      <c r="I6133" s="358" t="s">
        <v>14481</v>
      </c>
      <c r="J6133" s="358"/>
      <c r="K6133" s="358"/>
      <c r="L6133" s="358" t="s">
        <v>27406</v>
      </c>
    </row>
    <row r="6134" spans="2:12">
      <c r="B6134" s="359"/>
      <c r="C6134" s="359"/>
      <c r="D6134" s="359"/>
      <c r="E6134" s="359"/>
      <c r="F6134" s="360"/>
      <c r="G6134" s="360"/>
      <c r="H6134" s="360"/>
      <c r="I6134" s="360"/>
      <c r="J6134" s="359"/>
      <c r="K6134" s="359"/>
      <c r="L6134" s="359"/>
    </row>
    <row r="6135" spans="2:12" ht="28.5">
      <c r="B6135" s="359"/>
      <c r="C6135" s="359"/>
      <c r="D6135" s="359"/>
      <c r="E6135" s="359"/>
      <c r="F6135" s="359" t="s">
        <v>14460</v>
      </c>
      <c r="G6135" s="359" t="s">
        <v>14519</v>
      </c>
      <c r="H6135" s="359" t="s">
        <v>14370</v>
      </c>
      <c r="I6135" s="359" t="s">
        <v>28681</v>
      </c>
      <c r="J6135" s="359"/>
      <c r="K6135" s="359"/>
      <c r="L6135" s="359"/>
    </row>
    <row r="6136" spans="2:12">
      <c r="B6136" s="359"/>
      <c r="C6136" s="359"/>
      <c r="D6136" s="359"/>
      <c r="E6136" s="359"/>
      <c r="F6136" s="360"/>
      <c r="G6136" s="360"/>
      <c r="H6136" s="360"/>
      <c r="I6136" s="360"/>
      <c r="J6136" s="359"/>
      <c r="K6136" s="359"/>
      <c r="L6136" s="359"/>
    </row>
    <row r="6137" spans="2:12">
      <c r="B6137" s="359"/>
      <c r="C6137" s="359"/>
      <c r="D6137" s="359"/>
      <c r="E6137" s="359"/>
      <c r="F6137" s="359" t="s">
        <v>14371</v>
      </c>
      <c r="G6137" s="359" t="s">
        <v>14372</v>
      </c>
      <c r="H6137" s="359" t="s">
        <v>14332</v>
      </c>
      <c r="I6137" s="360"/>
      <c r="J6137" s="359"/>
      <c r="K6137" s="359"/>
      <c r="L6137" s="359"/>
    </row>
    <row r="6138" spans="2:12">
      <c r="B6138" s="359"/>
      <c r="C6138" s="359"/>
      <c r="D6138" s="359"/>
      <c r="E6138" s="359"/>
      <c r="F6138" s="360"/>
      <c r="G6138" s="360"/>
      <c r="H6138" s="360"/>
      <c r="I6138" s="360"/>
      <c r="J6138" s="359"/>
      <c r="K6138" s="359"/>
      <c r="L6138" s="359"/>
    </row>
    <row r="6139" spans="2:12" ht="28.5">
      <c r="B6139" s="361"/>
      <c r="C6139" s="361"/>
      <c r="D6139" s="361"/>
      <c r="E6139" s="361"/>
      <c r="F6139" s="361" t="s">
        <v>14374</v>
      </c>
      <c r="G6139" s="361" t="s">
        <v>14373</v>
      </c>
      <c r="H6139" s="362"/>
      <c r="I6139" s="362"/>
      <c r="J6139" s="361"/>
      <c r="K6139" s="361"/>
      <c r="L6139" s="361"/>
    </row>
    <row r="6140" spans="2:12">
      <c r="B6140" s="358" t="s">
        <v>12932</v>
      </c>
      <c r="C6140" s="358" t="s">
        <v>17268</v>
      </c>
      <c r="D6140" s="358" t="s">
        <v>12933</v>
      </c>
      <c r="E6140" s="358" t="s">
        <v>4337</v>
      </c>
      <c r="F6140" s="358" t="s">
        <v>14497</v>
      </c>
      <c r="G6140" s="358" t="s">
        <v>14481</v>
      </c>
      <c r="H6140" s="358" t="s">
        <v>14381</v>
      </c>
      <c r="I6140" s="358" t="s">
        <v>14481</v>
      </c>
      <c r="J6140" s="358"/>
      <c r="K6140" s="358"/>
      <c r="L6140" s="358" t="s">
        <v>27406</v>
      </c>
    </row>
    <row r="6141" spans="2:12">
      <c r="B6141" s="359"/>
      <c r="C6141" s="359"/>
      <c r="D6141" s="359"/>
      <c r="E6141" s="359"/>
      <c r="F6141" s="360"/>
      <c r="G6141" s="360"/>
      <c r="H6141" s="360"/>
      <c r="I6141" s="360"/>
      <c r="J6141" s="359"/>
      <c r="K6141" s="359"/>
      <c r="L6141" s="359"/>
    </row>
    <row r="6142" spans="2:12" ht="28.5">
      <c r="B6142" s="359"/>
      <c r="C6142" s="359"/>
      <c r="D6142" s="359"/>
      <c r="E6142" s="359"/>
      <c r="F6142" s="359" t="s">
        <v>14460</v>
      </c>
      <c r="G6142" s="359" t="s">
        <v>14519</v>
      </c>
      <c r="H6142" s="359" t="s">
        <v>14370</v>
      </c>
      <c r="I6142" s="359" t="s">
        <v>28681</v>
      </c>
      <c r="J6142" s="359"/>
      <c r="K6142" s="359"/>
      <c r="L6142" s="359"/>
    </row>
    <row r="6143" spans="2:12">
      <c r="B6143" s="359"/>
      <c r="C6143" s="359"/>
      <c r="D6143" s="359"/>
      <c r="E6143" s="359"/>
      <c r="F6143" s="360"/>
      <c r="G6143" s="360"/>
      <c r="H6143" s="360"/>
      <c r="I6143" s="360"/>
      <c r="J6143" s="359"/>
      <c r="K6143" s="359"/>
      <c r="L6143" s="359"/>
    </row>
    <row r="6144" spans="2:12">
      <c r="B6144" s="359"/>
      <c r="C6144" s="359"/>
      <c r="D6144" s="359"/>
      <c r="E6144" s="359"/>
      <c r="F6144" s="359" t="s">
        <v>14371</v>
      </c>
      <c r="G6144" s="359" t="s">
        <v>14372</v>
      </c>
      <c r="H6144" s="359" t="s">
        <v>14332</v>
      </c>
      <c r="I6144" s="360"/>
      <c r="J6144" s="359"/>
      <c r="K6144" s="359"/>
      <c r="L6144" s="359"/>
    </row>
    <row r="6145" spans="2:12">
      <c r="B6145" s="359"/>
      <c r="C6145" s="359"/>
      <c r="D6145" s="359"/>
      <c r="E6145" s="359"/>
      <c r="F6145" s="360"/>
      <c r="G6145" s="360"/>
      <c r="H6145" s="360"/>
      <c r="I6145" s="360"/>
      <c r="J6145" s="359"/>
      <c r="K6145" s="359"/>
      <c r="L6145" s="359"/>
    </row>
    <row r="6146" spans="2:12" ht="28.5">
      <c r="B6146" s="361"/>
      <c r="C6146" s="361"/>
      <c r="D6146" s="361"/>
      <c r="E6146" s="361"/>
      <c r="F6146" s="361" t="s">
        <v>14374</v>
      </c>
      <c r="G6146" s="361" t="s">
        <v>14373</v>
      </c>
      <c r="H6146" s="362"/>
      <c r="I6146" s="362"/>
      <c r="J6146" s="361"/>
      <c r="K6146" s="361"/>
      <c r="L6146" s="361"/>
    </row>
    <row r="6147" spans="2:12">
      <c r="B6147" s="358" t="s">
        <v>12934</v>
      </c>
      <c r="C6147" s="358" t="s">
        <v>17269</v>
      </c>
      <c r="D6147" s="358" t="s">
        <v>12935</v>
      </c>
      <c r="E6147" s="358" t="s">
        <v>4368</v>
      </c>
      <c r="F6147" s="358" t="s">
        <v>14443</v>
      </c>
      <c r="G6147" s="358" t="s">
        <v>14444</v>
      </c>
      <c r="H6147" s="358" t="s">
        <v>14381</v>
      </c>
      <c r="I6147" s="358" t="s">
        <v>14444</v>
      </c>
      <c r="J6147" s="358"/>
      <c r="K6147" s="358"/>
      <c r="L6147" s="358" t="s">
        <v>27406</v>
      </c>
    </row>
    <row r="6148" spans="2:12">
      <c r="B6148" s="359"/>
      <c r="C6148" s="359"/>
      <c r="D6148" s="359"/>
      <c r="E6148" s="359"/>
      <c r="F6148" s="360"/>
      <c r="G6148" s="360"/>
      <c r="H6148" s="360"/>
      <c r="I6148" s="360"/>
      <c r="J6148" s="359"/>
      <c r="K6148" s="359"/>
      <c r="L6148" s="359"/>
    </row>
    <row r="6149" spans="2:12">
      <c r="B6149" s="359"/>
      <c r="C6149" s="359"/>
      <c r="D6149" s="359"/>
      <c r="E6149" s="359"/>
      <c r="F6149" s="359" t="s">
        <v>14497</v>
      </c>
      <c r="G6149" s="359" t="s">
        <v>14481</v>
      </c>
      <c r="H6149" s="359" t="s">
        <v>14370</v>
      </c>
      <c r="I6149" s="359" t="s">
        <v>14481</v>
      </c>
      <c r="J6149" s="359"/>
      <c r="K6149" s="359"/>
      <c r="L6149" s="359"/>
    </row>
    <row r="6150" spans="2:12">
      <c r="B6150" s="359"/>
      <c r="C6150" s="359"/>
      <c r="D6150" s="359"/>
      <c r="E6150" s="359"/>
      <c r="F6150" s="360"/>
      <c r="G6150" s="360"/>
      <c r="H6150" s="360"/>
      <c r="I6150" s="360"/>
      <c r="J6150" s="359"/>
      <c r="K6150" s="359"/>
      <c r="L6150" s="359"/>
    </row>
    <row r="6151" spans="2:12" ht="28.5">
      <c r="B6151" s="359"/>
      <c r="C6151" s="359"/>
      <c r="D6151" s="359"/>
      <c r="E6151" s="359"/>
      <c r="F6151" s="359" t="s">
        <v>14460</v>
      </c>
      <c r="G6151" s="359" t="s">
        <v>14519</v>
      </c>
      <c r="H6151" s="359" t="s">
        <v>14332</v>
      </c>
      <c r="I6151" s="359" t="s">
        <v>28681</v>
      </c>
      <c r="J6151" s="359"/>
      <c r="K6151" s="359"/>
      <c r="L6151" s="359"/>
    </row>
    <row r="6152" spans="2:12">
      <c r="B6152" s="359"/>
      <c r="C6152" s="359"/>
      <c r="D6152" s="359"/>
      <c r="E6152" s="359"/>
      <c r="F6152" s="360"/>
      <c r="G6152" s="360"/>
      <c r="H6152" s="360"/>
      <c r="I6152" s="360"/>
      <c r="J6152" s="359"/>
      <c r="K6152" s="359"/>
      <c r="L6152" s="359"/>
    </row>
    <row r="6153" spans="2:12">
      <c r="B6153" s="359"/>
      <c r="C6153" s="359"/>
      <c r="D6153" s="359"/>
      <c r="E6153" s="359"/>
      <c r="F6153" s="359" t="s">
        <v>14371</v>
      </c>
      <c r="G6153" s="359" t="s">
        <v>14372</v>
      </c>
      <c r="H6153" s="360"/>
      <c r="I6153" s="360"/>
      <c r="J6153" s="359"/>
      <c r="K6153" s="359"/>
      <c r="L6153" s="359"/>
    </row>
    <row r="6154" spans="2:12">
      <c r="B6154" s="359"/>
      <c r="C6154" s="359"/>
      <c r="D6154" s="359"/>
      <c r="E6154" s="359"/>
      <c r="F6154" s="360"/>
      <c r="G6154" s="360"/>
      <c r="H6154" s="360"/>
      <c r="I6154" s="360"/>
      <c r="J6154" s="359"/>
      <c r="K6154" s="359"/>
      <c r="L6154" s="359"/>
    </row>
    <row r="6155" spans="2:12" ht="28.5">
      <c r="B6155" s="361"/>
      <c r="C6155" s="361"/>
      <c r="D6155" s="361"/>
      <c r="E6155" s="361"/>
      <c r="F6155" s="361" t="s">
        <v>14374</v>
      </c>
      <c r="G6155" s="361" t="s">
        <v>14373</v>
      </c>
      <c r="H6155" s="362"/>
      <c r="I6155" s="362"/>
      <c r="J6155" s="361"/>
      <c r="K6155" s="361"/>
      <c r="L6155" s="361"/>
    </row>
    <row r="6156" spans="2:12">
      <c r="B6156" s="358" t="s">
        <v>12937</v>
      </c>
      <c r="C6156" s="358" t="s">
        <v>17270</v>
      </c>
      <c r="D6156" s="358" t="s">
        <v>356</v>
      </c>
      <c r="E6156" s="358" t="s">
        <v>357</v>
      </c>
      <c r="F6156" s="358" t="s">
        <v>14497</v>
      </c>
      <c r="G6156" s="358" t="s">
        <v>14481</v>
      </c>
      <c r="H6156" s="358" t="s">
        <v>14381</v>
      </c>
      <c r="I6156" s="358" t="s">
        <v>14481</v>
      </c>
      <c r="J6156" s="358"/>
      <c r="K6156" s="358"/>
      <c r="L6156" s="358" t="s">
        <v>27406</v>
      </c>
    </row>
    <row r="6157" spans="2:12">
      <c r="B6157" s="359"/>
      <c r="C6157" s="359"/>
      <c r="D6157" s="359"/>
      <c r="E6157" s="359"/>
      <c r="F6157" s="360"/>
      <c r="G6157" s="360"/>
      <c r="H6157" s="360"/>
      <c r="I6157" s="360"/>
      <c r="J6157" s="359"/>
      <c r="K6157" s="359"/>
      <c r="L6157" s="359"/>
    </row>
    <row r="6158" spans="2:12">
      <c r="B6158" s="359"/>
      <c r="C6158" s="359"/>
      <c r="D6158" s="359"/>
      <c r="E6158" s="359"/>
      <c r="F6158" s="359" t="s">
        <v>14420</v>
      </c>
      <c r="G6158" s="359" t="s">
        <v>14459</v>
      </c>
      <c r="H6158" s="359" t="s">
        <v>14341</v>
      </c>
      <c r="I6158" s="359" t="s">
        <v>14459</v>
      </c>
      <c r="J6158" s="359"/>
      <c r="K6158" s="359"/>
      <c r="L6158" s="359"/>
    </row>
    <row r="6159" spans="2:12">
      <c r="B6159" s="359"/>
      <c r="C6159" s="359"/>
      <c r="D6159" s="359"/>
      <c r="E6159" s="359"/>
      <c r="F6159" s="360"/>
      <c r="G6159" s="360"/>
      <c r="H6159" s="360"/>
      <c r="I6159" s="360"/>
      <c r="J6159" s="359"/>
      <c r="K6159" s="359"/>
      <c r="L6159" s="359"/>
    </row>
    <row r="6160" spans="2:12">
      <c r="B6160" s="359"/>
      <c r="C6160" s="359"/>
      <c r="D6160" s="359"/>
      <c r="E6160" s="359"/>
      <c r="F6160" s="359" t="s">
        <v>14420</v>
      </c>
      <c r="G6160" s="359" t="s">
        <v>14429</v>
      </c>
      <c r="H6160" s="359" t="s">
        <v>14367</v>
      </c>
      <c r="I6160" s="359" t="s">
        <v>14429</v>
      </c>
      <c r="J6160" s="359"/>
      <c r="K6160" s="359"/>
      <c r="L6160" s="359"/>
    </row>
    <row r="6161" spans="2:12">
      <c r="B6161" s="359"/>
      <c r="C6161" s="359"/>
      <c r="D6161" s="359"/>
      <c r="E6161" s="359"/>
      <c r="F6161" s="360"/>
      <c r="G6161" s="360"/>
      <c r="H6161" s="360"/>
      <c r="I6161" s="360"/>
      <c r="J6161" s="359"/>
      <c r="K6161" s="359"/>
      <c r="L6161" s="359"/>
    </row>
    <row r="6162" spans="2:12" ht="28.5">
      <c r="B6162" s="359"/>
      <c r="C6162" s="359"/>
      <c r="D6162" s="359"/>
      <c r="E6162" s="359"/>
      <c r="F6162" s="359" t="s">
        <v>14460</v>
      </c>
      <c r="G6162" s="359" t="s">
        <v>14519</v>
      </c>
      <c r="H6162" s="359" t="s">
        <v>14332</v>
      </c>
      <c r="I6162" s="359" t="s">
        <v>28851</v>
      </c>
      <c r="J6162" s="359"/>
      <c r="K6162" s="359"/>
      <c r="L6162" s="359"/>
    </row>
    <row r="6163" spans="2:12">
      <c r="B6163" s="359"/>
      <c r="C6163" s="359"/>
      <c r="D6163" s="359"/>
      <c r="E6163" s="359"/>
      <c r="F6163" s="360"/>
      <c r="G6163" s="360"/>
      <c r="H6163" s="360"/>
      <c r="I6163" s="360"/>
      <c r="J6163" s="359"/>
      <c r="K6163" s="359"/>
      <c r="L6163" s="359"/>
    </row>
    <row r="6164" spans="2:12">
      <c r="B6164" s="359"/>
      <c r="C6164" s="359"/>
      <c r="D6164" s="359"/>
      <c r="E6164" s="359"/>
      <c r="F6164" s="359" t="s">
        <v>14389</v>
      </c>
      <c r="G6164" s="359" t="s">
        <v>14390</v>
      </c>
      <c r="H6164" s="360"/>
      <c r="I6164" s="359" t="s">
        <v>14431</v>
      </c>
      <c r="J6164" s="359"/>
      <c r="K6164" s="359"/>
      <c r="L6164" s="359"/>
    </row>
    <row r="6165" spans="2:12">
      <c r="B6165" s="359"/>
      <c r="C6165" s="359"/>
      <c r="D6165" s="359"/>
      <c r="E6165" s="359"/>
      <c r="F6165" s="360"/>
      <c r="G6165" s="360"/>
      <c r="H6165" s="360"/>
      <c r="I6165" s="360"/>
      <c r="J6165" s="359"/>
      <c r="K6165" s="359"/>
      <c r="L6165" s="359"/>
    </row>
    <row r="6166" spans="2:12">
      <c r="B6166" s="361"/>
      <c r="C6166" s="361"/>
      <c r="D6166" s="361"/>
      <c r="E6166" s="361"/>
      <c r="F6166" s="361" t="s">
        <v>14430</v>
      </c>
      <c r="G6166" s="361" t="s">
        <v>14431</v>
      </c>
      <c r="H6166" s="362"/>
      <c r="I6166" s="362"/>
      <c r="J6166" s="361"/>
      <c r="K6166" s="361"/>
      <c r="L6166" s="361"/>
    </row>
    <row r="6167" spans="2:12">
      <c r="B6167" s="358" t="s">
        <v>10263</v>
      </c>
      <c r="C6167" s="358" t="s">
        <v>28852</v>
      </c>
      <c r="D6167" s="358" t="s">
        <v>519</v>
      </c>
      <c r="E6167" s="358" t="s">
        <v>520</v>
      </c>
      <c r="F6167" s="358" t="s">
        <v>14376</v>
      </c>
      <c r="G6167" s="358" t="s">
        <v>14669</v>
      </c>
      <c r="H6167" s="358" t="s">
        <v>14381</v>
      </c>
      <c r="I6167" s="358" t="s">
        <v>14669</v>
      </c>
      <c r="J6167" s="358"/>
      <c r="K6167" s="358"/>
      <c r="L6167" s="358" t="s">
        <v>27406</v>
      </c>
    </row>
    <row r="6168" spans="2:12">
      <c r="B6168" s="359"/>
      <c r="C6168" s="360"/>
      <c r="D6168" s="359"/>
      <c r="E6168" s="359"/>
      <c r="F6168" s="360"/>
      <c r="G6168" s="360"/>
      <c r="H6168" s="360"/>
      <c r="I6168" s="360"/>
      <c r="J6168" s="359"/>
      <c r="K6168" s="359"/>
      <c r="L6168" s="359"/>
    </row>
    <row r="6169" spans="2:12" ht="28.5">
      <c r="B6169" s="359"/>
      <c r="C6169" s="359" t="s">
        <v>10262</v>
      </c>
      <c r="D6169" s="359"/>
      <c r="E6169" s="359"/>
      <c r="F6169" s="359" t="s">
        <v>14497</v>
      </c>
      <c r="G6169" s="359" t="s">
        <v>28850</v>
      </c>
      <c r="H6169" s="359" t="s">
        <v>14370</v>
      </c>
      <c r="I6169" s="359" t="s">
        <v>28850</v>
      </c>
      <c r="J6169" s="359"/>
      <c r="K6169" s="359"/>
      <c r="L6169" s="359"/>
    </row>
    <row r="6170" spans="2:12">
      <c r="B6170" s="359"/>
      <c r="C6170" s="360"/>
      <c r="D6170" s="359"/>
      <c r="E6170" s="359"/>
      <c r="F6170" s="360"/>
      <c r="G6170" s="360"/>
      <c r="H6170" s="360"/>
      <c r="I6170" s="360"/>
      <c r="J6170" s="359"/>
      <c r="K6170" s="359"/>
      <c r="L6170" s="359"/>
    </row>
    <row r="6171" spans="2:12">
      <c r="B6171" s="359"/>
      <c r="C6171" s="360"/>
      <c r="D6171" s="359"/>
      <c r="E6171" s="359"/>
      <c r="F6171" s="359" t="s">
        <v>16919</v>
      </c>
      <c r="G6171" s="359" t="s">
        <v>14372</v>
      </c>
      <c r="H6171" s="359" t="s">
        <v>14332</v>
      </c>
      <c r="I6171" s="359" t="s">
        <v>14373</v>
      </c>
      <c r="J6171" s="359"/>
      <c r="K6171" s="359"/>
      <c r="L6171" s="359"/>
    </row>
    <row r="6172" spans="2:12">
      <c r="B6172" s="359"/>
      <c r="C6172" s="360"/>
      <c r="D6172" s="359"/>
      <c r="E6172" s="359"/>
      <c r="F6172" s="360"/>
      <c r="G6172" s="360"/>
      <c r="H6172" s="360"/>
      <c r="I6172" s="360"/>
      <c r="J6172" s="359"/>
      <c r="K6172" s="359"/>
      <c r="L6172" s="359"/>
    </row>
    <row r="6173" spans="2:12">
      <c r="B6173" s="359"/>
      <c r="C6173" s="360"/>
      <c r="D6173" s="359"/>
      <c r="E6173" s="359"/>
      <c r="F6173" s="359" t="s">
        <v>14371</v>
      </c>
      <c r="G6173" s="359" t="s">
        <v>14373</v>
      </c>
      <c r="H6173" s="360"/>
      <c r="I6173" s="360"/>
      <c r="J6173" s="359"/>
      <c r="K6173" s="359"/>
      <c r="L6173" s="359"/>
    </row>
    <row r="6174" spans="2:12">
      <c r="B6174" s="359"/>
      <c r="C6174" s="360"/>
      <c r="D6174" s="359"/>
      <c r="E6174" s="359"/>
      <c r="F6174" s="360"/>
      <c r="G6174" s="360"/>
      <c r="H6174" s="360"/>
      <c r="I6174" s="360"/>
      <c r="J6174" s="359"/>
      <c r="K6174" s="359"/>
      <c r="L6174" s="359"/>
    </row>
    <row r="6175" spans="2:12" ht="28.5">
      <c r="B6175" s="361"/>
      <c r="C6175" s="362"/>
      <c r="D6175" s="361"/>
      <c r="E6175" s="361"/>
      <c r="F6175" s="361" t="s">
        <v>14374</v>
      </c>
      <c r="G6175" s="362"/>
      <c r="H6175" s="362"/>
      <c r="I6175" s="362"/>
      <c r="J6175" s="361"/>
      <c r="K6175" s="361"/>
      <c r="L6175" s="361"/>
    </row>
    <row r="6176" spans="2:12" ht="28.5">
      <c r="B6176" s="358" t="s">
        <v>10267</v>
      </c>
      <c r="C6176" s="358" t="s">
        <v>28853</v>
      </c>
      <c r="D6176" s="358" t="s">
        <v>516</v>
      </c>
      <c r="E6176" s="358" t="s">
        <v>517</v>
      </c>
      <c r="F6176" s="358" t="s">
        <v>14376</v>
      </c>
      <c r="G6176" s="358" t="s">
        <v>14669</v>
      </c>
      <c r="H6176" s="358" t="s">
        <v>14381</v>
      </c>
      <c r="I6176" s="358" t="s">
        <v>14669</v>
      </c>
      <c r="J6176" s="358"/>
      <c r="K6176" s="358"/>
      <c r="L6176" s="358" t="s">
        <v>27406</v>
      </c>
    </row>
    <row r="6177" spans="2:12">
      <c r="B6177" s="359"/>
      <c r="C6177" s="360"/>
      <c r="D6177" s="359"/>
      <c r="E6177" s="359"/>
      <c r="F6177" s="360"/>
      <c r="G6177" s="360"/>
      <c r="H6177" s="360"/>
      <c r="I6177" s="360"/>
      <c r="J6177" s="359"/>
      <c r="K6177" s="359"/>
      <c r="L6177" s="359"/>
    </row>
    <row r="6178" spans="2:12" ht="28.5">
      <c r="B6178" s="359"/>
      <c r="C6178" s="359" t="s">
        <v>10266</v>
      </c>
      <c r="D6178" s="359"/>
      <c r="E6178" s="359"/>
      <c r="F6178" s="359" t="s">
        <v>14497</v>
      </c>
      <c r="G6178" s="359" t="s">
        <v>28850</v>
      </c>
      <c r="H6178" s="359" t="s">
        <v>14370</v>
      </c>
      <c r="I6178" s="359" t="s">
        <v>28850</v>
      </c>
      <c r="J6178" s="359"/>
      <c r="K6178" s="359"/>
      <c r="L6178" s="359"/>
    </row>
    <row r="6179" spans="2:12">
      <c r="B6179" s="359"/>
      <c r="C6179" s="360"/>
      <c r="D6179" s="359"/>
      <c r="E6179" s="359"/>
      <c r="F6179" s="360"/>
      <c r="G6179" s="360"/>
      <c r="H6179" s="360"/>
      <c r="I6179" s="360"/>
      <c r="J6179" s="359"/>
      <c r="K6179" s="359"/>
      <c r="L6179" s="359"/>
    </row>
    <row r="6180" spans="2:12">
      <c r="B6180" s="359"/>
      <c r="C6180" s="360"/>
      <c r="D6180" s="359"/>
      <c r="E6180" s="359"/>
      <c r="F6180" s="359" t="s">
        <v>16919</v>
      </c>
      <c r="G6180" s="359" t="s">
        <v>14372</v>
      </c>
      <c r="H6180" s="359" t="s">
        <v>14332</v>
      </c>
      <c r="I6180" s="359" t="s">
        <v>14373</v>
      </c>
      <c r="J6180" s="359"/>
      <c r="K6180" s="359"/>
      <c r="L6180" s="359"/>
    </row>
    <row r="6181" spans="2:12">
      <c r="B6181" s="359"/>
      <c r="C6181" s="360"/>
      <c r="D6181" s="359"/>
      <c r="E6181" s="359"/>
      <c r="F6181" s="360"/>
      <c r="G6181" s="360"/>
      <c r="H6181" s="360"/>
      <c r="I6181" s="360"/>
      <c r="J6181" s="359"/>
      <c r="K6181" s="359"/>
      <c r="L6181" s="359"/>
    </row>
    <row r="6182" spans="2:12">
      <c r="B6182" s="359"/>
      <c r="C6182" s="360"/>
      <c r="D6182" s="359"/>
      <c r="E6182" s="359"/>
      <c r="F6182" s="359" t="s">
        <v>14371</v>
      </c>
      <c r="G6182" s="359" t="s">
        <v>14373</v>
      </c>
      <c r="H6182" s="360"/>
      <c r="I6182" s="360"/>
      <c r="J6182" s="359"/>
      <c r="K6182" s="359"/>
      <c r="L6182" s="359"/>
    </row>
    <row r="6183" spans="2:12">
      <c r="B6183" s="359"/>
      <c r="C6183" s="360"/>
      <c r="D6183" s="359"/>
      <c r="E6183" s="359"/>
      <c r="F6183" s="360"/>
      <c r="G6183" s="360"/>
      <c r="H6183" s="360"/>
      <c r="I6183" s="360"/>
      <c r="J6183" s="359"/>
      <c r="K6183" s="359"/>
      <c r="L6183" s="359"/>
    </row>
    <row r="6184" spans="2:12" ht="28.5">
      <c r="B6184" s="361"/>
      <c r="C6184" s="362"/>
      <c r="D6184" s="361"/>
      <c r="E6184" s="361"/>
      <c r="F6184" s="361" t="s">
        <v>14374</v>
      </c>
      <c r="G6184" s="362"/>
      <c r="H6184" s="362"/>
      <c r="I6184" s="362"/>
      <c r="J6184" s="361"/>
      <c r="K6184" s="361"/>
      <c r="L6184" s="361"/>
    </row>
    <row r="6185" spans="2:12">
      <c r="B6185" s="358" t="s">
        <v>9492</v>
      </c>
      <c r="C6185" s="358" t="s">
        <v>17271</v>
      </c>
      <c r="D6185" s="358" t="s">
        <v>564</v>
      </c>
      <c r="E6185" s="358" t="s">
        <v>565</v>
      </c>
      <c r="F6185" s="358" t="s">
        <v>16528</v>
      </c>
      <c r="G6185" s="358" t="s">
        <v>14669</v>
      </c>
      <c r="H6185" s="358" t="s">
        <v>14378</v>
      </c>
      <c r="I6185" s="358" t="s">
        <v>14669</v>
      </c>
      <c r="J6185" s="358"/>
      <c r="K6185" s="358"/>
      <c r="L6185" s="358" t="s">
        <v>27406</v>
      </c>
    </row>
    <row r="6186" spans="2:12">
      <c r="B6186" s="359"/>
      <c r="C6186" s="359"/>
      <c r="D6186" s="359"/>
      <c r="E6186" s="359"/>
      <c r="F6186" s="360"/>
      <c r="G6186" s="360"/>
      <c r="H6186" s="360"/>
      <c r="I6186" s="360"/>
      <c r="J6186" s="359"/>
      <c r="K6186" s="359"/>
      <c r="L6186" s="359"/>
    </row>
    <row r="6187" spans="2:12">
      <c r="B6187" s="359"/>
      <c r="C6187" s="359"/>
      <c r="D6187" s="359"/>
      <c r="E6187" s="359"/>
      <c r="F6187" s="359" t="s">
        <v>14497</v>
      </c>
      <c r="G6187" s="359" t="s">
        <v>14481</v>
      </c>
      <c r="H6187" s="359" t="s">
        <v>14381</v>
      </c>
      <c r="I6187" s="359" t="s">
        <v>14481</v>
      </c>
      <c r="J6187" s="359"/>
      <c r="K6187" s="359"/>
      <c r="L6187" s="359"/>
    </row>
    <row r="6188" spans="2:12">
      <c r="B6188" s="359"/>
      <c r="C6188" s="359"/>
      <c r="D6188" s="359"/>
      <c r="E6188" s="359"/>
      <c r="F6188" s="360"/>
      <c r="G6188" s="360"/>
      <c r="H6188" s="360"/>
      <c r="I6188" s="360"/>
      <c r="J6188" s="359"/>
      <c r="K6188" s="359"/>
      <c r="L6188" s="359"/>
    </row>
    <row r="6189" spans="2:12">
      <c r="B6189" s="359"/>
      <c r="C6189" s="359"/>
      <c r="D6189" s="359"/>
      <c r="E6189" s="359"/>
      <c r="F6189" s="359" t="s">
        <v>14382</v>
      </c>
      <c r="G6189" s="359" t="s">
        <v>14483</v>
      </c>
      <c r="H6189" s="359" t="s">
        <v>14370</v>
      </c>
      <c r="I6189" s="359" t="s">
        <v>14483</v>
      </c>
      <c r="J6189" s="359"/>
      <c r="K6189" s="359"/>
      <c r="L6189" s="359"/>
    </row>
    <row r="6190" spans="2:12">
      <c r="B6190" s="359"/>
      <c r="C6190" s="359"/>
      <c r="D6190" s="359"/>
      <c r="E6190" s="359"/>
      <c r="F6190" s="360"/>
      <c r="G6190" s="360"/>
      <c r="H6190" s="360"/>
      <c r="I6190" s="360"/>
      <c r="J6190" s="359"/>
      <c r="K6190" s="359"/>
      <c r="L6190" s="359"/>
    </row>
    <row r="6191" spans="2:12">
      <c r="B6191" s="359"/>
      <c r="C6191" s="359"/>
      <c r="D6191" s="359"/>
      <c r="E6191" s="359"/>
      <c r="F6191" s="359" t="s">
        <v>14382</v>
      </c>
      <c r="G6191" s="359" t="s">
        <v>14383</v>
      </c>
      <c r="H6191" s="359" t="s">
        <v>14332</v>
      </c>
      <c r="I6191" s="359" t="s">
        <v>14383</v>
      </c>
      <c r="J6191" s="359"/>
      <c r="K6191" s="359"/>
      <c r="L6191" s="359"/>
    </row>
    <row r="6192" spans="2:12">
      <c r="B6192" s="359"/>
      <c r="C6192" s="359"/>
      <c r="D6192" s="359"/>
      <c r="E6192" s="359"/>
      <c r="F6192" s="360"/>
      <c r="G6192" s="360"/>
      <c r="H6192" s="360"/>
      <c r="I6192" s="360"/>
      <c r="J6192" s="359"/>
      <c r="K6192" s="359"/>
      <c r="L6192" s="359"/>
    </row>
    <row r="6193" spans="2:12" ht="28.5">
      <c r="B6193" s="359"/>
      <c r="C6193" s="359"/>
      <c r="D6193" s="359"/>
      <c r="E6193" s="359"/>
      <c r="F6193" s="359" t="s">
        <v>14460</v>
      </c>
      <c r="G6193" s="359" t="s">
        <v>14519</v>
      </c>
      <c r="H6193" s="360"/>
      <c r="I6193" s="359" t="s">
        <v>28681</v>
      </c>
      <c r="J6193" s="359"/>
      <c r="K6193" s="359"/>
      <c r="L6193" s="359"/>
    </row>
    <row r="6194" spans="2:12">
      <c r="B6194" s="359"/>
      <c r="C6194" s="359"/>
      <c r="D6194" s="359"/>
      <c r="E6194" s="359"/>
      <c r="F6194" s="360"/>
      <c r="G6194" s="360"/>
      <c r="H6194" s="360"/>
      <c r="I6194" s="360"/>
      <c r="J6194" s="359"/>
      <c r="K6194" s="359"/>
      <c r="L6194" s="359"/>
    </row>
    <row r="6195" spans="2:12">
      <c r="B6195" s="359"/>
      <c r="C6195" s="359"/>
      <c r="D6195" s="359"/>
      <c r="E6195" s="359"/>
      <c r="F6195" s="359" t="s">
        <v>14371</v>
      </c>
      <c r="G6195" s="359" t="s">
        <v>14372</v>
      </c>
      <c r="H6195" s="360"/>
      <c r="I6195" s="360"/>
      <c r="J6195" s="359"/>
      <c r="K6195" s="359"/>
      <c r="L6195" s="359"/>
    </row>
    <row r="6196" spans="2:12">
      <c r="B6196" s="359"/>
      <c r="C6196" s="359"/>
      <c r="D6196" s="359"/>
      <c r="E6196" s="359"/>
      <c r="F6196" s="360"/>
      <c r="G6196" s="360"/>
      <c r="H6196" s="360"/>
      <c r="I6196" s="360"/>
      <c r="J6196" s="359"/>
      <c r="K6196" s="359"/>
      <c r="L6196" s="359"/>
    </row>
    <row r="6197" spans="2:12" ht="28.5">
      <c r="B6197" s="361"/>
      <c r="C6197" s="361"/>
      <c r="D6197" s="361"/>
      <c r="E6197" s="361"/>
      <c r="F6197" s="361" t="s">
        <v>14374</v>
      </c>
      <c r="G6197" s="361" t="s">
        <v>14373</v>
      </c>
      <c r="H6197" s="362"/>
      <c r="I6197" s="362"/>
      <c r="J6197" s="361"/>
      <c r="K6197" s="361"/>
      <c r="L6197" s="361"/>
    </row>
    <row r="6198" spans="2:12" ht="28.5">
      <c r="B6198" s="358" t="s">
        <v>17272</v>
      </c>
      <c r="C6198" s="358" t="s">
        <v>17273</v>
      </c>
      <c r="D6198" s="358" t="s">
        <v>17274</v>
      </c>
      <c r="E6198" s="358" t="s">
        <v>17275</v>
      </c>
      <c r="F6198" s="358" t="s">
        <v>14420</v>
      </c>
      <c r="G6198" s="358" t="s">
        <v>14429</v>
      </c>
      <c r="H6198" s="358" t="s">
        <v>14381</v>
      </c>
      <c r="I6198" s="358" t="s">
        <v>14429</v>
      </c>
      <c r="J6198" s="358"/>
      <c r="K6198" s="358"/>
      <c r="L6198" s="358"/>
    </row>
    <row r="6199" spans="2:12">
      <c r="B6199" s="359"/>
      <c r="C6199" s="359"/>
      <c r="D6199" s="359"/>
      <c r="E6199" s="359"/>
      <c r="F6199" s="360"/>
      <c r="G6199" s="360"/>
      <c r="H6199" s="360"/>
      <c r="I6199" s="360"/>
      <c r="J6199" s="359"/>
      <c r="K6199" s="359"/>
      <c r="L6199" s="359"/>
    </row>
    <row r="6200" spans="2:12">
      <c r="B6200" s="359"/>
      <c r="C6200" s="359"/>
      <c r="D6200" s="359"/>
      <c r="E6200" s="359"/>
      <c r="F6200" s="359" t="s">
        <v>14460</v>
      </c>
      <c r="G6200" s="359" t="s">
        <v>14461</v>
      </c>
      <c r="H6200" s="359" t="s">
        <v>14367</v>
      </c>
      <c r="I6200" s="359" t="s">
        <v>14461</v>
      </c>
      <c r="J6200" s="359"/>
      <c r="K6200" s="359"/>
      <c r="L6200" s="359"/>
    </row>
    <row r="6201" spans="2:12">
      <c r="B6201" s="359"/>
      <c r="C6201" s="359"/>
      <c r="D6201" s="359"/>
      <c r="E6201" s="359"/>
      <c r="F6201" s="360"/>
      <c r="G6201" s="360"/>
      <c r="H6201" s="360"/>
      <c r="I6201" s="360"/>
      <c r="J6201" s="359"/>
      <c r="K6201" s="359"/>
      <c r="L6201" s="359"/>
    </row>
    <row r="6202" spans="2:12" ht="28.5">
      <c r="B6202" s="359"/>
      <c r="C6202" s="359"/>
      <c r="D6202" s="359"/>
      <c r="E6202" s="359"/>
      <c r="F6202" s="359" t="s">
        <v>14394</v>
      </c>
      <c r="G6202" s="359" t="s">
        <v>14395</v>
      </c>
      <c r="H6202" s="359" t="s">
        <v>14370</v>
      </c>
      <c r="I6202" s="359" t="s">
        <v>14395</v>
      </c>
      <c r="J6202" s="359"/>
      <c r="K6202" s="359"/>
      <c r="L6202" s="359"/>
    </row>
    <row r="6203" spans="2:12">
      <c r="B6203" s="359"/>
      <c r="C6203" s="359"/>
      <c r="D6203" s="359"/>
      <c r="E6203" s="359"/>
      <c r="F6203" s="360"/>
      <c r="G6203" s="360"/>
      <c r="H6203" s="360"/>
      <c r="I6203" s="360"/>
      <c r="J6203" s="359"/>
      <c r="K6203" s="359"/>
      <c r="L6203" s="359"/>
    </row>
    <row r="6204" spans="2:12">
      <c r="B6204" s="361"/>
      <c r="C6204" s="361"/>
      <c r="D6204" s="361"/>
      <c r="E6204" s="361"/>
      <c r="F6204" s="362"/>
      <c r="G6204" s="362"/>
      <c r="H6204" s="361" t="s">
        <v>14422</v>
      </c>
      <c r="I6204" s="362"/>
      <c r="J6204" s="361"/>
      <c r="K6204" s="361"/>
      <c r="L6204" s="361"/>
    </row>
    <row r="6205" spans="2:12">
      <c r="B6205" s="354" t="s">
        <v>14492</v>
      </c>
      <c r="C6205" s="355"/>
      <c r="D6205" s="355"/>
      <c r="E6205" s="355"/>
      <c r="F6205" s="355"/>
      <c r="G6205" s="355"/>
      <c r="H6205" s="355"/>
      <c r="I6205" s="355"/>
      <c r="J6205" s="355"/>
      <c r="K6205" s="355"/>
      <c r="L6205" s="363"/>
    </row>
    <row r="6206" spans="2:12" ht="42.75">
      <c r="B6206" s="358" t="s">
        <v>13739</v>
      </c>
      <c r="C6206" s="358" t="s">
        <v>17276</v>
      </c>
      <c r="D6206" s="358" t="s">
        <v>13740</v>
      </c>
      <c r="E6206" s="358" t="s">
        <v>4145</v>
      </c>
      <c r="F6206" s="358" t="s">
        <v>14497</v>
      </c>
      <c r="G6206" s="358" t="s">
        <v>14425</v>
      </c>
      <c r="H6206" s="358" t="s">
        <v>14381</v>
      </c>
      <c r="I6206" s="358" t="s">
        <v>14425</v>
      </c>
      <c r="J6206" s="358"/>
      <c r="K6206" s="358" t="s">
        <v>28854</v>
      </c>
      <c r="L6206" s="358"/>
    </row>
    <row r="6207" spans="2:12">
      <c r="B6207" s="359"/>
      <c r="C6207" s="360"/>
      <c r="D6207" s="359"/>
      <c r="E6207" s="359"/>
      <c r="F6207" s="360"/>
      <c r="G6207" s="360"/>
      <c r="H6207" s="360"/>
      <c r="I6207" s="360"/>
      <c r="J6207" s="359"/>
      <c r="K6207" s="359"/>
      <c r="L6207" s="359"/>
    </row>
    <row r="6208" spans="2:12">
      <c r="B6208" s="361"/>
      <c r="C6208" s="361" t="s">
        <v>14166</v>
      </c>
      <c r="D6208" s="361"/>
      <c r="E6208" s="361"/>
      <c r="F6208" s="361" t="s">
        <v>17277</v>
      </c>
      <c r="G6208" s="361" t="s">
        <v>17278</v>
      </c>
      <c r="H6208" s="361" t="s">
        <v>14332</v>
      </c>
      <c r="I6208" s="361" t="s">
        <v>17278</v>
      </c>
      <c r="J6208" s="361"/>
      <c r="K6208" s="361"/>
      <c r="L6208" s="361"/>
    </row>
    <row r="6209" spans="2:12">
      <c r="B6209" s="358" t="s">
        <v>13741</v>
      </c>
      <c r="C6209" s="358" t="s">
        <v>17279</v>
      </c>
      <c r="D6209" s="358" t="s">
        <v>13740</v>
      </c>
      <c r="E6209" s="358" t="s">
        <v>4145</v>
      </c>
      <c r="F6209" s="358" t="s">
        <v>14497</v>
      </c>
      <c r="G6209" s="358" t="s">
        <v>14425</v>
      </c>
      <c r="H6209" s="358" t="s">
        <v>14381</v>
      </c>
      <c r="I6209" s="358" t="s">
        <v>14425</v>
      </c>
      <c r="J6209" s="358"/>
      <c r="K6209" s="358"/>
      <c r="L6209" s="358"/>
    </row>
    <row r="6210" spans="2:12">
      <c r="B6210" s="359"/>
      <c r="C6210" s="360"/>
      <c r="D6210" s="359"/>
      <c r="E6210" s="359"/>
      <c r="F6210" s="360"/>
      <c r="G6210" s="360"/>
      <c r="H6210" s="360"/>
      <c r="I6210" s="360"/>
      <c r="J6210" s="359"/>
      <c r="K6210" s="359"/>
      <c r="L6210" s="359"/>
    </row>
    <row r="6211" spans="2:12">
      <c r="B6211" s="361"/>
      <c r="C6211" s="361" t="s">
        <v>28855</v>
      </c>
      <c r="D6211" s="361"/>
      <c r="E6211" s="361"/>
      <c r="F6211" s="361" t="s">
        <v>17277</v>
      </c>
      <c r="G6211" s="361" t="s">
        <v>17278</v>
      </c>
      <c r="H6211" s="361" t="s">
        <v>14332</v>
      </c>
      <c r="I6211" s="361" t="s">
        <v>17278</v>
      </c>
      <c r="J6211" s="361"/>
      <c r="K6211" s="361"/>
      <c r="L6211" s="361"/>
    </row>
    <row r="6212" spans="2:12">
      <c r="B6212" s="354" t="s">
        <v>28528</v>
      </c>
      <c r="C6212" s="355"/>
      <c r="D6212" s="355"/>
      <c r="E6212" s="355"/>
      <c r="F6212" s="355"/>
      <c r="G6212" s="355"/>
      <c r="H6212" s="355"/>
      <c r="I6212" s="355"/>
      <c r="J6212" s="355"/>
      <c r="K6212" s="355"/>
      <c r="L6212" s="363"/>
    </row>
    <row r="6213" spans="2:12">
      <c r="B6213" s="358" t="s">
        <v>17280</v>
      </c>
      <c r="C6213" s="358" t="s">
        <v>17281</v>
      </c>
      <c r="D6213" s="358" t="s">
        <v>17282</v>
      </c>
      <c r="E6213" s="358" t="s">
        <v>6499</v>
      </c>
      <c r="F6213" s="358" t="s">
        <v>14379</v>
      </c>
      <c r="G6213" s="358" t="s">
        <v>14380</v>
      </c>
      <c r="H6213" s="358" t="s">
        <v>14378</v>
      </c>
      <c r="I6213" s="358" t="s">
        <v>14380</v>
      </c>
      <c r="J6213" s="358"/>
      <c r="K6213" s="358"/>
      <c r="L6213" s="358"/>
    </row>
    <row r="6214" spans="2:12">
      <c r="B6214" s="359"/>
      <c r="C6214" s="359"/>
      <c r="D6214" s="359"/>
      <c r="E6214" s="359"/>
      <c r="F6214" s="360"/>
      <c r="G6214" s="360"/>
      <c r="H6214" s="360"/>
      <c r="I6214" s="360"/>
      <c r="J6214" s="359"/>
      <c r="K6214" s="359"/>
      <c r="L6214" s="359"/>
    </row>
    <row r="6215" spans="2:12">
      <c r="B6215" s="359"/>
      <c r="C6215" s="359"/>
      <c r="D6215" s="359"/>
      <c r="E6215" s="359"/>
      <c r="F6215" s="359" t="s">
        <v>14379</v>
      </c>
      <c r="G6215" s="359" t="s">
        <v>14405</v>
      </c>
      <c r="H6215" s="359" t="s">
        <v>14381</v>
      </c>
      <c r="I6215" s="359" t="s">
        <v>14405</v>
      </c>
      <c r="J6215" s="359"/>
      <c r="K6215" s="359"/>
      <c r="L6215" s="359"/>
    </row>
    <row r="6216" spans="2:12">
      <c r="B6216" s="359"/>
      <c r="C6216" s="359"/>
      <c r="D6216" s="359"/>
      <c r="E6216" s="359"/>
      <c r="F6216" s="360"/>
      <c r="G6216" s="360"/>
      <c r="H6216" s="360"/>
      <c r="I6216" s="360"/>
      <c r="J6216" s="359"/>
      <c r="K6216" s="359"/>
      <c r="L6216" s="359"/>
    </row>
    <row r="6217" spans="2:12" ht="28.5">
      <c r="B6217" s="359"/>
      <c r="C6217" s="359"/>
      <c r="D6217" s="359"/>
      <c r="E6217" s="359"/>
      <c r="F6217" s="359" t="s">
        <v>14460</v>
      </c>
      <c r="G6217" s="359" t="s">
        <v>14519</v>
      </c>
      <c r="H6217" s="359" t="s">
        <v>14332</v>
      </c>
      <c r="I6217" s="359" t="s">
        <v>28791</v>
      </c>
      <c r="J6217" s="359"/>
      <c r="K6217" s="359"/>
      <c r="L6217" s="359"/>
    </row>
    <row r="6218" spans="2:12">
      <c r="B6218" s="359"/>
      <c r="C6218" s="359"/>
      <c r="D6218" s="359"/>
      <c r="E6218" s="359"/>
      <c r="F6218" s="360"/>
      <c r="G6218" s="360"/>
      <c r="H6218" s="360"/>
      <c r="I6218" s="360"/>
      <c r="J6218" s="359"/>
      <c r="K6218" s="359"/>
      <c r="L6218" s="359"/>
    </row>
    <row r="6219" spans="2:12" ht="28.5">
      <c r="B6219" s="361"/>
      <c r="C6219" s="361"/>
      <c r="D6219" s="361"/>
      <c r="E6219" s="361"/>
      <c r="F6219" s="361" t="s">
        <v>14462</v>
      </c>
      <c r="G6219" s="361" t="s">
        <v>14463</v>
      </c>
      <c r="H6219" s="362"/>
      <c r="I6219" s="362"/>
      <c r="J6219" s="361"/>
      <c r="K6219" s="361"/>
      <c r="L6219" s="361"/>
    </row>
    <row r="6220" spans="2:12" ht="28.5">
      <c r="B6220" s="358" t="s">
        <v>17283</v>
      </c>
      <c r="C6220" s="358" t="s">
        <v>17284</v>
      </c>
      <c r="D6220" s="358" t="s">
        <v>8356</v>
      </c>
      <c r="E6220" s="358" t="s">
        <v>8356</v>
      </c>
      <c r="F6220" s="358" t="s">
        <v>14379</v>
      </c>
      <c r="G6220" s="358" t="s">
        <v>14380</v>
      </c>
      <c r="H6220" s="358" t="s">
        <v>14378</v>
      </c>
      <c r="I6220" s="358" t="s">
        <v>14380</v>
      </c>
      <c r="J6220" s="358"/>
      <c r="K6220" s="358"/>
      <c r="L6220" s="358" t="s">
        <v>9491</v>
      </c>
    </row>
    <row r="6221" spans="2:12">
      <c r="B6221" s="359"/>
      <c r="C6221" s="359"/>
      <c r="D6221" s="359"/>
      <c r="E6221" s="359"/>
      <c r="F6221" s="360"/>
      <c r="G6221" s="360"/>
      <c r="H6221" s="360"/>
      <c r="I6221" s="360"/>
      <c r="J6221" s="359"/>
      <c r="K6221" s="359"/>
      <c r="L6221" s="359"/>
    </row>
    <row r="6222" spans="2:12">
      <c r="B6222" s="359"/>
      <c r="C6222" s="359"/>
      <c r="D6222" s="359"/>
      <c r="E6222" s="359"/>
      <c r="F6222" s="359" t="s">
        <v>14379</v>
      </c>
      <c r="G6222" s="359" t="s">
        <v>14405</v>
      </c>
      <c r="H6222" s="359" t="s">
        <v>14381</v>
      </c>
      <c r="I6222" s="359" t="s">
        <v>14405</v>
      </c>
      <c r="J6222" s="359"/>
      <c r="K6222" s="359"/>
      <c r="L6222" s="359"/>
    </row>
    <row r="6223" spans="2:12">
      <c r="B6223" s="359"/>
      <c r="C6223" s="359"/>
      <c r="D6223" s="359"/>
      <c r="E6223" s="359"/>
      <c r="F6223" s="360"/>
      <c r="G6223" s="360"/>
      <c r="H6223" s="360"/>
      <c r="I6223" s="360"/>
      <c r="J6223" s="359"/>
      <c r="K6223" s="359"/>
      <c r="L6223" s="359"/>
    </row>
    <row r="6224" spans="2:12">
      <c r="B6224" s="359"/>
      <c r="C6224" s="359"/>
      <c r="D6224" s="359"/>
      <c r="E6224" s="359"/>
      <c r="F6224" s="359" t="s">
        <v>16919</v>
      </c>
      <c r="G6224" s="359" t="s">
        <v>14461</v>
      </c>
      <c r="H6224" s="359" t="s">
        <v>14370</v>
      </c>
      <c r="I6224" s="359" t="s">
        <v>14461</v>
      </c>
      <c r="J6224" s="359"/>
      <c r="K6224" s="359"/>
      <c r="L6224" s="359"/>
    </row>
    <row r="6225" spans="2:12">
      <c r="B6225" s="359"/>
      <c r="C6225" s="359"/>
      <c r="D6225" s="359"/>
      <c r="E6225" s="359"/>
      <c r="F6225" s="360"/>
      <c r="G6225" s="360"/>
      <c r="H6225" s="360"/>
      <c r="I6225" s="360"/>
      <c r="J6225" s="359"/>
      <c r="K6225" s="359"/>
      <c r="L6225" s="359"/>
    </row>
    <row r="6226" spans="2:12" ht="28.5">
      <c r="B6226" s="361"/>
      <c r="C6226" s="361"/>
      <c r="D6226" s="361"/>
      <c r="E6226" s="361"/>
      <c r="F6226" s="361" t="s">
        <v>14394</v>
      </c>
      <c r="G6226" s="361" t="s">
        <v>14395</v>
      </c>
      <c r="H6226" s="361" t="s">
        <v>14332</v>
      </c>
      <c r="I6226" s="361" t="s">
        <v>14395</v>
      </c>
      <c r="J6226" s="361"/>
      <c r="K6226" s="361"/>
      <c r="L6226" s="361"/>
    </row>
    <row r="6227" spans="2:12">
      <c r="B6227" s="358" t="s">
        <v>17285</v>
      </c>
      <c r="C6227" s="358" t="s">
        <v>17286</v>
      </c>
      <c r="D6227" s="358" t="s">
        <v>17287</v>
      </c>
      <c r="E6227" s="358" t="s">
        <v>17288</v>
      </c>
      <c r="F6227" s="358" t="s">
        <v>14326</v>
      </c>
      <c r="G6227" s="358" t="s">
        <v>14327</v>
      </c>
      <c r="H6227" s="358" t="s">
        <v>14328</v>
      </c>
      <c r="I6227" s="358" t="s">
        <v>14327</v>
      </c>
      <c r="J6227" s="358"/>
      <c r="K6227" s="358"/>
      <c r="L6227" s="358" t="s">
        <v>14329</v>
      </c>
    </row>
    <row r="6228" spans="2:12">
      <c r="B6228" s="359"/>
      <c r="C6228" s="359"/>
      <c r="D6228" s="359"/>
      <c r="E6228" s="359"/>
      <c r="F6228" s="360"/>
      <c r="G6228" s="359"/>
      <c r="H6228" s="360"/>
      <c r="I6228" s="359"/>
      <c r="J6228" s="359"/>
      <c r="K6228" s="359"/>
      <c r="L6228" s="359"/>
    </row>
    <row r="6229" spans="2:12">
      <c r="B6229" s="359"/>
      <c r="C6229" s="359"/>
      <c r="D6229" s="359"/>
      <c r="E6229" s="359"/>
      <c r="F6229" s="359" t="s">
        <v>14330</v>
      </c>
      <c r="G6229" s="359"/>
      <c r="H6229" s="359" t="s">
        <v>14331</v>
      </c>
      <c r="I6229" s="359"/>
      <c r="J6229" s="359"/>
      <c r="K6229" s="359"/>
      <c r="L6229" s="359"/>
    </row>
    <row r="6230" spans="2:12">
      <c r="B6230" s="359"/>
      <c r="C6230" s="359"/>
      <c r="D6230" s="359"/>
      <c r="E6230" s="359"/>
      <c r="F6230" s="360"/>
      <c r="G6230" s="359"/>
      <c r="H6230" s="360"/>
      <c r="I6230" s="359"/>
      <c r="J6230" s="359"/>
      <c r="K6230" s="359"/>
      <c r="L6230" s="359"/>
    </row>
    <row r="6231" spans="2:12">
      <c r="B6231" s="361"/>
      <c r="C6231" s="361"/>
      <c r="D6231" s="361"/>
      <c r="E6231" s="361"/>
      <c r="F6231" s="362"/>
      <c r="G6231" s="361"/>
      <c r="H6231" s="361" t="s">
        <v>14332</v>
      </c>
      <c r="I6231" s="361"/>
      <c r="J6231" s="361"/>
      <c r="K6231" s="361"/>
      <c r="L6231" s="361"/>
    </row>
    <row r="6232" spans="2:12">
      <c r="B6232" s="358" t="s">
        <v>17289</v>
      </c>
      <c r="C6232" s="358" t="s">
        <v>17290</v>
      </c>
      <c r="D6232" s="358" t="s">
        <v>17291</v>
      </c>
      <c r="E6232" s="358" t="s">
        <v>17292</v>
      </c>
      <c r="F6232" s="358" t="s">
        <v>14326</v>
      </c>
      <c r="G6232" s="358" t="s">
        <v>14327</v>
      </c>
      <c r="H6232" s="358" t="s">
        <v>14328</v>
      </c>
      <c r="I6232" s="358" t="s">
        <v>14327</v>
      </c>
      <c r="J6232" s="358"/>
      <c r="K6232" s="358"/>
      <c r="L6232" s="358" t="s">
        <v>14329</v>
      </c>
    </row>
    <row r="6233" spans="2:12">
      <c r="B6233" s="359"/>
      <c r="C6233" s="359"/>
      <c r="D6233" s="359"/>
      <c r="E6233" s="359"/>
      <c r="F6233" s="360"/>
      <c r="G6233" s="359"/>
      <c r="H6233" s="360"/>
      <c r="I6233" s="359"/>
      <c r="J6233" s="359"/>
      <c r="K6233" s="359"/>
      <c r="L6233" s="359"/>
    </row>
    <row r="6234" spans="2:12">
      <c r="B6234" s="359"/>
      <c r="C6234" s="359"/>
      <c r="D6234" s="359"/>
      <c r="E6234" s="359"/>
      <c r="F6234" s="359" t="s">
        <v>14330</v>
      </c>
      <c r="G6234" s="359"/>
      <c r="H6234" s="359" t="s">
        <v>14331</v>
      </c>
      <c r="I6234" s="359"/>
      <c r="J6234" s="359"/>
      <c r="K6234" s="359"/>
      <c r="L6234" s="359"/>
    </row>
    <row r="6235" spans="2:12">
      <c r="B6235" s="359"/>
      <c r="C6235" s="359"/>
      <c r="D6235" s="359"/>
      <c r="E6235" s="359"/>
      <c r="F6235" s="360"/>
      <c r="G6235" s="359"/>
      <c r="H6235" s="360"/>
      <c r="I6235" s="359"/>
      <c r="J6235" s="359"/>
      <c r="K6235" s="359"/>
      <c r="L6235" s="359"/>
    </row>
    <row r="6236" spans="2:12">
      <c r="B6236" s="361"/>
      <c r="C6236" s="361"/>
      <c r="D6236" s="361"/>
      <c r="E6236" s="361"/>
      <c r="F6236" s="362"/>
      <c r="G6236" s="361"/>
      <c r="H6236" s="361" t="s">
        <v>14332</v>
      </c>
      <c r="I6236" s="361"/>
      <c r="J6236" s="361"/>
      <c r="K6236" s="361"/>
      <c r="L6236" s="361"/>
    </row>
    <row r="6237" spans="2:12">
      <c r="B6237" s="358" t="s">
        <v>17293</v>
      </c>
      <c r="C6237" s="358" t="s">
        <v>17294</v>
      </c>
      <c r="D6237" s="358" t="s">
        <v>17295</v>
      </c>
      <c r="E6237" s="358" t="s">
        <v>17296</v>
      </c>
      <c r="F6237" s="358" t="s">
        <v>14326</v>
      </c>
      <c r="G6237" s="358" t="s">
        <v>14327</v>
      </c>
      <c r="H6237" s="358" t="s">
        <v>14328</v>
      </c>
      <c r="I6237" s="358" t="s">
        <v>14327</v>
      </c>
      <c r="J6237" s="358"/>
      <c r="K6237" s="358"/>
      <c r="L6237" s="358" t="s">
        <v>14329</v>
      </c>
    </row>
    <row r="6238" spans="2:12">
      <c r="B6238" s="359"/>
      <c r="C6238" s="359"/>
      <c r="D6238" s="359"/>
      <c r="E6238" s="359"/>
      <c r="F6238" s="360"/>
      <c r="G6238" s="359"/>
      <c r="H6238" s="360"/>
      <c r="I6238" s="359"/>
      <c r="J6238" s="359"/>
      <c r="K6238" s="359"/>
      <c r="L6238" s="359"/>
    </row>
    <row r="6239" spans="2:12">
      <c r="B6239" s="359"/>
      <c r="C6239" s="359"/>
      <c r="D6239" s="359"/>
      <c r="E6239" s="359"/>
      <c r="F6239" s="359" t="s">
        <v>14330</v>
      </c>
      <c r="G6239" s="359"/>
      <c r="H6239" s="359" t="s">
        <v>14331</v>
      </c>
      <c r="I6239" s="359"/>
      <c r="J6239" s="359"/>
      <c r="K6239" s="359"/>
      <c r="L6239" s="359"/>
    </row>
    <row r="6240" spans="2:12">
      <c r="B6240" s="359"/>
      <c r="C6240" s="359"/>
      <c r="D6240" s="359"/>
      <c r="E6240" s="359"/>
      <c r="F6240" s="360"/>
      <c r="G6240" s="359"/>
      <c r="H6240" s="360"/>
      <c r="I6240" s="359"/>
      <c r="J6240" s="359"/>
      <c r="K6240" s="359"/>
      <c r="L6240" s="359"/>
    </row>
    <row r="6241" spans="2:12">
      <c r="B6241" s="361"/>
      <c r="C6241" s="361"/>
      <c r="D6241" s="361"/>
      <c r="E6241" s="361"/>
      <c r="F6241" s="362"/>
      <c r="G6241" s="361"/>
      <c r="H6241" s="361" t="s">
        <v>14332</v>
      </c>
      <c r="I6241" s="361"/>
      <c r="J6241" s="361"/>
      <c r="K6241" s="361"/>
      <c r="L6241" s="361"/>
    </row>
    <row r="6242" spans="2:12">
      <c r="B6242" s="358" t="s">
        <v>17297</v>
      </c>
      <c r="C6242" s="358" t="s">
        <v>28856</v>
      </c>
      <c r="D6242" s="358" t="s">
        <v>9494</v>
      </c>
      <c r="E6242" s="358" t="s">
        <v>9495</v>
      </c>
      <c r="F6242" s="358" t="s">
        <v>14326</v>
      </c>
      <c r="G6242" s="358" t="s">
        <v>14327</v>
      </c>
      <c r="H6242" s="358" t="s">
        <v>14328</v>
      </c>
      <c r="I6242" s="358" t="s">
        <v>14327</v>
      </c>
      <c r="J6242" s="358"/>
      <c r="K6242" s="358"/>
      <c r="L6242" s="358" t="s">
        <v>17298</v>
      </c>
    </row>
    <row r="6243" spans="2:12">
      <c r="B6243" s="359"/>
      <c r="C6243" s="359"/>
      <c r="D6243" s="360"/>
      <c r="E6243" s="360"/>
      <c r="F6243" s="360"/>
      <c r="G6243" s="359"/>
      <c r="H6243" s="360"/>
      <c r="I6243" s="359"/>
      <c r="J6243" s="359"/>
      <c r="K6243" s="359"/>
      <c r="L6243" s="359"/>
    </row>
    <row r="6244" spans="2:12">
      <c r="B6244" s="359"/>
      <c r="C6244" s="359"/>
      <c r="D6244" s="359" t="s">
        <v>9496</v>
      </c>
      <c r="E6244" s="359" t="s">
        <v>9497</v>
      </c>
      <c r="F6244" s="359" t="s">
        <v>14330</v>
      </c>
      <c r="G6244" s="359"/>
      <c r="H6244" s="359" t="s">
        <v>14331</v>
      </c>
      <c r="I6244" s="359"/>
      <c r="J6244" s="359"/>
      <c r="K6244" s="359"/>
      <c r="L6244" s="359"/>
    </row>
    <row r="6245" spans="2:12">
      <c r="B6245" s="359"/>
      <c r="C6245" s="359"/>
      <c r="D6245" s="360"/>
      <c r="E6245" s="360"/>
      <c r="F6245" s="360"/>
      <c r="G6245" s="359"/>
      <c r="H6245" s="360"/>
      <c r="I6245" s="359"/>
      <c r="J6245" s="359"/>
      <c r="K6245" s="359"/>
      <c r="L6245" s="359"/>
    </row>
    <row r="6246" spans="2:12">
      <c r="B6246" s="361"/>
      <c r="C6246" s="361"/>
      <c r="D6246" s="362"/>
      <c r="E6246" s="362"/>
      <c r="F6246" s="362"/>
      <c r="G6246" s="361"/>
      <c r="H6246" s="361" t="s">
        <v>14332</v>
      </c>
      <c r="I6246" s="361"/>
      <c r="J6246" s="361"/>
      <c r="K6246" s="361"/>
      <c r="L6246" s="361"/>
    </row>
    <row r="6247" spans="2:12" ht="28.5">
      <c r="B6247" s="358" t="s">
        <v>9493</v>
      </c>
      <c r="C6247" s="358" t="s">
        <v>28857</v>
      </c>
      <c r="D6247" s="358" t="s">
        <v>9494</v>
      </c>
      <c r="E6247" s="358" t="s">
        <v>9495</v>
      </c>
      <c r="F6247" s="358" t="s">
        <v>14326</v>
      </c>
      <c r="G6247" s="358" t="s">
        <v>14327</v>
      </c>
      <c r="H6247" s="358" t="s">
        <v>14328</v>
      </c>
      <c r="I6247" s="358" t="s">
        <v>14327</v>
      </c>
      <c r="J6247" s="358"/>
      <c r="K6247" s="358"/>
      <c r="L6247" s="358" t="s">
        <v>17299</v>
      </c>
    </row>
    <row r="6248" spans="2:12">
      <c r="B6248" s="359"/>
      <c r="C6248" s="360"/>
      <c r="D6248" s="360"/>
      <c r="E6248" s="360"/>
      <c r="F6248" s="360"/>
      <c r="G6248" s="360"/>
      <c r="H6248" s="360"/>
      <c r="I6248" s="360"/>
      <c r="J6248" s="359"/>
      <c r="K6248" s="359"/>
      <c r="L6248" s="359"/>
    </row>
    <row r="6249" spans="2:12" ht="28.5">
      <c r="B6249" s="359"/>
      <c r="C6249" s="359" t="s">
        <v>28858</v>
      </c>
      <c r="D6249" s="359" t="s">
        <v>9496</v>
      </c>
      <c r="E6249" s="359" t="s">
        <v>9497</v>
      </c>
      <c r="F6249" s="359" t="s">
        <v>14330</v>
      </c>
      <c r="G6249" s="359" t="s">
        <v>14669</v>
      </c>
      <c r="H6249" s="359" t="s">
        <v>14331</v>
      </c>
      <c r="I6249" s="359" t="s">
        <v>14669</v>
      </c>
      <c r="J6249" s="359"/>
      <c r="K6249" s="359"/>
      <c r="L6249" s="359"/>
    </row>
    <row r="6250" spans="2:12">
      <c r="B6250" s="359"/>
      <c r="C6250" s="360"/>
      <c r="D6250" s="360"/>
      <c r="E6250" s="360"/>
      <c r="F6250" s="360"/>
      <c r="G6250" s="360"/>
      <c r="H6250" s="360"/>
      <c r="I6250" s="360"/>
      <c r="J6250" s="359"/>
      <c r="K6250" s="359"/>
      <c r="L6250" s="359"/>
    </row>
    <row r="6251" spans="2:12">
      <c r="B6251" s="359"/>
      <c r="C6251" s="360"/>
      <c r="D6251" s="360"/>
      <c r="E6251" s="360"/>
      <c r="F6251" s="359" t="s">
        <v>16528</v>
      </c>
      <c r="G6251" s="359" t="s">
        <v>14890</v>
      </c>
      <c r="H6251" s="359" t="s">
        <v>14381</v>
      </c>
      <c r="I6251" s="359" t="s">
        <v>14890</v>
      </c>
      <c r="J6251" s="359"/>
      <c r="K6251" s="359"/>
      <c r="L6251" s="359"/>
    </row>
    <row r="6252" spans="2:12">
      <c r="B6252" s="359"/>
      <c r="C6252" s="360"/>
      <c r="D6252" s="360"/>
      <c r="E6252" s="360"/>
      <c r="F6252" s="360"/>
      <c r="G6252" s="360"/>
      <c r="H6252" s="360"/>
      <c r="I6252" s="360"/>
      <c r="J6252" s="359"/>
      <c r="K6252" s="359"/>
      <c r="L6252" s="359"/>
    </row>
    <row r="6253" spans="2:12">
      <c r="B6253" s="361"/>
      <c r="C6253" s="362"/>
      <c r="D6253" s="362"/>
      <c r="E6253" s="362"/>
      <c r="F6253" s="361" t="s">
        <v>14889</v>
      </c>
      <c r="G6253" s="362"/>
      <c r="H6253" s="361" t="s">
        <v>14332</v>
      </c>
      <c r="I6253" s="362"/>
      <c r="J6253" s="361"/>
      <c r="K6253" s="361"/>
      <c r="L6253" s="361"/>
    </row>
    <row r="6254" spans="2:12">
      <c r="B6254" s="358" t="s">
        <v>17300</v>
      </c>
      <c r="C6254" s="358" t="s">
        <v>17301</v>
      </c>
      <c r="D6254" s="358" t="s">
        <v>17302</v>
      </c>
      <c r="E6254" s="358" t="s">
        <v>17303</v>
      </c>
      <c r="F6254" s="358" t="s">
        <v>14326</v>
      </c>
      <c r="G6254" s="358" t="s">
        <v>14327</v>
      </c>
      <c r="H6254" s="358" t="s">
        <v>14328</v>
      </c>
      <c r="I6254" s="358" t="s">
        <v>14327</v>
      </c>
      <c r="J6254" s="358"/>
      <c r="K6254" s="358"/>
      <c r="L6254" s="358" t="s">
        <v>14329</v>
      </c>
    </row>
    <row r="6255" spans="2:12">
      <c r="B6255" s="359"/>
      <c r="C6255" s="360"/>
      <c r="D6255" s="359"/>
      <c r="E6255" s="359"/>
      <c r="F6255" s="360"/>
      <c r="G6255" s="360"/>
      <c r="H6255" s="360"/>
      <c r="I6255" s="360"/>
      <c r="J6255" s="359"/>
      <c r="K6255" s="359"/>
      <c r="L6255" s="359"/>
    </row>
    <row r="6256" spans="2:12">
      <c r="B6256" s="359"/>
      <c r="C6256" s="359" t="s">
        <v>17304</v>
      </c>
      <c r="D6256" s="359"/>
      <c r="E6256" s="359"/>
      <c r="F6256" s="359" t="s">
        <v>14330</v>
      </c>
      <c r="G6256" s="359" t="s">
        <v>14395</v>
      </c>
      <c r="H6256" s="359" t="s">
        <v>14331</v>
      </c>
      <c r="I6256" s="359" t="s">
        <v>14395</v>
      </c>
      <c r="J6256" s="359"/>
      <c r="K6256" s="359"/>
      <c r="L6256" s="359"/>
    </row>
    <row r="6257" spans="2:12">
      <c r="B6257" s="359"/>
      <c r="C6257" s="360"/>
      <c r="D6257" s="359"/>
      <c r="E6257" s="359"/>
      <c r="F6257" s="360"/>
      <c r="G6257" s="360"/>
      <c r="H6257" s="360"/>
      <c r="I6257" s="360"/>
      <c r="J6257" s="359"/>
      <c r="K6257" s="359"/>
      <c r="L6257" s="359"/>
    </row>
    <row r="6258" spans="2:12" ht="28.5">
      <c r="B6258" s="359"/>
      <c r="C6258" s="360"/>
      <c r="D6258" s="359"/>
      <c r="E6258" s="359"/>
      <c r="F6258" s="359" t="s">
        <v>14394</v>
      </c>
      <c r="G6258" s="360"/>
      <c r="H6258" s="359" t="s">
        <v>14370</v>
      </c>
      <c r="I6258" s="360"/>
      <c r="J6258" s="359"/>
      <c r="K6258" s="359"/>
      <c r="L6258" s="359"/>
    </row>
    <row r="6259" spans="2:12">
      <c r="B6259" s="359"/>
      <c r="C6259" s="360"/>
      <c r="D6259" s="359"/>
      <c r="E6259" s="359"/>
      <c r="F6259" s="360"/>
      <c r="G6259" s="360"/>
      <c r="H6259" s="360"/>
      <c r="I6259" s="360"/>
      <c r="J6259" s="359"/>
      <c r="K6259" s="359"/>
      <c r="L6259" s="359"/>
    </row>
    <row r="6260" spans="2:12">
      <c r="B6260" s="361"/>
      <c r="C6260" s="362"/>
      <c r="D6260" s="361"/>
      <c r="E6260" s="361"/>
      <c r="F6260" s="362"/>
      <c r="G6260" s="362"/>
      <c r="H6260" s="361" t="s">
        <v>14332</v>
      </c>
      <c r="I6260" s="362"/>
      <c r="J6260" s="361"/>
      <c r="K6260" s="361"/>
      <c r="L6260" s="361"/>
    </row>
    <row r="6261" spans="2:12">
      <c r="B6261" s="358" t="s">
        <v>17305</v>
      </c>
      <c r="C6261" s="358" t="s">
        <v>17306</v>
      </c>
      <c r="D6261" s="358" t="s">
        <v>17307</v>
      </c>
      <c r="E6261" s="358" t="s">
        <v>17308</v>
      </c>
      <c r="F6261" s="358" t="s">
        <v>14505</v>
      </c>
      <c r="G6261" s="358" t="s">
        <v>14506</v>
      </c>
      <c r="H6261" s="358" t="s">
        <v>14328</v>
      </c>
      <c r="I6261" s="358" t="s">
        <v>14506</v>
      </c>
      <c r="J6261" s="358" t="s">
        <v>17309</v>
      </c>
      <c r="K6261" s="358"/>
      <c r="L6261" s="358" t="s">
        <v>14611</v>
      </c>
    </row>
    <row r="6262" spans="2:12">
      <c r="B6262" s="359"/>
      <c r="C6262" s="359"/>
      <c r="D6262" s="359"/>
      <c r="E6262" s="359"/>
      <c r="F6262" s="360"/>
      <c r="G6262" s="360"/>
      <c r="H6262" s="360"/>
      <c r="I6262" s="360"/>
      <c r="J6262" s="359"/>
      <c r="K6262" s="359"/>
      <c r="L6262" s="359"/>
    </row>
    <row r="6263" spans="2:12">
      <c r="B6263" s="359"/>
      <c r="C6263" s="359"/>
      <c r="D6263" s="359"/>
      <c r="E6263" s="359"/>
      <c r="F6263" s="359" t="s">
        <v>17310</v>
      </c>
      <c r="G6263" s="359" t="s">
        <v>17311</v>
      </c>
      <c r="H6263" s="359" t="s">
        <v>14381</v>
      </c>
      <c r="I6263" s="359" t="s">
        <v>17311</v>
      </c>
      <c r="J6263" s="359"/>
      <c r="K6263" s="359"/>
      <c r="L6263" s="359"/>
    </row>
    <row r="6264" spans="2:12">
      <c r="B6264" s="359"/>
      <c r="C6264" s="359"/>
      <c r="D6264" s="359"/>
      <c r="E6264" s="359"/>
      <c r="F6264" s="360"/>
      <c r="G6264" s="360"/>
      <c r="H6264" s="360"/>
      <c r="I6264" s="360"/>
      <c r="J6264" s="359"/>
      <c r="K6264" s="359"/>
      <c r="L6264" s="359"/>
    </row>
    <row r="6265" spans="2:12">
      <c r="B6265" s="359"/>
      <c r="C6265" s="359"/>
      <c r="D6265" s="359"/>
      <c r="E6265" s="359"/>
      <c r="F6265" s="359" t="s">
        <v>14368</v>
      </c>
      <c r="G6265" s="359" t="s">
        <v>14369</v>
      </c>
      <c r="H6265" s="359" t="s">
        <v>14367</v>
      </c>
      <c r="I6265" s="359" t="s">
        <v>14369</v>
      </c>
      <c r="J6265" s="359"/>
      <c r="K6265" s="359"/>
      <c r="L6265" s="359"/>
    </row>
    <row r="6266" spans="2:12">
      <c r="B6266" s="359"/>
      <c r="C6266" s="359"/>
      <c r="D6266" s="359"/>
      <c r="E6266" s="359"/>
      <c r="F6266" s="360"/>
      <c r="G6266" s="360"/>
      <c r="H6266" s="360"/>
      <c r="I6266" s="360"/>
      <c r="J6266" s="359"/>
      <c r="K6266" s="359"/>
      <c r="L6266" s="359"/>
    </row>
    <row r="6267" spans="2:12" ht="28.5">
      <c r="B6267" s="359"/>
      <c r="C6267" s="359"/>
      <c r="D6267" s="359"/>
      <c r="E6267" s="359"/>
      <c r="F6267" s="359" t="s">
        <v>14394</v>
      </c>
      <c r="G6267" s="359" t="s">
        <v>14395</v>
      </c>
      <c r="H6267" s="359" t="s">
        <v>14370</v>
      </c>
      <c r="I6267" s="359" t="s">
        <v>14395</v>
      </c>
      <c r="J6267" s="359"/>
      <c r="K6267" s="359"/>
      <c r="L6267" s="359"/>
    </row>
    <row r="6268" spans="2:12">
      <c r="B6268" s="359"/>
      <c r="C6268" s="359"/>
      <c r="D6268" s="359"/>
      <c r="E6268" s="359"/>
      <c r="F6268" s="360"/>
      <c r="G6268" s="360"/>
      <c r="H6268" s="360"/>
      <c r="I6268" s="360"/>
      <c r="J6268" s="359"/>
      <c r="K6268" s="359"/>
      <c r="L6268" s="359"/>
    </row>
    <row r="6269" spans="2:12">
      <c r="B6269" s="361"/>
      <c r="C6269" s="361"/>
      <c r="D6269" s="361"/>
      <c r="E6269" s="361"/>
      <c r="F6269" s="362"/>
      <c r="G6269" s="362"/>
      <c r="H6269" s="361" t="s">
        <v>14332</v>
      </c>
      <c r="I6269" s="362"/>
      <c r="J6269" s="361"/>
      <c r="K6269" s="361"/>
      <c r="L6269" s="361"/>
    </row>
    <row r="6270" spans="2:12">
      <c r="B6270" s="358" t="s">
        <v>17312</v>
      </c>
      <c r="C6270" s="358" t="s">
        <v>30110</v>
      </c>
      <c r="D6270" s="358" t="s">
        <v>17313</v>
      </c>
      <c r="E6270" s="358" t="s">
        <v>17314</v>
      </c>
      <c r="F6270" s="358" t="s">
        <v>14505</v>
      </c>
      <c r="G6270" s="358" t="s">
        <v>14506</v>
      </c>
      <c r="H6270" s="358" t="s">
        <v>14328</v>
      </c>
      <c r="I6270" s="358" t="s">
        <v>14506</v>
      </c>
      <c r="J6270" s="358"/>
      <c r="K6270" s="358"/>
      <c r="L6270" s="358" t="s">
        <v>14611</v>
      </c>
    </row>
    <row r="6271" spans="2:12">
      <c r="B6271" s="359"/>
      <c r="C6271" s="360"/>
      <c r="D6271" s="360"/>
      <c r="E6271" s="360"/>
      <c r="F6271" s="360"/>
      <c r="G6271" s="360"/>
      <c r="H6271" s="360"/>
      <c r="I6271" s="360"/>
      <c r="J6271" s="359"/>
      <c r="K6271" s="359"/>
      <c r="L6271" s="359"/>
    </row>
    <row r="6272" spans="2:12">
      <c r="B6272" s="359"/>
      <c r="C6272" s="359" t="s">
        <v>28859</v>
      </c>
      <c r="D6272" s="359" t="s">
        <v>17315</v>
      </c>
      <c r="E6272" s="359" t="s">
        <v>17316</v>
      </c>
      <c r="F6272" s="359" t="s">
        <v>17310</v>
      </c>
      <c r="G6272" s="359" t="s">
        <v>17311</v>
      </c>
      <c r="H6272" s="359" t="s">
        <v>14381</v>
      </c>
      <c r="I6272" s="359" t="s">
        <v>17311</v>
      </c>
      <c r="J6272" s="359"/>
      <c r="K6272" s="359"/>
      <c r="L6272" s="359"/>
    </row>
    <row r="6273" spans="2:12">
      <c r="B6273" s="359"/>
      <c r="C6273" s="360"/>
      <c r="D6273" s="360"/>
      <c r="E6273" s="360"/>
      <c r="F6273" s="360"/>
      <c r="G6273" s="360"/>
      <c r="H6273" s="360"/>
      <c r="I6273" s="360"/>
      <c r="J6273" s="359"/>
      <c r="K6273" s="359"/>
      <c r="L6273" s="359"/>
    </row>
    <row r="6274" spans="2:12">
      <c r="B6274" s="359"/>
      <c r="C6274" s="359" t="s">
        <v>17317</v>
      </c>
      <c r="D6274" s="359" t="s">
        <v>17318</v>
      </c>
      <c r="E6274" s="359" t="s">
        <v>17319</v>
      </c>
      <c r="F6274" s="359" t="s">
        <v>14389</v>
      </c>
      <c r="G6274" s="359" t="s">
        <v>14390</v>
      </c>
      <c r="H6274" s="359" t="s">
        <v>14367</v>
      </c>
      <c r="I6274" s="359" t="s">
        <v>14390</v>
      </c>
      <c r="J6274" s="359"/>
      <c r="K6274" s="359"/>
      <c r="L6274" s="359"/>
    </row>
    <row r="6275" spans="2:12">
      <c r="B6275" s="359"/>
      <c r="C6275" s="360"/>
      <c r="D6275" s="360"/>
      <c r="E6275" s="360"/>
      <c r="F6275" s="360"/>
      <c r="G6275" s="360"/>
      <c r="H6275" s="360"/>
      <c r="I6275" s="360"/>
      <c r="J6275" s="359"/>
      <c r="K6275" s="359"/>
      <c r="L6275" s="359"/>
    </row>
    <row r="6276" spans="2:12">
      <c r="B6276" s="359"/>
      <c r="C6276" s="359" t="s">
        <v>17320</v>
      </c>
      <c r="D6276" s="359" t="s">
        <v>17321</v>
      </c>
      <c r="E6276" s="359" t="s">
        <v>17322</v>
      </c>
      <c r="F6276" s="359" t="s">
        <v>14368</v>
      </c>
      <c r="G6276" s="359" t="s">
        <v>14369</v>
      </c>
      <c r="H6276" s="359" t="s">
        <v>14370</v>
      </c>
      <c r="I6276" s="359" t="s">
        <v>14369</v>
      </c>
      <c r="J6276" s="359"/>
      <c r="K6276" s="359"/>
      <c r="L6276" s="359"/>
    </row>
    <row r="6277" spans="2:12">
      <c r="B6277" s="359"/>
      <c r="C6277" s="360"/>
      <c r="D6277" s="360"/>
      <c r="E6277" s="360"/>
      <c r="F6277" s="360"/>
      <c r="G6277" s="360"/>
      <c r="H6277" s="360"/>
      <c r="I6277" s="360"/>
      <c r="J6277" s="359"/>
      <c r="K6277" s="359"/>
      <c r="L6277" s="359"/>
    </row>
    <row r="6278" spans="2:12" ht="28.5">
      <c r="B6278" s="361"/>
      <c r="C6278" s="361" t="s">
        <v>17323</v>
      </c>
      <c r="D6278" s="362"/>
      <c r="E6278" s="362"/>
      <c r="F6278" s="361" t="s">
        <v>14394</v>
      </c>
      <c r="G6278" s="361" t="s">
        <v>14395</v>
      </c>
      <c r="H6278" s="361" t="s">
        <v>14332</v>
      </c>
      <c r="I6278" s="361" t="s">
        <v>14395</v>
      </c>
      <c r="J6278" s="361"/>
      <c r="K6278" s="361"/>
      <c r="L6278" s="361"/>
    </row>
    <row r="6279" spans="2:12">
      <c r="B6279" s="358" t="s">
        <v>17324</v>
      </c>
      <c r="C6279" s="358" t="s">
        <v>30111</v>
      </c>
      <c r="D6279" s="358" t="s">
        <v>17325</v>
      </c>
      <c r="E6279" s="358" t="s">
        <v>17326</v>
      </c>
      <c r="F6279" s="358" t="s">
        <v>14505</v>
      </c>
      <c r="G6279" s="358" t="s">
        <v>14506</v>
      </c>
      <c r="H6279" s="358" t="s">
        <v>14328</v>
      </c>
      <c r="I6279" s="358" t="s">
        <v>14506</v>
      </c>
      <c r="J6279" s="358"/>
      <c r="K6279" s="358"/>
      <c r="L6279" s="358" t="s">
        <v>14611</v>
      </c>
    </row>
    <row r="6280" spans="2:12">
      <c r="B6280" s="359"/>
      <c r="C6280" s="360"/>
      <c r="D6280" s="360"/>
      <c r="E6280" s="360"/>
      <c r="F6280" s="360"/>
      <c r="G6280" s="360"/>
      <c r="H6280" s="360"/>
      <c r="I6280" s="360"/>
      <c r="J6280" s="359"/>
      <c r="K6280" s="359"/>
      <c r="L6280" s="359"/>
    </row>
    <row r="6281" spans="2:12">
      <c r="B6281" s="359"/>
      <c r="C6281" s="359" t="s">
        <v>17329</v>
      </c>
      <c r="D6281" s="359" t="s">
        <v>17327</v>
      </c>
      <c r="E6281" s="359" t="s">
        <v>17328</v>
      </c>
      <c r="F6281" s="359" t="s">
        <v>17310</v>
      </c>
      <c r="G6281" s="359" t="s">
        <v>17311</v>
      </c>
      <c r="H6281" s="359" t="s">
        <v>14381</v>
      </c>
      <c r="I6281" s="359" t="s">
        <v>17311</v>
      </c>
      <c r="J6281" s="359"/>
      <c r="K6281" s="359"/>
      <c r="L6281" s="359"/>
    </row>
    <row r="6282" spans="2:12">
      <c r="B6282" s="359"/>
      <c r="C6282" s="360"/>
      <c r="D6282" s="360"/>
      <c r="E6282" s="360"/>
      <c r="F6282" s="360"/>
      <c r="G6282" s="360"/>
      <c r="H6282" s="360"/>
      <c r="I6282" s="360"/>
      <c r="J6282" s="359"/>
      <c r="K6282" s="359"/>
      <c r="L6282" s="359"/>
    </row>
    <row r="6283" spans="2:12">
      <c r="B6283" s="359"/>
      <c r="C6283" s="359" t="s">
        <v>17332</v>
      </c>
      <c r="D6283" s="359" t="s">
        <v>17330</v>
      </c>
      <c r="E6283" s="359" t="s">
        <v>17331</v>
      </c>
      <c r="F6283" s="359" t="s">
        <v>14389</v>
      </c>
      <c r="G6283" s="359" t="s">
        <v>14390</v>
      </c>
      <c r="H6283" s="359" t="s">
        <v>14367</v>
      </c>
      <c r="I6283" s="359" t="s">
        <v>14390</v>
      </c>
      <c r="J6283" s="359"/>
      <c r="K6283" s="359"/>
      <c r="L6283" s="359"/>
    </row>
    <row r="6284" spans="2:12">
      <c r="B6284" s="359"/>
      <c r="C6284" s="360"/>
      <c r="D6284" s="360"/>
      <c r="E6284" s="360"/>
      <c r="F6284" s="360"/>
      <c r="G6284" s="360"/>
      <c r="H6284" s="360"/>
      <c r="I6284" s="360"/>
      <c r="J6284" s="359"/>
      <c r="K6284" s="359"/>
      <c r="L6284" s="359"/>
    </row>
    <row r="6285" spans="2:12">
      <c r="B6285" s="359"/>
      <c r="C6285" s="359" t="s">
        <v>17335</v>
      </c>
      <c r="D6285" s="359" t="s">
        <v>17333</v>
      </c>
      <c r="E6285" s="359" t="s">
        <v>17334</v>
      </c>
      <c r="F6285" s="359" t="s">
        <v>14368</v>
      </c>
      <c r="G6285" s="359" t="s">
        <v>14369</v>
      </c>
      <c r="H6285" s="359" t="s">
        <v>14370</v>
      </c>
      <c r="I6285" s="359" t="s">
        <v>14369</v>
      </c>
      <c r="J6285" s="359"/>
      <c r="K6285" s="359"/>
      <c r="L6285" s="359"/>
    </row>
    <row r="6286" spans="2:12">
      <c r="B6286" s="359"/>
      <c r="C6286" s="360"/>
      <c r="D6286" s="360"/>
      <c r="E6286" s="360"/>
      <c r="F6286" s="360"/>
      <c r="G6286" s="360"/>
      <c r="H6286" s="360"/>
      <c r="I6286" s="360"/>
      <c r="J6286" s="359"/>
      <c r="K6286" s="359"/>
      <c r="L6286" s="359"/>
    </row>
    <row r="6287" spans="2:12">
      <c r="B6287" s="359"/>
      <c r="C6287" s="359" t="s">
        <v>17338</v>
      </c>
      <c r="D6287" s="359" t="s">
        <v>17336</v>
      </c>
      <c r="E6287" s="359" t="s">
        <v>17337</v>
      </c>
      <c r="F6287" s="359" t="s">
        <v>14371</v>
      </c>
      <c r="G6287" s="359" t="s">
        <v>14372</v>
      </c>
      <c r="H6287" s="359" t="s">
        <v>14332</v>
      </c>
      <c r="I6287" s="359" t="s">
        <v>14373</v>
      </c>
      <c r="J6287" s="359"/>
      <c r="K6287" s="359"/>
      <c r="L6287" s="359"/>
    </row>
    <row r="6288" spans="2:12">
      <c r="B6288" s="359"/>
      <c r="C6288" s="360"/>
      <c r="D6288" s="360"/>
      <c r="E6288" s="360"/>
      <c r="F6288" s="360"/>
      <c r="G6288" s="360"/>
      <c r="H6288" s="360"/>
      <c r="I6288" s="360"/>
      <c r="J6288" s="359"/>
      <c r="K6288" s="359"/>
      <c r="L6288" s="359"/>
    </row>
    <row r="6289" spans="2:12" ht="28.5">
      <c r="B6289" s="359"/>
      <c r="C6289" s="359" t="s">
        <v>17341</v>
      </c>
      <c r="D6289" s="359" t="s">
        <v>17339</v>
      </c>
      <c r="E6289" s="359" t="s">
        <v>17340</v>
      </c>
      <c r="F6289" s="359" t="s">
        <v>14374</v>
      </c>
      <c r="G6289" s="359" t="s">
        <v>14373</v>
      </c>
      <c r="H6289" s="360"/>
      <c r="I6289" s="360"/>
      <c r="J6289" s="359"/>
      <c r="K6289" s="359"/>
      <c r="L6289" s="359"/>
    </row>
    <row r="6290" spans="2:12">
      <c r="B6290" s="359"/>
      <c r="C6290" s="360"/>
      <c r="D6290" s="360"/>
      <c r="E6290" s="360"/>
      <c r="F6290" s="360"/>
      <c r="G6290" s="360"/>
      <c r="H6290" s="360"/>
      <c r="I6290" s="360"/>
      <c r="J6290" s="359"/>
      <c r="K6290" s="359"/>
      <c r="L6290" s="359"/>
    </row>
    <row r="6291" spans="2:12">
      <c r="B6291" s="359"/>
      <c r="C6291" s="359" t="s">
        <v>17344</v>
      </c>
      <c r="D6291" s="359" t="s">
        <v>17342</v>
      </c>
      <c r="E6291" s="359" t="s">
        <v>17343</v>
      </c>
      <c r="F6291" s="360"/>
      <c r="G6291" s="360"/>
      <c r="H6291" s="360"/>
      <c r="I6291" s="360"/>
      <c r="J6291" s="359"/>
      <c r="K6291" s="359"/>
      <c r="L6291" s="359"/>
    </row>
    <row r="6292" spans="2:12">
      <c r="B6292" s="359"/>
      <c r="C6292" s="360"/>
      <c r="D6292" s="360"/>
      <c r="E6292" s="360"/>
      <c r="F6292" s="360"/>
      <c r="G6292" s="360"/>
      <c r="H6292" s="360"/>
      <c r="I6292" s="360"/>
      <c r="J6292" s="359"/>
      <c r="K6292" s="359"/>
      <c r="L6292" s="359"/>
    </row>
    <row r="6293" spans="2:12">
      <c r="B6293" s="359"/>
      <c r="C6293" s="359" t="s">
        <v>17347</v>
      </c>
      <c r="D6293" s="359" t="s">
        <v>17345</v>
      </c>
      <c r="E6293" s="359" t="s">
        <v>17346</v>
      </c>
      <c r="F6293" s="360"/>
      <c r="G6293" s="360"/>
      <c r="H6293" s="360"/>
      <c r="I6293" s="360"/>
      <c r="J6293" s="359"/>
      <c r="K6293" s="359"/>
      <c r="L6293" s="359"/>
    </row>
    <row r="6294" spans="2:12">
      <c r="B6294" s="359"/>
      <c r="C6294" s="360"/>
      <c r="D6294" s="360"/>
      <c r="E6294" s="360"/>
      <c r="F6294" s="360"/>
      <c r="G6294" s="360"/>
      <c r="H6294" s="360"/>
      <c r="I6294" s="360"/>
      <c r="J6294" s="359"/>
      <c r="K6294" s="359"/>
      <c r="L6294" s="359"/>
    </row>
    <row r="6295" spans="2:12">
      <c r="B6295" s="359"/>
      <c r="C6295" s="359" t="s">
        <v>17350</v>
      </c>
      <c r="D6295" s="359" t="s">
        <v>17348</v>
      </c>
      <c r="E6295" s="359" t="s">
        <v>17349</v>
      </c>
      <c r="F6295" s="360"/>
      <c r="G6295" s="360"/>
      <c r="H6295" s="360"/>
      <c r="I6295" s="360"/>
      <c r="J6295" s="359"/>
      <c r="K6295" s="359"/>
      <c r="L6295" s="359"/>
    </row>
    <row r="6296" spans="2:12">
      <c r="B6296" s="359"/>
      <c r="C6296" s="360"/>
      <c r="D6296" s="360"/>
      <c r="E6296" s="360"/>
      <c r="F6296" s="360"/>
      <c r="G6296" s="360"/>
      <c r="H6296" s="360"/>
      <c r="I6296" s="360"/>
      <c r="J6296" s="359"/>
      <c r="K6296" s="359"/>
      <c r="L6296" s="359"/>
    </row>
    <row r="6297" spans="2:12" ht="28.5">
      <c r="B6297" s="361"/>
      <c r="C6297" s="361" t="s">
        <v>17353</v>
      </c>
      <c r="D6297" s="361" t="s">
        <v>17351</v>
      </c>
      <c r="E6297" s="361" t="s">
        <v>17352</v>
      </c>
      <c r="F6297" s="362"/>
      <c r="G6297" s="362"/>
      <c r="H6297" s="362"/>
      <c r="I6297" s="362"/>
      <c r="J6297" s="361"/>
      <c r="K6297" s="361"/>
      <c r="L6297" s="361"/>
    </row>
    <row r="6298" spans="2:12">
      <c r="B6298" s="358" t="s">
        <v>17354</v>
      </c>
      <c r="C6298" s="358" t="s">
        <v>30112</v>
      </c>
      <c r="D6298" s="358" t="s">
        <v>17355</v>
      </c>
      <c r="E6298" s="358" t="s">
        <v>17356</v>
      </c>
      <c r="F6298" s="358" t="s">
        <v>14505</v>
      </c>
      <c r="G6298" s="358" t="s">
        <v>14506</v>
      </c>
      <c r="H6298" s="358" t="s">
        <v>14328</v>
      </c>
      <c r="I6298" s="358" t="s">
        <v>14506</v>
      </c>
      <c r="J6298" s="358"/>
      <c r="K6298" s="358"/>
      <c r="L6298" s="358" t="s">
        <v>14611</v>
      </c>
    </row>
    <row r="6299" spans="2:12">
      <c r="B6299" s="359"/>
      <c r="C6299" s="360"/>
      <c r="D6299" s="360"/>
      <c r="E6299" s="360"/>
      <c r="F6299" s="360"/>
      <c r="G6299" s="360"/>
      <c r="H6299" s="360"/>
      <c r="I6299" s="360"/>
      <c r="J6299" s="359"/>
      <c r="K6299" s="359"/>
      <c r="L6299" s="359"/>
    </row>
    <row r="6300" spans="2:12">
      <c r="B6300" s="359"/>
      <c r="C6300" s="359" t="s">
        <v>17359</v>
      </c>
      <c r="D6300" s="359" t="s">
        <v>17357</v>
      </c>
      <c r="E6300" s="359" t="s">
        <v>17358</v>
      </c>
      <c r="F6300" s="359" t="s">
        <v>17310</v>
      </c>
      <c r="G6300" s="359" t="s">
        <v>17311</v>
      </c>
      <c r="H6300" s="359" t="s">
        <v>14381</v>
      </c>
      <c r="I6300" s="359" t="s">
        <v>17311</v>
      </c>
      <c r="J6300" s="359"/>
      <c r="K6300" s="359"/>
      <c r="L6300" s="359"/>
    </row>
    <row r="6301" spans="2:12">
      <c r="B6301" s="359"/>
      <c r="C6301" s="360"/>
      <c r="D6301" s="360"/>
      <c r="E6301" s="360"/>
      <c r="F6301" s="360"/>
      <c r="G6301" s="360"/>
      <c r="H6301" s="360"/>
      <c r="I6301" s="360"/>
      <c r="J6301" s="359"/>
      <c r="K6301" s="359"/>
      <c r="L6301" s="359"/>
    </row>
    <row r="6302" spans="2:12">
      <c r="B6302" s="359"/>
      <c r="C6302" s="359" t="s">
        <v>17362</v>
      </c>
      <c r="D6302" s="359" t="s">
        <v>17360</v>
      </c>
      <c r="E6302" s="359" t="s">
        <v>17361</v>
      </c>
      <c r="F6302" s="359" t="s">
        <v>14389</v>
      </c>
      <c r="G6302" s="359" t="s">
        <v>14390</v>
      </c>
      <c r="H6302" s="359" t="s">
        <v>14367</v>
      </c>
      <c r="I6302" s="359" t="s">
        <v>14390</v>
      </c>
      <c r="J6302" s="359"/>
      <c r="K6302" s="359"/>
      <c r="L6302" s="359"/>
    </row>
    <row r="6303" spans="2:12">
      <c r="B6303" s="359"/>
      <c r="C6303" s="360"/>
      <c r="D6303" s="360"/>
      <c r="E6303" s="360"/>
      <c r="F6303" s="360"/>
      <c r="G6303" s="360"/>
      <c r="H6303" s="360"/>
      <c r="I6303" s="360"/>
      <c r="J6303" s="359"/>
      <c r="K6303" s="359"/>
      <c r="L6303" s="359"/>
    </row>
    <row r="6304" spans="2:12">
      <c r="B6304" s="359"/>
      <c r="C6304" s="359" t="s">
        <v>17365</v>
      </c>
      <c r="D6304" s="359" t="s">
        <v>17363</v>
      </c>
      <c r="E6304" s="359" t="s">
        <v>17364</v>
      </c>
      <c r="F6304" s="359" t="s">
        <v>14368</v>
      </c>
      <c r="G6304" s="359" t="s">
        <v>14369</v>
      </c>
      <c r="H6304" s="359" t="s">
        <v>14370</v>
      </c>
      <c r="I6304" s="359" t="s">
        <v>14369</v>
      </c>
      <c r="J6304" s="359"/>
      <c r="K6304" s="359"/>
      <c r="L6304" s="359"/>
    </row>
    <row r="6305" spans="2:12">
      <c r="B6305" s="359"/>
      <c r="C6305" s="360"/>
      <c r="D6305" s="360"/>
      <c r="E6305" s="360"/>
      <c r="F6305" s="360"/>
      <c r="G6305" s="360"/>
      <c r="H6305" s="360"/>
      <c r="I6305" s="360"/>
      <c r="J6305" s="359"/>
      <c r="K6305" s="359"/>
      <c r="L6305" s="359"/>
    </row>
    <row r="6306" spans="2:12">
      <c r="B6306" s="359"/>
      <c r="C6306" s="359" t="s">
        <v>17368</v>
      </c>
      <c r="D6306" s="359" t="s">
        <v>17366</v>
      </c>
      <c r="E6306" s="359" t="s">
        <v>17367</v>
      </c>
      <c r="F6306" s="359" t="s">
        <v>14371</v>
      </c>
      <c r="G6306" s="359" t="s">
        <v>14372</v>
      </c>
      <c r="H6306" s="359" t="s">
        <v>14332</v>
      </c>
      <c r="I6306" s="359" t="s">
        <v>14373</v>
      </c>
      <c r="J6306" s="359"/>
      <c r="K6306" s="359"/>
      <c r="L6306" s="359"/>
    </row>
    <row r="6307" spans="2:12">
      <c r="B6307" s="359"/>
      <c r="C6307" s="360"/>
      <c r="D6307" s="360"/>
      <c r="E6307" s="360"/>
      <c r="F6307" s="360"/>
      <c r="G6307" s="360"/>
      <c r="H6307" s="360"/>
      <c r="I6307" s="360"/>
      <c r="J6307" s="359"/>
      <c r="K6307" s="359"/>
      <c r="L6307" s="359"/>
    </row>
    <row r="6308" spans="2:12" ht="28.5">
      <c r="B6308" s="359"/>
      <c r="C6308" s="359" t="s">
        <v>17371</v>
      </c>
      <c r="D6308" s="359" t="s">
        <v>17369</v>
      </c>
      <c r="E6308" s="359" t="s">
        <v>17370</v>
      </c>
      <c r="F6308" s="359" t="s">
        <v>14374</v>
      </c>
      <c r="G6308" s="359" t="s">
        <v>14373</v>
      </c>
      <c r="H6308" s="360"/>
      <c r="I6308" s="360"/>
      <c r="J6308" s="359"/>
      <c r="K6308" s="359"/>
      <c r="L6308" s="359"/>
    </row>
    <row r="6309" spans="2:12">
      <c r="B6309" s="359"/>
      <c r="C6309" s="360"/>
      <c r="D6309" s="360"/>
      <c r="E6309" s="360"/>
      <c r="F6309" s="360"/>
      <c r="G6309" s="360"/>
      <c r="H6309" s="360"/>
      <c r="I6309" s="360"/>
      <c r="J6309" s="359"/>
      <c r="K6309" s="359"/>
      <c r="L6309" s="359"/>
    </row>
    <row r="6310" spans="2:12">
      <c r="B6310" s="359"/>
      <c r="C6310" s="359" t="s">
        <v>17374</v>
      </c>
      <c r="D6310" s="359" t="s">
        <v>17372</v>
      </c>
      <c r="E6310" s="359" t="s">
        <v>17373</v>
      </c>
      <c r="F6310" s="360"/>
      <c r="G6310" s="360"/>
      <c r="H6310" s="360"/>
      <c r="I6310" s="360"/>
      <c r="J6310" s="359"/>
      <c r="K6310" s="359"/>
      <c r="L6310" s="359"/>
    </row>
    <row r="6311" spans="2:12">
      <c r="B6311" s="359"/>
      <c r="C6311" s="360"/>
      <c r="D6311" s="360"/>
      <c r="E6311" s="360"/>
      <c r="F6311" s="360"/>
      <c r="G6311" s="360"/>
      <c r="H6311" s="360"/>
      <c r="I6311" s="360"/>
      <c r="J6311" s="359"/>
      <c r="K6311" s="359"/>
      <c r="L6311" s="359"/>
    </row>
    <row r="6312" spans="2:12">
      <c r="B6312" s="359"/>
      <c r="C6312" s="359" t="s">
        <v>17377</v>
      </c>
      <c r="D6312" s="359" t="s">
        <v>17375</v>
      </c>
      <c r="E6312" s="359" t="s">
        <v>17376</v>
      </c>
      <c r="F6312" s="360"/>
      <c r="G6312" s="360"/>
      <c r="H6312" s="360"/>
      <c r="I6312" s="360"/>
      <c r="J6312" s="359"/>
      <c r="K6312" s="359"/>
      <c r="L6312" s="359"/>
    </row>
    <row r="6313" spans="2:12">
      <c r="B6313" s="359"/>
      <c r="C6313" s="360"/>
      <c r="D6313" s="360"/>
      <c r="E6313" s="360"/>
      <c r="F6313" s="360"/>
      <c r="G6313" s="360"/>
      <c r="H6313" s="360"/>
      <c r="I6313" s="360"/>
      <c r="J6313" s="359"/>
      <c r="K6313" s="359"/>
      <c r="L6313" s="359"/>
    </row>
    <row r="6314" spans="2:12">
      <c r="B6314" s="359"/>
      <c r="C6314" s="359" t="s">
        <v>17380</v>
      </c>
      <c r="D6314" s="359" t="s">
        <v>17378</v>
      </c>
      <c r="E6314" s="359" t="s">
        <v>17379</v>
      </c>
      <c r="F6314" s="360"/>
      <c r="G6314" s="360"/>
      <c r="H6314" s="360"/>
      <c r="I6314" s="360"/>
      <c r="J6314" s="359"/>
      <c r="K6314" s="359"/>
      <c r="L6314" s="359"/>
    </row>
    <row r="6315" spans="2:12">
      <c r="B6315" s="359"/>
      <c r="C6315" s="360"/>
      <c r="D6315" s="360"/>
      <c r="E6315" s="360"/>
      <c r="F6315" s="360"/>
      <c r="G6315" s="360"/>
      <c r="H6315" s="360"/>
      <c r="I6315" s="360"/>
      <c r="J6315" s="359"/>
      <c r="K6315" s="359"/>
      <c r="L6315" s="359"/>
    </row>
    <row r="6316" spans="2:12" ht="28.5">
      <c r="B6316" s="359"/>
      <c r="C6316" s="359" t="s">
        <v>17383</v>
      </c>
      <c r="D6316" s="359" t="s">
        <v>17381</v>
      </c>
      <c r="E6316" s="359" t="s">
        <v>17382</v>
      </c>
      <c r="F6316" s="360"/>
      <c r="G6316" s="360"/>
      <c r="H6316" s="360"/>
      <c r="I6316" s="360"/>
      <c r="J6316" s="359"/>
      <c r="K6316" s="359"/>
      <c r="L6316" s="359"/>
    </row>
    <row r="6317" spans="2:12">
      <c r="B6317" s="359"/>
      <c r="C6317" s="360"/>
      <c r="D6317" s="360"/>
      <c r="E6317" s="360"/>
      <c r="F6317" s="360"/>
      <c r="G6317" s="360"/>
      <c r="H6317" s="360"/>
      <c r="I6317" s="360"/>
      <c r="J6317" s="359"/>
      <c r="K6317" s="359"/>
      <c r="L6317" s="359"/>
    </row>
    <row r="6318" spans="2:12" ht="28.5">
      <c r="B6318" s="359"/>
      <c r="C6318" s="359" t="s">
        <v>17386</v>
      </c>
      <c r="D6318" s="359" t="s">
        <v>17384</v>
      </c>
      <c r="E6318" s="359" t="s">
        <v>17385</v>
      </c>
      <c r="F6318" s="360"/>
      <c r="G6318" s="360"/>
      <c r="H6318" s="360"/>
      <c r="I6318" s="360"/>
      <c r="J6318" s="359"/>
      <c r="K6318" s="359"/>
      <c r="L6318" s="359"/>
    </row>
    <row r="6319" spans="2:12">
      <c r="B6319" s="359"/>
      <c r="C6319" s="360"/>
      <c r="D6319" s="360"/>
      <c r="E6319" s="360"/>
      <c r="F6319" s="360"/>
      <c r="G6319" s="360"/>
      <c r="H6319" s="360"/>
      <c r="I6319" s="360"/>
      <c r="J6319" s="359"/>
      <c r="K6319" s="359"/>
      <c r="L6319" s="359"/>
    </row>
    <row r="6320" spans="2:12" ht="28.5">
      <c r="B6320" s="359"/>
      <c r="C6320" s="359" t="s">
        <v>17389</v>
      </c>
      <c r="D6320" s="359" t="s">
        <v>17387</v>
      </c>
      <c r="E6320" s="359" t="s">
        <v>17388</v>
      </c>
      <c r="F6320" s="360"/>
      <c r="G6320" s="360"/>
      <c r="H6320" s="360"/>
      <c r="I6320" s="360"/>
      <c r="J6320" s="359"/>
      <c r="K6320" s="359"/>
      <c r="L6320" s="359"/>
    </row>
    <row r="6321" spans="2:12">
      <c r="B6321" s="359"/>
      <c r="C6321" s="360"/>
      <c r="D6321" s="360"/>
      <c r="E6321" s="360"/>
      <c r="F6321" s="360"/>
      <c r="G6321" s="360"/>
      <c r="H6321" s="360"/>
      <c r="I6321" s="360"/>
      <c r="J6321" s="359"/>
      <c r="K6321" s="359"/>
      <c r="L6321" s="359"/>
    </row>
    <row r="6322" spans="2:12" ht="28.5">
      <c r="B6322" s="359"/>
      <c r="C6322" s="359" t="s">
        <v>17392</v>
      </c>
      <c r="D6322" s="359" t="s">
        <v>17390</v>
      </c>
      <c r="E6322" s="359" t="s">
        <v>17391</v>
      </c>
      <c r="F6322" s="360"/>
      <c r="G6322" s="360"/>
      <c r="H6322" s="360"/>
      <c r="I6322" s="360"/>
      <c r="J6322" s="359"/>
      <c r="K6322" s="359"/>
      <c r="L6322" s="359"/>
    </row>
    <row r="6323" spans="2:12">
      <c r="B6323" s="359"/>
      <c r="C6323" s="360"/>
      <c r="D6323" s="360"/>
      <c r="E6323" s="360"/>
      <c r="F6323" s="360"/>
      <c r="G6323" s="360"/>
      <c r="H6323" s="360"/>
      <c r="I6323" s="360"/>
      <c r="J6323" s="359"/>
      <c r="K6323" s="359"/>
      <c r="L6323" s="359"/>
    </row>
    <row r="6324" spans="2:12" ht="28.5">
      <c r="B6324" s="359"/>
      <c r="C6324" s="359" t="s">
        <v>17395</v>
      </c>
      <c r="D6324" s="359" t="s">
        <v>17393</v>
      </c>
      <c r="E6324" s="359" t="s">
        <v>17394</v>
      </c>
      <c r="F6324" s="360"/>
      <c r="G6324" s="360"/>
      <c r="H6324" s="360"/>
      <c r="I6324" s="360"/>
      <c r="J6324" s="359"/>
      <c r="K6324" s="359"/>
      <c r="L6324" s="359"/>
    </row>
    <row r="6325" spans="2:12">
      <c r="B6325" s="359"/>
      <c r="C6325" s="360"/>
      <c r="D6325" s="360"/>
      <c r="E6325" s="360"/>
      <c r="F6325" s="360"/>
      <c r="G6325" s="360"/>
      <c r="H6325" s="360"/>
      <c r="I6325" s="360"/>
      <c r="J6325" s="359"/>
      <c r="K6325" s="359"/>
      <c r="L6325" s="359"/>
    </row>
    <row r="6326" spans="2:12" ht="28.5">
      <c r="B6326" s="359"/>
      <c r="C6326" s="359" t="s">
        <v>17398</v>
      </c>
      <c r="D6326" s="359" t="s">
        <v>17396</v>
      </c>
      <c r="E6326" s="359" t="s">
        <v>17397</v>
      </c>
      <c r="F6326" s="360"/>
      <c r="G6326" s="360"/>
      <c r="H6326" s="360"/>
      <c r="I6326" s="360"/>
      <c r="J6326" s="359"/>
      <c r="K6326" s="359"/>
      <c r="L6326" s="359"/>
    </row>
    <row r="6327" spans="2:12">
      <c r="B6327" s="359"/>
      <c r="C6327" s="360"/>
      <c r="D6327" s="360"/>
      <c r="E6327" s="360"/>
      <c r="F6327" s="360"/>
      <c r="G6327" s="360"/>
      <c r="H6327" s="360"/>
      <c r="I6327" s="360"/>
      <c r="J6327" s="359"/>
      <c r="K6327" s="359"/>
      <c r="L6327" s="359"/>
    </row>
    <row r="6328" spans="2:12" ht="28.5">
      <c r="B6328" s="359"/>
      <c r="C6328" s="359" t="s">
        <v>17401</v>
      </c>
      <c r="D6328" s="359" t="s">
        <v>17399</v>
      </c>
      <c r="E6328" s="359" t="s">
        <v>17400</v>
      </c>
      <c r="F6328" s="360"/>
      <c r="G6328" s="360"/>
      <c r="H6328" s="360"/>
      <c r="I6328" s="360"/>
      <c r="J6328" s="359"/>
      <c r="K6328" s="359"/>
      <c r="L6328" s="359"/>
    </row>
    <row r="6329" spans="2:12">
      <c r="B6329" s="359"/>
      <c r="C6329" s="360"/>
      <c r="D6329" s="360"/>
      <c r="E6329" s="360"/>
      <c r="F6329" s="360"/>
      <c r="G6329" s="360"/>
      <c r="H6329" s="360"/>
      <c r="I6329" s="360"/>
      <c r="J6329" s="359"/>
      <c r="K6329" s="359"/>
      <c r="L6329" s="359"/>
    </row>
    <row r="6330" spans="2:12" ht="28.5">
      <c r="B6330" s="359"/>
      <c r="C6330" s="359" t="s">
        <v>17404</v>
      </c>
      <c r="D6330" s="359" t="s">
        <v>17402</v>
      </c>
      <c r="E6330" s="359" t="s">
        <v>17403</v>
      </c>
      <c r="F6330" s="360"/>
      <c r="G6330" s="360"/>
      <c r="H6330" s="360"/>
      <c r="I6330" s="360"/>
      <c r="J6330" s="359"/>
      <c r="K6330" s="359"/>
      <c r="L6330" s="359"/>
    </row>
    <row r="6331" spans="2:12">
      <c r="B6331" s="359"/>
      <c r="C6331" s="360"/>
      <c r="D6331" s="360"/>
      <c r="E6331" s="360"/>
      <c r="F6331" s="360"/>
      <c r="G6331" s="360"/>
      <c r="H6331" s="360"/>
      <c r="I6331" s="360"/>
      <c r="J6331" s="359"/>
      <c r="K6331" s="359"/>
      <c r="L6331" s="359"/>
    </row>
    <row r="6332" spans="2:12" ht="28.5">
      <c r="B6332" s="359"/>
      <c r="C6332" s="359" t="s">
        <v>17407</v>
      </c>
      <c r="D6332" s="359" t="s">
        <v>17405</v>
      </c>
      <c r="E6332" s="359" t="s">
        <v>17406</v>
      </c>
      <c r="F6332" s="360"/>
      <c r="G6332" s="360"/>
      <c r="H6332" s="360"/>
      <c r="I6332" s="360"/>
      <c r="J6332" s="359"/>
      <c r="K6332" s="359"/>
      <c r="L6332" s="359"/>
    </row>
    <row r="6333" spans="2:12">
      <c r="B6333" s="359"/>
      <c r="C6333" s="360"/>
      <c r="D6333" s="360"/>
      <c r="E6333" s="360"/>
      <c r="F6333" s="360"/>
      <c r="G6333" s="360"/>
      <c r="H6333" s="360"/>
      <c r="I6333" s="360"/>
      <c r="J6333" s="359"/>
      <c r="K6333" s="359"/>
      <c r="L6333" s="359"/>
    </row>
    <row r="6334" spans="2:12" ht="28.5">
      <c r="B6334" s="361"/>
      <c r="C6334" s="361" t="s">
        <v>17410</v>
      </c>
      <c r="D6334" s="361" t="s">
        <v>17408</v>
      </c>
      <c r="E6334" s="361" t="s">
        <v>17409</v>
      </c>
      <c r="F6334" s="362"/>
      <c r="G6334" s="362"/>
      <c r="H6334" s="362"/>
      <c r="I6334" s="362"/>
      <c r="J6334" s="361"/>
      <c r="K6334" s="361"/>
      <c r="L6334" s="361"/>
    </row>
    <row r="6335" spans="2:12">
      <c r="B6335" s="358" t="s">
        <v>17411</v>
      </c>
      <c r="C6335" s="358" t="s">
        <v>17412</v>
      </c>
      <c r="D6335" s="358" t="s">
        <v>17413</v>
      </c>
      <c r="E6335" s="358" t="s">
        <v>17414</v>
      </c>
      <c r="F6335" s="358" t="s">
        <v>14326</v>
      </c>
      <c r="G6335" s="358" t="s">
        <v>14327</v>
      </c>
      <c r="H6335" s="358" t="s">
        <v>14328</v>
      </c>
      <c r="I6335" s="358" t="s">
        <v>14327</v>
      </c>
      <c r="J6335" s="358"/>
      <c r="K6335" s="358"/>
      <c r="L6335" s="358" t="s">
        <v>14329</v>
      </c>
    </row>
    <row r="6336" spans="2:12">
      <c r="B6336" s="359"/>
      <c r="C6336" s="359"/>
      <c r="D6336" s="359"/>
      <c r="E6336" s="359"/>
      <c r="F6336" s="360"/>
      <c r="G6336" s="360"/>
      <c r="H6336" s="360"/>
      <c r="I6336" s="360"/>
      <c r="J6336" s="359"/>
      <c r="K6336" s="359"/>
      <c r="L6336" s="359"/>
    </row>
    <row r="6337" spans="2:12">
      <c r="B6337" s="359"/>
      <c r="C6337" s="359"/>
      <c r="D6337" s="359"/>
      <c r="E6337" s="359"/>
      <c r="F6337" s="359" t="s">
        <v>14330</v>
      </c>
      <c r="G6337" s="359" t="s">
        <v>14369</v>
      </c>
      <c r="H6337" s="359" t="s">
        <v>14331</v>
      </c>
      <c r="I6337" s="359" t="s">
        <v>14369</v>
      </c>
      <c r="J6337" s="359"/>
      <c r="K6337" s="359"/>
      <c r="L6337" s="359"/>
    </row>
    <row r="6338" spans="2:12">
      <c r="B6338" s="359"/>
      <c r="C6338" s="359"/>
      <c r="D6338" s="359"/>
      <c r="E6338" s="359"/>
      <c r="F6338" s="360"/>
      <c r="G6338" s="360"/>
      <c r="H6338" s="360"/>
      <c r="I6338" s="360"/>
      <c r="J6338" s="359"/>
      <c r="K6338" s="359"/>
      <c r="L6338" s="359"/>
    </row>
    <row r="6339" spans="2:12">
      <c r="B6339" s="359"/>
      <c r="C6339" s="359"/>
      <c r="D6339" s="359"/>
      <c r="E6339" s="359"/>
      <c r="F6339" s="359" t="s">
        <v>14368</v>
      </c>
      <c r="G6339" s="360"/>
      <c r="H6339" s="359" t="s">
        <v>14367</v>
      </c>
      <c r="I6339" s="360"/>
      <c r="J6339" s="359"/>
      <c r="K6339" s="359"/>
      <c r="L6339" s="359"/>
    </row>
    <row r="6340" spans="2:12">
      <c r="B6340" s="359"/>
      <c r="C6340" s="359"/>
      <c r="D6340" s="359"/>
      <c r="E6340" s="359"/>
      <c r="F6340" s="360"/>
      <c r="G6340" s="360"/>
      <c r="H6340" s="360"/>
      <c r="I6340" s="360"/>
      <c r="J6340" s="359"/>
      <c r="K6340" s="359"/>
      <c r="L6340" s="359"/>
    </row>
    <row r="6341" spans="2:12">
      <c r="B6341" s="361"/>
      <c r="C6341" s="361"/>
      <c r="D6341" s="361"/>
      <c r="E6341" s="361"/>
      <c r="F6341" s="362"/>
      <c r="G6341" s="362"/>
      <c r="H6341" s="361" t="s">
        <v>14332</v>
      </c>
      <c r="I6341" s="362"/>
      <c r="J6341" s="361"/>
      <c r="K6341" s="361"/>
      <c r="L6341" s="361"/>
    </row>
    <row r="6342" spans="2:12">
      <c r="B6342" s="358" t="s">
        <v>17415</v>
      </c>
      <c r="C6342" s="358" t="s">
        <v>17416</v>
      </c>
      <c r="D6342" s="358" t="s">
        <v>17417</v>
      </c>
      <c r="E6342" s="358" t="s">
        <v>17418</v>
      </c>
      <c r="F6342" s="358" t="s">
        <v>14326</v>
      </c>
      <c r="G6342" s="358" t="s">
        <v>14327</v>
      </c>
      <c r="H6342" s="358" t="s">
        <v>14328</v>
      </c>
      <c r="I6342" s="358" t="s">
        <v>14327</v>
      </c>
      <c r="J6342" s="358"/>
      <c r="K6342" s="358"/>
      <c r="L6342" s="358" t="s">
        <v>14329</v>
      </c>
    </row>
    <row r="6343" spans="2:12">
      <c r="B6343" s="359"/>
      <c r="C6343" s="360"/>
      <c r="D6343" s="359"/>
      <c r="E6343" s="359"/>
      <c r="F6343" s="360"/>
      <c r="G6343" s="359"/>
      <c r="H6343" s="360"/>
      <c r="I6343" s="359"/>
      <c r="J6343" s="359"/>
      <c r="K6343" s="359"/>
      <c r="L6343" s="359"/>
    </row>
    <row r="6344" spans="2:12">
      <c r="B6344" s="359"/>
      <c r="C6344" s="359" t="s">
        <v>17419</v>
      </c>
      <c r="D6344" s="359"/>
      <c r="E6344" s="359"/>
      <c r="F6344" s="359" t="s">
        <v>14330</v>
      </c>
      <c r="G6344" s="359"/>
      <c r="H6344" s="359" t="s">
        <v>14331</v>
      </c>
      <c r="I6344" s="359"/>
      <c r="J6344" s="359"/>
      <c r="K6344" s="359"/>
      <c r="L6344" s="359"/>
    </row>
    <row r="6345" spans="2:12">
      <c r="B6345" s="359"/>
      <c r="C6345" s="360"/>
      <c r="D6345" s="359"/>
      <c r="E6345" s="359"/>
      <c r="F6345" s="360"/>
      <c r="G6345" s="359"/>
      <c r="H6345" s="360"/>
      <c r="I6345" s="359"/>
      <c r="J6345" s="359"/>
      <c r="K6345" s="359"/>
      <c r="L6345" s="359"/>
    </row>
    <row r="6346" spans="2:12">
      <c r="B6346" s="361"/>
      <c r="C6346" s="362"/>
      <c r="D6346" s="361"/>
      <c r="E6346" s="361"/>
      <c r="F6346" s="362"/>
      <c r="G6346" s="361"/>
      <c r="H6346" s="361" t="s">
        <v>14332</v>
      </c>
      <c r="I6346" s="361"/>
      <c r="J6346" s="361"/>
      <c r="K6346" s="361"/>
      <c r="L6346" s="361"/>
    </row>
    <row r="6347" spans="2:12">
      <c r="B6347" s="358" t="s">
        <v>17420</v>
      </c>
      <c r="C6347" s="358" t="s">
        <v>17421</v>
      </c>
      <c r="D6347" s="358" t="s">
        <v>17422</v>
      </c>
      <c r="E6347" s="358" t="s">
        <v>17423</v>
      </c>
      <c r="F6347" s="358" t="s">
        <v>14326</v>
      </c>
      <c r="G6347" s="358" t="s">
        <v>14327</v>
      </c>
      <c r="H6347" s="358" t="s">
        <v>14328</v>
      </c>
      <c r="I6347" s="358" t="s">
        <v>14327</v>
      </c>
      <c r="J6347" s="358"/>
      <c r="K6347" s="358"/>
      <c r="L6347" s="358" t="s">
        <v>17298</v>
      </c>
    </row>
    <row r="6348" spans="2:12">
      <c r="B6348" s="359"/>
      <c r="C6348" s="360"/>
      <c r="D6348" s="360"/>
      <c r="E6348" s="360"/>
      <c r="F6348" s="360"/>
      <c r="G6348" s="359"/>
      <c r="H6348" s="360"/>
      <c r="I6348" s="359"/>
      <c r="J6348" s="359"/>
      <c r="K6348" s="359"/>
      <c r="L6348" s="359"/>
    </row>
    <row r="6349" spans="2:12">
      <c r="B6349" s="359"/>
      <c r="C6349" s="359" t="s">
        <v>17424</v>
      </c>
      <c r="D6349" s="359" t="s">
        <v>17425</v>
      </c>
      <c r="E6349" s="359" t="s">
        <v>17426</v>
      </c>
      <c r="F6349" s="359" t="s">
        <v>14330</v>
      </c>
      <c r="G6349" s="359"/>
      <c r="H6349" s="359" t="s">
        <v>14331</v>
      </c>
      <c r="I6349" s="359"/>
      <c r="J6349" s="359"/>
      <c r="K6349" s="359"/>
      <c r="L6349" s="359"/>
    </row>
    <row r="6350" spans="2:12">
      <c r="B6350" s="359"/>
      <c r="C6350" s="360"/>
      <c r="D6350" s="360"/>
      <c r="E6350" s="360"/>
      <c r="F6350" s="360"/>
      <c r="G6350" s="359"/>
      <c r="H6350" s="360"/>
      <c r="I6350" s="359"/>
      <c r="J6350" s="359"/>
      <c r="K6350" s="359"/>
      <c r="L6350" s="359"/>
    </row>
    <row r="6351" spans="2:12">
      <c r="B6351" s="359"/>
      <c r="C6351" s="359" t="s">
        <v>17427</v>
      </c>
      <c r="D6351" s="359" t="s">
        <v>17428</v>
      </c>
      <c r="E6351" s="359" t="s">
        <v>17429</v>
      </c>
      <c r="F6351" s="360"/>
      <c r="G6351" s="359"/>
      <c r="H6351" s="359" t="s">
        <v>14332</v>
      </c>
      <c r="I6351" s="359"/>
      <c r="J6351" s="359"/>
      <c r="K6351" s="359"/>
      <c r="L6351" s="359"/>
    </row>
    <row r="6352" spans="2:12">
      <c r="B6352" s="359"/>
      <c r="C6352" s="360"/>
      <c r="D6352" s="360"/>
      <c r="E6352" s="360"/>
      <c r="F6352" s="360"/>
      <c r="G6352" s="359"/>
      <c r="H6352" s="360"/>
      <c r="I6352" s="359"/>
      <c r="J6352" s="359"/>
      <c r="K6352" s="359"/>
      <c r="L6352" s="359"/>
    </row>
    <row r="6353" spans="2:12">
      <c r="B6353" s="359"/>
      <c r="C6353" s="359" t="s">
        <v>27519</v>
      </c>
      <c r="D6353" s="359" t="s">
        <v>17430</v>
      </c>
      <c r="E6353" s="359" t="s">
        <v>17431</v>
      </c>
      <c r="F6353" s="360"/>
      <c r="G6353" s="359"/>
      <c r="H6353" s="360"/>
      <c r="I6353" s="359"/>
      <c r="J6353" s="359"/>
      <c r="K6353" s="359"/>
      <c r="L6353" s="359"/>
    </row>
    <row r="6354" spans="2:12">
      <c r="B6354" s="359"/>
      <c r="C6354" s="360"/>
      <c r="D6354" s="360"/>
      <c r="E6354" s="360"/>
      <c r="F6354" s="360"/>
      <c r="G6354" s="359"/>
      <c r="H6354" s="360"/>
      <c r="I6354" s="359"/>
      <c r="J6354" s="359"/>
      <c r="K6354" s="359"/>
      <c r="L6354" s="359"/>
    </row>
    <row r="6355" spans="2:12">
      <c r="B6355" s="361"/>
      <c r="C6355" s="361" t="s">
        <v>27520</v>
      </c>
      <c r="D6355" s="361" t="s">
        <v>17432</v>
      </c>
      <c r="E6355" s="361" t="s">
        <v>17433</v>
      </c>
      <c r="F6355" s="362"/>
      <c r="G6355" s="361"/>
      <c r="H6355" s="362"/>
      <c r="I6355" s="361"/>
      <c r="J6355" s="361"/>
      <c r="K6355" s="361"/>
      <c r="L6355" s="361"/>
    </row>
    <row r="6356" spans="2:12">
      <c r="B6356" s="358" t="s">
        <v>9499</v>
      </c>
      <c r="C6356" s="358" t="s">
        <v>17434</v>
      </c>
      <c r="D6356" s="358" t="s">
        <v>9500</v>
      </c>
      <c r="E6356" s="358" t="s">
        <v>2030</v>
      </c>
      <c r="F6356" s="358" t="s">
        <v>14326</v>
      </c>
      <c r="G6356" s="358" t="s">
        <v>14327</v>
      </c>
      <c r="H6356" s="358" t="s">
        <v>14328</v>
      </c>
      <c r="I6356" s="358" t="s">
        <v>14327</v>
      </c>
      <c r="J6356" s="358"/>
      <c r="K6356" s="358"/>
      <c r="L6356" s="358" t="s">
        <v>17435</v>
      </c>
    </row>
    <row r="6357" spans="2:12">
      <c r="B6357" s="359"/>
      <c r="C6357" s="360"/>
      <c r="D6357" s="359"/>
      <c r="E6357" s="359"/>
      <c r="F6357" s="360"/>
      <c r="G6357" s="360"/>
      <c r="H6357" s="360"/>
      <c r="I6357" s="360"/>
      <c r="J6357" s="359"/>
      <c r="K6357" s="359"/>
      <c r="L6357" s="359"/>
    </row>
    <row r="6358" spans="2:12">
      <c r="B6358" s="359"/>
      <c r="C6358" s="359" t="s">
        <v>17436</v>
      </c>
      <c r="D6358" s="359"/>
      <c r="E6358" s="359"/>
      <c r="F6358" s="359" t="s">
        <v>14330</v>
      </c>
      <c r="G6358" s="359" t="s">
        <v>14669</v>
      </c>
      <c r="H6358" s="359" t="s">
        <v>14331</v>
      </c>
      <c r="I6358" s="359" t="s">
        <v>14669</v>
      </c>
      <c r="J6358" s="359"/>
      <c r="K6358" s="359"/>
      <c r="L6358" s="359"/>
    </row>
    <row r="6359" spans="2:12">
      <c r="B6359" s="359"/>
      <c r="C6359" s="360"/>
      <c r="D6359" s="359"/>
      <c r="E6359" s="359"/>
      <c r="F6359" s="360"/>
      <c r="G6359" s="360"/>
      <c r="H6359" s="360"/>
      <c r="I6359" s="360"/>
      <c r="J6359" s="359"/>
      <c r="K6359" s="359"/>
      <c r="L6359" s="359"/>
    </row>
    <row r="6360" spans="2:12">
      <c r="B6360" s="359"/>
      <c r="C6360" s="360"/>
      <c r="D6360" s="359"/>
      <c r="E6360" s="359"/>
      <c r="F6360" s="359" t="s">
        <v>16528</v>
      </c>
      <c r="G6360" s="359" t="s">
        <v>14890</v>
      </c>
      <c r="H6360" s="359" t="s">
        <v>14381</v>
      </c>
      <c r="I6360" s="359" t="s">
        <v>14890</v>
      </c>
      <c r="J6360" s="359"/>
      <c r="K6360" s="359"/>
      <c r="L6360" s="359"/>
    </row>
    <row r="6361" spans="2:12">
      <c r="B6361" s="359"/>
      <c r="C6361" s="360"/>
      <c r="D6361" s="359"/>
      <c r="E6361" s="359"/>
      <c r="F6361" s="360"/>
      <c r="G6361" s="360"/>
      <c r="H6361" s="360"/>
      <c r="I6361" s="360"/>
      <c r="J6361" s="359"/>
      <c r="K6361" s="359"/>
      <c r="L6361" s="359"/>
    </row>
    <row r="6362" spans="2:12">
      <c r="B6362" s="361"/>
      <c r="C6362" s="362"/>
      <c r="D6362" s="361"/>
      <c r="E6362" s="361"/>
      <c r="F6362" s="361" t="s">
        <v>14889</v>
      </c>
      <c r="G6362" s="362"/>
      <c r="H6362" s="361" t="s">
        <v>14332</v>
      </c>
      <c r="I6362" s="362"/>
      <c r="J6362" s="361"/>
      <c r="K6362" s="361"/>
      <c r="L6362" s="361"/>
    </row>
    <row r="6363" spans="2:12">
      <c r="B6363" s="358" t="s">
        <v>10270</v>
      </c>
      <c r="C6363" s="358" t="s">
        <v>17437</v>
      </c>
      <c r="D6363" s="358" t="s">
        <v>10271</v>
      </c>
      <c r="E6363" s="358" t="s">
        <v>10272</v>
      </c>
      <c r="F6363" s="358" t="s">
        <v>14524</v>
      </c>
      <c r="G6363" s="358" t="s">
        <v>14525</v>
      </c>
      <c r="H6363" s="358" t="s">
        <v>14328</v>
      </c>
      <c r="I6363" s="358" t="s">
        <v>14525</v>
      </c>
      <c r="J6363" s="358"/>
      <c r="K6363" s="358"/>
      <c r="L6363" s="358" t="s">
        <v>595</v>
      </c>
    </row>
    <row r="6364" spans="2:12">
      <c r="B6364" s="359"/>
      <c r="C6364" s="360"/>
      <c r="D6364" s="359"/>
      <c r="E6364" s="359"/>
      <c r="F6364" s="360"/>
      <c r="G6364" s="360"/>
      <c r="H6364" s="360"/>
      <c r="I6364" s="360"/>
      <c r="J6364" s="359"/>
      <c r="K6364" s="359"/>
      <c r="L6364" s="359"/>
    </row>
    <row r="6365" spans="2:12">
      <c r="B6365" s="359"/>
      <c r="C6365" s="359" t="s">
        <v>17438</v>
      </c>
      <c r="D6365" s="359"/>
      <c r="E6365" s="359"/>
      <c r="F6365" s="359" t="s">
        <v>28860</v>
      </c>
      <c r="G6365" s="359" t="s">
        <v>14669</v>
      </c>
      <c r="H6365" s="359" t="s">
        <v>14381</v>
      </c>
      <c r="I6365" s="359" t="s">
        <v>14669</v>
      </c>
      <c r="J6365" s="359"/>
      <c r="K6365" s="359"/>
      <c r="L6365" s="359"/>
    </row>
    <row r="6366" spans="2:12">
      <c r="B6366" s="359"/>
      <c r="C6366" s="360"/>
      <c r="D6366" s="359"/>
      <c r="E6366" s="359"/>
      <c r="F6366" s="360"/>
      <c r="G6366" s="360"/>
      <c r="H6366" s="360"/>
      <c r="I6366" s="360"/>
      <c r="J6366" s="359"/>
      <c r="K6366" s="359"/>
      <c r="L6366" s="359"/>
    </row>
    <row r="6367" spans="2:12" ht="28.5">
      <c r="B6367" s="359"/>
      <c r="C6367" s="360"/>
      <c r="D6367" s="359"/>
      <c r="E6367" s="359"/>
      <c r="F6367" s="359" t="s">
        <v>14472</v>
      </c>
      <c r="G6367" s="359" t="s">
        <v>14427</v>
      </c>
      <c r="H6367" s="359" t="s">
        <v>14332</v>
      </c>
      <c r="I6367" s="359" t="s">
        <v>14427</v>
      </c>
      <c r="J6367" s="359"/>
      <c r="K6367" s="359"/>
      <c r="L6367" s="359"/>
    </row>
    <row r="6368" spans="2:12">
      <c r="B6368" s="359"/>
      <c r="C6368" s="360"/>
      <c r="D6368" s="359"/>
      <c r="E6368" s="359"/>
      <c r="F6368" s="360"/>
      <c r="G6368" s="360"/>
      <c r="H6368" s="360"/>
      <c r="I6368" s="360"/>
      <c r="J6368" s="359"/>
      <c r="K6368" s="359"/>
      <c r="L6368" s="359"/>
    </row>
    <row r="6369" spans="2:12">
      <c r="B6369" s="361"/>
      <c r="C6369" s="362"/>
      <c r="D6369" s="361"/>
      <c r="E6369" s="361"/>
      <c r="F6369" s="362"/>
      <c r="G6369" s="361" t="s">
        <v>14473</v>
      </c>
      <c r="H6369" s="362"/>
      <c r="I6369" s="361" t="s">
        <v>14473</v>
      </c>
      <c r="J6369" s="361"/>
      <c r="K6369" s="361"/>
      <c r="L6369" s="361"/>
    </row>
    <row r="6370" spans="2:12">
      <c r="B6370" s="354" t="s">
        <v>14342</v>
      </c>
      <c r="C6370" s="355"/>
      <c r="D6370" s="355"/>
      <c r="E6370" s="355"/>
      <c r="F6370" s="355"/>
      <c r="G6370" s="355"/>
      <c r="H6370" s="355"/>
      <c r="I6370" s="355"/>
      <c r="J6370" s="355"/>
      <c r="K6370" s="355"/>
      <c r="L6370" s="363"/>
    </row>
    <row r="6371" spans="2:12">
      <c r="B6371" s="358" t="s">
        <v>17439</v>
      </c>
      <c r="C6371" s="358" t="s">
        <v>17440</v>
      </c>
      <c r="D6371" s="358" t="s">
        <v>17441</v>
      </c>
      <c r="E6371" s="358" t="s">
        <v>17442</v>
      </c>
      <c r="F6371" s="358" t="s">
        <v>14326</v>
      </c>
      <c r="G6371" s="358" t="s">
        <v>14327</v>
      </c>
      <c r="H6371" s="358" t="s">
        <v>14328</v>
      </c>
      <c r="I6371" s="358" t="s">
        <v>14327</v>
      </c>
      <c r="J6371" s="364" t="s">
        <v>33720</v>
      </c>
      <c r="K6371" s="358"/>
      <c r="L6371" s="358" t="s">
        <v>14329</v>
      </c>
    </row>
    <row r="6372" spans="2:12">
      <c r="B6372" s="359"/>
      <c r="C6372" s="360"/>
      <c r="D6372" s="359"/>
      <c r="E6372" s="359"/>
      <c r="F6372" s="360"/>
      <c r="G6372" s="359"/>
      <c r="H6372" s="360"/>
      <c r="I6372" s="359"/>
      <c r="J6372" s="349"/>
      <c r="K6372" s="359"/>
      <c r="L6372" s="359"/>
    </row>
    <row r="6373" spans="2:12">
      <c r="B6373" s="359"/>
      <c r="C6373" s="359" t="s">
        <v>17443</v>
      </c>
      <c r="D6373" s="359"/>
      <c r="E6373" s="359"/>
      <c r="F6373" s="359" t="s">
        <v>14330</v>
      </c>
      <c r="G6373" s="359"/>
      <c r="H6373" s="359" t="s">
        <v>14331</v>
      </c>
      <c r="I6373" s="359"/>
      <c r="J6373" s="349"/>
      <c r="K6373" s="359"/>
      <c r="L6373" s="359"/>
    </row>
    <row r="6374" spans="2:12">
      <c r="B6374" s="359"/>
      <c r="C6374" s="360"/>
      <c r="D6374" s="359"/>
      <c r="E6374" s="359"/>
      <c r="F6374" s="360"/>
      <c r="G6374" s="359"/>
      <c r="H6374" s="360"/>
      <c r="I6374" s="359"/>
      <c r="J6374" s="349"/>
      <c r="K6374" s="359"/>
      <c r="L6374" s="359"/>
    </row>
    <row r="6375" spans="2:12">
      <c r="B6375" s="361"/>
      <c r="C6375" s="362"/>
      <c r="D6375" s="361"/>
      <c r="E6375" s="361"/>
      <c r="F6375" s="362"/>
      <c r="G6375" s="361"/>
      <c r="H6375" s="361" t="s">
        <v>14332</v>
      </c>
      <c r="I6375" s="361"/>
      <c r="J6375" s="353"/>
      <c r="K6375" s="361"/>
      <c r="L6375" s="361"/>
    </row>
    <row r="6376" spans="2:12">
      <c r="B6376" s="354" t="s">
        <v>28528</v>
      </c>
      <c r="C6376" s="355"/>
      <c r="D6376" s="355"/>
      <c r="E6376" s="355"/>
      <c r="F6376" s="355"/>
      <c r="G6376" s="355"/>
      <c r="H6376" s="355"/>
      <c r="I6376" s="355"/>
      <c r="J6376" s="355"/>
      <c r="K6376" s="355"/>
      <c r="L6376" s="363"/>
    </row>
    <row r="6377" spans="2:12">
      <c r="B6377" s="358" t="s">
        <v>17444</v>
      </c>
      <c r="C6377" s="358" t="s">
        <v>17445</v>
      </c>
      <c r="D6377" s="358" t="s">
        <v>17446</v>
      </c>
      <c r="E6377" s="358" t="s">
        <v>17447</v>
      </c>
      <c r="F6377" s="358" t="s">
        <v>14326</v>
      </c>
      <c r="G6377" s="358" t="s">
        <v>14327</v>
      </c>
      <c r="H6377" s="358" t="s">
        <v>14328</v>
      </c>
      <c r="I6377" s="358" t="s">
        <v>14327</v>
      </c>
      <c r="J6377" s="358"/>
      <c r="K6377" s="358"/>
      <c r="L6377" s="358" t="s">
        <v>14329</v>
      </c>
    </row>
    <row r="6378" spans="2:12">
      <c r="B6378" s="359"/>
      <c r="C6378" s="359"/>
      <c r="D6378" s="359"/>
      <c r="E6378" s="359"/>
      <c r="F6378" s="360"/>
      <c r="G6378" s="359"/>
      <c r="H6378" s="360"/>
      <c r="I6378" s="359"/>
      <c r="J6378" s="359"/>
      <c r="K6378" s="359"/>
      <c r="L6378" s="359"/>
    </row>
    <row r="6379" spans="2:12">
      <c r="B6379" s="359"/>
      <c r="C6379" s="359"/>
      <c r="D6379" s="359"/>
      <c r="E6379" s="359"/>
      <c r="F6379" s="359" t="s">
        <v>14330</v>
      </c>
      <c r="G6379" s="359"/>
      <c r="H6379" s="359" t="s">
        <v>14331</v>
      </c>
      <c r="I6379" s="359"/>
      <c r="J6379" s="359"/>
      <c r="K6379" s="359"/>
      <c r="L6379" s="359"/>
    </row>
    <row r="6380" spans="2:12">
      <c r="B6380" s="359"/>
      <c r="C6380" s="359"/>
      <c r="D6380" s="359"/>
      <c r="E6380" s="359"/>
      <c r="F6380" s="360"/>
      <c r="G6380" s="359"/>
      <c r="H6380" s="360"/>
      <c r="I6380" s="359"/>
      <c r="J6380" s="359"/>
      <c r="K6380" s="359"/>
      <c r="L6380" s="359"/>
    </row>
    <row r="6381" spans="2:12">
      <c r="B6381" s="361"/>
      <c r="C6381" s="361"/>
      <c r="D6381" s="361"/>
      <c r="E6381" s="361"/>
      <c r="F6381" s="362"/>
      <c r="G6381" s="361"/>
      <c r="H6381" s="361" t="s">
        <v>14332</v>
      </c>
      <c r="I6381" s="361"/>
      <c r="J6381" s="361"/>
      <c r="K6381" s="361"/>
      <c r="L6381" s="361"/>
    </row>
    <row r="6382" spans="2:12">
      <c r="B6382" s="358" t="s">
        <v>17448</v>
      </c>
      <c r="C6382" s="358" t="s">
        <v>17449</v>
      </c>
      <c r="D6382" s="358" t="s">
        <v>17450</v>
      </c>
      <c r="E6382" s="358" t="s">
        <v>17451</v>
      </c>
      <c r="F6382" s="358" t="s">
        <v>14505</v>
      </c>
      <c r="G6382" s="358" t="s">
        <v>14506</v>
      </c>
      <c r="H6382" s="358" t="s">
        <v>14328</v>
      </c>
      <c r="I6382" s="358" t="s">
        <v>14506</v>
      </c>
      <c r="J6382" s="358"/>
      <c r="K6382" s="358"/>
      <c r="L6382" s="358"/>
    </row>
    <row r="6383" spans="2:12">
      <c r="B6383" s="359"/>
      <c r="C6383" s="359"/>
      <c r="D6383" s="359"/>
      <c r="E6383" s="359"/>
      <c r="F6383" s="360"/>
      <c r="G6383" s="360"/>
      <c r="H6383" s="360"/>
      <c r="I6383" s="360"/>
      <c r="J6383" s="359"/>
      <c r="K6383" s="359"/>
      <c r="L6383" s="359"/>
    </row>
    <row r="6384" spans="2:12">
      <c r="B6384" s="359"/>
      <c r="C6384" s="359"/>
      <c r="D6384" s="359"/>
      <c r="E6384" s="359"/>
      <c r="F6384" s="359" t="s">
        <v>17310</v>
      </c>
      <c r="G6384" s="359" t="s">
        <v>17311</v>
      </c>
      <c r="H6384" s="359" t="s">
        <v>14381</v>
      </c>
      <c r="I6384" s="359" t="s">
        <v>17311</v>
      </c>
      <c r="J6384" s="359"/>
      <c r="K6384" s="359"/>
      <c r="L6384" s="359"/>
    </row>
    <row r="6385" spans="2:12">
      <c r="B6385" s="359"/>
      <c r="C6385" s="359"/>
      <c r="D6385" s="359"/>
      <c r="E6385" s="359"/>
      <c r="F6385" s="360"/>
      <c r="G6385" s="360"/>
      <c r="H6385" s="360"/>
      <c r="I6385" s="360"/>
      <c r="J6385" s="359"/>
      <c r="K6385" s="359"/>
      <c r="L6385" s="359"/>
    </row>
    <row r="6386" spans="2:12">
      <c r="B6386" s="359"/>
      <c r="C6386" s="359"/>
      <c r="D6386" s="359"/>
      <c r="E6386" s="359"/>
      <c r="F6386" s="359" t="s">
        <v>14389</v>
      </c>
      <c r="G6386" s="359" t="s">
        <v>14390</v>
      </c>
      <c r="H6386" s="359" t="s">
        <v>14367</v>
      </c>
      <c r="I6386" s="359" t="s">
        <v>14390</v>
      </c>
      <c r="J6386" s="359"/>
      <c r="K6386" s="359"/>
      <c r="L6386" s="359"/>
    </row>
    <row r="6387" spans="2:12">
      <c r="B6387" s="359"/>
      <c r="C6387" s="359"/>
      <c r="D6387" s="359"/>
      <c r="E6387" s="359"/>
      <c r="F6387" s="360"/>
      <c r="G6387" s="360"/>
      <c r="H6387" s="360"/>
      <c r="I6387" s="360"/>
      <c r="J6387" s="359"/>
      <c r="K6387" s="359"/>
      <c r="L6387" s="359"/>
    </row>
    <row r="6388" spans="2:12">
      <c r="B6388" s="359"/>
      <c r="C6388" s="359"/>
      <c r="D6388" s="359"/>
      <c r="E6388" s="359"/>
      <c r="F6388" s="359" t="s">
        <v>14368</v>
      </c>
      <c r="G6388" s="359" t="s">
        <v>14369</v>
      </c>
      <c r="H6388" s="359" t="s">
        <v>14370</v>
      </c>
      <c r="I6388" s="359" t="s">
        <v>14369</v>
      </c>
      <c r="J6388" s="359"/>
      <c r="K6388" s="359"/>
      <c r="L6388" s="359"/>
    </row>
    <row r="6389" spans="2:12">
      <c r="B6389" s="359"/>
      <c r="C6389" s="359"/>
      <c r="D6389" s="359"/>
      <c r="E6389" s="359"/>
      <c r="F6389" s="360"/>
      <c r="G6389" s="360"/>
      <c r="H6389" s="360"/>
      <c r="I6389" s="360"/>
      <c r="J6389" s="359"/>
      <c r="K6389" s="359"/>
      <c r="L6389" s="359"/>
    </row>
    <row r="6390" spans="2:12">
      <c r="B6390" s="359"/>
      <c r="C6390" s="359"/>
      <c r="D6390" s="359"/>
      <c r="E6390" s="359"/>
      <c r="F6390" s="359" t="s">
        <v>14371</v>
      </c>
      <c r="G6390" s="359" t="s">
        <v>14372</v>
      </c>
      <c r="H6390" s="359" t="s">
        <v>14332</v>
      </c>
      <c r="I6390" s="359" t="s">
        <v>14373</v>
      </c>
      <c r="J6390" s="359"/>
      <c r="K6390" s="359"/>
      <c r="L6390" s="359"/>
    </row>
    <row r="6391" spans="2:12">
      <c r="B6391" s="359"/>
      <c r="C6391" s="359"/>
      <c r="D6391" s="359"/>
      <c r="E6391" s="359"/>
      <c r="F6391" s="360"/>
      <c r="G6391" s="360"/>
      <c r="H6391" s="360"/>
      <c r="I6391" s="360"/>
      <c r="J6391" s="359"/>
      <c r="K6391" s="359"/>
      <c r="L6391" s="359"/>
    </row>
    <row r="6392" spans="2:12" ht="28.5">
      <c r="B6392" s="361"/>
      <c r="C6392" s="361"/>
      <c r="D6392" s="361"/>
      <c r="E6392" s="361"/>
      <c r="F6392" s="361" t="s">
        <v>14374</v>
      </c>
      <c r="G6392" s="361" t="s">
        <v>14373</v>
      </c>
      <c r="H6392" s="362"/>
      <c r="I6392" s="362"/>
      <c r="J6392" s="361"/>
      <c r="K6392" s="361"/>
      <c r="L6392" s="361"/>
    </row>
    <row r="6393" spans="2:12">
      <c r="B6393" s="358" t="s">
        <v>17452</v>
      </c>
      <c r="C6393" s="358" t="s">
        <v>17453</v>
      </c>
      <c r="D6393" s="358" t="s">
        <v>17454</v>
      </c>
      <c r="E6393" s="358" t="s">
        <v>17455</v>
      </c>
      <c r="F6393" s="358" t="s">
        <v>14505</v>
      </c>
      <c r="G6393" s="358" t="s">
        <v>14506</v>
      </c>
      <c r="H6393" s="358" t="s">
        <v>14328</v>
      </c>
      <c r="I6393" s="358" t="s">
        <v>14506</v>
      </c>
      <c r="J6393" s="358"/>
      <c r="K6393" s="358"/>
      <c r="L6393" s="358"/>
    </row>
    <row r="6394" spans="2:12">
      <c r="B6394" s="359"/>
      <c r="C6394" s="359"/>
      <c r="D6394" s="359"/>
      <c r="E6394" s="359"/>
      <c r="F6394" s="360"/>
      <c r="G6394" s="360"/>
      <c r="H6394" s="360"/>
      <c r="I6394" s="360"/>
      <c r="J6394" s="359"/>
      <c r="K6394" s="359"/>
      <c r="L6394" s="359"/>
    </row>
    <row r="6395" spans="2:12">
      <c r="B6395" s="359"/>
      <c r="C6395" s="359"/>
      <c r="D6395" s="359"/>
      <c r="E6395" s="359"/>
      <c r="F6395" s="359" t="s">
        <v>17310</v>
      </c>
      <c r="G6395" s="359" t="s">
        <v>17311</v>
      </c>
      <c r="H6395" s="359" t="s">
        <v>14381</v>
      </c>
      <c r="I6395" s="359" t="s">
        <v>17311</v>
      </c>
      <c r="J6395" s="359"/>
      <c r="K6395" s="359"/>
      <c r="L6395" s="359"/>
    </row>
    <row r="6396" spans="2:12">
      <c r="B6396" s="359"/>
      <c r="C6396" s="359"/>
      <c r="D6396" s="359"/>
      <c r="E6396" s="359"/>
      <c r="F6396" s="360"/>
      <c r="G6396" s="360"/>
      <c r="H6396" s="360"/>
      <c r="I6396" s="360"/>
      <c r="J6396" s="359"/>
      <c r="K6396" s="359"/>
      <c r="L6396" s="359"/>
    </row>
    <row r="6397" spans="2:12">
      <c r="B6397" s="359"/>
      <c r="C6397" s="359"/>
      <c r="D6397" s="359"/>
      <c r="E6397" s="359"/>
      <c r="F6397" s="359" t="s">
        <v>14389</v>
      </c>
      <c r="G6397" s="359" t="s">
        <v>14390</v>
      </c>
      <c r="H6397" s="359" t="s">
        <v>14367</v>
      </c>
      <c r="I6397" s="359" t="s">
        <v>14390</v>
      </c>
      <c r="J6397" s="359"/>
      <c r="K6397" s="359"/>
      <c r="L6397" s="359"/>
    </row>
    <row r="6398" spans="2:12">
      <c r="B6398" s="359"/>
      <c r="C6398" s="359"/>
      <c r="D6398" s="359"/>
      <c r="E6398" s="359"/>
      <c r="F6398" s="360"/>
      <c r="G6398" s="360"/>
      <c r="H6398" s="360"/>
      <c r="I6398" s="360"/>
      <c r="J6398" s="359"/>
      <c r="K6398" s="359"/>
      <c r="L6398" s="359"/>
    </row>
    <row r="6399" spans="2:12">
      <c r="B6399" s="359"/>
      <c r="C6399" s="359"/>
      <c r="D6399" s="359"/>
      <c r="E6399" s="359"/>
      <c r="F6399" s="359" t="s">
        <v>14368</v>
      </c>
      <c r="G6399" s="359" t="s">
        <v>14369</v>
      </c>
      <c r="H6399" s="359" t="s">
        <v>14370</v>
      </c>
      <c r="I6399" s="359" t="s">
        <v>14369</v>
      </c>
      <c r="J6399" s="359"/>
      <c r="K6399" s="359"/>
      <c r="L6399" s="359"/>
    </row>
    <row r="6400" spans="2:12">
      <c r="B6400" s="359"/>
      <c r="C6400" s="359"/>
      <c r="D6400" s="359"/>
      <c r="E6400" s="359"/>
      <c r="F6400" s="360"/>
      <c r="G6400" s="360"/>
      <c r="H6400" s="360"/>
      <c r="I6400" s="360"/>
      <c r="J6400" s="359"/>
      <c r="K6400" s="359"/>
      <c r="L6400" s="359"/>
    </row>
    <row r="6401" spans="2:12" ht="28.5">
      <c r="B6401" s="361"/>
      <c r="C6401" s="361"/>
      <c r="D6401" s="361"/>
      <c r="E6401" s="361"/>
      <c r="F6401" s="361" t="s">
        <v>14394</v>
      </c>
      <c r="G6401" s="361" t="s">
        <v>14395</v>
      </c>
      <c r="H6401" s="361" t="s">
        <v>14332</v>
      </c>
      <c r="I6401" s="361" t="s">
        <v>14395</v>
      </c>
      <c r="J6401" s="361"/>
      <c r="K6401" s="361"/>
      <c r="L6401" s="361"/>
    </row>
    <row r="6402" spans="2:12">
      <c r="B6402" s="358" t="s">
        <v>17456</v>
      </c>
      <c r="C6402" s="358" t="s">
        <v>17457</v>
      </c>
      <c r="D6402" s="358" t="s">
        <v>17458</v>
      </c>
      <c r="E6402" s="358" t="s">
        <v>17459</v>
      </c>
      <c r="F6402" s="358" t="s">
        <v>14505</v>
      </c>
      <c r="G6402" s="358" t="s">
        <v>14506</v>
      </c>
      <c r="H6402" s="358" t="s">
        <v>14328</v>
      </c>
      <c r="I6402" s="358" t="s">
        <v>14506</v>
      </c>
      <c r="J6402" s="358"/>
      <c r="K6402" s="358"/>
      <c r="L6402" s="358"/>
    </row>
    <row r="6403" spans="2:12">
      <c r="B6403" s="359"/>
      <c r="C6403" s="359"/>
      <c r="D6403" s="359"/>
      <c r="E6403" s="359"/>
      <c r="F6403" s="360"/>
      <c r="G6403" s="360"/>
      <c r="H6403" s="360"/>
      <c r="I6403" s="360"/>
      <c r="J6403" s="359"/>
      <c r="K6403" s="359"/>
      <c r="L6403" s="359"/>
    </row>
    <row r="6404" spans="2:12">
      <c r="B6404" s="359"/>
      <c r="C6404" s="359"/>
      <c r="D6404" s="359"/>
      <c r="E6404" s="359"/>
      <c r="F6404" s="359" t="s">
        <v>17310</v>
      </c>
      <c r="G6404" s="359" t="s">
        <v>17311</v>
      </c>
      <c r="H6404" s="359" t="s">
        <v>14381</v>
      </c>
      <c r="I6404" s="359" t="s">
        <v>17311</v>
      </c>
      <c r="J6404" s="359"/>
      <c r="K6404" s="359"/>
      <c r="L6404" s="359"/>
    </row>
    <row r="6405" spans="2:12">
      <c r="B6405" s="359"/>
      <c r="C6405" s="359"/>
      <c r="D6405" s="359"/>
      <c r="E6405" s="359"/>
      <c r="F6405" s="360"/>
      <c r="G6405" s="360"/>
      <c r="H6405" s="360"/>
      <c r="I6405" s="360"/>
      <c r="J6405" s="359"/>
      <c r="K6405" s="359"/>
      <c r="L6405" s="359"/>
    </row>
    <row r="6406" spans="2:12">
      <c r="B6406" s="359"/>
      <c r="C6406" s="359"/>
      <c r="D6406" s="359"/>
      <c r="E6406" s="359"/>
      <c r="F6406" s="359" t="s">
        <v>14389</v>
      </c>
      <c r="G6406" s="359" t="s">
        <v>14390</v>
      </c>
      <c r="H6406" s="359" t="s">
        <v>14367</v>
      </c>
      <c r="I6406" s="359" t="s">
        <v>14390</v>
      </c>
      <c r="J6406" s="359"/>
      <c r="K6406" s="359"/>
      <c r="L6406" s="359"/>
    </row>
    <row r="6407" spans="2:12">
      <c r="B6407" s="359"/>
      <c r="C6407" s="359"/>
      <c r="D6407" s="359"/>
      <c r="E6407" s="359"/>
      <c r="F6407" s="360"/>
      <c r="G6407" s="360"/>
      <c r="H6407" s="360"/>
      <c r="I6407" s="360"/>
      <c r="J6407" s="359"/>
      <c r="K6407" s="359"/>
      <c r="L6407" s="359"/>
    </row>
    <row r="6408" spans="2:12">
      <c r="B6408" s="359"/>
      <c r="C6408" s="359"/>
      <c r="D6408" s="359"/>
      <c r="E6408" s="359"/>
      <c r="F6408" s="359" t="s">
        <v>14368</v>
      </c>
      <c r="G6408" s="359" t="s">
        <v>14369</v>
      </c>
      <c r="H6408" s="359" t="s">
        <v>14370</v>
      </c>
      <c r="I6408" s="359" t="s">
        <v>14369</v>
      </c>
      <c r="J6408" s="359"/>
      <c r="K6408" s="359"/>
      <c r="L6408" s="359"/>
    </row>
    <row r="6409" spans="2:12">
      <c r="B6409" s="359"/>
      <c r="C6409" s="359"/>
      <c r="D6409" s="359"/>
      <c r="E6409" s="359"/>
      <c r="F6409" s="360"/>
      <c r="G6409" s="360"/>
      <c r="H6409" s="360"/>
      <c r="I6409" s="360"/>
      <c r="J6409" s="359"/>
      <c r="K6409" s="359"/>
      <c r="L6409" s="359"/>
    </row>
    <row r="6410" spans="2:12" ht="28.5">
      <c r="B6410" s="361"/>
      <c r="C6410" s="361"/>
      <c r="D6410" s="361"/>
      <c r="E6410" s="361"/>
      <c r="F6410" s="361" t="s">
        <v>14394</v>
      </c>
      <c r="G6410" s="361" t="s">
        <v>14395</v>
      </c>
      <c r="H6410" s="361" t="s">
        <v>14332</v>
      </c>
      <c r="I6410" s="361" t="s">
        <v>14395</v>
      </c>
      <c r="J6410" s="361"/>
      <c r="K6410" s="361"/>
      <c r="L6410" s="361"/>
    </row>
    <row r="6411" spans="2:12">
      <c r="B6411" s="358" t="s">
        <v>9501</v>
      </c>
      <c r="C6411" s="358" t="s">
        <v>17460</v>
      </c>
      <c r="D6411" s="358" t="s">
        <v>9502</v>
      </c>
      <c r="E6411" s="358" t="s">
        <v>1376</v>
      </c>
      <c r="F6411" s="358" t="s">
        <v>14505</v>
      </c>
      <c r="G6411" s="358" t="s">
        <v>14506</v>
      </c>
      <c r="H6411" s="358" t="s">
        <v>14328</v>
      </c>
      <c r="I6411" s="358" t="s">
        <v>14506</v>
      </c>
      <c r="J6411" s="358"/>
      <c r="K6411" s="358"/>
      <c r="L6411" s="358" t="s">
        <v>17461</v>
      </c>
    </row>
    <row r="6412" spans="2:12">
      <c r="B6412" s="359"/>
      <c r="C6412" s="359"/>
      <c r="D6412" s="359"/>
      <c r="E6412" s="359"/>
      <c r="F6412" s="360"/>
      <c r="G6412" s="360"/>
      <c r="H6412" s="360"/>
      <c r="I6412" s="360"/>
      <c r="J6412" s="359"/>
      <c r="K6412" s="359"/>
      <c r="L6412" s="359"/>
    </row>
    <row r="6413" spans="2:12">
      <c r="B6413" s="359"/>
      <c r="C6413" s="359"/>
      <c r="D6413" s="359"/>
      <c r="E6413" s="359"/>
      <c r="F6413" s="359" t="s">
        <v>30113</v>
      </c>
      <c r="G6413" s="359" t="s">
        <v>14669</v>
      </c>
      <c r="H6413" s="359" t="s">
        <v>14381</v>
      </c>
      <c r="I6413" s="359" t="s">
        <v>14669</v>
      </c>
      <c r="J6413" s="359"/>
      <c r="K6413" s="359"/>
      <c r="L6413" s="359"/>
    </row>
    <row r="6414" spans="2:12">
      <c r="B6414" s="359"/>
      <c r="C6414" s="359"/>
      <c r="D6414" s="359"/>
      <c r="E6414" s="359"/>
      <c r="F6414" s="360"/>
      <c r="G6414" s="360"/>
      <c r="H6414" s="360"/>
      <c r="I6414" s="360"/>
      <c r="J6414" s="359"/>
      <c r="K6414" s="359"/>
      <c r="L6414" s="359"/>
    </row>
    <row r="6415" spans="2:12">
      <c r="B6415" s="359"/>
      <c r="C6415" s="359"/>
      <c r="D6415" s="359"/>
      <c r="E6415" s="359"/>
      <c r="F6415" s="359" t="s">
        <v>14889</v>
      </c>
      <c r="G6415" s="359" t="s">
        <v>14890</v>
      </c>
      <c r="H6415" s="359" t="s">
        <v>14367</v>
      </c>
      <c r="I6415" s="359" t="s">
        <v>14890</v>
      </c>
      <c r="J6415" s="359"/>
      <c r="K6415" s="359"/>
      <c r="L6415" s="359"/>
    </row>
    <row r="6416" spans="2:12">
      <c r="B6416" s="359"/>
      <c r="C6416" s="359"/>
      <c r="D6416" s="359"/>
      <c r="E6416" s="359"/>
      <c r="F6416" s="360"/>
      <c r="G6416" s="360"/>
      <c r="H6416" s="360"/>
      <c r="I6416" s="360"/>
      <c r="J6416" s="359"/>
      <c r="K6416" s="359"/>
      <c r="L6416" s="359"/>
    </row>
    <row r="6417" spans="2:12" ht="28.5">
      <c r="B6417" s="359"/>
      <c r="C6417" s="359"/>
      <c r="D6417" s="359"/>
      <c r="E6417" s="359"/>
      <c r="F6417" s="359" t="s">
        <v>14384</v>
      </c>
      <c r="G6417" s="359" t="s">
        <v>14385</v>
      </c>
      <c r="H6417" s="359" t="s">
        <v>14332</v>
      </c>
      <c r="I6417" s="359" t="s">
        <v>28861</v>
      </c>
      <c r="J6417" s="359"/>
      <c r="K6417" s="359"/>
      <c r="L6417" s="359"/>
    </row>
    <row r="6418" spans="2:12">
      <c r="B6418" s="359"/>
      <c r="C6418" s="359"/>
      <c r="D6418" s="359"/>
      <c r="E6418" s="359"/>
      <c r="F6418" s="360"/>
      <c r="G6418" s="360"/>
      <c r="H6418" s="360"/>
      <c r="I6418" s="360"/>
      <c r="J6418" s="359"/>
      <c r="K6418" s="359"/>
      <c r="L6418" s="359"/>
    </row>
    <row r="6419" spans="2:12">
      <c r="B6419" s="359"/>
      <c r="C6419" s="359"/>
      <c r="D6419" s="359"/>
      <c r="E6419" s="359"/>
      <c r="F6419" s="359" t="s">
        <v>17310</v>
      </c>
      <c r="G6419" s="359" t="s">
        <v>17311</v>
      </c>
      <c r="H6419" s="360"/>
      <c r="I6419" s="359" t="s">
        <v>14387</v>
      </c>
      <c r="J6419" s="359"/>
      <c r="K6419" s="359"/>
      <c r="L6419" s="359"/>
    </row>
    <row r="6420" spans="2:12">
      <c r="B6420" s="359"/>
      <c r="C6420" s="359"/>
      <c r="D6420" s="359"/>
      <c r="E6420" s="359"/>
      <c r="F6420" s="360"/>
      <c r="G6420" s="360"/>
      <c r="H6420" s="360"/>
      <c r="I6420" s="360"/>
      <c r="J6420" s="359"/>
      <c r="K6420" s="359"/>
      <c r="L6420" s="359"/>
    </row>
    <row r="6421" spans="2:12">
      <c r="B6421" s="359"/>
      <c r="C6421" s="359"/>
      <c r="D6421" s="359"/>
      <c r="E6421" s="359"/>
      <c r="F6421" s="359" t="s">
        <v>14386</v>
      </c>
      <c r="G6421" s="359" t="s">
        <v>14387</v>
      </c>
      <c r="H6421" s="360"/>
      <c r="I6421" s="359" t="s">
        <v>14390</v>
      </c>
      <c r="J6421" s="359"/>
      <c r="K6421" s="359"/>
      <c r="L6421" s="359"/>
    </row>
    <row r="6422" spans="2:12">
      <c r="B6422" s="359"/>
      <c r="C6422" s="359"/>
      <c r="D6422" s="359"/>
      <c r="E6422" s="359"/>
      <c r="F6422" s="360"/>
      <c r="G6422" s="360"/>
      <c r="H6422" s="360"/>
      <c r="I6422" s="360"/>
      <c r="J6422" s="359"/>
      <c r="K6422" s="359"/>
      <c r="L6422" s="359"/>
    </row>
    <row r="6423" spans="2:12">
      <c r="B6423" s="361"/>
      <c r="C6423" s="361"/>
      <c r="D6423" s="361"/>
      <c r="E6423" s="361"/>
      <c r="F6423" s="361" t="s">
        <v>14389</v>
      </c>
      <c r="G6423" s="361" t="s">
        <v>14390</v>
      </c>
      <c r="H6423" s="362"/>
      <c r="I6423" s="362"/>
      <c r="J6423" s="361"/>
      <c r="K6423" s="361"/>
      <c r="L6423" s="361"/>
    </row>
    <row r="6424" spans="2:12">
      <c r="B6424" s="358" t="s">
        <v>17462</v>
      </c>
      <c r="C6424" s="358" t="s">
        <v>17463</v>
      </c>
      <c r="D6424" s="358" t="s">
        <v>17464</v>
      </c>
      <c r="E6424" s="358" t="s">
        <v>6590</v>
      </c>
      <c r="F6424" s="358" t="s">
        <v>14505</v>
      </c>
      <c r="G6424" s="358" t="s">
        <v>14506</v>
      </c>
      <c r="H6424" s="358" t="s">
        <v>14328</v>
      </c>
      <c r="I6424" s="358" t="s">
        <v>14506</v>
      </c>
      <c r="J6424" s="358"/>
      <c r="K6424" s="358"/>
      <c r="L6424" s="358"/>
    </row>
    <row r="6425" spans="2:12">
      <c r="B6425" s="359"/>
      <c r="C6425" s="359"/>
      <c r="D6425" s="359"/>
      <c r="E6425" s="359"/>
      <c r="F6425" s="360"/>
      <c r="G6425" s="360"/>
      <c r="H6425" s="360"/>
      <c r="I6425" s="360"/>
      <c r="J6425" s="359"/>
      <c r="K6425" s="359"/>
      <c r="L6425" s="359"/>
    </row>
    <row r="6426" spans="2:12" ht="28.5">
      <c r="B6426" s="359"/>
      <c r="C6426" s="359"/>
      <c r="D6426" s="359"/>
      <c r="E6426" s="359"/>
      <c r="F6426" s="359" t="s">
        <v>14507</v>
      </c>
      <c r="G6426" s="359" t="s">
        <v>28862</v>
      </c>
      <c r="H6426" s="359" t="s">
        <v>14381</v>
      </c>
      <c r="I6426" s="359" t="s">
        <v>28862</v>
      </c>
      <c r="J6426" s="359"/>
      <c r="K6426" s="359"/>
      <c r="L6426" s="359"/>
    </row>
    <row r="6427" spans="2:12">
      <c r="B6427" s="359"/>
      <c r="C6427" s="359"/>
      <c r="D6427" s="359"/>
      <c r="E6427" s="359"/>
      <c r="F6427" s="360"/>
      <c r="G6427" s="360"/>
      <c r="H6427" s="360"/>
      <c r="I6427" s="360"/>
      <c r="J6427" s="359"/>
      <c r="K6427" s="359"/>
      <c r="L6427" s="359"/>
    </row>
    <row r="6428" spans="2:12" ht="28.5">
      <c r="B6428" s="359"/>
      <c r="C6428" s="359"/>
      <c r="D6428" s="359"/>
      <c r="E6428" s="359"/>
      <c r="F6428" s="359" t="s">
        <v>17310</v>
      </c>
      <c r="G6428" s="359" t="s">
        <v>14519</v>
      </c>
      <c r="H6428" s="359" t="s">
        <v>14367</v>
      </c>
      <c r="I6428" s="359" t="s">
        <v>28851</v>
      </c>
      <c r="J6428" s="359"/>
      <c r="K6428" s="359"/>
      <c r="L6428" s="359"/>
    </row>
    <row r="6429" spans="2:12">
      <c r="B6429" s="359"/>
      <c r="C6429" s="359"/>
      <c r="D6429" s="359"/>
      <c r="E6429" s="359"/>
      <c r="F6429" s="360"/>
      <c r="G6429" s="360"/>
      <c r="H6429" s="360"/>
      <c r="I6429" s="360"/>
      <c r="J6429" s="359"/>
      <c r="K6429" s="359"/>
      <c r="L6429" s="359"/>
    </row>
    <row r="6430" spans="2:12">
      <c r="B6430" s="359"/>
      <c r="C6430" s="359"/>
      <c r="D6430" s="359"/>
      <c r="E6430" s="359"/>
      <c r="F6430" s="359" t="s">
        <v>14460</v>
      </c>
      <c r="G6430" s="359" t="s">
        <v>14390</v>
      </c>
      <c r="H6430" s="359" t="s">
        <v>14332</v>
      </c>
      <c r="I6430" s="359" t="s">
        <v>14369</v>
      </c>
      <c r="J6430" s="359"/>
      <c r="K6430" s="359"/>
      <c r="L6430" s="359"/>
    </row>
    <row r="6431" spans="2:12">
      <c r="B6431" s="359"/>
      <c r="C6431" s="359"/>
      <c r="D6431" s="359"/>
      <c r="E6431" s="359"/>
      <c r="F6431" s="360"/>
      <c r="G6431" s="360"/>
      <c r="H6431" s="360"/>
      <c r="I6431" s="360"/>
      <c r="J6431" s="359"/>
      <c r="K6431" s="359"/>
      <c r="L6431" s="359"/>
    </row>
    <row r="6432" spans="2:12">
      <c r="B6432" s="359"/>
      <c r="C6432" s="359"/>
      <c r="D6432" s="359"/>
      <c r="E6432" s="359"/>
      <c r="F6432" s="359" t="s">
        <v>14389</v>
      </c>
      <c r="G6432" s="359" t="s">
        <v>14369</v>
      </c>
      <c r="H6432" s="360"/>
      <c r="I6432" s="360"/>
      <c r="J6432" s="359"/>
      <c r="K6432" s="359"/>
      <c r="L6432" s="359"/>
    </row>
    <row r="6433" spans="2:12">
      <c r="B6433" s="359"/>
      <c r="C6433" s="359"/>
      <c r="D6433" s="359"/>
      <c r="E6433" s="359"/>
      <c r="F6433" s="360"/>
      <c r="G6433" s="360"/>
      <c r="H6433" s="360"/>
      <c r="I6433" s="360"/>
      <c r="J6433" s="359"/>
      <c r="K6433" s="359"/>
      <c r="L6433" s="359"/>
    </row>
    <row r="6434" spans="2:12">
      <c r="B6434" s="361"/>
      <c r="C6434" s="361"/>
      <c r="D6434" s="361"/>
      <c r="E6434" s="361"/>
      <c r="F6434" s="361" t="s">
        <v>14368</v>
      </c>
      <c r="G6434" s="362"/>
      <c r="H6434" s="362"/>
      <c r="I6434" s="362"/>
      <c r="J6434" s="361"/>
      <c r="K6434" s="361"/>
      <c r="L6434" s="361"/>
    </row>
    <row r="6435" spans="2:12">
      <c r="B6435" s="358" t="s">
        <v>17465</v>
      </c>
      <c r="C6435" s="358" t="s">
        <v>27521</v>
      </c>
      <c r="D6435" s="358" t="s">
        <v>17466</v>
      </c>
      <c r="E6435" s="358" t="s">
        <v>17467</v>
      </c>
      <c r="F6435" s="358" t="s">
        <v>14418</v>
      </c>
      <c r="G6435" s="358" t="s">
        <v>14419</v>
      </c>
      <c r="H6435" s="358" t="s">
        <v>14328</v>
      </c>
      <c r="I6435" s="358" t="s">
        <v>14419</v>
      </c>
      <c r="J6435" s="358"/>
      <c r="K6435" s="358" t="s">
        <v>14929</v>
      </c>
      <c r="L6435" s="358" t="s">
        <v>14611</v>
      </c>
    </row>
    <row r="6436" spans="2:12">
      <c r="B6436" s="359"/>
      <c r="C6436" s="360"/>
      <c r="D6436" s="360"/>
      <c r="E6436" s="360"/>
      <c r="F6436" s="360"/>
      <c r="G6436" s="360"/>
      <c r="H6436" s="360"/>
      <c r="I6436" s="360"/>
      <c r="J6436" s="359"/>
      <c r="K6436" s="359"/>
      <c r="L6436" s="359"/>
    </row>
    <row r="6437" spans="2:12">
      <c r="B6437" s="359"/>
      <c r="C6437" s="359" t="s">
        <v>27522</v>
      </c>
      <c r="D6437" s="359" t="s">
        <v>17468</v>
      </c>
      <c r="E6437" s="359" t="s">
        <v>17469</v>
      </c>
      <c r="F6437" s="359" t="s">
        <v>14420</v>
      </c>
      <c r="G6437" s="359" t="s">
        <v>14459</v>
      </c>
      <c r="H6437" s="359" t="s">
        <v>14367</v>
      </c>
      <c r="I6437" s="359" t="s">
        <v>14459</v>
      </c>
      <c r="J6437" s="359"/>
      <c r="K6437" s="359"/>
      <c r="L6437" s="359"/>
    </row>
    <row r="6438" spans="2:12">
      <c r="B6438" s="359"/>
      <c r="C6438" s="360"/>
      <c r="D6438" s="360"/>
      <c r="E6438" s="360"/>
      <c r="F6438" s="360"/>
      <c r="G6438" s="360"/>
      <c r="H6438" s="360"/>
      <c r="I6438" s="360"/>
      <c r="J6438" s="359"/>
      <c r="K6438" s="359"/>
      <c r="L6438" s="359"/>
    </row>
    <row r="6439" spans="2:12">
      <c r="B6439" s="359"/>
      <c r="C6439" s="359" t="s">
        <v>27523</v>
      </c>
      <c r="D6439" s="359" t="s">
        <v>17470</v>
      </c>
      <c r="E6439" s="359" t="s">
        <v>17471</v>
      </c>
      <c r="F6439" s="359" t="s">
        <v>14420</v>
      </c>
      <c r="G6439" s="359" t="s">
        <v>14421</v>
      </c>
      <c r="H6439" s="359" t="s">
        <v>14422</v>
      </c>
      <c r="I6439" s="359" t="s">
        <v>14421</v>
      </c>
      <c r="J6439" s="359"/>
      <c r="K6439" s="359"/>
      <c r="L6439" s="359"/>
    </row>
    <row r="6440" spans="2:12">
      <c r="B6440" s="359"/>
      <c r="C6440" s="360"/>
      <c r="D6440" s="360"/>
      <c r="E6440" s="360"/>
      <c r="F6440" s="360"/>
      <c r="G6440" s="360"/>
      <c r="H6440" s="360"/>
      <c r="I6440" s="360"/>
      <c r="J6440" s="359"/>
      <c r="K6440" s="359"/>
      <c r="L6440" s="359"/>
    </row>
    <row r="6441" spans="2:12" ht="28.5">
      <c r="B6441" s="361"/>
      <c r="C6441" s="361" t="s">
        <v>17472</v>
      </c>
      <c r="D6441" s="361" t="s">
        <v>17473</v>
      </c>
      <c r="E6441" s="361" t="s">
        <v>17474</v>
      </c>
      <c r="F6441" s="361" t="s">
        <v>14389</v>
      </c>
      <c r="G6441" s="361" t="s">
        <v>14390</v>
      </c>
      <c r="H6441" s="362"/>
      <c r="I6441" s="361" t="s">
        <v>14390</v>
      </c>
      <c r="J6441" s="361"/>
      <c r="K6441" s="361"/>
      <c r="L6441" s="361"/>
    </row>
    <row r="6442" spans="2:12">
      <c r="B6442" s="358" t="s">
        <v>17475</v>
      </c>
      <c r="C6442" s="358" t="s">
        <v>17476</v>
      </c>
      <c r="D6442" s="358" t="s">
        <v>17477</v>
      </c>
      <c r="E6442" s="358" t="s">
        <v>17478</v>
      </c>
      <c r="F6442" s="358" t="s">
        <v>14505</v>
      </c>
      <c r="G6442" s="358" t="s">
        <v>14506</v>
      </c>
      <c r="H6442" s="358" t="s">
        <v>14328</v>
      </c>
      <c r="I6442" s="358" t="s">
        <v>14506</v>
      </c>
      <c r="J6442" s="358"/>
      <c r="K6442" s="358"/>
      <c r="L6442" s="358"/>
    </row>
    <row r="6443" spans="2:12">
      <c r="B6443" s="359"/>
      <c r="C6443" s="359"/>
      <c r="D6443" s="359"/>
      <c r="E6443" s="359"/>
      <c r="F6443" s="360"/>
      <c r="G6443" s="360"/>
      <c r="H6443" s="360"/>
      <c r="I6443" s="360"/>
      <c r="J6443" s="359"/>
      <c r="K6443" s="359"/>
      <c r="L6443" s="359"/>
    </row>
    <row r="6444" spans="2:12">
      <c r="B6444" s="359"/>
      <c r="C6444" s="359"/>
      <c r="D6444" s="359"/>
      <c r="E6444" s="359"/>
      <c r="F6444" s="359" t="s">
        <v>17028</v>
      </c>
      <c r="G6444" s="359" t="s">
        <v>14459</v>
      </c>
      <c r="H6444" s="359" t="s">
        <v>14367</v>
      </c>
      <c r="I6444" s="359" t="s">
        <v>14459</v>
      </c>
      <c r="J6444" s="359"/>
      <c r="K6444" s="359"/>
      <c r="L6444" s="359"/>
    </row>
    <row r="6445" spans="2:12">
      <c r="B6445" s="359"/>
      <c r="C6445" s="359"/>
      <c r="D6445" s="359"/>
      <c r="E6445" s="359"/>
      <c r="F6445" s="360"/>
      <c r="G6445" s="360"/>
      <c r="H6445" s="360"/>
      <c r="I6445" s="360"/>
      <c r="J6445" s="359"/>
      <c r="K6445" s="359"/>
      <c r="L6445" s="359"/>
    </row>
    <row r="6446" spans="2:12">
      <c r="B6446" s="359"/>
      <c r="C6446" s="359"/>
      <c r="D6446" s="359"/>
      <c r="E6446" s="359"/>
      <c r="F6446" s="359" t="s">
        <v>16919</v>
      </c>
      <c r="G6446" s="359" t="s">
        <v>17203</v>
      </c>
      <c r="H6446" s="359" t="s">
        <v>14381</v>
      </c>
      <c r="I6446" s="359" t="s">
        <v>17203</v>
      </c>
      <c r="J6446" s="359"/>
      <c r="K6446" s="359"/>
      <c r="L6446" s="359"/>
    </row>
    <row r="6447" spans="2:12">
      <c r="B6447" s="359"/>
      <c r="C6447" s="359"/>
      <c r="D6447" s="359"/>
      <c r="E6447" s="359"/>
      <c r="F6447" s="360"/>
      <c r="G6447" s="360"/>
      <c r="H6447" s="360"/>
      <c r="I6447" s="360"/>
      <c r="J6447" s="359"/>
      <c r="K6447" s="359"/>
      <c r="L6447" s="359"/>
    </row>
    <row r="6448" spans="2:12" ht="28.5">
      <c r="B6448" s="359"/>
      <c r="C6448" s="359"/>
      <c r="D6448" s="359"/>
      <c r="E6448" s="359"/>
      <c r="F6448" s="359" t="s">
        <v>17310</v>
      </c>
      <c r="G6448" s="359" t="s">
        <v>28863</v>
      </c>
      <c r="H6448" s="359" t="s">
        <v>14332</v>
      </c>
      <c r="I6448" s="359" t="s">
        <v>28863</v>
      </c>
      <c r="J6448" s="359"/>
      <c r="K6448" s="359"/>
      <c r="L6448" s="359"/>
    </row>
    <row r="6449" spans="2:12">
      <c r="B6449" s="359"/>
      <c r="C6449" s="359"/>
      <c r="D6449" s="359"/>
      <c r="E6449" s="359"/>
      <c r="F6449" s="360"/>
      <c r="G6449" s="360"/>
      <c r="H6449" s="360"/>
      <c r="I6449" s="360"/>
      <c r="J6449" s="359"/>
      <c r="K6449" s="359"/>
      <c r="L6449" s="359"/>
    </row>
    <row r="6450" spans="2:12">
      <c r="B6450" s="361"/>
      <c r="C6450" s="361"/>
      <c r="D6450" s="361"/>
      <c r="E6450" s="361"/>
      <c r="F6450" s="362"/>
      <c r="G6450" s="361" t="s">
        <v>17311</v>
      </c>
      <c r="H6450" s="362"/>
      <c r="I6450" s="361" t="s">
        <v>17311</v>
      </c>
      <c r="J6450" s="361"/>
      <c r="K6450" s="361"/>
      <c r="L6450" s="361"/>
    </row>
    <row r="6451" spans="2:12">
      <c r="B6451" s="358" t="s">
        <v>17479</v>
      </c>
      <c r="C6451" s="358" t="s">
        <v>17480</v>
      </c>
      <c r="D6451" s="358" t="s">
        <v>17481</v>
      </c>
      <c r="E6451" s="358" t="s">
        <v>17482</v>
      </c>
      <c r="F6451" s="358" t="s">
        <v>14418</v>
      </c>
      <c r="G6451" s="358" t="s">
        <v>14419</v>
      </c>
      <c r="H6451" s="358" t="s">
        <v>14328</v>
      </c>
      <c r="I6451" s="358" t="s">
        <v>14419</v>
      </c>
      <c r="J6451" s="358"/>
      <c r="K6451" s="358"/>
      <c r="L6451" s="358" t="s">
        <v>14611</v>
      </c>
    </row>
    <row r="6452" spans="2:12">
      <c r="B6452" s="359"/>
      <c r="C6452" s="360"/>
      <c r="D6452" s="360"/>
      <c r="E6452" s="360"/>
      <c r="F6452" s="360"/>
      <c r="G6452" s="360"/>
      <c r="H6452" s="360"/>
      <c r="I6452" s="360"/>
      <c r="J6452" s="359"/>
      <c r="K6452" s="359"/>
      <c r="L6452" s="359"/>
    </row>
    <row r="6453" spans="2:12">
      <c r="B6453" s="359"/>
      <c r="C6453" s="359" t="s">
        <v>17483</v>
      </c>
      <c r="D6453" s="359" t="s">
        <v>17484</v>
      </c>
      <c r="E6453" s="359" t="s">
        <v>17485</v>
      </c>
      <c r="F6453" s="359" t="s">
        <v>17310</v>
      </c>
      <c r="G6453" s="359" t="s">
        <v>17311</v>
      </c>
      <c r="H6453" s="359" t="s">
        <v>14381</v>
      </c>
      <c r="I6453" s="359" t="s">
        <v>17311</v>
      </c>
      <c r="J6453" s="359"/>
      <c r="K6453" s="359"/>
      <c r="L6453" s="359"/>
    </row>
    <row r="6454" spans="2:12">
      <c r="B6454" s="359"/>
      <c r="C6454" s="360"/>
      <c r="D6454" s="360"/>
      <c r="E6454" s="360"/>
      <c r="F6454" s="360"/>
      <c r="G6454" s="360"/>
      <c r="H6454" s="360"/>
      <c r="I6454" s="360"/>
      <c r="J6454" s="359"/>
      <c r="K6454" s="359"/>
      <c r="L6454" s="359"/>
    </row>
    <row r="6455" spans="2:12">
      <c r="B6455" s="359"/>
      <c r="C6455" s="360"/>
      <c r="D6455" s="360"/>
      <c r="E6455" s="360"/>
      <c r="F6455" s="359" t="s">
        <v>14368</v>
      </c>
      <c r="G6455" s="359" t="s">
        <v>14388</v>
      </c>
      <c r="H6455" s="359" t="s">
        <v>14367</v>
      </c>
      <c r="I6455" s="359" t="s">
        <v>14388</v>
      </c>
      <c r="J6455" s="359"/>
      <c r="K6455" s="359"/>
      <c r="L6455" s="359"/>
    </row>
    <row r="6456" spans="2:12">
      <c r="B6456" s="359"/>
      <c r="C6456" s="360"/>
      <c r="D6456" s="360"/>
      <c r="E6456" s="360"/>
      <c r="F6456" s="360"/>
      <c r="G6456" s="360"/>
      <c r="H6456" s="360"/>
      <c r="I6456" s="360"/>
      <c r="J6456" s="359"/>
      <c r="K6456" s="359"/>
      <c r="L6456" s="359"/>
    </row>
    <row r="6457" spans="2:12" ht="28.5">
      <c r="B6457" s="359"/>
      <c r="C6457" s="360"/>
      <c r="D6457" s="360"/>
      <c r="E6457" s="360"/>
      <c r="F6457" s="359" t="s">
        <v>14394</v>
      </c>
      <c r="G6457" s="359" t="s">
        <v>14395</v>
      </c>
      <c r="H6457" s="359" t="s">
        <v>14370</v>
      </c>
      <c r="I6457" s="359" t="s">
        <v>14395</v>
      </c>
      <c r="J6457" s="359"/>
      <c r="K6457" s="359"/>
      <c r="L6457" s="359"/>
    </row>
    <row r="6458" spans="2:12">
      <c r="B6458" s="359"/>
      <c r="C6458" s="360"/>
      <c r="D6458" s="360"/>
      <c r="E6458" s="360"/>
      <c r="F6458" s="360"/>
      <c r="G6458" s="360"/>
      <c r="H6458" s="360"/>
      <c r="I6458" s="360"/>
      <c r="J6458" s="359"/>
      <c r="K6458" s="359"/>
      <c r="L6458" s="359"/>
    </row>
    <row r="6459" spans="2:12">
      <c r="B6459" s="361"/>
      <c r="C6459" s="362"/>
      <c r="D6459" s="362"/>
      <c r="E6459" s="362"/>
      <c r="F6459" s="362"/>
      <c r="G6459" s="362"/>
      <c r="H6459" s="361" t="s">
        <v>14332</v>
      </c>
      <c r="I6459" s="362"/>
      <c r="J6459" s="361"/>
      <c r="K6459" s="361"/>
      <c r="L6459" s="361"/>
    </row>
    <row r="6460" spans="2:12" ht="42.75">
      <c r="B6460" s="358" t="s">
        <v>17486</v>
      </c>
      <c r="C6460" s="358" t="s">
        <v>17487</v>
      </c>
      <c r="D6460" s="358" t="s">
        <v>17488</v>
      </c>
      <c r="E6460" s="358" t="s">
        <v>17489</v>
      </c>
      <c r="F6460" s="358" t="s">
        <v>14418</v>
      </c>
      <c r="G6460" s="358" t="s">
        <v>14419</v>
      </c>
      <c r="H6460" s="358" t="s">
        <v>14328</v>
      </c>
      <c r="I6460" s="358" t="s">
        <v>14419</v>
      </c>
      <c r="J6460" s="358"/>
      <c r="K6460" s="358" t="s">
        <v>28864</v>
      </c>
      <c r="L6460" s="358"/>
    </row>
    <row r="6461" spans="2:12">
      <c r="B6461" s="359"/>
      <c r="C6461" s="360"/>
      <c r="D6461" s="359"/>
      <c r="E6461" s="359"/>
      <c r="F6461" s="360"/>
      <c r="G6461" s="360"/>
      <c r="H6461" s="360"/>
      <c r="I6461" s="360"/>
      <c r="J6461" s="359"/>
      <c r="K6461" s="359"/>
      <c r="L6461" s="359"/>
    </row>
    <row r="6462" spans="2:12">
      <c r="B6462" s="359"/>
      <c r="C6462" s="359" t="s">
        <v>17490</v>
      </c>
      <c r="D6462" s="359"/>
      <c r="E6462" s="359"/>
      <c r="F6462" s="359" t="s">
        <v>14368</v>
      </c>
      <c r="G6462" s="359" t="s">
        <v>14388</v>
      </c>
      <c r="H6462" s="359" t="s">
        <v>14367</v>
      </c>
      <c r="I6462" s="359" t="s">
        <v>14388</v>
      </c>
      <c r="J6462" s="359"/>
      <c r="K6462" s="359"/>
      <c r="L6462" s="359"/>
    </row>
    <row r="6463" spans="2:12">
      <c r="B6463" s="359"/>
      <c r="C6463" s="360"/>
      <c r="D6463" s="359"/>
      <c r="E6463" s="359"/>
      <c r="F6463" s="360"/>
      <c r="G6463" s="360"/>
      <c r="H6463" s="360"/>
      <c r="I6463" s="360"/>
      <c r="J6463" s="359"/>
      <c r="K6463" s="359"/>
      <c r="L6463" s="359"/>
    </row>
    <row r="6464" spans="2:12" ht="28.5">
      <c r="B6464" s="359"/>
      <c r="C6464" s="360"/>
      <c r="D6464" s="359"/>
      <c r="E6464" s="359"/>
      <c r="F6464" s="359" t="s">
        <v>14394</v>
      </c>
      <c r="G6464" s="359" t="s">
        <v>14395</v>
      </c>
      <c r="H6464" s="359" t="s">
        <v>14370</v>
      </c>
      <c r="I6464" s="359" t="s">
        <v>14395</v>
      </c>
      <c r="J6464" s="359"/>
      <c r="K6464" s="359"/>
      <c r="L6464" s="359"/>
    </row>
    <row r="6465" spans="2:12">
      <c r="B6465" s="359"/>
      <c r="C6465" s="360"/>
      <c r="D6465" s="359"/>
      <c r="E6465" s="359"/>
      <c r="F6465" s="360"/>
      <c r="G6465" s="360"/>
      <c r="H6465" s="360"/>
      <c r="I6465" s="360"/>
      <c r="J6465" s="359"/>
      <c r="K6465" s="359"/>
      <c r="L6465" s="359"/>
    </row>
    <row r="6466" spans="2:12">
      <c r="B6466" s="361"/>
      <c r="C6466" s="362"/>
      <c r="D6466" s="361"/>
      <c r="E6466" s="361"/>
      <c r="F6466" s="362"/>
      <c r="G6466" s="362"/>
      <c r="H6466" s="361" t="s">
        <v>14422</v>
      </c>
      <c r="I6466" s="362"/>
      <c r="J6466" s="361"/>
      <c r="K6466" s="361"/>
      <c r="L6466" s="361"/>
    </row>
    <row r="6467" spans="2:12">
      <c r="B6467" s="358" t="s">
        <v>17491</v>
      </c>
      <c r="C6467" s="358" t="s">
        <v>17492</v>
      </c>
      <c r="D6467" s="358" t="s">
        <v>17493</v>
      </c>
      <c r="E6467" s="358" t="s">
        <v>6546</v>
      </c>
      <c r="F6467" s="358" t="s">
        <v>14418</v>
      </c>
      <c r="G6467" s="358" t="s">
        <v>14419</v>
      </c>
      <c r="H6467" s="358" t="s">
        <v>14328</v>
      </c>
      <c r="I6467" s="358" t="s">
        <v>14419</v>
      </c>
      <c r="J6467" s="358"/>
      <c r="K6467" s="358" t="s">
        <v>14929</v>
      </c>
      <c r="L6467" s="358" t="s">
        <v>595</v>
      </c>
    </row>
    <row r="6468" spans="2:12">
      <c r="B6468" s="359"/>
      <c r="C6468" s="359"/>
      <c r="D6468" s="359"/>
      <c r="E6468" s="359"/>
      <c r="F6468" s="360"/>
      <c r="G6468" s="360"/>
      <c r="H6468" s="360"/>
      <c r="I6468" s="360"/>
      <c r="J6468" s="359"/>
      <c r="K6468" s="359"/>
      <c r="L6468" s="359"/>
    </row>
    <row r="6469" spans="2:12">
      <c r="B6469" s="359"/>
      <c r="C6469" s="359"/>
      <c r="D6469" s="359"/>
      <c r="E6469" s="359"/>
      <c r="F6469" s="359" t="s">
        <v>14507</v>
      </c>
      <c r="G6469" s="359" t="s">
        <v>16971</v>
      </c>
      <c r="H6469" s="359" t="s">
        <v>14381</v>
      </c>
      <c r="I6469" s="359" t="s">
        <v>16971</v>
      </c>
      <c r="J6469" s="359"/>
      <c r="K6469" s="359"/>
      <c r="L6469" s="359"/>
    </row>
    <row r="6470" spans="2:12">
      <c r="B6470" s="359"/>
      <c r="C6470" s="359"/>
      <c r="D6470" s="359"/>
      <c r="E6470" s="359"/>
      <c r="F6470" s="360"/>
      <c r="G6470" s="360"/>
      <c r="H6470" s="360"/>
      <c r="I6470" s="360"/>
      <c r="J6470" s="359"/>
      <c r="K6470" s="359"/>
      <c r="L6470" s="359"/>
    </row>
    <row r="6471" spans="2:12">
      <c r="B6471" s="359"/>
      <c r="C6471" s="359"/>
      <c r="D6471" s="359"/>
      <c r="E6471" s="359"/>
      <c r="F6471" s="359" t="s">
        <v>17028</v>
      </c>
      <c r="G6471" s="359" t="s">
        <v>14459</v>
      </c>
      <c r="H6471" s="359" t="s">
        <v>14367</v>
      </c>
      <c r="I6471" s="359" t="s">
        <v>14459</v>
      </c>
      <c r="J6471" s="359"/>
      <c r="K6471" s="359"/>
      <c r="L6471" s="359"/>
    </row>
    <row r="6472" spans="2:12">
      <c r="B6472" s="359"/>
      <c r="C6472" s="359"/>
      <c r="D6472" s="359"/>
      <c r="E6472" s="359"/>
      <c r="F6472" s="360"/>
      <c r="G6472" s="360"/>
      <c r="H6472" s="360"/>
      <c r="I6472" s="360"/>
      <c r="J6472" s="359"/>
      <c r="K6472" s="359"/>
      <c r="L6472" s="359"/>
    </row>
    <row r="6473" spans="2:12">
      <c r="B6473" s="359"/>
      <c r="C6473" s="359"/>
      <c r="D6473" s="359"/>
      <c r="E6473" s="359"/>
      <c r="F6473" s="359" t="s">
        <v>14384</v>
      </c>
      <c r="G6473" s="359" t="s">
        <v>15088</v>
      </c>
      <c r="H6473" s="359" t="s">
        <v>14332</v>
      </c>
      <c r="I6473" s="359" t="s">
        <v>15088</v>
      </c>
      <c r="J6473" s="359"/>
      <c r="K6473" s="359"/>
      <c r="L6473" s="359"/>
    </row>
    <row r="6474" spans="2:12">
      <c r="B6474" s="359"/>
      <c r="C6474" s="359"/>
      <c r="D6474" s="359"/>
      <c r="E6474" s="359"/>
      <c r="F6474" s="360"/>
      <c r="G6474" s="360"/>
      <c r="H6474" s="360"/>
      <c r="I6474" s="360"/>
      <c r="J6474" s="359"/>
      <c r="K6474" s="359"/>
      <c r="L6474" s="359"/>
    </row>
    <row r="6475" spans="2:12" ht="28.5">
      <c r="B6475" s="359"/>
      <c r="C6475" s="359"/>
      <c r="D6475" s="359"/>
      <c r="E6475" s="359"/>
      <c r="F6475" s="359" t="s">
        <v>14389</v>
      </c>
      <c r="G6475" s="359" t="s">
        <v>28863</v>
      </c>
      <c r="H6475" s="360"/>
      <c r="I6475" s="359" t="s">
        <v>28863</v>
      </c>
      <c r="J6475" s="359"/>
      <c r="K6475" s="359"/>
      <c r="L6475" s="359"/>
    </row>
    <row r="6476" spans="2:12">
      <c r="B6476" s="359"/>
      <c r="C6476" s="359"/>
      <c r="D6476" s="359"/>
      <c r="E6476" s="359"/>
      <c r="F6476" s="360"/>
      <c r="G6476" s="360"/>
      <c r="H6476" s="360"/>
      <c r="I6476" s="360"/>
      <c r="J6476" s="359"/>
      <c r="K6476" s="359"/>
      <c r="L6476" s="359"/>
    </row>
    <row r="6477" spans="2:12">
      <c r="B6477" s="359"/>
      <c r="C6477" s="359"/>
      <c r="D6477" s="359"/>
      <c r="E6477" s="359"/>
      <c r="F6477" s="359" t="s">
        <v>14386</v>
      </c>
      <c r="G6477" s="359" t="s">
        <v>14390</v>
      </c>
      <c r="H6477" s="360"/>
      <c r="I6477" s="359" t="s">
        <v>14390</v>
      </c>
      <c r="J6477" s="359"/>
      <c r="K6477" s="359"/>
      <c r="L6477" s="359"/>
    </row>
    <row r="6478" spans="2:12">
      <c r="B6478" s="359"/>
      <c r="C6478" s="359"/>
      <c r="D6478" s="359"/>
      <c r="E6478" s="359"/>
      <c r="F6478" s="360"/>
      <c r="G6478" s="360"/>
      <c r="H6478" s="360"/>
      <c r="I6478" s="360"/>
      <c r="J6478" s="359"/>
      <c r="K6478" s="359"/>
      <c r="L6478" s="359"/>
    </row>
    <row r="6479" spans="2:12">
      <c r="B6479" s="361"/>
      <c r="C6479" s="361"/>
      <c r="D6479" s="361"/>
      <c r="E6479" s="361"/>
      <c r="F6479" s="362"/>
      <c r="G6479" s="361" t="s">
        <v>14387</v>
      </c>
      <c r="H6479" s="362"/>
      <c r="I6479" s="361" t="s">
        <v>14387</v>
      </c>
      <c r="J6479" s="361"/>
      <c r="K6479" s="361"/>
      <c r="L6479" s="361"/>
    </row>
    <row r="6480" spans="2:12" ht="42.75">
      <c r="B6480" s="358" t="s">
        <v>17494</v>
      </c>
      <c r="C6480" s="358" t="s">
        <v>17495</v>
      </c>
      <c r="D6480" s="358" t="s">
        <v>17496</v>
      </c>
      <c r="E6480" s="358" t="s">
        <v>17497</v>
      </c>
      <c r="F6480" s="358" t="s">
        <v>14418</v>
      </c>
      <c r="G6480" s="358" t="s">
        <v>14419</v>
      </c>
      <c r="H6480" s="358" t="s">
        <v>14328</v>
      </c>
      <c r="I6480" s="358" t="s">
        <v>14419</v>
      </c>
      <c r="J6480" s="358"/>
      <c r="K6480" s="358" t="s">
        <v>28864</v>
      </c>
      <c r="L6480" s="358"/>
    </row>
    <row r="6481" spans="2:12">
      <c r="B6481" s="359"/>
      <c r="C6481" s="360"/>
      <c r="D6481" s="359"/>
      <c r="E6481" s="359"/>
      <c r="F6481" s="360"/>
      <c r="G6481" s="360"/>
      <c r="H6481" s="360"/>
      <c r="I6481" s="360"/>
      <c r="J6481" s="359"/>
      <c r="K6481" s="359"/>
      <c r="L6481" s="359"/>
    </row>
    <row r="6482" spans="2:12">
      <c r="B6482" s="359"/>
      <c r="C6482" s="359" t="s">
        <v>17498</v>
      </c>
      <c r="D6482" s="359"/>
      <c r="E6482" s="359"/>
      <c r="F6482" s="359" t="s">
        <v>14386</v>
      </c>
      <c r="G6482" s="359" t="s">
        <v>14387</v>
      </c>
      <c r="H6482" s="359" t="s">
        <v>14367</v>
      </c>
      <c r="I6482" s="359" t="s">
        <v>14387</v>
      </c>
      <c r="J6482" s="359"/>
      <c r="K6482" s="359"/>
      <c r="L6482" s="359"/>
    </row>
    <row r="6483" spans="2:12">
      <c r="B6483" s="359"/>
      <c r="C6483" s="360"/>
      <c r="D6483" s="359"/>
      <c r="E6483" s="359"/>
      <c r="F6483" s="360"/>
      <c r="G6483" s="360"/>
      <c r="H6483" s="360"/>
      <c r="I6483" s="360"/>
      <c r="J6483" s="359"/>
      <c r="K6483" s="359"/>
      <c r="L6483" s="359"/>
    </row>
    <row r="6484" spans="2:12">
      <c r="B6484" s="359"/>
      <c r="C6484" s="360"/>
      <c r="D6484" s="359"/>
      <c r="E6484" s="359"/>
      <c r="F6484" s="359" t="s">
        <v>14368</v>
      </c>
      <c r="G6484" s="359" t="s">
        <v>14388</v>
      </c>
      <c r="H6484" s="359" t="s">
        <v>14370</v>
      </c>
      <c r="I6484" s="359" t="s">
        <v>14388</v>
      </c>
      <c r="J6484" s="359"/>
      <c r="K6484" s="359"/>
      <c r="L6484" s="359"/>
    </row>
    <row r="6485" spans="2:12">
      <c r="B6485" s="359"/>
      <c r="C6485" s="360"/>
      <c r="D6485" s="359"/>
      <c r="E6485" s="359"/>
      <c r="F6485" s="360"/>
      <c r="G6485" s="360"/>
      <c r="H6485" s="360"/>
      <c r="I6485" s="360"/>
      <c r="J6485" s="359"/>
      <c r="K6485" s="359"/>
      <c r="L6485" s="359"/>
    </row>
    <row r="6486" spans="2:12" ht="28.5">
      <c r="B6486" s="361"/>
      <c r="C6486" s="362"/>
      <c r="D6486" s="361"/>
      <c r="E6486" s="361"/>
      <c r="F6486" s="361" t="s">
        <v>14394</v>
      </c>
      <c r="G6486" s="361" t="s">
        <v>14395</v>
      </c>
      <c r="H6486" s="361" t="s">
        <v>14422</v>
      </c>
      <c r="I6486" s="361" t="s">
        <v>14395</v>
      </c>
      <c r="J6486" s="361"/>
      <c r="K6486" s="361"/>
      <c r="L6486" s="361"/>
    </row>
    <row r="6487" spans="2:12">
      <c r="B6487" s="358" t="s">
        <v>17499</v>
      </c>
      <c r="C6487" s="358" t="s">
        <v>17500</v>
      </c>
      <c r="D6487" s="358" t="s">
        <v>17501</v>
      </c>
      <c r="E6487" s="358" t="s">
        <v>17502</v>
      </c>
      <c r="F6487" s="358" t="s">
        <v>14420</v>
      </c>
      <c r="G6487" s="358" t="s">
        <v>14459</v>
      </c>
      <c r="H6487" s="358" t="s">
        <v>14367</v>
      </c>
      <c r="I6487" s="358" t="s">
        <v>14459</v>
      </c>
      <c r="J6487" s="358"/>
      <c r="K6487" s="358"/>
      <c r="L6487" s="358"/>
    </row>
    <row r="6488" spans="2:12">
      <c r="B6488" s="359"/>
      <c r="C6488" s="360"/>
      <c r="D6488" s="359"/>
      <c r="E6488" s="359"/>
      <c r="F6488" s="360"/>
      <c r="G6488" s="360"/>
      <c r="H6488" s="360"/>
      <c r="I6488" s="360"/>
      <c r="J6488" s="359"/>
      <c r="K6488" s="359"/>
      <c r="L6488" s="359"/>
    </row>
    <row r="6489" spans="2:12" ht="28.5">
      <c r="B6489" s="359"/>
      <c r="C6489" s="359" t="s">
        <v>17503</v>
      </c>
      <c r="D6489" s="359"/>
      <c r="E6489" s="359"/>
      <c r="F6489" s="359" t="s">
        <v>14394</v>
      </c>
      <c r="G6489" s="359" t="s">
        <v>14395</v>
      </c>
      <c r="H6489" s="359" t="s">
        <v>14370</v>
      </c>
      <c r="I6489" s="359" t="s">
        <v>14395</v>
      </c>
      <c r="J6489" s="359"/>
      <c r="K6489" s="359"/>
      <c r="L6489" s="359"/>
    </row>
    <row r="6490" spans="2:12">
      <c r="B6490" s="359"/>
      <c r="C6490" s="360"/>
      <c r="D6490" s="359"/>
      <c r="E6490" s="359"/>
      <c r="F6490" s="360"/>
      <c r="G6490" s="360"/>
      <c r="H6490" s="360"/>
      <c r="I6490" s="360"/>
      <c r="J6490" s="359"/>
      <c r="K6490" s="359"/>
      <c r="L6490" s="359"/>
    </row>
    <row r="6491" spans="2:12">
      <c r="B6491" s="361"/>
      <c r="C6491" s="362"/>
      <c r="D6491" s="361"/>
      <c r="E6491" s="361"/>
      <c r="F6491" s="362"/>
      <c r="G6491" s="362"/>
      <c r="H6491" s="361" t="s">
        <v>14422</v>
      </c>
      <c r="I6491" s="362"/>
      <c r="J6491" s="361"/>
      <c r="K6491" s="361"/>
      <c r="L6491" s="361"/>
    </row>
    <row r="6492" spans="2:12">
      <c r="B6492" s="358" t="s">
        <v>17504</v>
      </c>
      <c r="C6492" s="358" t="s">
        <v>28865</v>
      </c>
      <c r="D6492" s="358" t="s">
        <v>17505</v>
      </c>
      <c r="E6492" s="358" t="s">
        <v>17506</v>
      </c>
      <c r="F6492" s="358" t="s">
        <v>14418</v>
      </c>
      <c r="G6492" s="358" t="s">
        <v>14419</v>
      </c>
      <c r="H6492" s="358" t="s">
        <v>14328</v>
      </c>
      <c r="I6492" s="358" t="s">
        <v>14419</v>
      </c>
      <c r="J6492" s="358"/>
      <c r="K6492" s="358"/>
      <c r="L6492" s="358" t="s">
        <v>14611</v>
      </c>
    </row>
    <row r="6493" spans="2:12">
      <c r="B6493" s="359"/>
      <c r="C6493" s="360"/>
      <c r="D6493" s="360"/>
      <c r="E6493" s="360"/>
      <c r="F6493" s="360"/>
      <c r="G6493" s="360"/>
      <c r="H6493" s="360"/>
      <c r="I6493" s="360"/>
      <c r="J6493" s="359"/>
      <c r="K6493" s="359"/>
      <c r="L6493" s="359"/>
    </row>
    <row r="6494" spans="2:12" ht="28.5">
      <c r="B6494" s="359"/>
      <c r="C6494" s="359" t="s">
        <v>27524</v>
      </c>
      <c r="D6494" s="359" t="s">
        <v>17507</v>
      </c>
      <c r="E6494" s="359" t="s">
        <v>17508</v>
      </c>
      <c r="F6494" s="359" t="s">
        <v>14389</v>
      </c>
      <c r="G6494" s="359" t="s">
        <v>14390</v>
      </c>
      <c r="H6494" s="359" t="s">
        <v>14367</v>
      </c>
      <c r="I6494" s="359" t="s">
        <v>14390</v>
      </c>
      <c r="J6494" s="359"/>
      <c r="K6494" s="359"/>
      <c r="L6494" s="359"/>
    </row>
    <row r="6495" spans="2:12">
      <c r="B6495" s="359"/>
      <c r="C6495" s="360"/>
      <c r="D6495" s="360"/>
      <c r="E6495" s="360"/>
      <c r="F6495" s="360"/>
      <c r="G6495" s="360"/>
      <c r="H6495" s="360"/>
      <c r="I6495" s="360"/>
      <c r="J6495" s="359"/>
      <c r="K6495" s="359"/>
      <c r="L6495" s="359"/>
    </row>
    <row r="6496" spans="2:12" ht="28.5">
      <c r="B6496" s="359"/>
      <c r="C6496" s="359" t="s">
        <v>17511</v>
      </c>
      <c r="D6496" s="359" t="s">
        <v>17509</v>
      </c>
      <c r="E6496" s="359" t="s">
        <v>17510</v>
      </c>
      <c r="F6496" s="359" t="s">
        <v>14391</v>
      </c>
      <c r="G6496" s="359" t="s">
        <v>14392</v>
      </c>
      <c r="H6496" s="359" t="s">
        <v>14370</v>
      </c>
      <c r="I6496" s="359" t="s">
        <v>14392</v>
      </c>
      <c r="J6496" s="359"/>
      <c r="K6496" s="359"/>
      <c r="L6496" s="359"/>
    </row>
    <row r="6497" spans="2:12">
      <c r="B6497" s="359"/>
      <c r="C6497" s="360"/>
      <c r="D6497" s="360"/>
      <c r="E6497" s="360"/>
      <c r="F6497" s="360"/>
      <c r="G6497" s="360"/>
      <c r="H6497" s="360"/>
      <c r="I6497" s="360"/>
      <c r="J6497" s="359"/>
      <c r="K6497" s="359"/>
      <c r="L6497" s="359"/>
    </row>
    <row r="6498" spans="2:12" ht="28.5">
      <c r="B6498" s="359"/>
      <c r="C6498" s="359" t="s">
        <v>30114</v>
      </c>
      <c r="D6498" s="359" t="s">
        <v>17512</v>
      </c>
      <c r="E6498" s="359" t="s">
        <v>17513</v>
      </c>
      <c r="F6498" s="359" t="s">
        <v>14371</v>
      </c>
      <c r="G6498" s="359" t="s">
        <v>14372</v>
      </c>
      <c r="H6498" s="359" t="s">
        <v>14422</v>
      </c>
      <c r="I6498" s="359" t="s">
        <v>14373</v>
      </c>
      <c r="J6498" s="359"/>
      <c r="K6498" s="359"/>
      <c r="L6498" s="359"/>
    </row>
    <row r="6499" spans="2:12">
      <c r="B6499" s="359"/>
      <c r="C6499" s="360"/>
      <c r="D6499" s="360"/>
      <c r="E6499" s="360"/>
      <c r="F6499" s="360"/>
      <c r="G6499" s="360"/>
      <c r="H6499" s="360"/>
      <c r="I6499" s="360"/>
      <c r="J6499" s="359"/>
      <c r="K6499" s="359"/>
      <c r="L6499" s="359"/>
    </row>
    <row r="6500" spans="2:12" ht="28.5">
      <c r="B6500" s="359"/>
      <c r="C6500" s="359" t="s">
        <v>27525</v>
      </c>
      <c r="D6500" s="359" t="s">
        <v>17514</v>
      </c>
      <c r="E6500" s="359" t="s">
        <v>17515</v>
      </c>
      <c r="F6500" s="359" t="s">
        <v>14374</v>
      </c>
      <c r="G6500" s="359" t="s">
        <v>14373</v>
      </c>
      <c r="H6500" s="360"/>
      <c r="I6500" s="360"/>
      <c r="J6500" s="359"/>
      <c r="K6500" s="359"/>
      <c r="L6500" s="359"/>
    </row>
    <row r="6501" spans="2:12">
      <c r="B6501" s="359"/>
      <c r="C6501" s="360"/>
      <c r="D6501" s="360"/>
      <c r="E6501" s="360"/>
      <c r="F6501" s="360"/>
      <c r="G6501" s="360"/>
      <c r="H6501" s="360"/>
      <c r="I6501" s="360"/>
      <c r="J6501" s="359"/>
      <c r="K6501" s="359"/>
      <c r="L6501" s="359"/>
    </row>
    <row r="6502" spans="2:12">
      <c r="B6502" s="361"/>
      <c r="C6502" s="361" t="s">
        <v>17516</v>
      </c>
      <c r="D6502" s="362"/>
      <c r="E6502" s="362"/>
      <c r="F6502" s="362"/>
      <c r="G6502" s="362"/>
      <c r="H6502" s="362"/>
      <c r="I6502" s="362"/>
      <c r="J6502" s="361"/>
      <c r="K6502" s="361"/>
      <c r="L6502" s="361"/>
    </row>
    <row r="6503" spans="2:12">
      <c r="B6503" s="358" t="s">
        <v>17517</v>
      </c>
      <c r="C6503" s="358" t="s">
        <v>17518</v>
      </c>
      <c r="D6503" s="358" t="s">
        <v>17519</v>
      </c>
      <c r="E6503" s="358" t="s">
        <v>17520</v>
      </c>
      <c r="F6503" s="358" t="s">
        <v>14505</v>
      </c>
      <c r="G6503" s="358" t="s">
        <v>14506</v>
      </c>
      <c r="H6503" s="358" t="s">
        <v>14328</v>
      </c>
      <c r="I6503" s="358" t="s">
        <v>14506</v>
      </c>
      <c r="J6503" s="358"/>
      <c r="K6503" s="358"/>
      <c r="L6503" s="358"/>
    </row>
    <row r="6504" spans="2:12">
      <c r="B6504" s="359"/>
      <c r="C6504" s="359"/>
      <c r="D6504" s="359"/>
      <c r="E6504" s="359"/>
      <c r="F6504" s="360"/>
      <c r="G6504" s="360"/>
      <c r="H6504" s="360"/>
      <c r="I6504" s="360"/>
      <c r="J6504" s="359"/>
      <c r="K6504" s="359"/>
      <c r="L6504" s="359"/>
    </row>
    <row r="6505" spans="2:12" ht="28.5">
      <c r="B6505" s="361"/>
      <c r="C6505" s="361"/>
      <c r="D6505" s="361"/>
      <c r="E6505" s="361"/>
      <c r="F6505" s="361" t="s">
        <v>14472</v>
      </c>
      <c r="G6505" s="361" t="s">
        <v>14473</v>
      </c>
      <c r="H6505" s="361" t="s">
        <v>14332</v>
      </c>
      <c r="I6505" s="361" t="s">
        <v>14473</v>
      </c>
      <c r="J6505" s="361"/>
      <c r="K6505" s="361"/>
      <c r="L6505" s="361"/>
    </row>
    <row r="6506" spans="2:12">
      <c r="B6506" s="358" t="s">
        <v>17521</v>
      </c>
      <c r="C6506" s="358" t="s">
        <v>17522</v>
      </c>
      <c r="D6506" s="358" t="s">
        <v>17523</v>
      </c>
      <c r="E6506" s="358" t="s">
        <v>17524</v>
      </c>
      <c r="F6506" s="358" t="s">
        <v>14505</v>
      </c>
      <c r="G6506" s="358" t="s">
        <v>14506</v>
      </c>
      <c r="H6506" s="358" t="s">
        <v>14328</v>
      </c>
      <c r="I6506" s="358" t="s">
        <v>14506</v>
      </c>
      <c r="J6506" s="358"/>
      <c r="K6506" s="358"/>
      <c r="L6506" s="358"/>
    </row>
    <row r="6507" spans="2:12">
      <c r="B6507" s="359"/>
      <c r="C6507" s="359"/>
      <c r="D6507" s="359"/>
      <c r="E6507" s="359"/>
      <c r="F6507" s="360"/>
      <c r="G6507" s="360"/>
      <c r="H6507" s="360"/>
      <c r="I6507" s="360"/>
      <c r="J6507" s="359"/>
      <c r="K6507" s="359"/>
      <c r="L6507" s="359"/>
    </row>
    <row r="6508" spans="2:12" ht="28.5">
      <c r="B6508" s="359"/>
      <c r="C6508" s="359"/>
      <c r="D6508" s="359"/>
      <c r="E6508" s="359"/>
      <c r="F6508" s="359" t="s">
        <v>14394</v>
      </c>
      <c r="G6508" s="359" t="s">
        <v>14395</v>
      </c>
      <c r="H6508" s="359" t="s">
        <v>14370</v>
      </c>
      <c r="I6508" s="359" t="s">
        <v>14395</v>
      </c>
      <c r="J6508" s="359"/>
      <c r="K6508" s="359"/>
      <c r="L6508" s="359"/>
    </row>
    <row r="6509" spans="2:12">
      <c r="B6509" s="359"/>
      <c r="C6509" s="359"/>
      <c r="D6509" s="359"/>
      <c r="E6509" s="359"/>
      <c r="F6509" s="360"/>
      <c r="G6509" s="360"/>
      <c r="H6509" s="360"/>
      <c r="I6509" s="360"/>
      <c r="J6509" s="359"/>
      <c r="K6509" s="359"/>
      <c r="L6509" s="359"/>
    </row>
    <row r="6510" spans="2:12">
      <c r="B6510" s="361"/>
      <c r="C6510" s="361"/>
      <c r="D6510" s="361"/>
      <c r="E6510" s="361"/>
      <c r="F6510" s="362"/>
      <c r="G6510" s="362"/>
      <c r="H6510" s="361" t="s">
        <v>14332</v>
      </c>
      <c r="I6510" s="362"/>
      <c r="J6510" s="361"/>
      <c r="K6510" s="361"/>
      <c r="L6510" s="361"/>
    </row>
    <row r="6511" spans="2:12" ht="42.75">
      <c r="B6511" s="358" t="s">
        <v>10274</v>
      </c>
      <c r="C6511" s="358" t="s">
        <v>27526</v>
      </c>
      <c r="D6511" s="358" t="s">
        <v>83</v>
      </c>
      <c r="E6511" s="358" t="s">
        <v>84</v>
      </c>
      <c r="F6511" s="358" t="s">
        <v>14376</v>
      </c>
      <c r="G6511" s="358" t="s">
        <v>14669</v>
      </c>
      <c r="H6511" s="358" t="s">
        <v>14381</v>
      </c>
      <c r="I6511" s="358" t="s">
        <v>14669</v>
      </c>
      <c r="J6511" s="358"/>
      <c r="K6511" s="358" t="s">
        <v>28590</v>
      </c>
      <c r="L6511" s="358"/>
    </row>
    <row r="6512" spans="2:12">
      <c r="B6512" s="359"/>
      <c r="C6512" s="360"/>
      <c r="D6512" s="359"/>
      <c r="E6512" s="359"/>
      <c r="F6512" s="360"/>
      <c r="G6512" s="360"/>
      <c r="H6512" s="360"/>
      <c r="I6512" s="360"/>
      <c r="J6512" s="359"/>
      <c r="K6512" s="359"/>
      <c r="L6512" s="359"/>
    </row>
    <row r="6513" spans="2:12">
      <c r="B6513" s="359"/>
      <c r="C6513" s="359" t="s">
        <v>27527</v>
      </c>
      <c r="D6513" s="359"/>
      <c r="E6513" s="359"/>
      <c r="F6513" s="359" t="s">
        <v>14889</v>
      </c>
      <c r="G6513" s="359" t="s">
        <v>14890</v>
      </c>
      <c r="H6513" s="359" t="s">
        <v>14367</v>
      </c>
      <c r="I6513" s="359" t="s">
        <v>14890</v>
      </c>
      <c r="J6513" s="359"/>
      <c r="K6513" s="359"/>
      <c r="L6513" s="359"/>
    </row>
    <row r="6514" spans="2:12">
      <c r="B6514" s="359"/>
      <c r="C6514" s="360"/>
      <c r="D6514" s="359"/>
      <c r="E6514" s="359"/>
      <c r="F6514" s="360"/>
      <c r="G6514" s="360"/>
      <c r="H6514" s="360"/>
      <c r="I6514" s="360"/>
      <c r="J6514" s="359"/>
      <c r="K6514" s="359"/>
      <c r="L6514" s="359"/>
    </row>
    <row r="6515" spans="2:12" ht="28.5">
      <c r="B6515" s="359"/>
      <c r="C6515" s="360"/>
      <c r="D6515" s="359"/>
      <c r="E6515" s="359"/>
      <c r="F6515" s="359" t="s">
        <v>14424</v>
      </c>
      <c r="G6515" s="359" t="s">
        <v>14425</v>
      </c>
      <c r="H6515" s="359" t="s">
        <v>14370</v>
      </c>
      <c r="I6515" s="359" t="s">
        <v>28866</v>
      </c>
      <c r="J6515" s="359"/>
      <c r="K6515" s="359"/>
      <c r="L6515" s="359"/>
    </row>
    <row r="6516" spans="2:12">
      <c r="B6516" s="359"/>
      <c r="C6516" s="360"/>
      <c r="D6516" s="359"/>
      <c r="E6516" s="359"/>
      <c r="F6516" s="360"/>
      <c r="G6516" s="360"/>
      <c r="H6516" s="360"/>
      <c r="I6516" s="360"/>
      <c r="J6516" s="359"/>
      <c r="K6516" s="359"/>
      <c r="L6516" s="359"/>
    </row>
    <row r="6517" spans="2:12">
      <c r="B6517" s="359"/>
      <c r="C6517" s="360"/>
      <c r="D6517" s="359"/>
      <c r="E6517" s="359"/>
      <c r="F6517" s="359" t="s">
        <v>14391</v>
      </c>
      <c r="G6517" s="359" t="s">
        <v>14392</v>
      </c>
      <c r="H6517" s="359" t="s">
        <v>14332</v>
      </c>
      <c r="I6517" s="359" t="s">
        <v>14373</v>
      </c>
      <c r="J6517" s="359"/>
      <c r="K6517" s="359"/>
      <c r="L6517" s="359"/>
    </row>
    <row r="6518" spans="2:12">
      <c r="B6518" s="359"/>
      <c r="C6518" s="360"/>
      <c r="D6518" s="359"/>
      <c r="E6518" s="359"/>
      <c r="F6518" s="360"/>
      <c r="G6518" s="360"/>
      <c r="H6518" s="360"/>
      <c r="I6518" s="360"/>
      <c r="J6518" s="359"/>
      <c r="K6518" s="359"/>
      <c r="L6518" s="359"/>
    </row>
    <row r="6519" spans="2:12">
      <c r="B6519" s="359"/>
      <c r="C6519" s="360"/>
      <c r="D6519" s="359"/>
      <c r="E6519" s="359"/>
      <c r="F6519" s="359" t="s">
        <v>14371</v>
      </c>
      <c r="G6519" s="359" t="s">
        <v>14372</v>
      </c>
      <c r="H6519" s="360"/>
      <c r="I6519" s="360"/>
      <c r="J6519" s="359"/>
      <c r="K6519" s="359"/>
      <c r="L6519" s="359"/>
    </row>
    <row r="6520" spans="2:12">
      <c r="B6520" s="359"/>
      <c r="C6520" s="360"/>
      <c r="D6520" s="359"/>
      <c r="E6520" s="359"/>
      <c r="F6520" s="360"/>
      <c r="G6520" s="360"/>
      <c r="H6520" s="360"/>
      <c r="I6520" s="360"/>
      <c r="J6520" s="359"/>
      <c r="K6520" s="359"/>
      <c r="L6520" s="359"/>
    </row>
    <row r="6521" spans="2:12" ht="28.5">
      <c r="B6521" s="361"/>
      <c r="C6521" s="362"/>
      <c r="D6521" s="361"/>
      <c r="E6521" s="361"/>
      <c r="F6521" s="361" t="s">
        <v>14374</v>
      </c>
      <c r="G6521" s="361" t="s">
        <v>14373</v>
      </c>
      <c r="H6521" s="362"/>
      <c r="I6521" s="362"/>
      <c r="J6521" s="361"/>
      <c r="K6521" s="361"/>
      <c r="L6521" s="361"/>
    </row>
    <row r="6522" spans="2:12">
      <c r="B6522" s="358" t="s">
        <v>10275</v>
      </c>
      <c r="C6522" s="358" t="s">
        <v>27528</v>
      </c>
      <c r="D6522" s="358" t="s">
        <v>10276</v>
      </c>
      <c r="E6522" s="358" t="s">
        <v>6437</v>
      </c>
      <c r="F6522" s="358" t="s">
        <v>14376</v>
      </c>
      <c r="G6522" s="358" t="s">
        <v>14669</v>
      </c>
      <c r="H6522" s="358" t="s">
        <v>14381</v>
      </c>
      <c r="I6522" s="358" t="s">
        <v>14669</v>
      </c>
      <c r="J6522" s="358"/>
      <c r="K6522" s="358" t="s">
        <v>14552</v>
      </c>
      <c r="L6522" s="358"/>
    </row>
    <row r="6523" spans="2:12">
      <c r="B6523" s="359"/>
      <c r="C6523" s="359"/>
      <c r="D6523" s="359"/>
      <c r="E6523" s="359"/>
      <c r="F6523" s="360"/>
      <c r="G6523" s="360"/>
      <c r="H6523" s="360"/>
      <c r="I6523" s="360"/>
      <c r="J6523" s="359"/>
      <c r="K6523" s="359"/>
      <c r="L6523" s="359"/>
    </row>
    <row r="6524" spans="2:12">
      <c r="B6524" s="359"/>
      <c r="C6524" s="359"/>
      <c r="D6524" s="359"/>
      <c r="E6524" s="359"/>
      <c r="F6524" s="359" t="s">
        <v>14371</v>
      </c>
      <c r="G6524" s="359" t="s">
        <v>14372</v>
      </c>
      <c r="H6524" s="359" t="s">
        <v>14370</v>
      </c>
      <c r="I6524" s="359" t="s">
        <v>14373</v>
      </c>
      <c r="J6524" s="359"/>
      <c r="K6524" s="359"/>
      <c r="L6524" s="359"/>
    </row>
    <row r="6525" spans="2:12">
      <c r="B6525" s="359"/>
      <c r="C6525" s="359"/>
      <c r="D6525" s="359"/>
      <c r="E6525" s="359"/>
      <c r="F6525" s="360"/>
      <c r="G6525" s="360"/>
      <c r="H6525" s="360"/>
      <c r="I6525" s="360"/>
      <c r="J6525" s="359"/>
      <c r="K6525" s="359"/>
      <c r="L6525" s="359"/>
    </row>
    <row r="6526" spans="2:12" ht="28.5">
      <c r="B6526" s="361"/>
      <c r="C6526" s="361"/>
      <c r="D6526" s="361"/>
      <c r="E6526" s="361"/>
      <c r="F6526" s="361" t="s">
        <v>14374</v>
      </c>
      <c r="G6526" s="361" t="s">
        <v>14373</v>
      </c>
      <c r="H6526" s="361" t="s">
        <v>14332</v>
      </c>
      <c r="I6526" s="362"/>
      <c r="J6526" s="361"/>
      <c r="K6526" s="361"/>
      <c r="L6526" s="361"/>
    </row>
    <row r="6527" spans="2:12">
      <c r="B6527" s="358" t="s">
        <v>10278</v>
      </c>
      <c r="C6527" s="358" t="s">
        <v>27529</v>
      </c>
      <c r="D6527" s="358" t="s">
        <v>10279</v>
      </c>
      <c r="E6527" s="358" t="s">
        <v>6439</v>
      </c>
      <c r="F6527" s="358" t="s">
        <v>14376</v>
      </c>
      <c r="G6527" s="358" t="s">
        <v>14669</v>
      </c>
      <c r="H6527" s="358" t="s">
        <v>14381</v>
      </c>
      <c r="I6527" s="358" t="s">
        <v>14669</v>
      </c>
      <c r="J6527" s="358"/>
      <c r="K6527" s="358"/>
      <c r="L6527" s="358"/>
    </row>
    <row r="6528" spans="2:12">
      <c r="B6528" s="359"/>
      <c r="C6528" s="359"/>
      <c r="D6528" s="359"/>
      <c r="E6528" s="359"/>
      <c r="F6528" s="360"/>
      <c r="G6528" s="360"/>
      <c r="H6528" s="360"/>
      <c r="I6528" s="360"/>
      <c r="J6528" s="359"/>
      <c r="K6528" s="359"/>
      <c r="L6528" s="359"/>
    </row>
    <row r="6529" spans="2:12">
      <c r="B6529" s="359"/>
      <c r="C6529" s="359"/>
      <c r="D6529" s="359"/>
      <c r="E6529" s="359"/>
      <c r="F6529" s="359" t="s">
        <v>14371</v>
      </c>
      <c r="G6529" s="359" t="s">
        <v>14372</v>
      </c>
      <c r="H6529" s="359" t="s">
        <v>14370</v>
      </c>
      <c r="I6529" s="359" t="s">
        <v>14373</v>
      </c>
      <c r="J6529" s="359"/>
      <c r="K6529" s="359"/>
      <c r="L6529" s="359"/>
    </row>
    <row r="6530" spans="2:12">
      <c r="B6530" s="359"/>
      <c r="C6530" s="359"/>
      <c r="D6530" s="359"/>
      <c r="E6530" s="359"/>
      <c r="F6530" s="360"/>
      <c r="G6530" s="360"/>
      <c r="H6530" s="360"/>
      <c r="I6530" s="360"/>
      <c r="J6530" s="359"/>
      <c r="K6530" s="359"/>
      <c r="L6530" s="359"/>
    </row>
    <row r="6531" spans="2:12" ht="28.5">
      <c r="B6531" s="361"/>
      <c r="C6531" s="361"/>
      <c r="D6531" s="361"/>
      <c r="E6531" s="361"/>
      <c r="F6531" s="361" t="s">
        <v>14374</v>
      </c>
      <c r="G6531" s="361" t="s">
        <v>14373</v>
      </c>
      <c r="H6531" s="361" t="s">
        <v>14332</v>
      </c>
      <c r="I6531" s="362"/>
      <c r="J6531" s="361"/>
      <c r="K6531" s="361"/>
      <c r="L6531" s="361"/>
    </row>
    <row r="6532" spans="2:12">
      <c r="B6532" s="358" t="s">
        <v>10280</v>
      </c>
      <c r="C6532" s="358" t="s">
        <v>27530</v>
      </c>
      <c r="D6532" s="358" t="s">
        <v>10281</v>
      </c>
      <c r="E6532" s="358" t="s">
        <v>6444</v>
      </c>
      <c r="F6532" s="358" t="s">
        <v>14376</v>
      </c>
      <c r="G6532" s="358" t="s">
        <v>14669</v>
      </c>
      <c r="H6532" s="358" t="s">
        <v>14381</v>
      </c>
      <c r="I6532" s="358" t="s">
        <v>14669</v>
      </c>
      <c r="J6532" s="358"/>
      <c r="K6532" s="358"/>
      <c r="L6532" s="358"/>
    </row>
    <row r="6533" spans="2:12">
      <c r="B6533" s="359"/>
      <c r="C6533" s="359"/>
      <c r="D6533" s="359"/>
      <c r="E6533" s="359"/>
      <c r="F6533" s="360"/>
      <c r="G6533" s="360"/>
      <c r="H6533" s="360"/>
      <c r="I6533" s="360"/>
      <c r="J6533" s="359"/>
      <c r="K6533" s="359"/>
      <c r="L6533" s="359"/>
    </row>
    <row r="6534" spans="2:12">
      <c r="B6534" s="359"/>
      <c r="C6534" s="359"/>
      <c r="D6534" s="359"/>
      <c r="E6534" s="359"/>
      <c r="F6534" s="359" t="s">
        <v>14371</v>
      </c>
      <c r="G6534" s="359" t="s">
        <v>14372</v>
      </c>
      <c r="H6534" s="359" t="s">
        <v>14370</v>
      </c>
      <c r="I6534" s="359" t="s">
        <v>14373</v>
      </c>
      <c r="J6534" s="359"/>
      <c r="K6534" s="359"/>
      <c r="L6534" s="359"/>
    </row>
    <row r="6535" spans="2:12">
      <c r="B6535" s="359"/>
      <c r="C6535" s="359"/>
      <c r="D6535" s="359"/>
      <c r="E6535" s="359"/>
      <c r="F6535" s="360"/>
      <c r="G6535" s="360"/>
      <c r="H6535" s="360"/>
      <c r="I6535" s="360"/>
      <c r="J6535" s="359"/>
      <c r="K6535" s="359"/>
      <c r="L6535" s="359"/>
    </row>
    <row r="6536" spans="2:12" ht="28.5">
      <c r="B6536" s="361"/>
      <c r="C6536" s="361"/>
      <c r="D6536" s="361"/>
      <c r="E6536" s="361"/>
      <c r="F6536" s="361" t="s">
        <v>14374</v>
      </c>
      <c r="G6536" s="361" t="s">
        <v>14373</v>
      </c>
      <c r="H6536" s="361" t="s">
        <v>14332</v>
      </c>
      <c r="I6536" s="362"/>
      <c r="J6536" s="361"/>
      <c r="K6536" s="361"/>
      <c r="L6536" s="361"/>
    </row>
    <row r="6537" spans="2:12">
      <c r="B6537" s="358" t="s">
        <v>10282</v>
      </c>
      <c r="C6537" s="358" t="s">
        <v>27531</v>
      </c>
      <c r="D6537" s="358" t="s">
        <v>10283</v>
      </c>
      <c r="E6537" s="358" t="s">
        <v>6446</v>
      </c>
      <c r="F6537" s="358" t="s">
        <v>14376</v>
      </c>
      <c r="G6537" s="358" t="s">
        <v>14669</v>
      </c>
      <c r="H6537" s="358" t="s">
        <v>14381</v>
      </c>
      <c r="I6537" s="358" t="s">
        <v>14669</v>
      </c>
      <c r="J6537" s="358"/>
      <c r="K6537" s="358"/>
      <c r="L6537" s="358"/>
    </row>
    <row r="6538" spans="2:12">
      <c r="B6538" s="359"/>
      <c r="C6538" s="359"/>
      <c r="D6538" s="359"/>
      <c r="E6538" s="359"/>
      <c r="F6538" s="360"/>
      <c r="G6538" s="360"/>
      <c r="H6538" s="360"/>
      <c r="I6538" s="360"/>
      <c r="J6538" s="359"/>
      <c r="K6538" s="359"/>
      <c r="L6538" s="359"/>
    </row>
    <row r="6539" spans="2:12">
      <c r="B6539" s="359"/>
      <c r="C6539" s="359"/>
      <c r="D6539" s="359"/>
      <c r="E6539" s="359"/>
      <c r="F6539" s="359" t="s">
        <v>14371</v>
      </c>
      <c r="G6539" s="359" t="s">
        <v>14372</v>
      </c>
      <c r="H6539" s="359" t="s">
        <v>14370</v>
      </c>
      <c r="I6539" s="359" t="s">
        <v>14373</v>
      </c>
      <c r="J6539" s="359"/>
      <c r="K6539" s="359"/>
      <c r="L6539" s="359"/>
    </row>
    <row r="6540" spans="2:12">
      <c r="B6540" s="359"/>
      <c r="C6540" s="359"/>
      <c r="D6540" s="359"/>
      <c r="E6540" s="359"/>
      <c r="F6540" s="360"/>
      <c r="G6540" s="360"/>
      <c r="H6540" s="360"/>
      <c r="I6540" s="360"/>
      <c r="J6540" s="359"/>
      <c r="K6540" s="359"/>
      <c r="L6540" s="359"/>
    </row>
    <row r="6541" spans="2:12" ht="28.5">
      <c r="B6541" s="361"/>
      <c r="C6541" s="361"/>
      <c r="D6541" s="361"/>
      <c r="E6541" s="361"/>
      <c r="F6541" s="361" t="s">
        <v>14374</v>
      </c>
      <c r="G6541" s="361" t="s">
        <v>14373</v>
      </c>
      <c r="H6541" s="361" t="s">
        <v>14332</v>
      </c>
      <c r="I6541" s="362"/>
      <c r="J6541" s="361"/>
      <c r="K6541" s="361"/>
      <c r="L6541" s="361"/>
    </row>
    <row r="6542" spans="2:12" ht="42.75">
      <c r="B6542" s="358" t="s">
        <v>17525</v>
      </c>
      <c r="C6542" s="358" t="s">
        <v>17526</v>
      </c>
      <c r="D6542" s="358" t="s">
        <v>17527</v>
      </c>
      <c r="E6542" s="358" t="s">
        <v>17528</v>
      </c>
      <c r="F6542" s="358" t="s">
        <v>14505</v>
      </c>
      <c r="G6542" s="358" t="s">
        <v>14506</v>
      </c>
      <c r="H6542" s="358" t="s">
        <v>14328</v>
      </c>
      <c r="I6542" s="358" t="s">
        <v>14506</v>
      </c>
      <c r="J6542" s="358"/>
      <c r="K6542" s="358" t="s">
        <v>28868</v>
      </c>
      <c r="L6542" s="358"/>
    </row>
    <row r="6543" spans="2:12">
      <c r="B6543" s="359"/>
      <c r="C6543" s="359"/>
      <c r="D6543" s="359"/>
      <c r="E6543" s="359"/>
      <c r="F6543" s="360"/>
      <c r="G6543" s="360"/>
      <c r="H6543" s="360"/>
      <c r="I6543" s="360"/>
      <c r="J6543" s="359"/>
      <c r="K6543" s="359"/>
      <c r="L6543" s="359"/>
    </row>
    <row r="6544" spans="2:12" ht="28.5">
      <c r="B6544" s="359"/>
      <c r="C6544" s="359"/>
      <c r="D6544" s="359"/>
      <c r="E6544" s="359"/>
      <c r="F6544" s="359" t="s">
        <v>14507</v>
      </c>
      <c r="G6544" s="359" t="s">
        <v>28867</v>
      </c>
      <c r="H6544" s="359" t="s">
        <v>14381</v>
      </c>
      <c r="I6544" s="359" t="s">
        <v>28867</v>
      </c>
      <c r="J6544" s="359"/>
      <c r="K6544" s="359"/>
      <c r="L6544" s="359"/>
    </row>
    <row r="6545" spans="2:12">
      <c r="B6545" s="359"/>
      <c r="C6545" s="359"/>
      <c r="D6545" s="359"/>
      <c r="E6545" s="359"/>
      <c r="F6545" s="360"/>
      <c r="G6545" s="360"/>
      <c r="H6545" s="360"/>
      <c r="I6545" s="360"/>
      <c r="J6545" s="359"/>
      <c r="K6545" s="359"/>
      <c r="L6545" s="359"/>
    </row>
    <row r="6546" spans="2:12" ht="28.5">
      <c r="B6546" s="359"/>
      <c r="C6546" s="359"/>
      <c r="D6546" s="359"/>
      <c r="E6546" s="359"/>
      <c r="F6546" s="359" t="s">
        <v>17310</v>
      </c>
      <c r="G6546" s="359" t="s">
        <v>14519</v>
      </c>
      <c r="H6546" s="359" t="s">
        <v>14367</v>
      </c>
      <c r="I6546" s="359" t="s">
        <v>28851</v>
      </c>
      <c r="J6546" s="359"/>
      <c r="K6546" s="359"/>
      <c r="L6546" s="359"/>
    </row>
    <row r="6547" spans="2:12">
      <c r="B6547" s="359"/>
      <c r="C6547" s="359"/>
      <c r="D6547" s="359"/>
      <c r="E6547" s="359"/>
      <c r="F6547" s="360"/>
      <c r="G6547" s="360"/>
      <c r="H6547" s="360"/>
      <c r="I6547" s="360"/>
      <c r="J6547" s="359"/>
      <c r="K6547" s="359"/>
      <c r="L6547" s="359"/>
    </row>
    <row r="6548" spans="2:12">
      <c r="B6548" s="359"/>
      <c r="C6548" s="359"/>
      <c r="D6548" s="359"/>
      <c r="E6548" s="359"/>
      <c r="F6548" s="359" t="s">
        <v>14460</v>
      </c>
      <c r="G6548" s="359" t="s">
        <v>14390</v>
      </c>
      <c r="H6548" s="359" t="s">
        <v>14370</v>
      </c>
      <c r="I6548" s="359" t="s">
        <v>14369</v>
      </c>
      <c r="J6548" s="359"/>
      <c r="K6548" s="359"/>
      <c r="L6548" s="359"/>
    </row>
    <row r="6549" spans="2:12">
      <c r="B6549" s="359"/>
      <c r="C6549" s="359"/>
      <c r="D6549" s="359"/>
      <c r="E6549" s="359"/>
      <c r="F6549" s="360"/>
      <c r="G6549" s="360"/>
      <c r="H6549" s="360"/>
      <c r="I6549" s="360"/>
      <c r="J6549" s="359"/>
      <c r="K6549" s="359"/>
      <c r="L6549" s="359"/>
    </row>
    <row r="6550" spans="2:12">
      <c r="B6550" s="359"/>
      <c r="C6550" s="359"/>
      <c r="D6550" s="359"/>
      <c r="E6550" s="359"/>
      <c r="F6550" s="359" t="s">
        <v>14389</v>
      </c>
      <c r="G6550" s="359" t="s">
        <v>14369</v>
      </c>
      <c r="H6550" s="359" t="s">
        <v>14332</v>
      </c>
      <c r="I6550" s="359" t="s">
        <v>14395</v>
      </c>
      <c r="J6550" s="359"/>
      <c r="K6550" s="359"/>
      <c r="L6550" s="359"/>
    </row>
    <row r="6551" spans="2:12">
      <c r="B6551" s="359"/>
      <c r="C6551" s="359"/>
      <c r="D6551" s="359"/>
      <c r="E6551" s="359"/>
      <c r="F6551" s="360"/>
      <c r="G6551" s="360"/>
      <c r="H6551" s="360"/>
      <c r="I6551" s="360"/>
      <c r="J6551" s="359"/>
      <c r="K6551" s="359"/>
      <c r="L6551" s="359"/>
    </row>
    <row r="6552" spans="2:12">
      <c r="B6552" s="359"/>
      <c r="C6552" s="359"/>
      <c r="D6552" s="359"/>
      <c r="E6552" s="359"/>
      <c r="F6552" s="359" t="s">
        <v>14368</v>
      </c>
      <c r="G6552" s="359" t="s">
        <v>14395</v>
      </c>
      <c r="H6552" s="360"/>
      <c r="I6552" s="360"/>
      <c r="J6552" s="359"/>
      <c r="K6552" s="359"/>
      <c r="L6552" s="359"/>
    </row>
    <row r="6553" spans="2:12">
      <c r="B6553" s="359"/>
      <c r="C6553" s="359"/>
      <c r="D6553" s="359"/>
      <c r="E6553" s="359"/>
      <c r="F6553" s="360"/>
      <c r="G6553" s="360"/>
      <c r="H6553" s="360"/>
      <c r="I6553" s="360"/>
      <c r="J6553" s="359"/>
      <c r="K6553" s="359"/>
      <c r="L6553" s="359"/>
    </row>
    <row r="6554" spans="2:12" ht="28.5">
      <c r="B6554" s="361"/>
      <c r="C6554" s="361"/>
      <c r="D6554" s="361"/>
      <c r="E6554" s="361"/>
      <c r="F6554" s="361" t="s">
        <v>14394</v>
      </c>
      <c r="G6554" s="362"/>
      <c r="H6554" s="362"/>
      <c r="I6554" s="362"/>
      <c r="J6554" s="361"/>
      <c r="K6554" s="361"/>
      <c r="L6554" s="361"/>
    </row>
    <row r="6555" spans="2:12" ht="57">
      <c r="B6555" s="358" t="s">
        <v>10285</v>
      </c>
      <c r="C6555" s="358" t="s">
        <v>27532</v>
      </c>
      <c r="D6555" s="358" t="s">
        <v>10286</v>
      </c>
      <c r="E6555" s="358" t="s">
        <v>6450</v>
      </c>
      <c r="F6555" s="358" t="s">
        <v>14376</v>
      </c>
      <c r="G6555" s="358" t="s">
        <v>14669</v>
      </c>
      <c r="H6555" s="358" t="s">
        <v>14381</v>
      </c>
      <c r="I6555" s="358" t="s">
        <v>14669</v>
      </c>
      <c r="J6555" s="358"/>
      <c r="K6555" s="358" t="s">
        <v>28869</v>
      </c>
      <c r="L6555" s="358"/>
    </row>
    <row r="6556" spans="2:12">
      <c r="B6556" s="359"/>
      <c r="C6556" s="359"/>
      <c r="D6556" s="359"/>
      <c r="E6556" s="359"/>
      <c r="F6556" s="360"/>
      <c r="G6556" s="360"/>
      <c r="H6556" s="360"/>
      <c r="I6556" s="360"/>
      <c r="J6556" s="359"/>
      <c r="K6556" s="359"/>
      <c r="L6556" s="359"/>
    </row>
    <row r="6557" spans="2:12">
      <c r="B6557" s="359"/>
      <c r="C6557" s="359"/>
      <c r="D6557" s="359"/>
      <c r="E6557" s="359"/>
      <c r="F6557" s="359" t="s">
        <v>14371</v>
      </c>
      <c r="G6557" s="359" t="s">
        <v>14372</v>
      </c>
      <c r="H6557" s="359" t="s">
        <v>14370</v>
      </c>
      <c r="I6557" s="359" t="s">
        <v>14373</v>
      </c>
      <c r="J6557" s="359"/>
      <c r="K6557" s="359"/>
      <c r="L6557" s="359"/>
    </row>
    <row r="6558" spans="2:12">
      <c r="B6558" s="359"/>
      <c r="C6558" s="359"/>
      <c r="D6558" s="359"/>
      <c r="E6558" s="359"/>
      <c r="F6558" s="360"/>
      <c r="G6558" s="360"/>
      <c r="H6558" s="360"/>
      <c r="I6558" s="360"/>
      <c r="J6558" s="359"/>
      <c r="K6558" s="359"/>
      <c r="L6558" s="359"/>
    </row>
    <row r="6559" spans="2:12" ht="28.5">
      <c r="B6559" s="361"/>
      <c r="C6559" s="361"/>
      <c r="D6559" s="361"/>
      <c r="E6559" s="361"/>
      <c r="F6559" s="361" t="s">
        <v>14374</v>
      </c>
      <c r="G6559" s="361" t="s">
        <v>14373</v>
      </c>
      <c r="H6559" s="361" t="s">
        <v>14332</v>
      </c>
      <c r="I6559" s="362"/>
      <c r="J6559" s="361"/>
      <c r="K6559" s="361"/>
      <c r="L6559" s="361"/>
    </row>
    <row r="6560" spans="2:12">
      <c r="B6560" s="358" t="s">
        <v>17529</v>
      </c>
      <c r="C6560" s="358" t="s">
        <v>17530</v>
      </c>
      <c r="D6560" s="358" t="s">
        <v>17531</v>
      </c>
      <c r="E6560" s="358" t="s">
        <v>17532</v>
      </c>
      <c r="F6560" s="358" t="s">
        <v>14386</v>
      </c>
      <c r="G6560" s="358" t="s">
        <v>14387</v>
      </c>
      <c r="H6560" s="358" t="s">
        <v>14367</v>
      </c>
      <c r="I6560" s="358" t="s">
        <v>14387</v>
      </c>
      <c r="J6560" s="358"/>
      <c r="K6560" s="358"/>
      <c r="L6560" s="358"/>
    </row>
    <row r="6561" spans="2:12">
      <c r="B6561" s="359"/>
      <c r="C6561" s="360"/>
      <c r="D6561" s="359"/>
      <c r="E6561" s="359"/>
      <c r="F6561" s="360"/>
      <c r="G6561" s="360"/>
      <c r="H6561" s="360"/>
      <c r="I6561" s="360"/>
      <c r="J6561" s="359"/>
      <c r="K6561" s="359"/>
      <c r="L6561" s="359"/>
    </row>
    <row r="6562" spans="2:12">
      <c r="B6562" s="359"/>
      <c r="C6562" s="359" t="s">
        <v>17533</v>
      </c>
      <c r="D6562" s="359"/>
      <c r="E6562" s="359"/>
      <c r="F6562" s="359" t="s">
        <v>14368</v>
      </c>
      <c r="G6562" s="359" t="s">
        <v>14388</v>
      </c>
      <c r="H6562" s="359" t="s">
        <v>14370</v>
      </c>
      <c r="I6562" s="359" t="s">
        <v>14388</v>
      </c>
      <c r="J6562" s="359"/>
      <c r="K6562" s="359"/>
      <c r="L6562" s="359"/>
    </row>
    <row r="6563" spans="2:12">
      <c r="B6563" s="359"/>
      <c r="C6563" s="360"/>
      <c r="D6563" s="359"/>
      <c r="E6563" s="359"/>
      <c r="F6563" s="360"/>
      <c r="G6563" s="360"/>
      <c r="H6563" s="360"/>
      <c r="I6563" s="360"/>
      <c r="J6563" s="359"/>
      <c r="K6563" s="359"/>
      <c r="L6563" s="359"/>
    </row>
    <row r="6564" spans="2:12">
      <c r="B6564" s="359"/>
      <c r="C6564" s="360"/>
      <c r="D6564" s="359"/>
      <c r="E6564" s="359"/>
      <c r="F6564" s="359" t="s">
        <v>14389</v>
      </c>
      <c r="G6564" s="359" t="s">
        <v>14390</v>
      </c>
      <c r="H6564" s="359" t="s">
        <v>14422</v>
      </c>
      <c r="I6564" s="359" t="s">
        <v>14390</v>
      </c>
      <c r="J6564" s="359"/>
      <c r="K6564" s="359"/>
      <c r="L6564" s="359"/>
    </row>
    <row r="6565" spans="2:12">
      <c r="B6565" s="359"/>
      <c r="C6565" s="360"/>
      <c r="D6565" s="359"/>
      <c r="E6565" s="359"/>
      <c r="F6565" s="360"/>
      <c r="G6565" s="360"/>
      <c r="H6565" s="360"/>
      <c r="I6565" s="360"/>
      <c r="J6565" s="359"/>
      <c r="K6565" s="359"/>
      <c r="L6565" s="359"/>
    </row>
    <row r="6566" spans="2:12">
      <c r="B6566" s="359"/>
      <c r="C6566" s="360"/>
      <c r="D6566" s="359"/>
      <c r="E6566" s="359"/>
      <c r="F6566" s="359" t="s">
        <v>14371</v>
      </c>
      <c r="G6566" s="359" t="s">
        <v>14372</v>
      </c>
      <c r="H6566" s="360"/>
      <c r="I6566" s="359" t="s">
        <v>14373</v>
      </c>
      <c r="J6566" s="359"/>
      <c r="K6566" s="359"/>
      <c r="L6566" s="359"/>
    </row>
    <row r="6567" spans="2:12">
      <c r="B6567" s="359"/>
      <c r="C6567" s="360"/>
      <c r="D6567" s="359"/>
      <c r="E6567" s="359"/>
      <c r="F6567" s="360"/>
      <c r="G6567" s="360"/>
      <c r="H6567" s="360"/>
      <c r="I6567" s="360"/>
      <c r="J6567" s="359"/>
      <c r="K6567" s="359"/>
      <c r="L6567" s="359"/>
    </row>
    <row r="6568" spans="2:12" ht="28.5">
      <c r="B6568" s="361"/>
      <c r="C6568" s="362"/>
      <c r="D6568" s="361"/>
      <c r="E6568" s="361"/>
      <c r="F6568" s="361" t="s">
        <v>14374</v>
      </c>
      <c r="G6568" s="361" t="s">
        <v>14373</v>
      </c>
      <c r="H6568" s="362"/>
      <c r="I6568" s="362"/>
      <c r="J6568" s="361"/>
      <c r="K6568" s="361"/>
      <c r="L6568" s="361"/>
    </row>
    <row r="6569" spans="2:12">
      <c r="B6569" s="358" t="s">
        <v>17534</v>
      </c>
      <c r="C6569" s="358" t="s">
        <v>17535</v>
      </c>
      <c r="D6569" s="358" t="s">
        <v>17536</v>
      </c>
      <c r="E6569" s="358" t="s">
        <v>17537</v>
      </c>
      <c r="F6569" s="358" t="s">
        <v>14418</v>
      </c>
      <c r="G6569" s="358" t="s">
        <v>14419</v>
      </c>
      <c r="H6569" s="358" t="s">
        <v>14328</v>
      </c>
      <c r="I6569" s="358" t="s">
        <v>14419</v>
      </c>
      <c r="J6569" s="358"/>
      <c r="K6569" s="358"/>
      <c r="L6569" s="358"/>
    </row>
    <row r="6570" spans="2:12">
      <c r="B6570" s="359"/>
      <c r="C6570" s="359"/>
      <c r="D6570" s="359"/>
      <c r="E6570" s="359"/>
      <c r="F6570" s="360"/>
      <c r="G6570" s="360"/>
      <c r="H6570" s="360"/>
      <c r="I6570" s="360"/>
      <c r="J6570" s="359"/>
      <c r="K6570" s="359"/>
      <c r="L6570" s="359"/>
    </row>
    <row r="6571" spans="2:12">
      <c r="B6571" s="359"/>
      <c r="C6571" s="359"/>
      <c r="D6571" s="359"/>
      <c r="E6571" s="359"/>
      <c r="F6571" s="359" t="s">
        <v>14420</v>
      </c>
      <c r="G6571" s="359" t="s">
        <v>14459</v>
      </c>
      <c r="H6571" s="359" t="s">
        <v>14367</v>
      </c>
      <c r="I6571" s="359" t="s">
        <v>14459</v>
      </c>
      <c r="J6571" s="359"/>
      <c r="K6571" s="359"/>
      <c r="L6571" s="359"/>
    </row>
    <row r="6572" spans="2:12">
      <c r="B6572" s="359"/>
      <c r="C6572" s="359"/>
      <c r="D6572" s="359"/>
      <c r="E6572" s="359"/>
      <c r="F6572" s="360"/>
      <c r="G6572" s="360"/>
      <c r="H6572" s="360"/>
      <c r="I6572" s="360"/>
      <c r="J6572" s="359"/>
      <c r="K6572" s="359"/>
      <c r="L6572" s="359"/>
    </row>
    <row r="6573" spans="2:12">
      <c r="B6573" s="359"/>
      <c r="C6573" s="359"/>
      <c r="D6573" s="359"/>
      <c r="E6573" s="359"/>
      <c r="F6573" s="359" t="s">
        <v>14386</v>
      </c>
      <c r="G6573" s="359" t="s">
        <v>14387</v>
      </c>
      <c r="H6573" s="359" t="s">
        <v>14370</v>
      </c>
      <c r="I6573" s="359" t="s">
        <v>14387</v>
      </c>
      <c r="J6573" s="359"/>
      <c r="K6573" s="359"/>
      <c r="L6573" s="359"/>
    </row>
    <row r="6574" spans="2:12">
      <c r="B6574" s="359"/>
      <c r="C6574" s="359"/>
      <c r="D6574" s="359"/>
      <c r="E6574" s="359"/>
      <c r="F6574" s="360"/>
      <c r="G6574" s="360"/>
      <c r="H6574" s="360"/>
      <c r="I6574" s="360"/>
      <c r="J6574" s="359"/>
      <c r="K6574" s="359"/>
      <c r="L6574" s="359"/>
    </row>
    <row r="6575" spans="2:12">
      <c r="B6575" s="359"/>
      <c r="C6575" s="359"/>
      <c r="D6575" s="359"/>
      <c r="E6575" s="359"/>
      <c r="F6575" s="359" t="s">
        <v>14368</v>
      </c>
      <c r="G6575" s="359" t="s">
        <v>14388</v>
      </c>
      <c r="H6575" s="359" t="s">
        <v>14422</v>
      </c>
      <c r="I6575" s="359" t="s">
        <v>14388</v>
      </c>
      <c r="J6575" s="359"/>
      <c r="K6575" s="359"/>
      <c r="L6575" s="359"/>
    </row>
    <row r="6576" spans="2:12">
      <c r="B6576" s="359"/>
      <c r="C6576" s="359"/>
      <c r="D6576" s="359"/>
      <c r="E6576" s="359"/>
      <c r="F6576" s="360"/>
      <c r="G6576" s="360"/>
      <c r="H6576" s="360"/>
      <c r="I6576" s="360"/>
      <c r="J6576" s="359"/>
      <c r="K6576" s="359"/>
      <c r="L6576" s="359"/>
    </row>
    <row r="6577" spans="2:12">
      <c r="B6577" s="359"/>
      <c r="C6577" s="359"/>
      <c r="D6577" s="359"/>
      <c r="E6577" s="359"/>
      <c r="F6577" s="359" t="s">
        <v>14389</v>
      </c>
      <c r="G6577" s="359" t="s">
        <v>14390</v>
      </c>
      <c r="H6577" s="360"/>
      <c r="I6577" s="359" t="s">
        <v>14390</v>
      </c>
      <c r="J6577" s="359"/>
      <c r="K6577" s="359"/>
      <c r="L6577" s="359"/>
    </row>
    <row r="6578" spans="2:12">
      <c r="B6578" s="359"/>
      <c r="C6578" s="359"/>
      <c r="D6578" s="359"/>
      <c r="E6578" s="359"/>
      <c r="F6578" s="360"/>
      <c r="G6578" s="360"/>
      <c r="H6578" s="360"/>
      <c r="I6578" s="360"/>
      <c r="J6578" s="359"/>
      <c r="K6578" s="359"/>
      <c r="L6578" s="359"/>
    </row>
    <row r="6579" spans="2:12" ht="28.5">
      <c r="B6579" s="361"/>
      <c r="C6579" s="361"/>
      <c r="D6579" s="361"/>
      <c r="E6579" s="361"/>
      <c r="F6579" s="361" t="s">
        <v>14394</v>
      </c>
      <c r="G6579" s="361" t="s">
        <v>14395</v>
      </c>
      <c r="H6579" s="362"/>
      <c r="I6579" s="361" t="s">
        <v>14395</v>
      </c>
      <c r="J6579" s="361"/>
      <c r="K6579" s="361"/>
      <c r="L6579" s="361"/>
    </row>
    <row r="6580" spans="2:12">
      <c r="B6580" s="358" t="s">
        <v>17538</v>
      </c>
      <c r="C6580" s="358" t="s">
        <v>17539</v>
      </c>
      <c r="D6580" s="358" t="s">
        <v>17540</v>
      </c>
      <c r="E6580" s="358" t="s">
        <v>17541</v>
      </c>
      <c r="F6580" s="358" t="s">
        <v>14505</v>
      </c>
      <c r="G6580" s="358" t="s">
        <v>14506</v>
      </c>
      <c r="H6580" s="358" t="s">
        <v>14328</v>
      </c>
      <c r="I6580" s="358" t="s">
        <v>14506</v>
      </c>
      <c r="J6580" s="358"/>
      <c r="K6580" s="358"/>
      <c r="L6580" s="358"/>
    </row>
    <row r="6581" spans="2:12">
      <c r="B6581" s="359"/>
      <c r="C6581" s="359"/>
      <c r="D6581" s="359"/>
      <c r="E6581" s="359"/>
      <c r="F6581" s="360"/>
      <c r="G6581" s="360"/>
      <c r="H6581" s="360"/>
      <c r="I6581" s="360"/>
      <c r="J6581" s="359"/>
      <c r="K6581" s="359"/>
      <c r="L6581" s="359"/>
    </row>
    <row r="6582" spans="2:12">
      <c r="B6582" s="359"/>
      <c r="C6582" s="359"/>
      <c r="D6582" s="359"/>
      <c r="E6582" s="359"/>
      <c r="F6582" s="359" t="s">
        <v>14420</v>
      </c>
      <c r="G6582" s="359" t="s">
        <v>14459</v>
      </c>
      <c r="H6582" s="359" t="s">
        <v>14367</v>
      </c>
      <c r="I6582" s="359" t="s">
        <v>14459</v>
      </c>
      <c r="J6582" s="359"/>
      <c r="K6582" s="359"/>
      <c r="L6582" s="359"/>
    </row>
    <row r="6583" spans="2:12">
      <c r="B6583" s="359"/>
      <c r="C6583" s="359"/>
      <c r="D6583" s="359"/>
      <c r="E6583" s="359"/>
      <c r="F6583" s="360"/>
      <c r="G6583" s="360"/>
      <c r="H6583" s="360"/>
      <c r="I6583" s="360"/>
      <c r="J6583" s="359"/>
      <c r="K6583" s="359"/>
      <c r="L6583" s="359"/>
    </row>
    <row r="6584" spans="2:12">
      <c r="B6584" s="359"/>
      <c r="C6584" s="359"/>
      <c r="D6584" s="359"/>
      <c r="E6584" s="359"/>
      <c r="F6584" s="359" t="s">
        <v>14420</v>
      </c>
      <c r="G6584" s="359" t="s">
        <v>14429</v>
      </c>
      <c r="H6584" s="359" t="s">
        <v>14370</v>
      </c>
      <c r="I6584" s="359" t="s">
        <v>14429</v>
      </c>
      <c r="J6584" s="359"/>
      <c r="K6584" s="359"/>
      <c r="L6584" s="359"/>
    </row>
    <row r="6585" spans="2:12">
      <c r="B6585" s="359"/>
      <c r="C6585" s="359"/>
      <c r="D6585" s="359"/>
      <c r="E6585" s="359"/>
      <c r="F6585" s="360"/>
      <c r="G6585" s="360"/>
      <c r="H6585" s="360"/>
      <c r="I6585" s="360"/>
      <c r="J6585" s="359"/>
      <c r="K6585" s="359"/>
      <c r="L6585" s="359"/>
    </row>
    <row r="6586" spans="2:12">
      <c r="B6586" s="359"/>
      <c r="C6586" s="359"/>
      <c r="D6586" s="359"/>
      <c r="E6586" s="359"/>
      <c r="F6586" s="359" t="s">
        <v>14386</v>
      </c>
      <c r="G6586" s="359" t="s">
        <v>14387</v>
      </c>
      <c r="H6586" s="359" t="s">
        <v>14332</v>
      </c>
      <c r="I6586" s="359" t="s">
        <v>14387</v>
      </c>
      <c r="J6586" s="359"/>
      <c r="K6586" s="359"/>
      <c r="L6586" s="359"/>
    </row>
    <row r="6587" spans="2:12">
      <c r="B6587" s="359"/>
      <c r="C6587" s="359"/>
      <c r="D6587" s="359"/>
      <c r="E6587" s="359"/>
      <c r="F6587" s="360"/>
      <c r="G6587" s="360"/>
      <c r="H6587" s="360"/>
      <c r="I6587" s="360"/>
      <c r="J6587" s="359"/>
      <c r="K6587" s="359"/>
      <c r="L6587" s="359"/>
    </row>
    <row r="6588" spans="2:12">
      <c r="B6588" s="359"/>
      <c r="C6588" s="359"/>
      <c r="D6588" s="359"/>
      <c r="E6588" s="359"/>
      <c r="F6588" s="359" t="s">
        <v>14368</v>
      </c>
      <c r="G6588" s="359" t="s">
        <v>14388</v>
      </c>
      <c r="H6588" s="360"/>
      <c r="I6588" s="359" t="s">
        <v>14388</v>
      </c>
      <c r="J6588" s="359"/>
      <c r="K6588" s="359"/>
      <c r="L6588" s="359"/>
    </row>
    <row r="6589" spans="2:12">
      <c r="B6589" s="359"/>
      <c r="C6589" s="359"/>
      <c r="D6589" s="359"/>
      <c r="E6589" s="359"/>
      <c r="F6589" s="360"/>
      <c r="G6589" s="360"/>
      <c r="H6589" s="360"/>
      <c r="I6589" s="360"/>
      <c r="J6589" s="359"/>
      <c r="K6589" s="359"/>
      <c r="L6589" s="359"/>
    </row>
    <row r="6590" spans="2:12">
      <c r="B6590" s="359"/>
      <c r="C6590" s="359"/>
      <c r="D6590" s="359"/>
      <c r="E6590" s="359"/>
      <c r="F6590" s="359" t="s">
        <v>14389</v>
      </c>
      <c r="G6590" s="359" t="s">
        <v>14390</v>
      </c>
      <c r="H6590" s="360"/>
      <c r="I6590" s="359" t="s">
        <v>14390</v>
      </c>
      <c r="J6590" s="359"/>
      <c r="K6590" s="359"/>
      <c r="L6590" s="359"/>
    </row>
    <row r="6591" spans="2:12">
      <c r="B6591" s="359"/>
      <c r="C6591" s="359"/>
      <c r="D6591" s="359"/>
      <c r="E6591" s="359"/>
      <c r="F6591" s="360"/>
      <c r="G6591" s="360"/>
      <c r="H6591" s="360"/>
      <c r="I6591" s="360"/>
      <c r="J6591" s="359"/>
      <c r="K6591" s="359"/>
      <c r="L6591" s="359"/>
    </row>
    <row r="6592" spans="2:12" ht="28.5">
      <c r="B6592" s="361"/>
      <c r="C6592" s="361"/>
      <c r="D6592" s="361"/>
      <c r="E6592" s="361"/>
      <c r="F6592" s="361" t="s">
        <v>14394</v>
      </c>
      <c r="G6592" s="361" t="s">
        <v>14395</v>
      </c>
      <c r="H6592" s="362"/>
      <c r="I6592" s="361" t="s">
        <v>14395</v>
      </c>
      <c r="J6592" s="361"/>
      <c r="K6592" s="361"/>
      <c r="L6592" s="361"/>
    </row>
    <row r="6593" spans="2:12">
      <c r="B6593" s="358" t="s">
        <v>17542</v>
      </c>
      <c r="C6593" s="358" t="s">
        <v>17543</v>
      </c>
      <c r="D6593" s="358" t="s">
        <v>17544</v>
      </c>
      <c r="E6593" s="358" t="s">
        <v>17545</v>
      </c>
      <c r="F6593" s="358" t="s">
        <v>14386</v>
      </c>
      <c r="G6593" s="358" t="s">
        <v>14387</v>
      </c>
      <c r="H6593" s="358" t="s">
        <v>14367</v>
      </c>
      <c r="I6593" s="358" t="s">
        <v>14387</v>
      </c>
      <c r="J6593" s="358" t="s">
        <v>17546</v>
      </c>
      <c r="K6593" s="358"/>
      <c r="L6593" s="358"/>
    </row>
    <row r="6594" spans="2:12">
      <c r="B6594" s="359"/>
      <c r="C6594" s="359"/>
      <c r="D6594" s="359"/>
      <c r="E6594" s="359"/>
      <c r="F6594" s="360"/>
      <c r="G6594" s="360"/>
      <c r="H6594" s="360"/>
      <c r="I6594" s="360"/>
      <c r="J6594" s="359"/>
      <c r="K6594" s="359"/>
      <c r="L6594" s="359"/>
    </row>
    <row r="6595" spans="2:12">
      <c r="B6595" s="359"/>
      <c r="C6595" s="359"/>
      <c r="D6595" s="359"/>
      <c r="E6595" s="359"/>
      <c r="F6595" s="359" t="s">
        <v>14389</v>
      </c>
      <c r="G6595" s="359" t="s">
        <v>14390</v>
      </c>
      <c r="H6595" s="359" t="s">
        <v>14370</v>
      </c>
      <c r="I6595" s="359" t="s">
        <v>14390</v>
      </c>
      <c r="J6595" s="359"/>
      <c r="K6595" s="359"/>
      <c r="L6595" s="359"/>
    </row>
    <row r="6596" spans="2:12">
      <c r="B6596" s="359"/>
      <c r="C6596" s="359"/>
      <c r="D6596" s="359"/>
      <c r="E6596" s="359"/>
      <c r="F6596" s="360"/>
      <c r="G6596" s="360"/>
      <c r="H6596" s="360"/>
      <c r="I6596" s="360"/>
      <c r="J6596" s="359"/>
      <c r="K6596" s="359"/>
      <c r="L6596" s="359"/>
    </row>
    <row r="6597" spans="2:12" ht="28.5">
      <c r="B6597" s="361"/>
      <c r="C6597" s="361"/>
      <c r="D6597" s="361"/>
      <c r="E6597" s="361"/>
      <c r="F6597" s="361" t="s">
        <v>14394</v>
      </c>
      <c r="G6597" s="361" t="s">
        <v>14395</v>
      </c>
      <c r="H6597" s="361" t="s">
        <v>14422</v>
      </c>
      <c r="I6597" s="361" t="s">
        <v>14395</v>
      </c>
      <c r="J6597" s="361"/>
      <c r="K6597" s="361"/>
      <c r="L6597" s="361"/>
    </row>
    <row r="6598" spans="2:12">
      <c r="B6598" s="358" t="s">
        <v>17547</v>
      </c>
      <c r="C6598" s="358" t="s">
        <v>17548</v>
      </c>
      <c r="D6598" s="358" t="s">
        <v>17549</v>
      </c>
      <c r="E6598" s="358" t="s">
        <v>17550</v>
      </c>
      <c r="F6598" s="358" t="s">
        <v>14418</v>
      </c>
      <c r="G6598" s="358" t="s">
        <v>14419</v>
      </c>
      <c r="H6598" s="358" t="s">
        <v>14328</v>
      </c>
      <c r="I6598" s="358" t="s">
        <v>14419</v>
      </c>
      <c r="J6598" s="358"/>
      <c r="K6598" s="358"/>
      <c r="L6598" s="358"/>
    </row>
    <row r="6599" spans="2:12">
      <c r="B6599" s="359"/>
      <c r="C6599" s="359"/>
      <c r="D6599" s="359"/>
      <c r="E6599" s="359"/>
      <c r="F6599" s="360"/>
      <c r="G6599" s="360"/>
      <c r="H6599" s="360"/>
      <c r="I6599" s="360"/>
      <c r="J6599" s="359"/>
      <c r="K6599" s="359"/>
      <c r="L6599" s="359"/>
    </row>
    <row r="6600" spans="2:12">
      <c r="B6600" s="359"/>
      <c r="C6600" s="359"/>
      <c r="D6600" s="359"/>
      <c r="E6600" s="359"/>
      <c r="F6600" s="359" t="s">
        <v>14371</v>
      </c>
      <c r="G6600" s="359" t="s">
        <v>14372</v>
      </c>
      <c r="H6600" s="359" t="s">
        <v>14370</v>
      </c>
      <c r="I6600" s="359" t="s">
        <v>14373</v>
      </c>
      <c r="J6600" s="359"/>
      <c r="K6600" s="359"/>
      <c r="L6600" s="359"/>
    </row>
    <row r="6601" spans="2:12">
      <c r="B6601" s="359"/>
      <c r="C6601" s="359"/>
      <c r="D6601" s="359"/>
      <c r="E6601" s="359"/>
      <c r="F6601" s="360"/>
      <c r="G6601" s="360"/>
      <c r="H6601" s="360"/>
      <c r="I6601" s="360"/>
      <c r="J6601" s="359"/>
      <c r="K6601" s="359"/>
      <c r="L6601" s="359"/>
    </row>
    <row r="6602" spans="2:12" ht="28.5">
      <c r="B6602" s="361"/>
      <c r="C6602" s="361"/>
      <c r="D6602" s="361"/>
      <c r="E6602" s="361"/>
      <c r="F6602" s="361" t="s">
        <v>14374</v>
      </c>
      <c r="G6602" s="361" t="s">
        <v>14373</v>
      </c>
      <c r="H6602" s="361" t="s">
        <v>14422</v>
      </c>
      <c r="I6602" s="362"/>
      <c r="J6602" s="361"/>
      <c r="K6602" s="361"/>
      <c r="L6602" s="361"/>
    </row>
    <row r="6603" spans="2:12">
      <c r="B6603" s="358" t="s">
        <v>17551</v>
      </c>
      <c r="C6603" s="358" t="s">
        <v>27533</v>
      </c>
      <c r="D6603" s="358" t="s">
        <v>17552</v>
      </c>
      <c r="E6603" s="358" t="s">
        <v>17553</v>
      </c>
      <c r="F6603" s="358" t="s">
        <v>14389</v>
      </c>
      <c r="G6603" s="358" t="s">
        <v>14390</v>
      </c>
      <c r="H6603" s="358" t="s">
        <v>14367</v>
      </c>
      <c r="I6603" s="358" t="s">
        <v>14390</v>
      </c>
      <c r="J6603" s="358"/>
      <c r="K6603" s="358"/>
      <c r="L6603" s="358"/>
    </row>
    <row r="6604" spans="2:12">
      <c r="B6604" s="359"/>
      <c r="C6604" s="359"/>
      <c r="D6604" s="359"/>
      <c r="E6604" s="359"/>
      <c r="F6604" s="360"/>
      <c r="G6604" s="360"/>
      <c r="H6604" s="360"/>
      <c r="I6604" s="360"/>
      <c r="J6604" s="359"/>
      <c r="K6604" s="359"/>
      <c r="L6604" s="359"/>
    </row>
    <row r="6605" spans="2:12" ht="28.5">
      <c r="B6605" s="359"/>
      <c r="C6605" s="359"/>
      <c r="D6605" s="359"/>
      <c r="E6605" s="359"/>
      <c r="F6605" s="359" t="s">
        <v>14394</v>
      </c>
      <c r="G6605" s="359" t="s">
        <v>14395</v>
      </c>
      <c r="H6605" s="359" t="s">
        <v>14370</v>
      </c>
      <c r="I6605" s="359" t="s">
        <v>14395</v>
      </c>
      <c r="J6605" s="359"/>
      <c r="K6605" s="359"/>
      <c r="L6605" s="359"/>
    </row>
    <row r="6606" spans="2:12">
      <c r="B6606" s="359"/>
      <c r="C6606" s="359"/>
      <c r="D6606" s="359"/>
      <c r="E6606" s="359"/>
      <c r="F6606" s="360"/>
      <c r="G6606" s="360"/>
      <c r="H6606" s="360"/>
      <c r="I6606" s="360"/>
      <c r="J6606" s="359"/>
      <c r="K6606" s="359"/>
      <c r="L6606" s="359"/>
    </row>
    <row r="6607" spans="2:12">
      <c r="B6607" s="361"/>
      <c r="C6607" s="361"/>
      <c r="D6607" s="361"/>
      <c r="E6607" s="361"/>
      <c r="F6607" s="362"/>
      <c r="G6607" s="362"/>
      <c r="H6607" s="361" t="s">
        <v>14422</v>
      </c>
      <c r="I6607" s="362"/>
      <c r="J6607" s="361"/>
      <c r="K6607" s="361"/>
      <c r="L6607" s="361"/>
    </row>
    <row r="6608" spans="2:12">
      <c r="B6608" s="358" t="s">
        <v>10288</v>
      </c>
      <c r="C6608" s="358" t="s">
        <v>17554</v>
      </c>
      <c r="D6608" s="358" t="s">
        <v>10289</v>
      </c>
      <c r="E6608" s="358" t="s">
        <v>6448</v>
      </c>
      <c r="F6608" s="358" t="s">
        <v>28860</v>
      </c>
      <c r="G6608" s="358" t="s">
        <v>14669</v>
      </c>
      <c r="H6608" s="358" t="s">
        <v>14381</v>
      </c>
      <c r="I6608" s="358" t="s">
        <v>14669</v>
      </c>
      <c r="J6608" s="358"/>
      <c r="K6608" s="358"/>
      <c r="L6608" s="358"/>
    </row>
    <row r="6609" spans="2:12">
      <c r="B6609" s="359"/>
      <c r="C6609" s="359"/>
      <c r="D6609" s="359"/>
      <c r="E6609" s="359"/>
      <c r="F6609" s="360"/>
      <c r="G6609" s="360"/>
      <c r="H6609" s="360"/>
      <c r="I6609" s="360"/>
      <c r="J6609" s="359"/>
      <c r="K6609" s="359"/>
      <c r="L6609" s="359"/>
    </row>
    <row r="6610" spans="2:12">
      <c r="B6610" s="359"/>
      <c r="C6610" s="359"/>
      <c r="D6610" s="359"/>
      <c r="E6610" s="359"/>
      <c r="F6610" s="359" t="s">
        <v>14371</v>
      </c>
      <c r="G6610" s="359" t="s">
        <v>14427</v>
      </c>
      <c r="H6610" s="359" t="s">
        <v>14370</v>
      </c>
      <c r="I6610" s="359" t="s">
        <v>14427</v>
      </c>
      <c r="J6610" s="359"/>
      <c r="K6610" s="359"/>
      <c r="L6610" s="359"/>
    </row>
    <row r="6611" spans="2:12">
      <c r="B6611" s="359"/>
      <c r="C6611" s="359"/>
      <c r="D6611" s="359"/>
      <c r="E6611" s="359"/>
      <c r="F6611" s="360"/>
      <c r="G6611" s="360"/>
      <c r="H6611" s="360"/>
      <c r="I6611" s="360"/>
      <c r="J6611" s="359"/>
      <c r="K6611" s="359"/>
      <c r="L6611" s="359"/>
    </row>
    <row r="6612" spans="2:12" ht="28.5">
      <c r="B6612" s="359"/>
      <c r="C6612" s="359"/>
      <c r="D6612" s="359"/>
      <c r="E6612" s="359"/>
      <c r="F6612" s="359" t="s">
        <v>14374</v>
      </c>
      <c r="G6612" s="359" t="s">
        <v>14372</v>
      </c>
      <c r="H6612" s="359" t="s">
        <v>14332</v>
      </c>
      <c r="I6612" s="359" t="s">
        <v>14373</v>
      </c>
      <c r="J6612" s="359"/>
      <c r="K6612" s="359"/>
      <c r="L6612" s="359"/>
    </row>
    <row r="6613" spans="2:12">
      <c r="B6613" s="359"/>
      <c r="C6613" s="359"/>
      <c r="D6613" s="359"/>
      <c r="E6613" s="359"/>
      <c r="F6613" s="360"/>
      <c r="G6613" s="360"/>
      <c r="H6613" s="360"/>
      <c r="I6613" s="360"/>
      <c r="J6613" s="359"/>
      <c r="K6613" s="359"/>
      <c r="L6613" s="359"/>
    </row>
    <row r="6614" spans="2:12">
      <c r="B6614" s="361"/>
      <c r="C6614" s="361"/>
      <c r="D6614" s="361"/>
      <c r="E6614" s="361"/>
      <c r="F6614" s="362"/>
      <c r="G6614" s="361" t="s">
        <v>14373</v>
      </c>
      <c r="H6614" s="362"/>
      <c r="I6614" s="362"/>
      <c r="J6614" s="361"/>
      <c r="K6614" s="361"/>
      <c r="L6614" s="361"/>
    </row>
    <row r="6615" spans="2:12">
      <c r="B6615" s="358" t="s">
        <v>10290</v>
      </c>
      <c r="C6615" s="358" t="s">
        <v>27534</v>
      </c>
      <c r="D6615" s="358" t="s">
        <v>10291</v>
      </c>
      <c r="E6615" s="358" t="s">
        <v>6442</v>
      </c>
      <c r="F6615" s="358" t="s">
        <v>14376</v>
      </c>
      <c r="G6615" s="358" t="s">
        <v>14669</v>
      </c>
      <c r="H6615" s="358" t="s">
        <v>14381</v>
      </c>
      <c r="I6615" s="358" t="s">
        <v>14669</v>
      </c>
      <c r="J6615" s="358"/>
      <c r="K6615" s="358"/>
      <c r="L6615" s="358"/>
    </row>
    <row r="6616" spans="2:12">
      <c r="B6616" s="359"/>
      <c r="C6616" s="359"/>
      <c r="D6616" s="359"/>
      <c r="E6616" s="359"/>
      <c r="F6616" s="360"/>
      <c r="G6616" s="360"/>
      <c r="H6616" s="360"/>
      <c r="I6616" s="360"/>
      <c r="J6616" s="359"/>
      <c r="K6616" s="359"/>
      <c r="L6616" s="359"/>
    </row>
    <row r="6617" spans="2:12">
      <c r="B6617" s="359"/>
      <c r="C6617" s="359"/>
      <c r="D6617" s="359"/>
      <c r="E6617" s="359"/>
      <c r="F6617" s="359" t="s">
        <v>14371</v>
      </c>
      <c r="G6617" s="359" t="s">
        <v>14372</v>
      </c>
      <c r="H6617" s="359" t="s">
        <v>14370</v>
      </c>
      <c r="I6617" s="359" t="s">
        <v>14373</v>
      </c>
      <c r="J6617" s="359"/>
      <c r="K6617" s="359"/>
      <c r="L6617" s="359"/>
    </row>
    <row r="6618" spans="2:12">
      <c r="B6618" s="359"/>
      <c r="C6618" s="359"/>
      <c r="D6618" s="359"/>
      <c r="E6618" s="359"/>
      <c r="F6618" s="360"/>
      <c r="G6618" s="360"/>
      <c r="H6618" s="360"/>
      <c r="I6618" s="360"/>
      <c r="J6618" s="359"/>
      <c r="K6618" s="359"/>
      <c r="L6618" s="359"/>
    </row>
    <row r="6619" spans="2:12" ht="28.5">
      <c r="B6619" s="361"/>
      <c r="C6619" s="361"/>
      <c r="D6619" s="361"/>
      <c r="E6619" s="361"/>
      <c r="F6619" s="361" t="s">
        <v>14374</v>
      </c>
      <c r="G6619" s="361" t="s">
        <v>14373</v>
      </c>
      <c r="H6619" s="361" t="s">
        <v>14332</v>
      </c>
      <c r="I6619" s="362"/>
      <c r="J6619" s="361"/>
      <c r="K6619" s="361"/>
      <c r="L6619" s="361"/>
    </row>
    <row r="6620" spans="2:12">
      <c r="B6620" s="358" t="s">
        <v>17555</v>
      </c>
      <c r="C6620" s="358" t="s">
        <v>17556</v>
      </c>
      <c r="D6620" s="358" t="s">
        <v>17557</v>
      </c>
      <c r="E6620" s="358" t="s">
        <v>17558</v>
      </c>
      <c r="F6620" s="358" t="s">
        <v>14389</v>
      </c>
      <c r="G6620" s="358" t="s">
        <v>14390</v>
      </c>
      <c r="H6620" s="358" t="s">
        <v>14367</v>
      </c>
      <c r="I6620" s="358" t="s">
        <v>14390</v>
      </c>
      <c r="J6620" s="358"/>
      <c r="K6620" s="358"/>
      <c r="L6620" s="358"/>
    </row>
    <row r="6621" spans="2:12">
      <c r="B6621" s="359"/>
      <c r="C6621" s="359"/>
      <c r="D6621" s="359"/>
      <c r="E6621" s="359"/>
      <c r="F6621" s="360"/>
      <c r="G6621" s="360"/>
      <c r="H6621" s="360"/>
      <c r="I6621" s="360"/>
      <c r="J6621" s="359"/>
      <c r="K6621" s="359"/>
      <c r="L6621" s="359"/>
    </row>
    <row r="6622" spans="2:12" ht="28.5">
      <c r="B6622" s="359"/>
      <c r="C6622" s="359"/>
      <c r="D6622" s="359"/>
      <c r="E6622" s="359"/>
      <c r="F6622" s="359" t="s">
        <v>14394</v>
      </c>
      <c r="G6622" s="359" t="s">
        <v>14395</v>
      </c>
      <c r="H6622" s="359" t="s">
        <v>14370</v>
      </c>
      <c r="I6622" s="359" t="s">
        <v>14395</v>
      </c>
      <c r="J6622" s="359"/>
      <c r="K6622" s="359"/>
      <c r="L6622" s="359"/>
    </row>
    <row r="6623" spans="2:12">
      <c r="B6623" s="359"/>
      <c r="C6623" s="359"/>
      <c r="D6623" s="359"/>
      <c r="E6623" s="359"/>
      <c r="F6623" s="360"/>
      <c r="G6623" s="360"/>
      <c r="H6623" s="360"/>
      <c r="I6623" s="360"/>
      <c r="J6623" s="359"/>
      <c r="K6623" s="359"/>
      <c r="L6623" s="359"/>
    </row>
    <row r="6624" spans="2:12">
      <c r="B6624" s="361"/>
      <c r="C6624" s="361"/>
      <c r="D6624" s="361"/>
      <c r="E6624" s="361"/>
      <c r="F6624" s="362"/>
      <c r="G6624" s="362"/>
      <c r="H6624" s="361" t="s">
        <v>14422</v>
      </c>
      <c r="I6624" s="362"/>
      <c r="J6624" s="361"/>
      <c r="K6624" s="361"/>
      <c r="L6624" s="361"/>
    </row>
    <row r="6625" spans="2:12">
      <c r="B6625" s="358" t="s">
        <v>17559</v>
      </c>
      <c r="C6625" s="358" t="s">
        <v>17560</v>
      </c>
      <c r="D6625" s="358" t="s">
        <v>17561</v>
      </c>
      <c r="E6625" s="358" t="s">
        <v>6452</v>
      </c>
      <c r="F6625" s="358" t="s">
        <v>14443</v>
      </c>
      <c r="G6625" s="358" t="s">
        <v>14444</v>
      </c>
      <c r="H6625" s="358" t="s">
        <v>14367</v>
      </c>
      <c r="I6625" s="358" t="s">
        <v>14444</v>
      </c>
      <c r="J6625" s="358"/>
      <c r="K6625" s="358"/>
      <c r="L6625" s="358"/>
    </row>
    <row r="6626" spans="2:12">
      <c r="B6626" s="359"/>
      <c r="C6626" s="359"/>
      <c r="D6626" s="359"/>
      <c r="E6626" s="359"/>
      <c r="F6626" s="360"/>
      <c r="G6626" s="360"/>
      <c r="H6626" s="360"/>
      <c r="I6626" s="360"/>
      <c r="J6626" s="359"/>
      <c r="K6626" s="359"/>
      <c r="L6626" s="359"/>
    </row>
    <row r="6627" spans="2:12">
      <c r="B6627" s="359"/>
      <c r="C6627" s="359"/>
      <c r="D6627" s="359"/>
      <c r="E6627" s="359"/>
      <c r="F6627" s="359" t="s">
        <v>14420</v>
      </c>
      <c r="G6627" s="359" t="s">
        <v>14429</v>
      </c>
      <c r="H6627" s="359" t="s">
        <v>14381</v>
      </c>
      <c r="I6627" s="359" t="s">
        <v>14429</v>
      </c>
      <c r="J6627" s="359"/>
      <c r="K6627" s="359"/>
      <c r="L6627" s="359"/>
    </row>
    <row r="6628" spans="2:12">
      <c r="B6628" s="359"/>
      <c r="C6628" s="359"/>
      <c r="D6628" s="359"/>
      <c r="E6628" s="359"/>
      <c r="F6628" s="360"/>
      <c r="G6628" s="360"/>
      <c r="H6628" s="360"/>
      <c r="I6628" s="360"/>
      <c r="J6628" s="359"/>
      <c r="K6628" s="359"/>
      <c r="L6628" s="359"/>
    </row>
    <row r="6629" spans="2:12">
      <c r="B6629" s="359"/>
      <c r="C6629" s="359"/>
      <c r="D6629" s="359"/>
      <c r="E6629" s="359"/>
      <c r="F6629" s="359" t="s">
        <v>14371</v>
      </c>
      <c r="G6629" s="359" t="s">
        <v>14372</v>
      </c>
      <c r="H6629" s="359" t="s">
        <v>14370</v>
      </c>
      <c r="I6629" s="359" t="s">
        <v>14373</v>
      </c>
      <c r="J6629" s="359"/>
      <c r="K6629" s="359"/>
      <c r="L6629" s="359"/>
    </row>
    <row r="6630" spans="2:12">
      <c r="B6630" s="359"/>
      <c r="C6630" s="359"/>
      <c r="D6630" s="359"/>
      <c r="E6630" s="359"/>
      <c r="F6630" s="360"/>
      <c r="G6630" s="360"/>
      <c r="H6630" s="360"/>
      <c r="I6630" s="360"/>
      <c r="J6630" s="359"/>
      <c r="K6630" s="359"/>
      <c r="L6630" s="359"/>
    </row>
    <row r="6631" spans="2:12" ht="28.5">
      <c r="B6631" s="361"/>
      <c r="C6631" s="361"/>
      <c r="D6631" s="361"/>
      <c r="E6631" s="361"/>
      <c r="F6631" s="361" t="s">
        <v>14374</v>
      </c>
      <c r="G6631" s="361" t="s">
        <v>14373</v>
      </c>
      <c r="H6631" s="361" t="s">
        <v>14422</v>
      </c>
      <c r="I6631" s="362"/>
      <c r="J6631" s="361"/>
      <c r="K6631" s="361"/>
      <c r="L6631" s="361"/>
    </row>
    <row r="6632" spans="2:12" ht="28.5">
      <c r="B6632" s="358" t="s">
        <v>17562</v>
      </c>
      <c r="C6632" s="358" t="s">
        <v>17563</v>
      </c>
      <c r="D6632" s="358" t="s">
        <v>17564</v>
      </c>
      <c r="E6632" s="358" t="s">
        <v>17565</v>
      </c>
      <c r="F6632" s="358" t="s">
        <v>14507</v>
      </c>
      <c r="G6632" s="358" t="s">
        <v>14508</v>
      </c>
      <c r="H6632" s="358" t="s">
        <v>14381</v>
      </c>
      <c r="I6632" s="358" t="s">
        <v>14508</v>
      </c>
      <c r="J6632" s="358"/>
      <c r="K6632" s="358"/>
      <c r="L6632" s="358"/>
    </row>
    <row r="6633" spans="2:12">
      <c r="B6633" s="359"/>
      <c r="C6633" s="360"/>
      <c r="D6633" s="360"/>
      <c r="E6633" s="360"/>
      <c r="F6633" s="360"/>
      <c r="G6633" s="360"/>
      <c r="H6633" s="360"/>
      <c r="I6633" s="360"/>
      <c r="J6633" s="359"/>
      <c r="K6633" s="359"/>
      <c r="L6633" s="359"/>
    </row>
    <row r="6634" spans="2:12" ht="28.5">
      <c r="B6634" s="359"/>
      <c r="C6634" s="359" t="s">
        <v>17566</v>
      </c>
      <c r="D6634" s="359" t="s">
        <v>17567</v>
      </c>
      <c r="E6634" s="359" t="s">
        <v>17568</v>
      </c>
      <c r="F6634" s="359" t="s">
        <v>14420</v>
      </c>
      <c r="G6634" s="359" t="s">
        <v>14429</v>
      </c>
      <c r="H6634" s="359" t="s">
        <v>14341</v>
      </c>
      <c r="I6634" s="359" t="s">
        <v>14429</v>
      </c>
      <c r="J6634" s="359"/>
      <c r="K6634" s="359"/>
      <c r="L6634" s="359"/>
    </row>
    <row r="6635" spans="2:12">
      <c r="B6635" s="359"/>
      <c r="C6635" s="360"/>
      <c r="D6635" s="360"/>
      <c r="E6635" s="360"/>
      <c r="F6635" s="360"/>
      <c r="G6635" s="360"/>
      <c r="H6635" s="360"/>
      <c r="I6635" s="360"/>
      <c r="J6635" s="359"/>
      <c r="K6635" s="359"/>
      <c r="L6635" s="359"/>
    </row>
    <row r="6636" spans="2:12">
      <c r="B6636" s="359"/>
      <c r="C6636" s="360"/>
      <c r="D6636" s="360"/>
      <c r="E6636" s="360"/>
      <c r="F6636" s="359" t="s">
        <v>14356</v>
      </c>
      <c r="G6636" s="359" t="s">
        <v>14340</v>
      </c>
      <c r="H6636" s="359" t="s">
        <v>14367</v>
      </c>
      <c r="I6636" s="359" t="s">
        <v>14340</v>
      </c>
      <c r="J6636" s="359"/>
      <c r="K6636" s="359"/>
      <c r="L6636" s="359"/>
    </row>
    <row r="6637" spans="2:12">
      <c r="B6637" s="359"/>
      <c r="C6637" s="360"/>
      <c r="D6637" s="360"/>
      <c r="E6637" s="360"/>
      <c r="F6637" s="360"/>
      <c r="G6637" s="360"/>
      <c r="H6637" s="360"/>
      <c r="I6637" s="360"/>
      <c r="J6637" s="359"/>
      <c r="K6637" s="359"/>
      <c r="L6637" s="359"/>
    </row>
    <row r="6638" spans="2:12">
      <c r="B6638" s="359"/>
      <c r="C6638" s="360"/>
      <c r="D6638" s="360"/>
      <c r="E6638" s="360"/>
      <c r="F6638" s="359" t="s">
        <v>14371</v>
      </c>
      <c r="G6638" s="359" t="s">
        <v>14372</v>
      </c>
      <c r="H6638" s="359" t="s">
        <v>14370</v>
      </c>
      <c r="I6638" s="359" t="s">
        <v>14373</v>
      </c>
      <c r="J6638" s="359"/>
      <c r="K6638" s="359"/>
      <c r="L6638" s="359"/>
    </row>
    <row r="6639" spans="2:12">
      <c r="B6639" s="359"/>
      <c r="C6639" s="360"/>
      <c r="D6639" s="360"/>
      <c r="E6639" s="360"/>
      <c r="F6639" s="360"/>
      <c r="G6639" s="360"/>
      <c r="H6639" s="360"/>
      <c r="I6639" s="360"/>
      <c r="J6639" s="359"/>
      <c r="K6639" s="359"/>
      <c r="L6639" s="359"/>
    </row>
    <row r="6640" spans="2:12" ht="28.5">
      <c r="B6640" s="361"/>
      <c r="C6640" s="362"/>
      <c r="D6640" s="362"/>
      <c r="E6640" s="362"/>
      <c r="F6640" s="361" t="s">
        <v>14374</v>
      </c>
      <c r="G6640" s="361" t="s">
        <v>14373</v>
      </c>
      <c r="H6640" s="361" t="s">
        <v>14332</v>
      </c>
      <c r="I6640" s="362"/>
      <c r="J6640" s="361"/>
      <c r="K6640" s="361"/>
      <c r="L6640" s="361"/>
    </row>
    <row r="6641" spans="2:12" ht="42.75">
      <c r="B6641" s="358" t="s">
        <v>17569</v>
      </c>
      <c r="C6641" s="358" t="s">
        <v>28870</v>
      </c>
      <c r="D6641" s="358" t="s">
        <v>17570</v>
      </c>
      <c r="E6641" s="358" t="s">
        <v>8356</v>
      </c>
      <c r="F6641" s="358" t="s">
        <v>14371</v>
      </c>
      <c r="G6641" s="358" t="s">
        <v>14372</v>
      </c>
      <c r="H6641" s="358" t="s">
        <v>14370</v>
      </c>
      <c r="I6641" s="358" t="s">
        <v>14373</v>
      </c>
      <c r="J6641" s="358"/>
      <c r="K6641" s="358"/>
      <c r="L6641" s="358"/>
    </row>
    <row r="6642" spans="2:12">
      <c r="B6642" s="359"/>
      <c r="C6642" s="359"/>
      <c r="D6642" s="359"/>
      <c r="E6642" s="359"/>
      <c r="F6642" s="360"/>
      <c r="G6642" s="360"/>
      <c r="H6642" s="360"/>
      <c r="I6642" s="359"/>
      <c r="J6642" s="359"/>
      <c r="K6642" s="359"/>
      <c r="L6642" s="359"/>
    </row>
    <row r="6643" spans="2:12" ht="28.5">
      <c r="B6643" s="361"/>
      <c r="C6643" s="361"/>
      <c r="D6643" s="361"/>
      <c r="E6643" s="361"/>
      <c r="F6643" s="361" t="s">
        <v>14374</v>
      </c>
      <c r="G6643" s="361" t="s">
        <v>14373</v>
      </c>
      <c r="H6643" s="361" t="s">
        <v>14422</v>
      </c>
      <c r="I6643" s="361"/>
      <c r="J6643" s="361"/>
      <c r="K6643" s="361"/>
      <c r="L6643" s="361"/>
    </row>
    <row r="6644" spans="2:12" ht="57">
      <c r="B6644" s="358" t="s">
        <v>17571</v>
      </c>
      <c r="C6644" s="358" t="s">
        <v>28871</v>
      </c>
      <c r="D6644" s="358" t="s">
        <v>17572</v>
      </c>
      <c r="E6644" s="358" t="s">
        <v>17573</v>
      </c>
      <c r="F6644" s="358" t="s">
        <v>14386</v>
      </c>
      <c r="G6644" s="358" t="s">
        <v>14387</v>
      </c>
      <c r="H6644" s="358" t="s">
        <v>14367</v>
      </c>
      <c r="I6644" s="358" t="s">
        <v>14387</v>
      </c>
      <c r="J6644" s="358"/>
      <c r="K6644" s="358"/>
      <c r="L6644" s="358"/>
    </row>
    <row r="6645" spans="2:12">
      <c r="B6645" s="359"/>
      <c r="C6645" s="359"/>
      <c r="D6645" s="359"/>
      <c r="E6645" s="359"/>
      <c r="F6645" s="360"/>
      <c r="G6645" s="360"/>
      <c r="H6645" s="360"/>
      <c r="I6645" s="360"/>
      <c r="J6645" s="359"/>
      <c r="K6645" s="359"/>
      <c r="L6645" s="359"/>
    </row>
    <row r="6646" spans="2:12" ht="28.5">
      <c r="B6646" s="361"/>
      <c r="C6646" s="361"/>
      <c r="D6646" s="361"/>
      <c r="E6646" s="361"/>
      <c r="F6646" s="361" t="s">
        <v>14462</v>
      </c>
      <c r="G6646" s="361" t="s">
        <v>14463</v>
      </c>
      <c r="H6646" s="361" t="s">
        <v>14422</v>
      </c>
      <c r="I6646" s="361" t="s">
        <v>14463</v>
      </c>
      <c r="J6646" s="361"/>
      <c r="K6646" s="361"/>
      <c r="L6646" s="361"/>
    </row>
    <row r="6647" spans="2:12" ht="28.5">
      <c r="B6647" s="358" t="s">
        <v>17574</v>
      </c>
      <c r="C6647" s="358" t="s">
        <v>28872</v>
      </c>
      <c r="D6647" s="358" t="s">
        <v>17575</v>
      </c>
      <c r="E6647" s="358" t="s">
        <v>17576</v>
      </c>
      <c r="F6647" s="358" t="s">
        <v>14389</v>
      </c>
      <c r="G6647" s="358" t="s">
        <v>14390</v>
      </c>
      <c r="H6647" s="358" t="s">
        <v>14367</v>
      </c>
      <c r="I6647" s="358" t="s">
        <v>14390</v>
      </c>
      <c r="J6647" s="358"/>
      <c r="K6647" s="358"/>
      <c r="L6647" s="358"/>
    </row>
    <row r="6648" spans="2:12">
      <c r="B6648" s="359"/>
      <c r="C6648" s="359"/>
      <c r="D6648" s="359"/>
      <c r="E6648" s="359"/>
      <c r="F6648" s="360"/>
      <c r="G6648" s="360"/>
      <c r="H6648" s="360"/>
      <c r="I6648" s="360"/>
      <c r="J6648" s="359"/>
      <c r="K6648" s="359"/>
      <c r="L6648" s="359"/>
    </row>
    <row r="6649" spans="2:12">
      <c r="B6649" s="359"/>
      <c r="C6649" s="359"/>
      <c r="D6649" s="359"/>
      <c r="E6649" s="359"/>
      <c r="F6649" s="359" t="s">
        <v>14371</v>
      </c>
      <c r="G6649" s="359" t="s">
        <v>14372</v>
      </c>
      <c r="H6649" s="359" t="s">
        <v>14370</v>
      </c>
      <c r="I6649" s="359" t="s">
        <v>14373</v>
      </c>
      <c r="J6649" s="359"/>
      <c r="K6649" s="359"/>
      <c r="L6649" s="359"/>
    </row>
    <row r="6650" spans="2:12">
      <c r="B6650" s="359"/>
      <c r="C6650" s="359"/>
      <c r="D6650" s="359"/>
      <c r="E6650" s="359"/>
      <c r="F6650" s="360"/>
      <c r="G6650" s="360"/>
      <c r="H6650" s="360"/>
      <c r="I6650" s="360"/>
      <c r="J6650" s="359"/>
      <c r="K6650" s="359"/>
      <c r="L6650" s="359"/>
    </row>
    <row r="6651" spans="2:12" ht="28.5">
      <c r="B6651" s="361"/>
      <c r="C6651" s="361"/>
      <c r="D6651" s="361"/>
      <c r="E6651" s="361"/>
      <c r="F6651" s="361" t="s">
        <v>14374</v>
      </c>
      <c r="G6651" s="361" t="s">
        <v>14373</v>
      </c>
      <c r="H6651" s="361" t="s">
        <v>14422</v>
      </c>
      <c r="I6651" s="362"/>
      <c r="J6651" s="361"/>
      <c r="K6651" s="361"/>
      <c r="L6651" s="361"/>
    </row>
    <row r="6652" spans="2:12" ht="28.5">
      <c r="B6652" s="358" t="s">
        <v>17577</v>
      </c>
      <c r="C6652" s="358" t="s">
        <v>27535</v>
      </c>
      <c r="D6652" s="358" t="s">
        <v>17578</v>
      </c>
      <c r="E6652" s="358" t="s">
        <v>17579</v>
      </c>
      <c r="F6652" s="358" t="s">
        <v>14430</v>
      </c>
      <c r="G6652" s="358" t="s">
        <v>14431</v>
      </c>
      <c r="H6652" s="358" t="s">
        <v>14341</v>
      </c>
      <c r="I6652" s="358" t="s">
        <v>14431</v>
      </c>
      <c r="J6652" s="358"/>
      <c r="K6652" s="358"/>
      <c r="L6652" s="358"/>
    </row>
    <row r="6653" spans="2:12">
      <c r="B6653" s="359"/>
      <c r="C6653" s="359"/>
      <c r="D6653" s="359"/>
      <c r="E6653" s="359"/>
      <c r="F6653" s="360"/>
      <c r="G6653" s="360"/>
      <c r="H6653" s="360"/>
      <c r="I6653" s="360"/>
      <c r="J6653" s="359"/>
      <c r="K6653" s="359"/>
      <c r="L6653" s="359"/>
    </row>
    <row r="6654" spans="2:12">
      <c r="B6654" s="359"/>
      <c r="C6654" s="359"/>
      <c r="D6654" s="359"/>
      <c r="E6654" s="359"/>
      <c r="F6654" s="359" t="s">
        <v>14391</v>
      </c>
      <c r="G6654" s="359" t="s">
        <v>14392</v>
      </c>
      <c r="H6654" s="359" t="s">
        <v>14367</v>
      </c>
      <c r="I6654" s="359" t="s">
        <v>14392</v>
      </c>
      <c r="J6654" s="359"/>
      <c r="K6654" s="359"/>
      <c r="L6654" s="359"/>
    </row>
    <row r="6655" spans="2:12">
      <c r="B6655" s="359"/>
      <c r="C6655" s="359"/>
      <c r="D6655" s="359"/>
      <c r="E6655" s="359"/>
      <c r="F6655" s="360"/>
      <c r="G6655" s="360"/>
      <c r="H6655" s="360"/>
      <c r="I6655" s="360"/>
      <c r="J6655" s="359"/>
      <c r="K6655" s="359"/>
      <c r="L6655" s="359"/>
    </row>
    <row r="6656" spans="2:12">
      <c r="B6656" s="359"/>
      <c r="C6656" s="359"/>
      <c r="D6656" s="359"/>
      <c r="E6656" s="359"/>
      <c r="F6656" s="359" t="s">
        <v>14371</v>
      </c>
      <c r="G6656" s="359" t="s">
        <v>14372</v>
      </c>
      <c r="H6656" s="359" t="s">
        <v>14370</v>
      </c>
      <c r="I6656" s="359" t="s">
        <v>14373</v>
      </c>
      <c r="J6656" s="359"/>
      <c r="K6656" s="359"/>
      <c r="L6656" s="359"/>
    </row>
    <row r="6657" spans="2:12">
      <c r="B6657" s="359"/>
      <c r="C6657" s="359"/>
      <c r="D6657" s="359"/>
      <c r="E6657" s="359"/>
      <c r="F6657" s="360"/>
      <c r="G6657" s="360"/>
      <c r="H6657" s="360"/>
      <c r="I6657" s="360"/>
      <c r="J6657" s="359"/>
      <c r="K6657" s="359"/>
      <c r="L6657" s="359"/>
    </row>
    <row r="6658" spans="2:12" ht="28.5">
      <c r="B6658" s="361"/>
      <c r="C6658" s="361"/>
      <c r="D6658" s="361"/>
      <c r="E6658" s="361"/>
      <c r="F6658" s="361" t="s">
        <v>14374</v>
      </c>
      <c r="G6658" s="361" t="s">
        <v>14373</v>
      </c>
      <c r="H6658" s="361" t="s">
        <v>14332</v>
      </c>
      <c r="I6658" s="362"/>
      <c r="J6658" s="361"/>
      <c r="K6658" s="361"/>
      <c r="L6658" s="361"/>
    </row>
    <row r="6659" spans="2:12">
      <c r="B6659" s="358" t="s">
        <v>17580</v>
      </c>
      <c r="C6659" s="358" t="s">
        <v>17581</v>
      </c>
      <c r="D6659" s="358" t="s">
        <v>17582</v>
      </c>
      <c r="E6659" s="358" t="s">
        <v>17583</v>
      </c>
      <c r="F6659" s="358" t="s">
        <v>14389</v>
      </c>
      <c r="G6659" s="358" t="s">
        <v>14390</v>
      </c>
      <c r="H6659" s="358" t="s">
        <v>14367</v>
      </c>
      <c r="I6659" s="358" t="s">
        <v>14390</v>
      </c>
      <c r="J6659" s="358"/>
      <c r="K6659" s="358"/>
      <c r="L6659" s="358"/>
    </row>
    <row r="6660" spans="2:12">
      <c r="B6660" s="359"/>
      <c r="C6660" s="359"/>
      <c r="D6660" s="359"/>
      <c r="E6660" s="359"/>
      <c r="F6660" s="360"/>
      <c r="G6660" s="360"/>
      <c r="H6660" s="360"/>
      <c r="I6660" s="360"/>
      <c r="J6660" s="359"/>
      <c r="K6660" s="359"/>
      <c r="L6660" s="359"/>
    </row>
    <row r="6661" spans="2:12">
      <c r="B6661" s="359"/>
      <c r="C6661" s="359"/>
      <c r="D6661" s="359"/>
      <c r="E6661" s="359"/>
      <c r="F6661" s="359" t="s">
        <v>14391</v>
      </c>
      <c r="G6661" s="359" t="s">
        <v>14392</v>
      </c>
      <c r="H6661" s="359" t="s">
        <v>14370</v>
      </c>
      <c r="I6661" s="359" t="s">
        <v>14392</v>
      </c>
      <c r="J6661" s="359"/>
      <c r="K6661" s="359"/>
      <c r="L6661" s="359"/>
    </row>
    <row r="6662" spans="2:12">
      <c r="B6662" s="359"/>
      <c r="C6662" s="359"/>
      <c r="D6662" s="359"/>
      <c r="E6662" s="359"/>
      <c r="F6662" s="360"/>
      <c r="G6662" s="360"/>
      <c r="H6662" s="360"/>
      <c r="I6662" s="360"/>
      <c r="J6662" s="359"/>
      <c r="K6662" s="359"/>
      <c r="L6662" s="359"/>
    </row>
    <row r="6663" spans="2:12">
      <c r="B6663" s="359"/>
      <c r="C6663" s="359"/>
      <c r="D6663" s="359"/>
      <c r="E6663" s="359"/>
      <c r="F6663" s="359" t="s">
        <v>14371</v>
      </c>
      <c r="G6663" s="359" t="s">
        <v>14372</v>
      </c>
      <c r="H6663" s="359" t="s">
        <v>14422</v>
      </c>
      <c r="I6663" s="359" t="s">
        <v>14373</v>
      </c>
      <c r="J6663" s="359"/>
      <c r="K6663" s="359"/>
      <c r="L6663" s="359"/>
    </row>
    <row r="6664" spans="2:12">
      <c r="B6664" s="359"/>
      <c r="C6664" s="359"/>
      <c r="D6664" s="359"/>
      <c r="E6664" s="359"/>
      <c r="F6664" s="360"/>
      <c r="G6664" s="360"/>
      <c r="H6664" s="360"/>
      <c r="I6664" s="360"/>
      <c r="J6664" s="359"/>
      <c r="K6664" s="359"/>
      <c r="L6664" s="359"/>
    </row>
    <row r="6665" spans="2:12" ht="28.5">
      <c r="B6665" s="361"/>
      <c r="C6665" s="361"/>
      <c r="D6665" s="361"/>
      <c r="E6665" s="361"/>
      <c r="F6665" s="361" t="s">
        <v>14374</v>
      </c>
      <c r="G6665" s="361" t="s">
        <v>14373</v>
      </c>
      <c r="H6665" s="362"/>
      <c r="I6665" s="362"/>
      <c r="J6665" s="361"/>
      <c r="K6665" s="361"/>
      <c r="L6665" s="361"/>
    </row>
    <row r="6666" spans="2:12">
      <c r="B6666" s="358" t="s">
        <v>17584</v>
      </c>
      <c r="C6666" s="358" t="s">
        <v>17585</v>
      </c>
      <c r="D6666" s="358" t="s">
        <v>17586</v>
      </c>
      <c r="E6666" s="358" t="s">
        <v>17587</v>
      </c>
      <c r="F6666" s="358" t="s">
        <v>14386</v>
      </c>
      <c r="G6666" s="358" t="s">
        <v>14387</v>
      </c>
      <c r="H6666" s="358" t="s">
        <v>14367</v>
      </c>
      <c r="I6666" s="358" t="s">
        <v>14387</v>
      </c>
      <c r="J6666" s="358"/>
      <c r="K6666" s="358"/>
      <c r="L6666" s="358"/>
    </row>
    <row r="6667" spans="2:12">
      <c r="B6667" s="359"/>
      <c r="C6667" s="359"/>
      <c r="D6667" s="359"/>
      <c r="E6667" s="359"/>
      <c r="F6667" s="360"/>
      <c r="G6667" s="360"/>
      <c r="H6667" s="360"/>
      <c r="I6667" s="360"/>
      <c r="J6667" s="359"/>
      <c r="K6667" s="359"/>
      <c r="L6667" s="359"/>
    </row>
    <row r="6668" spans="2:12">
      <c r="B6668" s="359"/>
      <c r="C6668" s="359"/>
      <c r="D6668" s="359"/>
      <c r="E6668" s="359"/>
      <c r="F6668" s="359" t="s">
        <v>14389</v>
      </c>
      <c r="G6668" s="359" t="s">
        <v>14390</v>
      </c>
      <c r="H6668" s="359" t="s">
        <v>14370</v>
      </c>
      <c r="I6668" s="359" t="s">
        <v>14390</v>
      </c>
      <c r="J6668" s="359"/>
      <c r="K6668" s="359"/>
      <c r="L6668" s="359"/>
    </row>
    <row r="6669" spans="2:12">
      <c r="B6669" s="359"/>
      <c r="C6669" s="359"/>
      <c r="D6669" s="359"/>
      <c r="E6669" s="359"/>
      <c r="F6669" s="360"/>
      <c r="G6669" s="360"/>
      <c r="H6669" s="360"/>
      <c r="I6669" s="360"/>
      <c r="J6669" s="359"/>
      <c r="K6669" s="359"/>
      <c r="L6669" s="359"/>
    </row>
    <row r="6670" spans="2:12" ht="28.5">
      <c r="B6670" s="361"/>
      <c r="C6670" s="361"/>
      <c r="D6670" s="361"/>
      <c r="E6670" s="361"/>
      <c r="F6670" s="361" t="s">
        <v>14394</v>
      </c>
      <c r="G6670" s="361" t="s">
        <v>14395</v>
      </c>
      <c r="H6670" s="361" t="s">
        <v>14422</v>
      </c>
      <c r="I6670" s="361" t="s">
        <v>14395</v>
      </c>
      <c r="J6670" s="361"/>
      <c r="K6670" s="361"/>
      <c r="L6670" s="361"/>
    </row>
    <row r="6671" spans="2:12" ht="42.75">
      <c r="B6671" s="358" t="s">
        <v>17588</v>
      </c>
      <c r="C6671" s="358" t="s">
        <v>28873</v>
      </c>
      <c r="D6671" s="358" t="s">
        <v>17589</v>
      </c>
      <c r="E6671" s="358" t="s">
        <v>17590</v>
      </c>
      <c r="F6671" s="358" t="s">
        <v>14391</v>
      </c>
      <c r="G6671" s="358" t="s">
        <v>14392</v>
      </c>
      <c r="H6671" s="358" t="s">
        <v>14367</v>
      </c>
      <c r="I6671" s="358" t="s">
        <v>14392</v>
      </c>
      <c r="J6671" s="358"/>
      <c r="K6671" s="358"/>
      <c r="L6671" s="358"/>
    </row>
    <row r="6672" spans="2:12">
      <c r="B6672" s="359"/>
      <c r="C6672" s="360"/>
      <c r="D6672" s="359"/>
      <c r="E6672" s="359"/>
      <c r="F6672" s="359"/>
      <c r="G6672" s="359"/>
      <c r="H6672" s="360"/>
      <c r="I6672" s="359"/>
      <c r="J6672" s="359"/>
      <c r="K6672" s="359"/>
      <c r="L6672" s="359"/>
    </row>
    <row r="6673" spans="2:12">
      <c r="B6673" s="361"/>
      <c r="C6673" s="361" t="s">
        <v>28874</v>
      </c>
      <c r="D6673" s="361"/>
      <c r="E6673" s="361"/>
      <c r="F6673" s="361"/>
      <c r="G6673" s="361"/>
      <c r="H6673" s="361" t="s">
        <v>14422</v>
      </c>
      <c r="I6673" s="361"/>
      <c r="J6673" s="361"/>
      <c r="K6673" s="361"/>
      <c r="L6673" s="361"/>
    </row>
    <row r="6674" spans="2:12" ht="42.75">
      <c r="B6674" s="358" t="s">
        <v>17591</v>
      </c>
      <c r="C6674" s="358" t="s">
        <v>17592</v>
      </c>
      <c r="D6674" s="358" t="s">
        <v>17593</v>
      </c>
      <c r="E6674" s="358" t="s">
        <v>8356</v>
      </c>
      <c r="F6674" s="358" t="s">
        <v>14356</v>
      </c>
      <c r="G6674" s="358" t="s">
        <v>14340</v>
      </c>
      <c r="H6674" s="358" t="s">
        <v>14341</v>
      </c>
      <c r="I6674" s="358" t="s">
        <v>14340</v>
      </c>
      <c r="J6674" s="358"/>
      <c r="K6674" s="358"/>
      <c r="L6674" s="358"/>
    </row>
    <row r="6675" spans="2:12">
      <c r="B6675" s="359"/>
      <c r="C6675" s="359"/>
      <c r="D6675" s="359"/>
      <c r="E6675" s="359"/>
      <c r="F6675" s="360"/>
      <c r="G6675" s="360"/>
      <c r="H6675" s="360"/>
      <c r="I6675" s="360"/>
      <c r="J6675" s="359"/>
      <c r="K6675" s="359"/>
      <c r="L6675" s="359"/>
    </row>
    <row r="6676" spans="2:12">
      <c r="B6676" s="359"/>
      <c r="C6676" s="359"/>
      <c r="D6676" s="359"/>
      <c r="E6676" s="359"/>
      <c r="F6676" s="359" t="s">
        <v>14391</v>
      </c>
      <c r="G6676" s="359" t="s">
        <v>14392</v>
      </c>
      <c r="H6676" s="359" t="s">
        <v>14367</v>
      </c>
      <c r="I6676" s="359" t="s">
        <v>14392</v>
      </c>
      <c r="J6676" s="359"/>
      <c r="K6676" s="359"/>
      <c r="L6676" s="359"/>
    </row>
    <row r="6677" spans="2:12">
      <c r="B6677" s="359"/>
      <c r="C6677" s="359"/>
      <c r="D6677" s="359"/>
      <c r="E6677" s="359"/>
      <c r="F6677" s="360"/>
      <c r="G6677" s="360"/>
      <c r="H6677" s="360"/>
      <c r="I6677" s="360"/>
      <c r="J6677" s="359"/>
      <c r="K6677" s="359"/>
      <c r="L6677" s="359"/>
    </row>
    <row r="6678" spans="2:12" ht="28.5">
      <c r="B6678" s="359"/>
      <c r="C6678" s="359"/>
      <c r="D6678" s="359"/>
      <c r="E6678" s="359"/>
      <c r="F6678" s="359" t="s">
        <v>14394</v>
      </c>
      <c r="G6678" s="359" t="s">
        <v>14395</v>
      </c>
      <c r="H6678" s="359" t="s">
        <v>14370</v>
      </c>
      <c r="I6678" s="359" t="s">
        <v>14395</v>
      </c>
      <c r="J6678" s="359"/>
      <c r="K6678" s="359"/>
      <c r="L6678" s="359"/>
    </row>
    <row r="6679" spans="2:12">
      <c r="B6679" s="359"/>
      <c r="C6679" s="359"/>
      <c r="D6679" s="359"/>
      <c r="E6679" s="359"/>
      <c r="F6679" s="360"/>
      <c r="G6679" s="360"/>
      <c r="H6679" s="360"/>
      <c r="I6679" s="360"/>
      <c r="J6679" s="359"/>
      <c r="K6679" s="359"/>
      <c r="L6679" s="359"/>
    </row>
    <row r="6680" spans="2:12">
      <c r="B6680" s="361"/>
      <c r="C6680" s="361"/>
      <c r="D6680" s="361"/>
      <c r="E6680" s="361"/>
      <c r="F6680" s="362"/>
      <c r="G6680" s="362"/>
      <c r="H6680" s="361" t="s">
        <v>14332</v>
      </c>
      <c r="I6680" s="362"/>
      <c r="J6680" s="361"/>
      <c r="K6680" s="361"/>
      <c r="L6680" s="361"/>
    </row>
    <row r="6681" spans="2:12" ht="28.5">
      <c r="B6681" s="358" t="s">
        <v>17594</v>
      </c>
      <c r="C6681" s="358" t="s">
        <v>17595</v>
      </c>
      <c r="D6681" s="358" t="s">
        <v>17596</v>
      </c>
      <c r="E6681" s="358" t="s">
        <v>17597</v>
      </c>
      <c r="F6681" s="358" t="s">
        <v>14462</v>
      </c>
      <c r="G6681" s="358" t="s">
        <v>14463</v>
      </c>
      <c r="H6681" s="358" t="s">
        <v>8356</v>
      </c>
      <c r="I6681" s="358" t="s">
        <v>14463</v>
      </c>
      <c r="J6681" s="358"/>
      <c r="K6681" s="358"/>
      <c r="L6681" s="358"/>
    </row>
    <row r="6682" spans="2:12">
      <c r="B6682" s="359"/>
      <c r="C6682" s="360"/>
      <c r="D6682" s="359"/>
      <c r="E6682" s="359"/>
      <c r="F6682" s="359"/>
      <c r="G6682" s="359"/>
      <c r="H6682" s="359"/>
      <c r="I6682" s="359"/>
      <c r="J6682" s="359"/>
      <c r="K6682" s="359"/>
      <c r="L6682" s="359"/>
    </row>
    <row r="6683" spans="2:12">
      <c r="B6683" s="359"/>
      <c r="C6683" s="359" t="s">
        <v>17598</v>
      </c>
      <c r="D6683" s="359"/>
      <c r="E6683" s="359"/>
      <c r="F6683" s="359"/>
      <c r="G6683" s="359"/>
      <c r="H6683" s="359"/>
      <c r="I6683" s="359"/>
      <c r="J6683" s="359"/>
      <c r="K6683" s="359"/>
      <c r="L6683" s="359"/>
    </row>
    <row r="6684" spans="2:12">
      <c r="B6684" s="359"/>
      <c r="C6684" s="360"/>
      <c r="D6684" s="359"/>
      <c r="E6684" s="359"/>
      <c r="F6684" s="359"/>
      <c r="G6684" s="359"/>
      <c r="H6684" s="359"/>
      <c r="I6684" s="359"/>
      <c r="J6684" s="359"/>
      <c r="K6684" s="359"/>
      <c r="L6684" s="359"/>
    </row>
    <row r="6685" spans="2:12">
      <c r="B6685" s="359"/>
      <c r="C6685" s="359" t="s">
        <v>17599</v>
      </c>
      <c r="D6685" s="359"/>
      <c r="E6685" s="359"/>
      <c r="F6685" s="359"/>
      <c r="G6685" s="359"/>
      <c r="H6685" s="359"/>
      <c r="I6685" s="359"/>
      <c r="J6685" s="359"/>
      <c r="K6685" s="359"/>
      <c r="L6685" s="359"/>
    </row>
    <row r="6686" spans="2:12">
      <c r="B6686" s="359"/>
      <c r="C6686" s="360"/>
      <c r="D6686" s="359"/>
      <c r="E6686" s="359"/>
      <c r="F6686" s="359"/>
      <c r="G6686" s="359"/>
      <c r="H6686" s="359"/>
      <c r="I6686" s="359"/>
      <c r="J6686" s="359"/>
      <c r="K6686" s="359"/>
      <c r="L6686" s="359"/>
    </row>
    <row r="6687" spans="2:12">
      <c r="B6687" s="361"/>
      <c r="C6687" s="361" t="s">
        <v>17600</v>
      </c>
      <c r="D6687" s="361"/>
      <c r="E6687" s="361"/>
      <c r="F6687" s="361"/>
      <c r="G6687" s="361"/>
      <c r="H6687" s="361"/>
      <c r="I6687" s="361"/>
      <c r="J6687" s="361"/>
      <c r="K6687" s="361"/>
      <c r="L6687" s="361"/>
    </row>
    <row r="6688" spans="2:12">
      <c r="B6688" s="358" t="s">
        <v>17601</v>
      </c>
      <c r="C6688" s="358" t="s">
        <v>17602</v>
      </c>
      <c r="D6688" s="358" t="s">
        <v>17603</v>
      </c>
      <c r="E6688" s="358" t="s">
        <v>17604</v>
      </c>
      <c r="F6688" s="358" t="s">
        <v>14420</v>
      </c>
      <c r="G6688" s="358" t="s">
        <v>14459</v>
      </c>
      <c r="H6688" s="358" t="s">
        <v>14367</v>
      </c>
      <c r="I6688" s="358" t="s">
        <v>14459</v>
      </c>
      <c r="J6688" s="358"/>
      <c r="K6688" s="358"/>
      <c r="L6688" s="358"/>
    </row>
    <row r="6689" spans="2:12">
      <c r="B6689" s="359"/>
      <c r="C6689" s="359"/>
      <c r="D6689" s="359"/>
      <c r="E6689" s="359"/>
      <c r="F6689" s="360"/>
      <c r="G6689" s="360"/>
      <c r="H6689" s="360"/>
      <c r="I6689" s="360"/>
      <c r="J6689" s="359"/>
      <c r="K6689" s="359"/>
      <c r="L6689" s="359"/>
    </row>
    <row r="6690" spans="2:12" ht="28.5">
      <c r="B6690" s="361"/>
      <c r="C6690" s="361"/>
      <c r="D6690" s="361"/>
      <c r="E6690" s="361"/>
      <c r="F6690" s="361" t="s">
        <v>14462</v>
      </c>
      <c r="G6690" s="361" t="s">
        <v>14463</v>
      </c>
      <c r="H6690" s="361" t="s">
        <v>14422</v>
      </c>
      <c r="I6690" s="361" t="s">
        <v>14463</v>
      </c>
      <c r="J6690" s="361"/>
      <c r="K6690" s="361"/>
      <c r="L6690" s="361"/>
    </row>
    <row r="6691" spans="2:12" ht="28.5">
      <c r="B6691" s="358" t="s">
        <v>17605</v>
      </c>
      <c r="C6691" s="358" t="s">
        <v>17600</v>
      </c>
      <c r="D6691" s="358" t="s">
        <v>17606</v>
      </c>
      <c r="E6691" s="358" t="s">
        <v>17607</v>
      </c>
      <c r="F6691" s="358" t="s">
        <v>14462</v>
      </c>
      <c r="G6691" s="358" t="s">
        <v>14463</v>
      </c>
      <c r="H6691" s="358" t="s">
        <v>8356</v>
      </c>
      <c r="I6691" s="358" t="s">
        <v>14463</v>
      </c>
      <c r="J6691" s="358"/>
      <c r="K6691" s="358"/>
      <c r="L6691" s="358"/>
    </row>
    <row r="6692" spans="2:12">
      <c r="B6692" s="361"/>
      <c r="C6692" s="361"/>
      <c r="D6692" s="361"/>
      <c r="E6692" s="361"/>
      <c r="F6692" s="361"/>
      <c r="G6692" s="361"/>
      <c r="H6692" s="361"/>
      <c r="I6692" s="361"/>
      <c r="J6692" s="361"/>
      <c r="K6692" s="361"/>
      <c r="L6692" s="361"/>
    </row>
    <row r="6693" spans="2:12" ht="28.5">
      <c r="B6693" s="358" t="s">
        <v>17608</v>
      </c>
      <c r="C6693" s="358" t="s">
        <v>28875</v>
      </c>
      <c r="D6693" s="358" t="s">
        <v>17609</v>
      </c>
      <c r="E6693" s="358" t="s">
        <v>8356</v>
      </c>
      <c r="F6693" s="358" t="s">
        <v>14389</v>
      </c>
      <c r="G6693" s="358" t="s">
        <v>14390</v>
      </c>
      <c r="H6693" s="358" t="s">
        <v>14367</v>
      </c>
      <c r="I6693" s="358" t="s">
        <v>14390</v>
      </c>
      <c r="J6693" s="358"/>
      <c r="K6693" s="358"/>
      <c r="L6693" s="358"/>
    </row>
    <row r="6694" spans="2:12">
      <c r="B6694" s="359"/>
      <c r="C6694" s="360"/>
      <c r="D6694" s="359"/>
      <c r="E6694" s="359"/>
      <c r="F6694" s="360"/>
      <c r="G6694" s="360"/>
      <c r="H6694" s="360"/>
      <c r="I6694" s="360"/>
      <c r="J6694" s="359"/>
      <c r="K6694" s="359"/>
      <c r="L6694" s="359"/>
    </row>
    <row r="6695" spans="2:12" ht="28.5">
      <c r="B6695" s="359"/>
      <c r="C6695" s="359" t="s">
        <v>17610</v>
      </c>
      <c r="D6695" s="359"/>
      <c r="E6695" s="359"/>
      <c r="F6695" s="359" t="s">
        <v>14394</v>
      </c>
      <c r="G6695" s="359" t="s">
        <v>14395</v>
      </c>
      <c r="H6695" s="359" t="s">
        <v>14370</v>
      </c>
      <c r="I6695" s="359" t="s">
        <v>14395</v>
      </c>
      <c r="J6695" s="359"/>
      <c r="K6695" s="359"/>
      <c r="L6695" s="359"/>
    </row>
    <row r="6696" spans="2:12">
      <c r="B6696" s="359"/>
      <c r="C6696" s="360"/>
      <c r="D6696" s="359"/>
      <c r="E6696" s="359"/>
      <c r="F6696" s="360"/>
      <c r="G6696" s="360"/>
      <c r="H6696" s="360"/>
      <c r="I6696" s="360"/>
      <c r="J6696" s="359"/>
      <c r="K6696" s="359"/>
      <c r="L6696" s="359"/>
    </row>
    <row r="6697" spans="2:12">
      <c r="B6697" s="361"/>
      <c r="C6697" s="362"/>
      <c r="D6697" s="361"/>
      <c r="E6697" s="361"/>
      <c r="F6697" s="362"/>
      <c r="G6697" s="362"/>
      <c r="H6697" s="361" t="s">
        <v>14422</v>
      </c>
      <c r="I6697" s="362"/>
      <c r="J6697" s="361"/>
      <c r="K6697" s="361"/>
      <c r="L6697" s="361"/>
    </row>
    <row r="6698" spans="2:12">
      <c r="B6698" s="358" t="s">
        <v>17611</v>
      </c>
      <c r="C6698" s="358" t="s">
        <v>27536</v>
      </c>
      <c r="D6698" s="358" t="s">
        <v>17612</v>
      </c>
      <c r="E6698" s="358" t="s">
        <v>17613</v>
      </c>
      <c r="F6698" s="358" t="s">
        <v>14391</v>
      </c>
      <c r="G6698" s="358" t="s">
        <v>14392</v>
      </c>
      <c r="H6698" s="358" t="s">
        <v>14367</v>
      </c>
      <c r="I6698" s="358" t="s">
        <v>14392</v>
      </c>
      <c r="J6698" s="358"/>
      <c r="K6698" s="358"/>
      <c r="L6698" s="358"/>
    </row>
    <row r="6699" spans="2:12">
      <c r="B6699" s="359"/>
      <c r="C6699" s="359"/>
      <c r="D6699" s="359"/>
      <c r="E6699" s="359"/>
      <c r="F6699" s="360"/>
      <c r="G6699" s="360"/>
      <c r="H6699" s="360"/>
      <c r="I6699" s="360"/>
      <c r="J6699" s="359"/>
      <c r="K6699" s="359"/>
      <c r="L6699" s="359"/>
    </row>
    <row r="6700" spans="2:12" ht="28.5">
      <c r="B6700" s="361"/>
      <c r="C6700" s="361"/>
      <c r="D6700" s="361"/>
      <c r="E6700" s="361"/>
      <c r="F6700" s="361" t="s">
        <v>14462</v>
      </c>
      <c r="G6700" s="361" t="s">
        <v>14463</v>
      </c>
      <c r="H6700" s="361" t="s">
        <v>14422</v>
      </c>
      <c r="I6700" s="361" t="s">
        <v>14463</v>
      </c>
      <c r="J6700" s="361"/>
      <c r="K6700" s="361"/>
      <c r="L6700" s="361"/>
    </row>
    <row r="6701" spans="2:12">
      <c r="B6701" s="358" t="s">
        <v>9503</v>
      </c>
      <c r="C6701" s="358" t="s">
        <v>17614</v>
      </c>
      <c r="D6701" s="358" t="s">
        <v>570</v>
      </c>
      <c r="E6701" s="358" t="s">
        <v>571</v>
      </c>
      <c r="F6701" s="358" t="s">
        <v>16528</v>
      </c>
      <c r="G6701" s="358" t="s">
        <v>14669</v>
      </c>
      <c r="H6701" s="358" t="s">
        <v>14378</v>
      </c>
      <c r="I6701" s="358" t="s">
        <v>14669</v>
      </c>
      <c r="J6701" s="358"/>
      <c r="K6701" s="358"/>
      <c r="L6701" s="358"/>
    </row>
    <row r="6702" spans="2:12">
      <c r="B6702" s="359"/>
      <c r="C6702" s="359"/>
      <c r="D6702" s="359"/>
      <c r="E6702" s="359"/>
      <c r="F6702" s="360"/>
      <c r="G6702" s="360"/>
      <c r="H6702" s="360"/>
      <c r="I6702" s="360"/>
      <c r="J6702" s="359"/>
      <c r="K6702" s="359"/>
      <c r="L6702" s="359"/>
    </row>
    <row r="6703" spans="2:12">
      <c r="B6703" s="359"/>
      <c r="C6703" s="359"/>
      <c r="D6703" s="359"/>
      <c r="E6703" s="359"/>
      <c r="F6703" s="359" t="s">
        <v>14382</v>
      </c>
      <c r="G6703" s="359" t="s">
        <v>14483</v>
      </c>
      <c r="H6703" s="359" t="s">
        <v>14381</v>
      </c>
      <c r="I6703" s="359" t="s">
        <v>14483</v>
      </c>
      <c r="J6703" s="359"/>
      <c r="K6703" s="359"/>
      <c r="L6703" s="359"/>
    </row>
    <row r="6704" spans="2:12">
      <c r="B6704" s="359"/>
      <c r="C6704" s="359"/>
      <c r="D6704" s="359"/>
      <c r="E6704" s="359"/>
      <c r="F6704" s="360"/>
      <c r="G6704" s="360"/>
      <c r="H6704" s="360"/>
      <c r="I6704" s="360"/>
      <c r="J6704" s="359"/>
      <c r="K6704" s="359"/>
      <c r="L6704" s="359"/>
    </row>
    <row r="6705" spans="2:12">
      <c r="B6705" s="359"/>
      <c r="C6705" s="359"/>
      <c r="D6705" s="359"/>
      <c r="E6705" s="359"/>
      <c r="F6705" s="359" t="s">
        <v>14382</v>
      </c>
      <c r="G6705" s="359" t="s">
        <v>14383</v>
      </c>
      <c r="H6705" s="359" t="s">
        <v>14370</v>
      </c>
      <c r="I6705" s="359" t="s">
        <v>14383</v>
      </c>
      <c r="J6705" s="359"/>
      <c r="K6705" s="359"/>
      <c r="L6705" s="359"/>
    </row>
    <row r="6706" spans="2:12">
      <c r="B6706" s="359"/>
      <c r="C6706" s="359"/>
      <c r="D6706" s="359"/>
      <c r="E6706" s="359"/>
      <c r="F6706" s="360"/>
      <c r="G6706" s="360"/>
      <c r="H6706" s="360"/>
      <c r="I6706" s="360"/>
      <c r="J6706" s="359"/>
      <c r="K6706" s="359"/>
      <c r="L6706" s="359"/>
    </row>
    <row r="6707" spans="2:12">
      <c r="B6707" s="359"/>
      <c r="C6707" s="359"/>
      <c r="D6707" s="359"/>
      <c r="E6707" s="359"/>
      <c r="F6707" s="359" t="s">
        <v>14371</v>
      </c>
      <c r="G6707" s="359" t="s">
        <v>14372</v>
      </c>
      <c r="H6707" s="359" t="s">
        <v>14332</v>
      </c>
      <c r="I6707" s="359" t="s">
        <v>14373</v>
      </c>
      <c r="J6707" s="359"/>
      <c r="K6707" s="359"/>
      <c r="L6707" s="359"/>
    </row>
    <row r="6708" spans="2:12">
      <c r="B6708" s="359"/>
      <c r="C6708" s="359"/>
      <c r="D6708" s="359"/>
      <c r="E6708" s="359"/>
      <c r="F6708" s="360"/>
      <c r="G6708" s="360"/>
      <c r="H6708" s="360"/>
      <c r="I6708" s="360"/>
      <c r="J6708" s="359"/>
      <c r="K6708" s="359"/>
      <c r="L6708" s="359"/>
    </row>
    <row r="6709" spans="2:12" ht="28.5">
      <c r="B6709" s="361"/>
      <c r="C6709" s="361"/>
      <c r="D6709" s="361"/>
      <c r="E6709" s="361"/>
      <c r="F6709" s="361" t="s">
        <v>14374</v>
      </c>
      <c r="G6709" s="361" t="s">
        <v>14373</v>
      </c>
      <c r="H6709" s="362"/>
      <c r="I6709" s="362"/>
      <c r="J6709" s="361"/>
      <c r="K6709" s="361"/>
      <c r="L6709" s="361"/>
    </row>
    <row r="6710" spans="2:12">
      <c r="B6710" s="358" t="s">
        <v>17615</v>
      </c>
      <c r="C6710" s="358" t="s">
        <v>17616</v>
      </c>
      <c r="D6710" s="358" t="s">
        <v>17617</v>
      </c>
      <c r="E6710" s="358" t="s">
        <v>17618</v>
      </c>
      <c r="F6710" s="358" t="s">
        <v>14420</v>
      </c>
      <c r="G6710" s="358" t="s">
        <v>14429</v>
      </c>
      <c r="H6710" s="358" t="s">
        <v>14367</v>
      </c>
      <c r="I6710" s="358" t="s">
        <v>14429</v>
      </c>
      <c r="J6710" s="358"/>
      <c r="K6710" s="358"/>
      <c r="L6710" s="358"/>
    </row>
    <row r="6711" spans="2:12">
      <c r="B6711" s="359"/>
      <c r="C6711" s="359"/>
      <c r="D6711" s="359"/>
      <c r="E6711" s="359"/>
      <c r="F6711" s="359"/>
      <c r="G6711" s="359"/>
      <c r="H6711" s="360"/>
      <c r="I6711" s="359"/>
      <c r="J6711" s="359"/>
      <c r="K6711" s="359"/>
      <c r="L6711" s="359"/>
    </row>
    <row r="6712" spans="2:12">
      <c r="B6712" s="361"/>
      <c r="C6712" s="361"/>
      <c r="D6712" s="361"/>
      <c r="E6712" s="361"/>
      <c r="F6712" s="361"/>
      <c r="G6712" s="361"/>
      <c r="H6712" s="361" t="s">
        <v>14422</v>
      </c>
      <c r="I6712" s="361"/>
      <c r="J6712" s="361"/>
      <c r="K6712" s="361"/>
      <c r="L6712" s="361"/>
    </row>
    <row r="6713" spans="2:12" ht="28.5">
      <c r="B6713" s="358" t="s">
        <v>17619</v>
      </c>
      <c r="C6713" s="358" t="s">
        <v>17620</v>
      </c>
      <c r="D6713" s="358" t="s">
        <v>17621</v>
      </c>
      <c r="E6713" s="358" t="s">
        <v>17622</v>
      </c>
      <c r="F6713" s="358" t="s">
        <v>14472</v>
      </c>
      <c r="G6713" s="358" t="s">
        <v>14473</v>
      </c>
      <c r="H6713" s="358" t="s">
        <v>8356</v>
      </c>
      <c r="I6713" s="358" t="s">
        <v>14473</v>
      </c>
      <c r="J6713" s="358"/>
      <c r="K6713" s="358"/>
      <c r="L6713" s="358"/>
    </row>
    <row r="6714" spans="2:12">
      <c r="B6714" s="361"/>
      <c r="C6714" s="361"/>
      <c r="D6714" s="361"/>
      <c r="E6714" s="361"/>
      <c r="F6714" s="361"/>
      <c r="G6714" s="361"/>
      <c r="H6714" s="361"/>
      <c r="I6714" s="361"/>
      <c r="J6714" s="361"/>
      <c r="K6714" s="361"/>
      <c r="L6714" s="361"/>
    </row>
    <row r="6715" spans="2:12" ht="28.5">
      <c r="B6715" s="358" t="s">
        <v>17623</v>
      </c>
      <c r="C6715" s="358" t="s">
        <v>28876</v>
      </c>
      <c r="D6715" s="358" t="s">
        <v>17624</v>
      </c>
      <c r="E6715" s="358" t="s">
        <v>17625</v>
      </c>
      <c r="F6715" s="358" t="s">
        <v>14420</v>
      </c>
      <c r="G6715" s="358" t="s">
        <v>14459</v>
      </c>
      <c r="H6715" s="358" t="s">
        <v>14367</v>
      </c>
      <c r="I6715" s="358" t="s">
        <v>14459</v>
      </c>
      <c r="J6715" s="358"/>
      <c r="K6715" s="358"/>
      <c r="L6715" s="358"/>
    </row>
    <row r="6716" spans="2:12">
      <c r="B6716" s="359"/>
      <c r="C6716" s="359"/>
      <c r="D6716" s="359"/>
      <c r="E6716" s="359"/>
      <c r="F6716" s="360"/>
      <c r="G6716" s="360"/>
      <c r="H6716" s="360"/>
      <c r="I6716" s="360"/>
      <c r="J6716" s="359"/>
      <c r="K6716" s="359"/>
      <c r="L6716" s="359"/>
    </row>
    <row r="6717" spans="2:12" ht="28.5">
      <c r="B6717" s="361"/>
      <c r="C6717" s="361"/>
      <c r="D6717" s="361"/>
      <c r="E6717" s="361"/>
      <c r="F6717" s="361" t="s">
        <v>14462</v>
      </c>
      <c r="G6717" s="361" t="s">
        <v>14463</v>
      </c>
      <c r="H6717" s="361" t="s">
        <v>14422</v>
      </c>
      <c r="I6717" s="361" t="s">
        <v>14463</v>
      </c>
      <c r="J6717" s="361"/>
      <c r="K6717" s="361"/>
      <c r="L6717" s="361"/>
    </row>
    <row r="6718" spans="2:12">
      <c r="B6718" s="358" t="s">
        <v>17626</v>
      </c>
      <c r="C6718" s="358" t="s">
        <v>17627</v>
      </c>
      <c r="D6718" s="358" t="s">
        <v>17628</v>
      </c>
      <c r="E6718" s="358" t="s">
        <v>17629</v>
      </c>
      <c r="F6718" s="358" t="s">
        <v>14391</v>
      </c>
      <c r="G6718" s="358" t="s">
        <v>14392</v>
      </c>
      <c r="H6718" s="358" t="s">
        <v>14367</v>
      </c>
      <c r="I6718" s="358" t="s">
        <v>14392</v>
      </c>
      <c r="J6718" s="358"/>
      <c r="K6718" s="358"/>
      <c r="L6718" s="358"/>
    </row>
    <row r="6719" spans="2:12">
      <c r="B6719" s="359"/>
      <c r="C6719" s="359"/>
      <c r="D6719" s="359"/>
      <c r="E6719" s="359"/>
      <c r="F6719" s="360"/>
      <c r="G6719" s="360"/>
      <c r="H6719" s="360"/>
      <c r="I6719" s="360"/>
      <c r="J6719" s="359"/>
      <c r="K6719" s="359"/>
      <c r="L6719" s="359"/>
    </row>
    <row r="6720" spans="2:12" ht="28.5">
      <c r="B6720" s="359"/>
      <c r="C6720" s="359"/>
      <c r="D6720" s="359"/>
      <c r="E6720" s="359"/>
      <c r="F6720" s="359" t="s">
        <v>14394</v>
      </c>
      <c r="G6720" s="359" t="s">
        <v>14395</v>
      </c>
      <c r="H6720" s="359" t="s">
        <v>14370</v>
      </c>
      <c r="I6720" s="359" t="s">
        <v>14395</v>
      </c>
      <c r="J6720" s="359"/>
      <c r="K6720" s="359"/>
      <c r="L6720" s="359"/>
    </row>
    <row r="6721" spans="2:12">
      <c r="B6721" s="359"/>
      <c r="C6721" s="359"/>
      <c r="D6721" s="359"/>
      <c r="E6721" s="359"/>
      <c r="F6721" s="360"/>
      <c r="G6721" s="360"/>
      <c r="H6721" s="360"/>
      <c r="I6721" s="360"/>
      <c r="J6721" s="359"/>
      <c r="K6721" s="359"/>
      <c r="L6721" s="359"/>
    </row>
    <row r="6722" spans="2:12">
      <c r="B6722" s="361"/>
      <c r="C6722" s="361"/>
      <c r="D6722" s="361"/>
      <c r="E6722" s="361"/>
      <c r="F6722" s="362"/>
      <c r="G6722" s="362"/>
      <c r="H6722" s="361" t="s">
        <v>14422</v>
      </c>
      <c r="I6722" s="362"/>
      <c r="J6722" s="361"/>
      <c r="K6722" s="361"/>
      <c r="L6722" s="361"/>
    </row>
    <row r="6723" spans="2:12" ht="28.5">
      <c r="B6723" s="358" t="s">
        <v>17630</v>
      </c>
      <c r="C6723" s="358" t="s">
        <v>17631</v>
      </c>
      <c r="D6723" s="358" t="s">
        <v>17632</v>
      </c>
      <c r="E6723" s="358" t="s">
        <v>17633</v>
      </c>
      <c r="F6723" s="358" t="s">
        <v>14389</v>
      </c>
      <c r="G6723" s="358" t="s">
        <v>14390</v>
      </c>
      <c r="H6723" s="358" t="s">
        <v>14367</v>
      </c>
      <c r="I6723" s="358" t="s">
        <v>14390</v>
      </c>
      <c r="J6723" s="358"/>
      <c r="K6723" s="358"/>
      <c r="L6723" s="358"/>
    </row>
    <row r="6724" spans="2:12">
      <c r="B6724" s="359"/>
      <c r="C6724" s="360"/>
      <c r="D6724" s="359"/>
      <c r="E6724" s="359"/>
      <c r="F6724" s="360"/>
      <c r="G6724" s="360"/>
      <c r="H6724" s="360"/>
      <c r="I6724" s="360"/>
      <c r="J6724" s="359"/>
      <c r="K6724" s="359"/>
      <c r="L6724" s="359"/>
    </row>
    <row r="6725" spans="2:12">
      <c r="B6725" s="359"/>
      <c r="C6725" s="359" t="s">
        <v>17634</v>
      </c>
      <c r="D6725" s="359"/>
      <c r="E6725" s="359"/>
      <c r="F6725" s="359" t="s">
        <v>14371</v>
      </c>
      <c r="G6725" s="359" t="s">
        <v>14372</v>
      </c>
      <c r="H6725" s="359" t="s">
        <v>14370</v>
      </c>
      <c r="I6725" s="359" t="s">
        <v>14373</v>
      </c>
      <c r="J6725" s="359"/>
      <c r="K6725" s="359"/>
      <c r="L6725" s="359"/>
    </row>
    <row r="6726" spans="2:12">
      <c r="B6726" s="359"/>
      <c r="C6726" s="360"/>
      <c r="D6726" s="359"/>
      <c r="E6726" s="359"/>
      <c r="F6726" s="360"/>
      <c r="G6726" s="360"/>
      <c r="H6726" s="360"/>
      <c r="I6726" s="360"/>
      <c r="J6726" s="359"/>
      <c r="K6726" s="359"/>
      <c r="L6726" s="359"/>
    </row>
    <row r="6727" spans="2:12" ht="28.5">
      <c r="B6727" s="361"/>
      <c r="C6727" s="361" t="s">
        <v>17635</v>
      </c>
      <c r="D6727" s="361"/>
      <c r="E6727" s="361"/>
      <c r="F6727" s="361" t="s">
        <v>14374</v>
      </c>
      <c r="G6727" s="361" t="s">
        <v>14373</v>
      </c>
      <c r="H6727" s="361" t="s">
        <v>14422</v>
      </c>
      <c r="I6727" s="362"/>
      <c r="J6727" s="361"/>
      <c r="K6727" s="361"/>
      <c r="L6727" s="361"/>
    </row>
    <row r="6728" spans="2:12">
      <c r="B6728" s="358" t="s">
        <v>17636</v>
      </c>
      <c r="C6728" s="358" t="s">
        <v>17637</v>
      </c>
      <c r="D6728" s="358" t="s">
        <v>17638</v>
      </c>
      <c r="E6728" s="358" t="s">
        <v>17639</v>
      </c>
      <c r="F6728" s="358" t="s">
        <v>14418</v>
      </c>
      <c r="G6728" s="358" t="s">
        <v>14419</v>
      </c>
      <c r="H6728" s="358" t="s">
        <v>14328</v>
      </c>
      <c r="I6728" s="358" t="s">
        <v>14419</v>
      </c>
      <c r="J6728" s="358"/>
      <c r="K6728" s="358"/>
      <c r="L6728" s="358"/>
    </row>
    <row r="6729" spans="2:12">
      <c r="B6729" s="359"/>
      <c r="C6729" s="359"/>
      <c r="D6729" s="359"/>
      <c r="E6729" s="359"/>
      <c r="F6729" s="360"/>
      <c r="G6729" s="360"/>
      <c r="H6729" s="360"/>
      <c r="I6729" s="360"/>
      <c r="J6729" s="359"/>
      <c r="K6729" s="359"/>
      <c r="L6729" s="359"/>
    </row>
    <row r="6730" spans="2:12">
      <c r="B6730" s="359"/>
      <c r="C6730" s="359"/>
      <c r="D6730" s="359"/>
      <c r="E6730" s="359"/>
      <c r="F6730" s="359" t="s">
        <v>14420</v>
      </c>
      <c r="G6730" s="359" t="s">
        <v>14429</v>
      </c>
      <c r="H6730" s="359" t="s">
        <v>14381</v>
      </c>
      <c r="I6730" s="359" t="s">
        <v>14429</v>
      </c>
      <c r="J6730" s="359"/>
      <c r="K6730" s="359"/>
      <c r="L6730" s="359"/>
    </row>
    <row r="6731" spans="2:12">
      <c r="B6731" s="359"/>
      <c r="C6731" s="359"/>
      <c r="D6731" s="359"/>
      <c r="E6731" s="359"/>
      <c r="F6731" s="360"/>
      <c r="G6731" s="360"/>
      <c r="H6731" s="360"/>
      <c r="I6731" s="360"/>
      <c r="J6731" s="359"/>
      <c r="K6731" s="359"/>
      <c r="L6731" s="359"/>
    </row>
    <row r="6732" spans="2:12" ht="28.5">
      <c r="B6732" s="359"/>
      <c r="C6732" s="359"/>
      <c r="D6732" s="359"/>
      <c r="E6732" s="359"/>
      <c r="F6732" s="359" t="s">
        <v>14460</v>
      </c>
      <c r="G6732" s="359" t="s">
        <v>28851</v>
      </c>
      <c r="H6732" s="359" t="s">
        <v>14367</v>
      </c>
      <c r="I6732" s="359" t="s">
        <v>28851</v>
      </c>
      <c r="J6732" s="359"/>
      <c r="K6732" s="359"/>
      <c r="L6732" s="359"/>
    </row>
    <row r="6733" spans="2:12">
      <c r="B6733" s="359"/>
      <c r="C6733" s="359"/>
      <c r="D6733" s="359"/>
      <c r="E6733" s="359"/>
      <c r="F6733" s="360"/>
      <c r="G6733" s="360"/>
      <c r="H6733" s="360"/>
      <c r="I6733" s="360"/>
      <c r="J6733" s="359"/>
      <c r="K6733" s="359"/>
      <c r="L6733" s="359"/>
    </row>
    <row r="6734" spans="2:12">
      <c r="B6734" s="359"/>
      <c r="C6734" s="359"/>
      <c r="D6734" s="359"/>
      <c r="E6734" s="359"/>
      <c r="F6734" s="359" t="s">
        <v>14389</v>
      </c>
      <c r="G6734" s="359" t="s">
        <v>14392</v>
      </c>
      <c r="H6734" s="359" t="s">
        <v>14370</v>
      </c>
      <c r="I6734" s="359" t="s">
        <v>14392</v>
      </c>
      <c r="J6734" s="359"/>
      <c r="K6734" s="359"/>
      <c r="L6734" s="359"/>
    </row>
    <row r="6735" spans="2:12">
      <c r="B6735" s="359"/>
      <c r="C6735" s="359"/>
      <c r="D6735" s="359"/>
      <c r="E6735" s="359"/>
      <c r="F6735" s="360"/>
      <c r="G6735" s="360"/>
      <c r="H6735" s="360"/>
      <c r="I6735" s="360"/>
      <c r="J6735" s="359"/>
      <c r="K6735" s="359"/>
      <c r="L6735" s="359"/>
    </row>
    <row r="6736" spans="2:12">
      <c r="B6736" s="359"/>
      <c r="C6736" s="359"/>
      <c r="D6736" s="359"/>
      <c r="E6736" s="359"/>
      <c r="F6736" s="359" t="s">
        <v>14391</v>
      </c>
      <c r="G6736" s="359" t="s">
        <v>14372</v>
      </c>
      <c r="H6736" s="359" t="s">
        <v>14422</v>
      </c>
      <c r="I6736" s="359" t="s">
        <v>14373</v>
      </c>
      <c r="J6736" s="359"/>
      <c r="K6736" s="359"/>
      <c r="L6736" s="359"/>
    </row>
    <row r="6737" spans="2:12">
      <c r="B6737" s="359"/>
      <c r="C6737" s="359"/>
      <c r="D6737" s="359"/>
      <c r="E6737" s="359"/>
      <c r="F6737" s="360"/>
      <c r="G6737" s="360"/>
      <c r="H6737" s="360"/>
      <c r="I6737" s="360"/>
      <c r="J6737" s="359"/>
      <c r="K6737" s="359"/>
      <c r="L6737" s="359"/>
    </row>
    <row r="6738" spans="2:12">
      <c r="B6738" s="359"/>
      <c r="C6738" s="359"/>
      <c r="D6738" s="359"/>
      <c r="E6738" s="359"/>
      <c r="F6738" s="359" t="s">
        <v>14371</v>
      </c>
      <c r="G6738" s="359" t="s">
        <v>14373</v>
      </c>
      <c r="H6738" s="360"/>
      <c r="I6738" s="360"/>
      <c r="J6738" s="359"/>
      <c r="K6738" s="359"/>
      <c r="L6738" s="359"/>
    </row>
    <row r="6739" spans="2:12">
      <c r="B6739" s="359"/>
      <c r="C6739" s="359"/>
      <c r="D6739" s="359"/>
      <c r="E6739" s="359"/>
      <c r="F6739" s="360"/>
      <c r="G6739" s="360"/>
      <c r="H6739" s="360"/>
      <c r="I6739" s="360"/>
      <c r="J6739" s="359"/>
      <c r="K6739" s="359"/>
      <c r="L6739" s="359"/>
    </row>
    <row r="6740" spans="2:12" ht="28.5">
      <c r="B6740" s="361"/>
      <c r="C6740" s="361"/>
      <c r="D6740" s="361"/>
      <c r="E6740" s="361"/>
      <c r="F6740" s="361" t="s">
        <v>14374</v>
      </c>
      <c r="G6740" s="362"/>
      <c r="H6740" s="362"/>
      <c r="I6740" s="362"/>
      <c r="J6740" s="361"/>
      <c r="K6740" s="361"/>
      <c r="L6740" s="361"/>
    </row>
    <row r="6741" spans="2:12" ht="28.5">
      <c r="B6741" s="358" t="s">
        <v>17640</v>
      </c>
      <c r="C6741" s="358" t="s">
        <v>17641</v>
      </c>
      <c r="D6741" s="358" t="s">
        <v>17642</v>
      </c>
      <c r="E6741" s="358" t="s">
        <v>8356</v>
      </c>
      <c r="F6741" s="358" t="s">
        <v>14386</v>
      </c>
      <c r="G6741" s="358" t="s">
        <v>14387</v>
      </c>
      <c r="H6741" s="358" t="s">
        <v>14367</v>
      </c>
      <c r="I6741" s="358" t="s">
        <v>14387</v>
      </c>
      <c r="J6741" s="358"/>
      <c r="K6741" s="358"/>
      <c r="L6741" s="358"/>
    </row>
    <row r="6742" spans="2:12">
      <c r="B6742" s="359"/>
      <c r="C6742" s="360"/>
      <c r="D6742" s="359"/>
      <c r="E6742" s="359"/>
      <c r="F6742" s="360"/>
      <c r="G6742" s="360"/>
      <c r="H6742" s="360"/>
      <c r="I6742" s="360"/>
      <c r="J6742" s="359"/>
      <c r="K6742" s="359"/>
      <c r="L6742" s="359"/>
    </row>
    <row r="6743" spans="2:12" ht="85.5">
      <c r="B6743" s="359"/>
      <c r="C6743" s="359" t="s">
        <v>30115</v>
      </c>
      <c r="D6743" s="359"/>
      <c r="E6743" s="359"/>
      <c r="F6743" s="359" t="s">
        <v>14389</v>
      </c>
      <c r="G6743" s="359" t="s">
        <v>14390</v>
      </c>
      <c r="H6743" s="359" t="s">
        <v>14370</v>
      </c>
      <c r="I6743" s="359" t="s">
        <v>14390</v>
      </c>
      <c r="J6743" s="359"/>
      <c r="K6743" s="359"/>
      <c r="L6743" s="359"/>
    </row>
    <row r="6744" spans="2:12">
      <c r="B6744" s="359"/>
      <c r="C6744" s="360"/>
      <c r="D6744" s="359"/>
      <c r="E6744" s="359"/>
      <c r="F6744" s="360"/>
      <c r="G6744" s="360"/>
      <c r="H6744" s="360"/>
      <c r="I6744" s="360"/>
      <c r="J6744" s="359"/>
      <c r="K6744" s="359"/>
      <c r="L6744" s="359"/>
    </row>
    <row r="6745" spans="2:12" ht="28.5">
      <c r="B6745" s="361"/>
      <c r="C6745" s="362"/>
      <c r="D6745" s="361"/>
      <c r="E6745" s="361"/>
      <c r="F6745" s="361" t="s">
        <v>14394</v>
      </c>
      <c r="G6745" s="361" t="s">
        <v>14395</v>
      </c>
      <c r="H6745" s="361" t="s">
        <v>14422</v>
      </c>
      <c r="I6745" s="361" t="s">
        <v>14395</v>
      </c>
      <c r="J6745" s="361"/>
      <c r="K6745" s="361"/>
      <c r="L6745" s="361"/>
    </row>
    <row r="6746" spans="2:12" ht="28.5">
      <c r="B6746" s="358" t="s">
        <v>17643</v>
      </c>
      <c r="C6746" s="358" t="s">
        <v>27537</v>
      </c>
      <c r="D6746" s="358" t="s">
        <v>17644</v>
      </c>
      <c r="E6746" s="358" t="s">
        <v>17645</v>
      </c>
      <c r="F6746" s="358" t="s">
        <v>14443</v>
      </c>
      <c r="G6746" s="358" t="s">
        <v>14444</v>
      </c>
      <c r="H6746" s="358" t="s">
        <v>14381</v>
      </c>
      <c r="I6746" s="358" t="s">
        <v>14444</v>
      </c>
      <c r="J6746" s="358"/>
      <c r="K6746" s="358"/>
      <c r="L6746" s="358"/>
    </row>
    <row r="6747" spans="2:12">
      <c r="B6747" s="359"/>
      <c r="C6747" s="359"/>
      <c r="D6747" s="359"/>
      <c r="E6747" s="359"/>
      <c r="F6747" s="359"/>
      <c r="G6747" s="359"/>
      <c r="H6747" s="360"/>
      <c r="I6747" s="359"/>
      <c r="J6747" s="359"/>
      <c r="K6747" s="359"/>
      <c r="L6747" s="359"/>
    </row>
    <row r="6748" spans="2:12">
      <c r="B6748" s="361"/>
      <c r="C6748" s="361"/>
      <c r="D6748" s="361"/>
      <c r="E6748" s="361"/>
      <c r="F6748" s="361"/>
      <c r="G6748" s="361"/>
      <c r="H6748" s="361" t="s">
        <v>14422</v>
      </c>
      <c r="I6748" s="361"/>
      <c r="J6748" s="361"/>
      <c r="K6748" s="361"/>
      <c r="L6748" s="361"/>
    </row>
    <row r="6749" spans="2:12">
      <c r="B6749" s="358" t="s">
        <v>17646</v>
      </c>
      <c r="C6749" s="358" t="s">
        <v>17647</v>
      </c>
      <c r="D6749" s="358" t="s">
        <v>17648</v>
      </c>
      <c r="E6749" s="358" t="s">
        <v>17649</v>
      </c>
      <c r="F6749" s="358" t="s">
        <v>14505</v>
      </c>
      <c r="G6749" s="358" t="s">
        <v>14506</v>
      </c>
      <c r="H6749" s="358" t="s">
        <v>14328</v>
      </c>
      <c r="I6749" s="358" t="s">
        <v>14506</v>
      </c>
      <c r="J6749" s="358"/>
      <c r="K6749" s="358"/>
      <c r="L6749" s="358"/>
    </row>
    <row r="6750" spans="2:12">
      <c r="B6750" s="359"/>
      <c r="C6750" s="359"/>
      <c r="D6750" s="359"/>
      <c r="E6750" s="359"/>
      <c r="F6750" s="360"/>
      <c r="G6750" s="360"/>
      <c r="H6750" s="360"/>
      <c r="I6750" s="360"/>
      <c r="J6750" s="359"/>
      <c r="K6750" s="359"/>
      <c r="L6750" s="359"/>
    </row>
    <row r="6751" spans="2:12">
      <c r="B6751" s="359"/>
      <c r="C6751" s="359"/>
      <c r="D6751" s="359"/>
      <c r="E6751" s="359"/>
      <c r="F6751" s="359" t="s">
        <v>14389</v>
      </c>
      <c r="G6751" s="359" t="s">
        <v>14390</v>
      </c>
      <c r="H6751" s="359" t="s">
        <v>14341</v>
      </c>
      <c r="I6751" s="359" t="s">
        <v>14390</v>
      </c>
      <c r="J6751" s="359"/>
      <c r="K6751" s="359"/>
      <c r="L6751" s="359"/>
    </row>
    <row r="6752" spans="2:12">
      <c r="B6752" s="359"/>
      <c r="C6752" s="359"/>
      <c r="D6752" s="359"/>
      <c r="E6752" s="359"/>
      <c r="F6752" s="360"/>
      <c r="G6752" s="360"/>
      <c r="H6752" s="360"/>
      <c r="I6752" s="360"/>
      <c r="J6752" s="359"/>
      <c r="K6752" s="359"/>
      <c r="L6752" s="359"/>
    </row>
    <row r="6753" spans="2:12">
      <c r="B6753" s="359"/>
      <c r="C6753" s="359"/>
      <c r="D6753" s="359"/>
      <c r="E6753" s="359"/>
      <c r="F6753" s="359" t="s">
        <v>14430</v>
      </c>
      <c r="G6753" s="359" t="s">
        <v>14431</v>
      </c>
      <c r="H6753" s="359" t="s">
        <v>14332</v>
      </c>
      <c r="I6753" s="359" t="s">
        <v>14431</v>
      </c>
      <c r="J6753" s="359"/>
      <c r="K6753" s="359"/>
      <c r="L6753" s="359"/>
    </row>
    <row r="6754" spans="2:12">
      <c r="B6754" s="359"/>
      <c r="C6754" s="359"/>
      <c r="D6754" s="359"/>
      <c r="E6754" s="359"/>
      <c r="F6754" s="360"/>
      <c r="G6754" s="360"/>
      <c r="H6754" s="360"/>
      <c r="I6754" s="360"/>
      <c r="J6754" s="359"/>
      <c r="K6754" s="359"/>
      <c r="L6754" s="359"/>
    </row>
    <row r="6755" spans="2:12" ht="28.5">
      <c r="B6755" s="361"/>
      <c r="C6755" s="361"/>
      <c r="D6755" s="361"/>
      <c r="E6755" s="361"/>
      <c r="F6755" s="361" t="s">
        <v>14472</v>
      </c>
      <c r="G6755" s="361" t="s">
        <v>14473</v>
      </c>
      <c r="H6755" s="362"/>
      <c r="I6755" s="361" t="s">
        <v>14473</v>
      </c>
      <c r="J6755" s="361"/>
      <c r="K6755" s="361"/>
      <c r="L6755" s="361"/>
    </row>
    <row r="6756" spans="2:12" ht="28.5">
      <c r="B6756" s="358" t="s">
        <v>17650</v>
      </c>
      <c r="C6756" s="358" t="s">
        <v>17651</v>
      </c>
      <c r="D6756" s="358" t="s">
        <v>17652</v>
      </c>
      <c r="E6756" s="358" t="s">
        <v>17653</v>
      </c>
      <c r="F6756" s="358" t="s">
        <v>14371</v>
      </c>
      <c r="G6756" s="358" t="s">
        <v>14372</v>
      </c>
      <c r="H6756" s="358" t="s">
        <v>14370</v>
      </c>
      <c r="I6756" s="358" t="s">
        <v>14373</v>
      </c>
      <c r="J6756" s="358"/>
      <c r="K6756" s="358"/>
      <c r="L6756" s="358"/>
    </row>
    <row r="6757" spans="2:12">
      <c r="B6757" s="359"/>
      <c r="C6757" s="360"/>
      <c r="D6757" s="359"/>
      <c r="E6757" s="359"/>
      <c r="F6757" s="360"/>
      <c r="G6757" s="360"/>
      <c r="H6757" s="360"/>
      <c r="I6757" s="359"/>
      <c r="J6757" s="359"/>
      <c r="K6757" s="359"/>
      <c r="L6757" s="359"/>
    </row>
    <row r="6758" spans="2:12" ht="28.5">
      <c r="B6758" s="361"/>
      <c r="C6758" s="361" t="s">
        <v>17654</v>
      </c>
      <c r="D6758" s="361"/>
      <c r="E6758" s="361"/>
      <c r="F6758" s="361" t="s">
        <v>14374</v>
      </c>
      <c r="G6758" s="361" t="s">
        <v>14373</v>
      </c>
      <c r="H6758" s="361" t="s">
        <v>14422</v>
      </c>
      <c r="I6758" s="361"/>
      <c r="J6758" s="361"/>
      <c r="K6758" s="361"/>
      <c r="L6758" s="361"/>
    </row>
    <row r="6759" spans="2:12" ht="42.75">
      <c r="B6759" s="358" t="s">
        <v>17655</v>
      </c>
      <c r="C6759" s="358" t="s">
        <v>17656</v>
      </c>
      <c r="D6759" s="358" t="s">
        <v>17657</v>
      </c>
      <c r="E6759" s="358" t="s">
        <v>8356</v>
      </c>
      <c r="F6759" s="358" t="s">
        <v>14356</v>
      </c>
      <c r="G6759" s="358" t="s">
        <v>14340</v>
      </c>
      <c r="H6759" s="358" t="s">
        <v>14341</v>
      </c>
      <c r="I6759" s="358" t="s">
        <v>14340</v>
      </c>
      <c r="J6759" s="358"/>
      <c r="K6759" s="358"/>
      <c r="L6759" s="358"/>
    </row>
    <row r="6760" spans="2:12">
      <c r="B6760" s="359"/>
      <c r="C6760" s="360"/>
      <c r="D6760" s="359"/>
      <c r="E6760" s="359"/>
      <c r="F6760" s="360"/>
      <c r="G6760" s="360"/>
      <c r="H6760" s="360"/>
      <c r="I6760" s="360"/>
      <c r="J6760" s="359"/>
      <c r="K6760" s="359"/>
      <c r="L6760" s="359"/>
    </row>
    <row r="6761" spans="2:12" ht="28.5">
      <c r="B6761" s="359"/>
      <c r="C6761" s="359" t="s">
        <v>17658</v>
      </c>
      <c r="D6761" s="359"/>
      <c r="E6761" s="359"/>
      <c r="F6761" s="359" t="s">
        <v>14371</v>
      </c>
      <c r="G6761" s="359" t="s">
        <v>14372</v>
      </c>
      <c r="H6761" s="359" t="s">
        <v>14370</v>
      </c>
      <c r="I6761" s="359" t="s">
        <v>14373</v>
      </c>
      <c r="J6761" s="359"/>
      <c r="K6761" s="359"/>
      <c r="L6761" s="359"/>
    </row>
    <row r="6762" spans="2:12">
      <c r="B6762" s="359"/>
      <c r="C6762" s="360"/>
      <c r="D6762" s="359"/>
      <c r="E6762" s="359"/>
      <c r="F6762" s="360"/>
      <c r="G6762" s="360"/>
      <c r="H6762" s="360"/>
      <c r="I6762" s="360"/>
      <c r="J6762" s="359"/>
      <c r="K6762" s="359"/>
      <c r="L6762" s="359"/>
    </row>
    <row r="6763" spans="2:12" ht="28.5">
      <c r="B6763" s="361"/>
      <c r="C6763" s="362"/>
      <c r="D6763" s="361"/>
      <c r="E6763" s="361"/>
      <c r="F6763" s="361" t="s">
        <v>14374</v>
      </c>
      <c r="G6763" s="361" t="s">
        <v>14373</v>
      </c>
      <c r="H6763" s="361" t="s">
        <v>14332</v>
      </c>
      <c r="I6763" s="362"/>
      <c r="J6763" s="361"/>
      <c r="K6763" s="361"/>
      <c r="L6763" s="361"/>
    </row>
    <row r="6764" spans="2:12" ht="28.5">
      <c r="B6764" s="358" t="s">
        <v>17659</v>
      </c>
      <c r="C6764" s="358" t="s">
        <v>27538</v>
      </c>
      <c r="D6764" s="358" t="s">
        <v>17660</v>
      </c>
      <c r="E6764" s="358" t="s">
        <v>8356</v>
      </c>
      <c r="F6764" s="358" t="s">
        <v>14389</v>
      </c>
      <c r="G6764" s="358" t="s">
        <v>14390</v>
      </c>
      <c r="H6764" s="358" t="s">
        <v>14367</v>
      </c>
      <c r="I6764" s="358" t="s">
        <v>14390</v>
      </c>
      <c r="J6764" s="358"/>
      <c r="K6764" s="358"/>
      <c r="L6764" s="358"/>
    </row>
    <row r="6765" spans="2:12">
      <c r="B6765" s="359"/>
      <c r="C6765" s="360"/>
      <c r="D6765" s="359"/>
      <c r="E6765" s="359"/>
      <c r="F6765" s="360"/>
      <c r="G6765" s="360"/>
      <c r="H6765" s="360"/>
      <c r="I6765" s="360"/>
      <c r="J6765" s="359"/>
      <c r="K6765" s="359"/>
      <c r="L6765" s="359"/>
    </row>
    <row r="6766" spans="2:12">
      <c r="B6766" s="359"/>
      <c r="C6766" s="359" t="s">
        <v>27539</v>
      </c>
      <c r="D6766" s="359"/>
      <c r="E6766" s="359"/>
      <c r="F6766" s="359" t="s">
        <v>14391</v>
      </c>
      <c r="G6766" s="359" t="s">
        <v>14392</v>
      </c>
      <c r="H6766" s="359" t="s">
        <v>14422</v>
      </c>
      <c r="I6766" s="359" t="s">
        <v>14392</v>
      </c>
      <c r="J6766" s="359"/>
      <c r="K6766" s="359"/>
      <c r="L6766" s="359"/>
    </row>
    <row r="6767" spans="2:12">
      <c r="B6767" s="359"/>
      <c r="C6767" s="360"/>
      <c r="D6767" s="359"/>
      <c r="E6767" s="359"/>
      <c r="F6767" s="360"/>
      <c r="G6767" s="360"/>
      <c r="H6767" s="360"/>
      <c r="I6767" s="360"/>
      <c r="J6767" s="359"/>
      <c r="K6767" s="359"/>
      <c r="L6767" s="359"/>
    </row>
    <row r="6768" spans="2:12" ht="28.5">
      <c r="B6768" s="361"/>
      <c r="C6768" s="362"/>
      <c r="D6768" s="361"/>
      <c r="E6768" s="361"/>
      <c r="F6768" s="361" t="s">
        <v>14462</v>
      </c>
      <c r="G6768" s="361" t="s">
        <v>14463</v>
      </c>
      <c r="H6768" s="362"/>
      <c r="I6768" s="361" t="s">
        <v>14463</v>
      </c>
      <c r="J6768" s="361"/>
      <c r="K6768" s="361"/>
      <c r="L6768" s="361"/>
    </row>
    <row r="6769" spans="2:12" ht="28.5">
      <c r="B6769" s="358" t="s">
        <v>17661</v>
      </c>
      <c r="C6769" s="358" t="s">
        <v>27540</v>
      </c>
      <c r="D6769" s="358" t="s">
        <v>17662</v>
      </c>
      <c r="E6769" s="358" t="s">
        <v>8356</v>
      </c>
      <c r="F6769" s="358" t="s">
        <v>14371</v>
      </c>
      <c r="G6769" s="358" t="s">
        <v>14372</v>
      </c>
      <c r="H6769" s="358" t="s">
        <v>14370</v>
      </c>
      <c r="I6769" s="358" t="s">
        <v>14373</v>
      </c>
      <c r="J6769" s="358"/>
      <c r="K6769" s="358"/>
      <c r="L6769" s="358"/>
    </row>
    <row r="6770" spans="2:12">
      <c r="B6770" s="359"/>
      <c r="C6770" s="360"/>
      <c r="D6770" s="359"/>
      <c r="E6770" s="359"/>
      <c r="F6770" s="360"/>
      <c r="G6770" s="360"/>
      <c r="H6770" s="360"/>
      <c r="I6770" s="359"/>
      <c r="J6770" s="359"/>
      <c r="K6770" s="359"/>
      <c r="L6770" s="359"/>
    </row>
    <row r="6771" spans="2:12" ht="28.5">
      <c r="B6771" s="359"/>
      <c r="C6771" s="359" t="s">
        <v>27541</v>
      </c>
      <c r="D6771" s="359"/>
      <c r="E6771" s="359"/>
      <c r="F6771" s="359" t="s">
        <v>14374</v>
      </c>
      <c r="G6771" s="359" t="s">
        <v>14373</v>
      </c>
      <c r="H6771" s="359" t="s">
        <v>14422</v>
      </c>
      <c r="I6771" s="359"/>
      <c r="J6771" s="359"/>
      <c r="K6771" s="359"/>
      <c r="L6771" s="359"/>
    </row>
    <row r="6772" spans="2:12">
      <c r="B6772" s="359"/>
      <c r="C6772" s="360"/>
      <c r="D6772" s="359"/>
      <c r="E6772" s="359"/>
      <c r="F6772" s="360"/>
      <c r="G6772" s="360"/>
      <c r="H6772" s="360"/>
      <c r="I6772" s="359"/>
      <c r="J6772" s="359"/>
      <c r="K6772" s="359"/>
      <c r="L6772" s="359"/>
    </row>
    <row r="6773" spans="2:12">
      <c r="B6773" s="361"/>
      <c r="C6773" s="361" t="s">
        <v>27542</v>
      </c>
      <c r="D6773" s="361"/>
      <c r="E6773" s="361"/>
      <c r="F6773" s="362"/>
      <c r="G6773" s="362"/>
      <c r="H6773" s="362"/>
      <c r="I6773" s="361"/>
      <c r="J6773" s="361"/>
      <c r="K6773" s="361"/>
      <c r="L6773" s="361"/>
    </row>
    <row r="6774" spans="2:12">
      <c r="B6774" s="358" t="s">
        <v>17663</v>
      </c>
      <c r="C6774" s="358" t="s">
        <v>17664</v>
      </c>
      <c r="D6774" s="358" t="s">
        <v>17665</v>
      </c>
      <c r="E6774" s="358" t="s">
        <v>17666</v>
      </c>
      <c r="F6774" s="358" t="s">
        <v>14389</v>
      </c>
      <c r="G6774" s="358" t="s">
        <v>14390</v>
      </c>
      <c r="H6774" s="358" t="s">
        <v>14367</v>
      </c>
      <c r="I6774" s="358" t="s">
        <v>14390</v>
      </c>
      <c r="J6774" s="358"/>
      <c r="K6774" s="358"/>
      <c r="L6774" s="358"/>
    </row>
    <row r="6775" spans="2:12">
      <c r="B6775" s="359"/>
      <c r="C6775" s="359"/>
      <c r="D6775" s="359"/>
      <c r="E6775" s="359"/>
      <c r="F6775" s="360"/>
      <c r="G6775" s="360"/>
      <c r="H6775" s="360"/>
      <c r="I6775" s="360"/>
      <c r="J6775" s="359"/>
      <c r="K6775" s="359"/>
      <c r="L6775" s="359"/>
    </row>
    <row r="6776" spans="2:12">
      <c r="B6776" s="359"/>
      <c r="C6776" s="359"/>
      <c r="D6776" s="359"/>
      <c r="E6776" s="359"/>
      <c r="F6776" s="359" t="s">
        <v>14391</v>
      </c>
      <c r="G6776" s="359" t="s">
        <v>14392</v>
      </c>
      <c r="H6776" s="359" t="s">
        <v>14422</v>
      </c>
      <c r="I6776" s="359" t="s">
        <v>14392</v>
      </c>
      <c r="J6776" s="359"/>
      <c r="K6776" s="359"/>
      <c r="L6776" s="359"/>
    </row>
    <row r="6777" spans="2:12">
      <c r="B6777" s="359"/>
      <c r="C6777" s="359"/>
      <c r="D6777" s="359"/>
      <c r="E6777" s="359"/>
      <c r="F6777" s="360"/>
      <c r="G6777" s="360"/>
      <c r="H6777" s="360"/>
      <c r="I6777" s="360"/>
      <c r="J6777" s="359"/>
      <c r="K6777" s="359"/>
      <c r="L6777" s="359"/>
    </row>
    <row r="6778" spans="2:12" ht="28.5">
      <c r="B6778" s="361"/>
      <c r="C6778" s="361"/>
      <c r="D6778" s="361"/>
      <c r="E6778" s="361"/>
      <c r="F6778" s="361" t="s">
        <v>14462</v>
      </c>
      <c r="G6778" s="361" t="s">
        <v>14463</v>
      </c>
      <c r="H6778" s="362"/>
      <c r="I6778" s="361" t="s">
        <v>14463</v>
      </c>
      <c r="J6778" s="361"/>
      <c r="K6778" s="361"/>
      <c r="L6778" s="361"/>
    </row>
    <row r="6779" spans="2:12" ht="42.75">
      <c r="B6779" s="358" t="s">
        <v>17667</v>
      </c>
      <c r="C6779" s="358" t="s">
        <v>17668</v>
      </c>
      <c r="D6779" s="358" t="s">
        <v>17669</v>
      </c>
      <c r="E6779" s="358" t="s">
        <v>8356</v>
      </c>
      <c r="F6779" s="358" t="s">
        <v>14389</v>
      </c>
      <c r="G6779" s="358" t="s">
        <v>14390</v>
      </c>
      <c r="H6779" s="358" t="s">
        <v>14341</v>
      </c>
      <c r="I6779" s="358" t="s">
        <v>14390</v>
      </c>
      <c r="J6779" s="358"/>
      <c r="K6779" s="358"/>
      <c r="L6779" s="358"/>
    </row>
    <row r="6780" spans="2:12">
      <c r="B6780" s="359"/>
      <c r="C6780" s="360"/>
      <c r="D6780" s="359"/>
      <c r="E6780" s="359"/>
      <c r="F6780" s="360"/>
      <c r="G6780" s="360"/>
      <c r="H6780" s="360"/>
      <c r="I6780" s="360"/>
      <c r="J6780" s="359"/>
      <c r="K6780" s="359"/>
      <c r="L6780" s="359"/>
    </row>
    <row r="6781" spans="2:12" ht="42.75">
      <c r="B6781" s="359"/>
      <c r="C6781" s="359" t="s">
        <v>17670</v>
      </c>
      <c r="D6781" s="359"/>
      <c r="E6781" s="359"/>
      <c r="F6781" s="359" t="s">
        <v>14430</v>
      </c>
      <c r="G6781" s="359" t="s">
        <v>14431</v>
      </c>
      <c r="H6781" s="359" t="s">
        <v>14370</v>
      </c>
      <c r="I6781" s="359" t="s">
        <v>14431</v>
      </c>
      <c r="J6781" s="359"/>
      <c r="K6781" s="359"/>
      <c r="L6781" s="359"/>
    </row>
    <row r="6782" spans="2:12">
      <c r="B6782" s="359"/>
      <c r="C6782" s="360"/>
      <c r="D6782" s="359"/>
      <c r="E6782" s="359"/>
      <c r="F6782" s="360"/>
      <c r="G6782" s="360"/>
      <c r="H6782" s="360"/>
      <c r="I6782" s="360"/>
      <c r="J6782" s="359"/>
      <c r="K6782" s="359"/>
      <c r="L6782" s="359"/>
    </row>
    <row r="6783" spans="2:12">
      <c r="B6783" s="359"/>
      <c r="C6783" s="360"/>
      <c r="D6783" s="359"/>
      <c r="E6783" s="359"/>
      <c r="F6783" s="359" t="s">
        <v>14371</v>
      </c>
      <c r="G6783" s="359" t="s">
        <v>14372</v>
      </c>
      <c r="H6783" s="359" t="s">
        <v>14332</v>
      </c>
      <c r="I6783" s="359" t="s">
        <v>14373</v>
      </c>
      <c r="J6783" s="359"/>
      <c r="K6783" s="359"/>
      <c r="L6783" s="359"/>
    </row>
    <row r="6784" spans="2:12">
      <c r="B6784" s="359"/>
      <c r="C6784" s="360"/>
      <c r="D6784" s="359"/>
      <c r="E6784" s="359"/>
      <c r="F6784" s="360"/>
      <c r="G6784" s="360"/>
      <c r="H6784" s="360"/>
      <c r="I6784" s="360"/>
      <c r="J6784" s="359"/>
      <c r="K6784" s="359"/>
      <c r="L6784" s="359"/>
    </row>
    <row r="6785" spans="2:12" ht="28.5">
      <c r="B6785" s="361"/>
      <c r="C6785" s="362"/>
      <c r="D6785" s="361"/>
      <c r="E6785" s="361"/>
      <c r="F6785" s="361" t="s">
        <v>14374</v>
      </c>
      <c r="G6785" s="361" t="s">
        <v>14373</v>
      </c>
      <c r="H6785" s="362"/>
      <c r="I6785" s="362"/>
      <c r="J6785" s="361"/>
      <c r="K6785" s="361"/>
      <c r="L6785" s="361"/>
    </row>
    <row r="6786" spans="2:12">
      <c r="B6786" s="358" t="s">
        <v>17671</v>
      </c>
      <c r="C6786" s="358" t="s">
        <v>17672</v>
      </c>
      <c r="D6786" s="358" t="s">
        <v>17673</v>
      </c>
      <c r="E6786" s="358" t="s">
        <v>17674</v>
      </c>
      <c r="F6786" s="358" t="s">
        <v>17310</v>
      </c>
      <c r="G6786" s="358" t="s">
        <v>17311</v>
      </c>
      <c r="H6786" s="358" t="s">
        <v>14381</v>
      </c>
      <c r="I6786" s="358" t="s">
        <v>17311</v>
      </c>
      <c r="J6786" s="358"/>
      <c r="K6786" s="358"/>
      <c r="L6786" s="358"/>
    </row>
    <row r="6787" spans="2:12">
      <c r="B6787" s="359"/>
      <c r="C6787" s="359"/>
      <c r="D6787" s="359"/>
      <c r="E6787" s="359"/>
      <c r="F6787" s="360"/>
      <c r="G6787" s="360"/>
      <c r="H6787" s="360"/>
      <c r="I6787" s="360"/>
      <c r="J6787" s="359"/>
      <c r="K6787" s="359"/>
      <c r="L6787" s="359"/>
    </row>
    <row r="6788" spans="2:12">
      <c r="B6788" s="359"/>
      <c r="C6788" s="359"/>
      <c r="D6788" s="359"/>
      <c r="E6788" s="359"/>
      <c r="F6788" s="359" t="s">
        <v>14389</v>
      </c>
      <c r="G6788" s="359" t="s">
        <v>14390</v>
      </c>
      <c r="H6788" s="359" t="s">
        <v>14367</v>
      </c>
      <c r="I6788" s="359" t="s">
        <v>14390</v>
      </c>
      <c r="J6788" s="359"/>
      <c r="K6788" s="359"/>
      <c r="L6788" s="359"/>
    </row>
    <row r="6789" spans="2:12">
      <c r="B6789" s="359"/>
      <c r="C6789" s="359"/>
      <c r="D6789" s="359"/>
      <c r="E6789" s="359"/>
      <c r="F6789" s="360"/>
      <c r="G6789" s="360"/>
      <c r="H6789" s="360"/>
      <c r="I6789" s="360"/>
      <c r="J6789" s="359"/>
      <c r="K6789" s="359"/>
      <c r="L6789" s="359"/>
    </row>
    <row r="6790" spans="2:12" ht="28.5">
      <c r="B6790" s="361"/>
      <c r="C6790" s="361"/>
      <c r="D6790" s="361"/>
      <c r="E6790" s="361"/>
      <c r="F6790" s="361" t="s">
        <v>14462</v>
      </c>
      <c r="G6790" s="361" t="s">
        <v>14463</v>
      </c>
      <c r="H6790" s="361" t="s">
        <v>14332</v>
      </c>
      <c r="I6790" s="361" t="s">
        <v>14463</v>
      </c>
      <c r="J6790" s="361"/>
      <c r="K6790" s="361"/>
      <c r="L6790" s="361"/>
    </row>
    <row r="6791" spans="2:12" ht="28.5">
      <c r="B6791" s="358" t="s">
        <v>17675</v>
      </c>
      <c r="C6791" s="358" t="s">
        <v>28877</v>
      </c>
      <c r="D6791" s="358" t="s">
        <v>17676</v>
      </c>
      <c r="E6791" s="358" t="s">
        <v>8356</v>
      </c>
      <c r="F6791" s="358" t="s">
        <v>17310</v>
      </c>
      <c r="G6791" s="358" t="s">
        <v>17311</v>
      </c>
      <c r="H6791" s="358" t="s">
        <v>14381</v>
      </c>
      <c r="I6791" s="358" t="s">
        <v>17311</v>
      </c>
      <c r="J6791" s="358"/>
      <c r="K6791" s="358"/>
      <c r="L6791" s="358"/>
    </row>
    <row r="6792" spans="2:12">
      <c r="B6792" s="359"/>
      <c r="C6792" s="360"/>
      <c r="D6792" s="359"/>
      <c r="E6792" s="359"/>
      <c r="F6792" s="360"/>
      <c r="G6792" s="360"/>
      <c r="H6792" s="360"/>
      <c r="I6792" s="360"/>
      <c r="J6792" s="359"/>
      <c r="K6792" s="359"/>
      <c r="L6792" s="359"/>
    </row>
    <row r="6793" spans="2:12">
      <c r="B6793" s="359"/>
      <c r="C6793" s="359" t="s">
        <v>17677</v>
      </c>
      <c r="D6793" s="359"/>
      <c r="E6793" s="359"/>
      <c r="F6793" s="359" t="s">
        <v>14389</v>
      </c>
      <c r="G6793" s="359" t="s">
        <v>14390</v>
      </c>
      <c r="H6793" s="359" t="s">
        <v>14367</v>
      </c>
      <c r="I6793" s="359" t="s">
        <v>14390</v>
      </c>
      <c r="J6793" s="359"/>
      <c r="K6793" s="359"/>
      <c r="L6793" s="359"/>
    </row>
    <row r="6794" spans="2:12">
      <c r="B6794" s="359"/>
      <c r="C6794" s="360"/>
      <c r="D6794" s="359"/>
      <c r="E6794" s="359"/>
      <c r="F6794" s="360"/>
      <c r="G6794" s="360"/>
      <c r="H6794" s="360"/>
      <c r="I6794" s="360"/>
      <c r="J6794" s="359"/>
      <c r="K6794" s="359"/>
      <c r="L6794" s="359"/>
    </row>
    <row r="6795" spans="2:12">
      <c r="B6795" s="359"/>
      <c r="C6795" s="360"/>
      <c r="D6795" s="359"/>
      <c r="E6795" s="359"/>
      <c r="F6795" s="359" t="s">
        <v>14371</v>
      </c>
      <c r="G6795" s="359" t="s">
        <v>14372</v>
      </c>
      <c r="H6795" s="359" t="s">
        <v>14370</v>
      </c>
      <c r="I6795" s="359" t="s">
        <v>14373</v>
      </c>
      <c r="J6795" s="359"/>
      <c r="K6795" s="359"/>
      <c r="L6795" s="359"/>
    </row>
    <row r="6796" spans="2:12">
      <c r="B6796" s="359"/>
      <c r="C6796" s="360"/>
      <c r="D6796" s="359"/>
      <c r="E6796" s="359"/>
      <c r="F6796" s="360"/>
      <c r="G6796" s="360"/>
      <c r="H6796" s="360"/>
      <c r="I6796" s="360"/>
      <c r="J6796" s="359"/>
      <c r="K6796" s="359"/>
      <c r="L6796" s="359"/>
    </row>
    <row r="6797" spans="2:12" ht="28.5">
      <c r="B6797" s="361"/>
      <c r="C6797" s="362"/>
      <c r="D6797" s="361"/>
      <c r="E6797" s="361"/>
      <c r="F6797" s="361" t="s">
        <v>14374</v>
      </c>
      <c r="G6797" s="361" t="s">
        <v>14373</v>
      </c>
      <c r="H6797" s="361" t="s">
        <v>14332</v>
      </c>
      <c r="I6797" s="362"/>
      <c r="J6797" s="361"/>
      <c r="K6797" s="361"/>
      <c r="L6797" s="361"/>
    </row>
    <row r="6798" spans="2:12">
      <c r="B6798" s="358" t="s">
        <v>17678</v>
      </c>
      <c r="C6798" s="358" t="s">
        <v>17679</v>
      </c>
      <c r="D6798" s="358" t="s">
        <v>17680</v>
      </c>
      <c r="E6798" s="358" t="s">
        <v>17681</v>
      </c>
      <c r="F6798" s="358" t="s">
        <v>14524</v>
      </c>
      <c r="G6798" s="358" t="s">
        <v>14525</v>
      </c>
      <c r="H6798" s="358" t="s">
        <v>14328</v>
      </c>
      <c r="I6798" s="358" t="s">
        <v>14525</v>
      </c>
      <c r="J6798" s="358" t="s">
        <v>17309</v>
      </c>
      <c r="K6798" s="358"/>
      <c r="L6798" s="358"/>
    </row>
    <row r="6799" spans="2:12">
      <c r="B6799" s="359"/>
      <c r="C6799" s="360"/>
      <c r="D6799" s="359"/>
      <c r="E6799" s="359"/>
      <c r="F6799" s="360"/>
      <c r="G6799" s="360"/>
      <c r="H6799" s="360"/>
      <c r="I6799" s="360"/>
      <c r="J6799" s="359"/>
      <c r="K6799" s="359"/>
      <c r="L6799" s="359"/>
    </row>
    <row r="6800" spans="2:12">
      <c r="B6800" s="359"/>
      <c r="C6800" s="359" t="s">
        <v>17682</v>
      </c>
      <c r="D6800" s="359"/>
      <c r="E6800" s="359"/>
      <c r="F6800" s="359" t="s">
        <v>17310</v>
      </c>
      <c r="G6800" s="359" t="s">
        <v>17311</v>
      </c>
      <c r="H6800" s="359" t="s">
        <v>14381</v>
      </c>
      <c r="I6800" s="359" t="s">
        <v>17311</v>
      </c>
      <c r="J6800" s="359"/>
      <c r="K6800" s="359"/>
      <c r="L6800" s="359"/>
    </row>
    <row r="6801" spans="2:12">
      <c r="B6801" s="359"/>
      <c r="C6801" s="360"/>
      <c r="D6801" s="359"/>
      <c r="E6801" s="359"/>
      <c r="F6801" s="360"/>
      <c r="G6801" s="360"/>
      <c r="H6801" s="360"/>
      <c r="I6801" s="360"/>
      <c r="J6801" s="359"/>
      <c r="K6801" s="359"/>
      <c r="L6801" s="359"/>
    </row>
    <row r="6802" spans="2:12">
      <c r="B6802" s="359"/>
      <c r="C6802" s="360"/>
      <c r="D6802" s="359"/>
      <c r="E6802" s="359"/>
      <c r="F6802" s="359" t="s">
        <v>14368</v>
      </c>
      <c r="G6802" s="359" t="s">
        <v>14369</v>
      </c>
      <c r="H6802" s="359" t="s">
        <v>14367</v>
      </c>
      <c r="I6802" s="359" t="s">
        <v>14369</v>
      </c>
      <c r="J6802" s="359"/>
      <c r="K6802" s="359"/>
      <c r="L6802" s="359"/>
    </row>
    <row r="6803" spans="2:12">
      <c r="B6803" s="359"/>
      <c r="C6803" s="360"/>
      <c r="D6803" s="359"/>
      <c r="E6803" s="359"/>
      <c r="F6803" s="360"/>
      <c r="G6803" s="360"/>
      <c r="H6803" s="360"/>
      <c r="I6803" s="360"/>
      <c r="J6803" s="359"/>
      <c r="K6803" s="359"/>
      <c r="L6803" s="359"/>
    </row>
    <row r="6804" spans="2:12" ht="28.5">
      <c r="B6804" s="359"/>
      <c r="C6804" s="360"/>
      <c r="D6804" s="359"/>
      <c r="E6804" s="359"/>
      <c r="F6804" s="359" t="s">
        <v>14394</v>
      </c>
      <c r="G6804" s="359" t="s">
        <v>14395</v>
      </c>
      <c r="H6804" s="359" t="s">
        <v>14370</v>
      </c>
      <c r="I6804" s="359" t="s">
        <v>14395</v>
      </c>
      <c r="J6804" s="359"/>
      <c r="K6804" s="359"/>
      <c r="L6804" s="359"/>
    </row>
    <row r="6805" spans="2:12">
      <c r="B6805" s="359"/>
      <c r="C6805" s="360"/>
      <c r="D6805" s="359"/>
      <c r="E6805" s="359"/>
      <c r="F6805" s="360"/>
      <c r="G6805" s="360"/>
      <c r="H6805" s="360"/>
      <c r="I6805" s="360"/>
      <c r="J6805" s="359"/>
      <c r="K6805" s="359"/>
      <c r="L6805" s="359"/>
    </row>
    <row r="6806" spans="2:12">
      <c r="B6806" s="361"/>
      <c r="C6806" s="362"/>
      <c r="D6806" s="361"/>
      <c r="E6806" s="361"/>
      <c r="F6806" s="362"/>
      <c r="G6806" s="362"/>
      <c r="H6806" s="361" t="s">
        <v>14332</v>
      </c>
      <c r="I6806" s="362"/>
      <c r="J6806" s="361"/>
      <c r="K6806" s="361"/>
      <c r="L6806" s="361"/>
    </row>
    <row r="6807" spans="2:12">
      <c r="B6807" s="358" t="s">
        <v>17683</v>
      </c>
      <c r="C6807" s="358" t="s">
        <v>17684</v>
      </c>
      <c r="D6807" s="358" t="s">
        <v>17685</v>
      </c>
      <c r="E6807" s="358" t="s">
        <v>17686</v>
      </c>
      <c r="F6807" s="358" t="s">
        <v>14505</v>
      </c>
      <c r="G6807" s="358" t="s">
        <v>14506</v>
      </c>
      <c r="H6807" s="358" t="s">
        <v>14328</v>
      </c>
      <c r="I6807" s="358" t="s">
        <v>14506</v>
      </c>
      <c r="J6807" s="358"/>
      <c r="K6807" s="358"/>
      <c r="L6807" s="358" t="s">
        <v>595</v>
      </c>
    </row>
    <row r="6808" spans="2:12">
      <c r="B6808" s="359"/>
      <c r="C6808" s="359"/>
      <c r="D6808" s="359"/>
      <c r="E6808" s="359"/>
      <c r="F6808" s="360"/>
      <c r="G6808" s="360"/>
      <c r="H6808" s="360"/>
      <c r="I6808" s="360"/>
      <c r="J6808" s="359"/>
      <c r="K6808" s="359"/>
      <c r="L6808" s="359"/>
    </row>
    <row r="6809" spans="2:12">
      <c r="B6809" s="359"/>
      <c r="C6809" s="359"/>
      <c r="D6809" s="359"/>
      <c r="E6809" s="359"/>
      <c r="F6809" s="359" t="s">
        <v>17310</v>
      </c>
      <c r="G6809" s="359" t="s">
        <v>17311</v>
      </c>
      <c r="H6809" s="359" t="s">
        <v>14367</v>
      </c>
      <c r="I6809" s="359" t="s">
        <v>17311</v>
      </c>
      <c r="J6809" s="359"/>
      <c r="K6809" s="359"/>
      <c r="L6809" s="359"/>
    </row>
    <row r="6810" spans="2:12">
      <c r="B6810" s="359"/>
      <c r="C6810" s="359"/>
      <c r="D6810" s="359"/>
      <c r="E6810" s="359"/>
      <c r="F6810" s="360"/>
      <c r="G6810" s="360"/>
      <c r="H6810" s="360"/>
      <c r="I6810" s="360"/>
      <c r="J6810" s="359"/>
      <c r="K6810" s="359"/>
      <c r="L6810" s="359"/>
    </row>
    <row r="6811" spans="2:12">
      <c r="B6811" s="359"/>
      <c r="C6811" s="359"/>
      <c r="D6811" s="359"/>
      <c r="E6811" s="359"/>
      <c r="F6811" s="359" t="s">
        <v>14368</v>
      </c>
      <c r="G6811" s="359" t="s">
        <v>14369</v>
      </c>
      <c r="H6811" s="359" t="s">
        <v>14381</v>
      </c>
      <c r="I6811" s="359" t="s">
        <v>14369</v>
      </c>
      <c r="J6811" s="359"/>
      <c r="K6811" s="359"/>
      <c r="L6811" s="359"/>
    </row>
    <row r="6812" spans="2:12">
      <c r="B6812" s="359"/>
      <c r="C6812" s="359"/>
      <c r="D6812" s="359"/>
      <c r="E6812" s="359"/>
      <c r="F6812" s="360"/>
      <c r="G6812" s="360"/>
      <c r="H6812" s="360"/>
      <c r="I6812" s="360"/>
      <c r="J6812" s="359"/>
      <c r="K6812" s="359"/>
      <c r="L6812" s="359"/>
    </row>
    <row r="6813" spans="2:12">
      <c r="B6813" s="361"/>
      <c r="C6813" s="361"/>
      <c r="D6813" s="361"/>
      <c r="E6813" s="361"/>
      <c r="F6813" s="362"/>
      <c r="G6813" s="362"/>
      <c r="H6813" s="361" t="s">
        <v>14332</v>
      </c>
      <c r="I6813" s="362"/>
      <c r="J6813" s="361"/>
      <c r="K6813" s="361"/>
      <c r="L6813" s="361"/>
    </row>
    <row r="6814" spans="2:12">
      <c r="B6814" s="358" t="s">
        <v>17687</v>
      </c>
      <c r="C6814" s="358" t="s">
        <v>17688</v>
      </c>
      <c r="D6814" s="358" t="s">
        <v>17689</v>
      </c>
      <c r="E6814" s="358" t="s">
        <v>17690</v>
      </c>
      <c r="F6814" s="358" t="s">
        <v>14443</v>
      </c>
      <c r="G6814" s="358" t="s">
        <v>14444</v>
      </c>
      <c r="H6814" s="358" t="s">
        <v>14381</v>
      </c>
      <c r="I6814" s="358" t="s">
        <v>14444</v>
      </c>
      <c r="J6814" s="358"/>
      <c r="K6814" s="358"/>
      <c r="L6814" s="358"/>
    </row>
    <row r="6815" spans="2:12">
      <c r="B6815" s="359"/>
      <c r="C6815" s="359"/>
      <c r="D6815" s="359"/>
      <c r="E6815" s="359"/>
      <c r="F6815" s="359"/>
      <c r="G6815" s="359"/>
      <c r="H6815" s="360"/>
      <c r="I6815" s="359"/>
      <c r="J6815" s="359"/>
      <c r="K6815" s="359"/>
      <c r="L6815" s="359"/>
    </row>
    <row r="6816" spans="2:12">
      <c r="B6816" s="361"/>
      <c r="C6816" s="361"/>
      <c r="D6816" s="361"/>
      <c r="E6816" s="361"/>
      <c r="F6816" s="361"/>
      <c r="G6816" s="361"/>
      <c r="H6816" s="361" t="s">
        <v>14422</v>
      </c>
      <c r="I6816" s="361"/>
      <c r="J6816" s="361"/>
      <c r="K6816" s="361"/>
      <c r="L6816" s="361"/>
    </row>
    <row r="6817" spans="2:12">
      <c r="B6817" s="358" t="s">
        <v>17691</v>
      </c>
      <c r="C6817" s="358" t="s">
        <v>17692</v>
      </c>
      <c r="D6817" s="358" t="s">
        <v>17693</v>
      </c>
      <c r="E6817" s="358" t="s">
        <v>17694</v>
      </c>
      <c r="F6817" s="358" t="s">
        <v>17695</v>
      </c>
      <c r="G6817" s="358" t="s">
        <v>14392</v>
      </c>
      <c r="H6817" s="358" t="s">
        <v>14367</v>
      </c>
      <c r="I6817" s="358" t="s">
        <v>14392</v>
      </c>
      <c r="J6817" s="358"/>
      <c r="K6817" s="358"/>
      <c r="L6817" s="358"/>
    </row>
    <row r="6818" spans="2:12">
      <c r="B6818" s="359"/>
      <c r="C6818" s="359"/>
      <c r="D6818" s="359"/>
      <c r="E6818" s="359"/>
      <c r="F6818" s="359"/>
      <c r="G6818" s="359"/>
      <c r="H6818" s="360"/>
      <c r="I6818" s="359"/>
      <c r="J6818" s="359"/>
      <c r="K6818" s="359"/>
      <c r="L6818" s="359"/>
    </row>
    <row r="6819" spans="2:12">
      <c r="B6819" s="361"/>
      <c r="C6819" s="361"/>
      <c r="D6819" s="361"/>
      <c r="E6819" s="361"/>
      <c r="F6819" s="361"/>
      <c r="G6819" s="361"/>
      <c r="H6819" s="361" t="s">
        <v>14422</v>
      </c>
      <c r="I6819" s="361"/>
      <c r="J6819" s="361"/>
      <c r="K6819" s="361"/>
      <c r="L6819" s="361"/>
    </row>
    <row r="6820" spans="2:12">
      <c r="B6820" s="358" t="s">
        <v>17696</v>
      </c>
      <c r="C6820" s="358" t="s">
        <v>17697</v>
      </c>
      <c r="D6820" s="358" t="s">
        <v>17698</v>
      </c>
      <c r="E6820" s="358" t="s">
        <v>7620</v>
      </c>
      <c r="F6820" s="358" t="s">
        <v>14326</v>
      </c>
      <c r="G6820" s="358" t="s">
        <v>14327</v>
      </c>
      <c r="H6820" s="358" t="s">
        <v>14328</v>
      </c>
      <c r="I6820" s="358" t="s">
        <v>14327</v>
      </c>
      <c r="J6820" s="358"/>
      <c r="K6820" s="358"/>
      <c r="L6820" s="358" t="s">
        <v>14329</v>
      </c>
    </row>
    <row r="6821" spans="2:12">
      <c r="B6821" s="359"/>
      <c r="C6821" s="360"/>
      <c r="D6821" s="359"/>
      <c r="E6821" s="359"/>
      <c r="F6821" s="360"/>
      <c r="G6821" s="360"/>
      <c r="H6821" s="360"/>
      <c r="I6821" s="360"/>
      <c r="J6821" s="359"/>
      <c r="K6821" s="359"/>
      <c r="L6821" s="359"/>
    </row>
    <row r="6822" spans="2:12">
      <c r="B6822" s="359"/>
      <c r="C6822" s="359" t="s">
        <v>17699</v>
      </c>
      <c r="D6822" s="359"/>
      <c r="E6822" s="359"/>
      <c r="F6822" s="359" t="s">
        <v>14330</v>
      </c>
      <c r="G6822" s="359" t="s">
        <v>14444</v>
      </c>
      <c r="H6822" s="359" t="s">
        <v>14331</v>
      </c>
      <c r="I6822" s="359" t="s">
        <v>14444</v>
      </c>
      <c r="J6822" s="359"/>
      <c r="K6822" s="359"/>
      <c r="L6822" s="359"/>
    </row>
    <row r="6823" spans="2:12">
      <c r="B6823" s="359"/>
      <c r="C6823" s="360"/>
      <c r="D6823" s="359"/>
      <c r="E6823" s="359"/>
      <c r="F6823" s="360"/>
      <c r="G6823" s="360"/>
      <c r="H6823" s="360"/>
      <c r="I6823" s="360"/>
      <c r="J6823" s="359"/>
      <c r="K6823" s="359"/>
      <c r="L6823" s="359"/>
    </row>
    <row r="6824" spans="2:12">
      <c r="B6824" s="359"/>
      <c r="C6824" s="360"/>
      <c r="D6824" s="359"/>
      <c r="E6824" s="359"/>
      <c r="F6824" s="359" t="s">
        <v>14443</v>
      </c>
      <c r="G6824" s="359" t="s">
        <v>14519</v>
      </c>
      <c r="H6824" s="359" t="s">
        <v>14381</v>
      </c>
      <c r="I6824" s="359" t="s">
        <v>14519</v>
      </c>
      <c r="J6824" s="359"/>
      <c r="K6824" s="359"/>
      <c r="L6824" s="359"/>
    </row>
    <row r="6825" spans="2:12">
      <c r="B6825" s="359"/>
      <c r="C6825" s="360"/>
      <c r="D6825" s="359"/>
      <c r="E6825" s="359"/>
      <c r="F6825" s="360"/>
      <c r="G6825" s="360"/>
      <c r="H6825" s="360"/>
      <c r="I6825" s="360"/>
      <c r="J6825" s="359"/>
      <c r="K6825" s="359"/>
      <c r="L6825" s="359"/>
    </row>
    <row r="6826" spans="2:12">
      <c r="B6826" s="361"/>
      <c r="C6826" s="362"/>
      <c r="D6826" s="361"/>
      <c r="E6826" s="361"/>
      <c r="F6826" s="361" t="s">
        <v>14460</v>
      </c>
      <c r="G6826" s="362"/>
      <c r="H6826" s="361" t="s">
        <v>14332</v>
      </c>
      <c r="I6826" s="362"/>
      <c r="J6826" s="361"/>
      <c r="K6826" s="361"/>
      <c r="L6826" s="361"/>
    </row>
    <row r="6827" spans="2:12">
      <c r="B6827" s="358" t="s">
        <v>17700</v>
      </c>
      <c r="C6827" s="358" t="s">
        <v>17701</v>
      </c>
      <c r="D6827" s="358" t="s">
        <v>17702</v>
      </c>
      <c r="E6827" s="358" t="s">
        <v>6013</v>
      </c>
      <c r="F6827" s="358" t="s">
        <v>14330</v>
      </c>
      <c r="G6827" s="358" t="s">
        <v>14427</v>
      </c>
      <c r="H6827" s="358" t="s">
        <v>14331</v>
      </c>
      <c r="I6827" s="358" t="s">
        <v>14427</v>
      </c>
      <c r="J6827" s="358"/>
      <c r="K6827" s="358"/>
      <c r="L6827" s="358" t="s">
        <v>14329</v>
      </c>
    </row>
    <row r="6828" spans="2:12">
      <c r="B6828" s="359"/>
      <c r="C6828" s="360"/>
      <c r="D6828" s="359"/>
      <c r="E6828" s="359"/>
      <c r="F6828" s="360"/>
      <c r="G6828" s="360"/>
      <c r="H6828" s="360"/>
      <c r="I6828" s="360"/>
      <c r="J6828" s="359"/>
      <c r="K6828" s="359"/>
      <c r="L6828" s="359"/>
    </row>
    <row r="6829" spans="2:12">
      <c r="B6829" s="359"/>
      <c r="C6829" s="359" t="s">
        <v>17703</v>
      </c>
      <c r="D6829" s="359"/>
      <c r="E6829" s="359"/>
      <c r="F6829" s="359" t="s">
        <v>14426</v>
      </c>
      <c r="G6829" s="359" t="s">
        <v>14483</v>
      </c>
      <c r="H6829" s="359" t="s">
        <v>14378</v>
      </c>
      <c r="I6829" s="359" t="s">
        <v>14483</v>
      </c>
      <c r="J6829" s="359"/>
      <c r="K6829" s="359"/>
      <c r="L6829" s="359"/>
    </row>
    <row r="6830" spans="2:12">
      <c r="B6830" s="359"/>
      <c r="C6830" s="360"/>
      <c r="D6830" s="359"/>
      <c r="E6830" s="359"/>
      <c r="F6830" s="360"/>
      <c r="G6830" s="360"/>
      <c r="H6830" s="360"/>
      <c r="I6830" s="360"/>
      <c r="J6830" s="359"/>
      <c r="K6830" s="359"/>
      <c r="L6830" s="359"/>
    </row>
    <row r="6831" spans="2:12">
      <c r="B6831" s="359"/>
      <c r="C6831" s="360"/>
      <c r="D6831" s="359"/>
      <c r="E6831" s="359"/>
      <c r="F6831" s="359" t="s">
        <v>14382</v>
      </c>
      <c r="G6831" s="359" t="s">
        <v>14383</v>
      </c>
      <c r="H6831" s="359" t="s">
        <v>14381</v>
      </c>
      <c r="I6831" s="359" t="s">
        <v>14383</v>
      </c>
      <c r="J6831" s="359"/>
      <c r="K6831" s="359"/>
      <c r="L6831" s="359"/>
    </row>
    <row r="6832" spans="2:12">
      <c r="B6832" s="359"/>
      <c r="C6832" s="360"/>
      <c r="D6832" s="359"/>
      <c r="E6832" s="359"/>
      <c r="F6832" s="360"/>
      <c r="G6832" s="360"/>
      <c r="H6832" s="360"/>
      <c r="I6832" s="360"/>
      <c r="J6832" s="359"/>
      <c r="K6832" s="359"/>
      <c r="L6832" s="359"/>
    </row>
    <row r="6833" spans="2:12" ht="28.5">
      <c r="B6833" s="359"/>
      <c r="C6833" s="360"/>
      <c r="D6833" s="359"/>
      <c r="E6833" s="359"/>
      <c r="F6833" s="359" t="s">
        <v>14382</v>
      </c>
      <c r="G6833" s="359" t="s">
        <v>14461</v>
      </c>
      <c r="H6833" s="359" t="s">
        <v>14370</v>
      </c>
      <c r="I6833" s="359" t="s">
        <v>28648</v>
      </c>
      <c r="J6833" s="359"/>
      <c r="K6833" s="359"/>
      <c r="L6833" s="359"/>
    </row>
    <row r="6834" spans="2:12">
      <c r="B6834" s="359"/>
      <c r="C6834" s="360"/>
      <c r="D6834" s="359"/>
      <c r="E6834" s="359"/>
      <c r="F6834" s="360"/>
      <c r="G6834" s="360"/>
      <c r="H6834" s="360"/>
      <c r="I6834" s="360"/>
      <c r="J6834" s="359"/>
      <c r="K6834" s="359"/>
      <c r="L6834" s="359"/>
    </row>
    <row r="6835" spans="2:12">
      <c r="B6835" s="359"/>
      <c r="C6835" s="360"/>
      <c r="D6835" s="359"/>
      <c r="E6835" s="359"/>
      <c r="F6835" s="359" t="s">
        <v>14460</v>
      </c>
      <c r="G6835" s="359" t="s">
        <v>14387</v>
      </c>
      <c r="H6835" s="359" t="s">
        <v>14332</v>
      </c>
      <c r="I6835" s="359" t="s">
        <v>14388</v>
      </c>
      <c r="J6835" s="359"/>
      <c r="K6835" s="359"/>
      <c r="L6835" s="359"/>
    </row>
    <row r="6836" spans="2:12">
      <c r="B6836" s="359"/>
      <c r="C6836" s="360"/>
      <c r="D6836" s="359"/>
      <c r="E6836" s="359"/>
      <c r="F6836" s="360"/>
      <c r="G6836" s="360"/>
      <c r="H6836" s="360"/>
      <c r="I6836" s="360"/>
      <c r="J6836" s="359"/>
      <c r="K6836" s="359"/>
      <c r="L6836" s="359"/>
    </row>
    <row r="6837" spans="2:12">
      <c r="B6837" s="359"/>
      <c r="C6837" s="360"/>
      <c r="D6837" s="359"/>
      <c r="E6837" s="359"/>
      <c r="F6837" s="359" t="s">
        <v>14386</v>
      </c>
      <c r="G6837" s="359" t="s">
        <v>14388</v>
      </c>
      <c r="H6837" s="360"/>
      <c r="I6837" s="359" t="s">
        <v>14390</v>
      </c>
      <c r="J6837" s="359"/>
      <c r="K6837" s="359"/>
      <c r="L6837" s="359"/>
    </row>
    <row r="6838" spans="2:12">
      <c r="B6838" s="359"/>
      <c r="C6838" s="360"/>
      <c r="D6838" s="359"/>
      <c r="E6838" s="359"/>
      <c r="F6838" s="360"/>
      <c r="G6838" s="360"/>
      <c r="H6838" s="360"/>
      <c r="I6838" s="360"/>
      <c r="J6838" s="359"/>
      <c r="K6838" s="359"/>
      <c r="L6838" s="359"/>
    </row>
    <row r="6839" spans="2:12">
      <c r="B6839" s="359"/>
      <c r="C6839" s="360"/>
      <c r="D6839" s="359"/>
      <c r="E6839" s="359"/>
      <c r="F6839" s="359" t="s">
        <v>14368</v>
      </c>
      <c r="G6839" s="359" t="s">
        <v>14390</v>
      </c>
      <c r="H6839" s="360"/>
      <c r="I6839" s="359" t="s">
        <v>14372</v>
      </c>
      <c r="J6839" s="359"/>
      <c r="K6839" s="359"/>
      <c r="L6839" s="359"/>
    </row>
    <row r="6840" spans="2:12">
      <c r="B6840" s="359"/>
      <c r="C6840" s="360"/>
      <c r="D6840" s="359"/>
      <c r="E6840" s="359"/>
      <c r="F6840" s="360"/>
      <c r="G6840" s="360"/>
      <c r="H6840" s="360"/>
      <c r="I6840" s="360"/>
      <c r="J6840" s="359"/>
      <c r="K6840" s="359"/>
      <c r="L6840" s="359"/>
    </row>
    <row r="6841" spans="2:12">
      <c r="B6841" s="359"/>
      <c r="C6841" s="360"/>
      <c r="D6841" s="359"/>
      <c r="E6841" s="359"/>
      <c r="F6841" s="359" t="s">
        <v>14389</v>
      </c>
      <c r="G6841" s="359" t="s">
        <v>14372</v>
      </c>
      <c r="H6841" s="360"/>
      <c r="I6841" s="359" t="s">
        <v>17704</v>
      </c>
      <c r="J6841" s="359"/>
      <c r="K6841" s="359"/>
      <c r="L6841" s="359"/>
    </row>
    <row r="6842" spans="2:12">
      <c r="B6842" s="359"/>
      <c r="C6842" s="360"/>
      <c r="D6842" s="359"/>
      <c r="E6842" s="359"/>
      <c r="F6842" s="360"/>
      <c r="G6842" s="360"/>
      <c r="H6842" s="360"/>
      <c r="I6842" s="360"/>
      <c r="J6842" s="359"/>
      <c r="K6842" s="359"/>
      <c r="L6842" s="359"/>
    </row>
    <row r="6843" spans="2:12">
      <c r="B6843" s="359"/>
      <c r="C6843" s="360"/>
      <c r="D6843" s="359"/>
      <c r="E6843" s="359"/>
      <c r="F6843" s="359" t="s">
        <v>14371</v>
      </c>
      <c r="G6843" s="359" t="s">
        <v>17704</v>
      </c>
      <c r="H6843" s="360"/>
      <c r="I6843" s="360"/>
      <c r="J6843" s="359"/>
      <c r="K6843" s="359"/>
      <c r="L6843" s="359"/>
    </row>
    <row r="6844" spans="2:12">
      <c r="B6844" s="359"/>
      <c r="C6844" s="360"/>
      <c r="D6844" s="359"/>
      <c r="E6844" s="359"/>
      <c r="F6844" s="360"/>
      <c r="G6844" s="360"/>
      <c r="H6844" s="360"/>
      <c r="I6844" s="360"/>
      <c r="J6844" s="359"/>
      <c r="K6844" s="359"/>
      <c r="L6844" s="359"/>
    </row>
    <row r="6845" spans="2:12">
      <c r="B6845" s="361"/>
      <c r="C6845" s="362"/>
      <c r="D6845" s="361"/>
      <c r="E6845" s="361"/>
      <c r="F6845" s="361" t="s">
        <v>17705</v>
      </c>
      <c r="G6845" s="362"/>
      <c r="H6845" s="362"/>
      <c r="I6845" s="362"/>
      <c r="J6845" s="361"/>
      <c r="K6845" s="361"/>
      <c r="L6845" s="361"/>
    </row>
    <row r="6846" spans="2:12">
      <c r="B6846" s="358" t="s">
        <v>17706</v>
      </c>
      <c r="C6846" s="358" t="s">
        <v>17707</v>
      </c>
      <c r="D6846" s="358" t="s">
        <v>17708</v>
      </c>
      <c r="E6846" s="358" t="s">
        <v>17709</v>
      </c>
      <c r="F6846" s="358" t="s">
        <v>14420</v>
      </c>
      <c r="G6846" s="358" t="s">
        <v>14459</v>
      </c>
      <c r="H6846" s="358" t="s">
        <v>14367</v>
      </c>
      <c r="I6846" s="358" t="s">
        <v>14459</v>
      </c>
      <c r="J6846" s="358"/>
      <c r="K6846" s="358" t="s">
        <v>14929</v>
      </c>
      <c r="L6846" s="358"/>
    </row>
    <row r="6847" spans="2:12">
      <c r="B6847" s="359"/>
      <c r="C6847" s="359"/>
      <c r="D6847" s="359"/>
      <c r="E6847" s="359"/>
      <c r="F6847" s="360"/>
      <c r="G6847" s="360"/>
      <c r="H6847" s="360"/>
      <c r="I6847" s="360"/>
      <c r="J6847" s="359"/>
      <c r="K6847" s="359"/>
      <c r="L6847" s="359"/>
    </row>
    <row r="6848" spans="2:12" ht="28.5">
      <c r="B6848" s="361"/>
      <c r="C6848" s="361"/>
      <c r="D6848" s="361"/>
      <c r="E6848" s="361"/>
      <c r="F6848" s="361" t="s">
        <v>14472</v>
      </c>
      <c r="G6848" s="361" t="s">
        <v>14473</v>
      </c>
      <c r="H6848" s="361" t="s">
        <v>14422</v>
      </c>
      <c r="I6848" s="361" t="s">
        <v>14473</v>
      </c>
      <c r="J6848" s="361"/>
      <c r="K6848" s="361"/>
      <c r="L6848" s="361"/>
    </row>
    <row r="6849" spans="2:12">
      <c r="B6849" s="358" t="s">
        <v>17710</v>
      </c>
      <c r="C6849" s="358" t="s">
        <v>17711</v>
      </c>
      <c r="D6849" s="358" t="s">
        <v>17712</v>
      </c>
      <c r="E6849" s="358" t="s">
        <v>2219</v>
      </c>
      <c r="F6849" s="358" t="s">
        <v>14443</v>
      </c>
      <c r="G6849" s="358" t="s">
        <v>14444</v>
      </c>
      <c r="H6849" s="358" t="s">
        <v>14381</v>
      </c>
      <c r="I6849" s="358" t="s">
        <v>14444</v>
      </c>
      <c r="J6849" s="358"/>
      <c r="K6849" s="358"/>
      <c r="L6849" s="358"/>
    </row>
    <row r="6850" spans="2:12">
      <c r="B6850" s="359"/>
      <c r="C6850" s="360"/>
      <c r="D6850" s="359"/>
      <c r="E6850" s="359"/>
      <c r="F6850" s="359"/>
      <c r="G6850" s="359"/>
      <c r="H6850" s="360"/>
      <c r="I6850" s="359"/>
      <c r="J6850" s="359"/>
      <c r="K6850" s="359"/>
      <c r="L6850" s="359"/>
    </row>
    <row r="6851" spans="2:12">
      <c r="B6851" s="361"/>
      <c r="C6851" s="361" t="s">
        <v>17713</v>
      </c>
      <c r="D6851" s="361"/>
      <c r="E6851" s="361"/>
      <c r="F6851" s="361"/>
      <c r="G6851" s="361"/>
      <c r="H6851" s="361" t="s">
        <v>14422</v>
      </c>
      <c r="I6851" s="361"/>
      <c r="J6851" s="361"/>
      <c r="K6851" s="361"/>
      <c r="L6851" s="361"/>
    </row>
    <row r="6852" spans="2:12">
      <c r="B6852" s="358" t="s">
        <v>17714</v>
      </c>
      <c r="C6852" s="358" t="s">
        <v>17715</v>
      </c>
      <c r="D6852" s="358" t="s">
        <v>17716</v>
      </c>
      <c r="E6852" s="358" t="s">
        <v>17717</v>
      </c>
      <c r="F6852" s="358" t="s">
        <v>14443</v>
      </c>
      <c r="G6852" s="358" t="s">
        <v>14444</v>
      </c>
      <c r="H6852" s="358" t="s">
        <v>14378</v>
      </c>
      <c r="I6852" s="358" t="s">
        <v>14444</v>
      </c>
      <c r="J6852" s="358"/>
      <c r="K6852" s="358"/>
      <c r="L6852" s="358"/>
    </row>
    <row r="6853" spans="2:12">
      <c r="B6853" s="359"/>
      <c r="C6853" s="360"/>
      <c r="D6853" s="359"/>
      <c r="E6853" s="359"/>
      <c r="F6853" s="360"/>
      <c r="G6853" s="360"/>
      <c r="H6853" s="360"/>
      <c r="I6853" s="360"/>
      <c r="J6853" s="359"/>
      <c r="K6853" s="359"/>
      <c r="L6853" s="359"/>
    </row>
    <row r="6854" spans="2:12">
      <c r="B6854" s="359"/>
      <c r="C6854" s="359" t="s">
        <v>17718</v>
      </c>
      <c r="D6854" s="359"/>
      <c r="E6854" s="359"/>
      <c r="F6854" s="359" t="s">
        <v>14420</v>
      </c>
      <c r="G6854" s="359" t="s">
        <v>14421</v>
      </c>
      <c r="H6854" s="359" t="s">
        <v>14381</v>
      </c>
      <c r="I6854" s="359" t="s">
        <v>14421</v>
      </c>
      <c r="J6854" s="359"/>
      <c r="K6854" s="359"/>
      <c r="L6854" s="359"/>
    </row>
    <row r="6855" spans="2:12">
      <c r="B6855" s="359"/>
      <c r="C6855" s="360"/>
      <c r="D6855" s="359"/>
      <c r="E6855" s="359"/>
      <c r="F6855" s="360"/>
      <c r="G6855" s="360"/>
      <c r="H6855" s="360"/>
      <c r="I6855" s="360"/>
      <c r="J6855" s="359"/>
      <c r="K6855" s="359"/>
      <c r="L6855" s="359"/>
    </row>
    <row r="6856" spans="2:12">
      <c r="B6856" s="359"/>
      <c r="C6856" s="360"/>
      <c r="D6856" s="359"/>
      <c r="E6856" s="359"/>
      <c r="F6856" s="359" t="s">
        <v>14382</v>
      </c>
      <c r="G6856" s="359" t="s">
        <v>14483</v>
      </c>
      <c r="H6856" s="359" t="s">
        <v>14332</v>
      </c>
      <c r="I6856" s="359" t="s">
        <v>14483</v>
      </c>
      <c r="J6856" s="359"/>
      <c r="K6856" s="359"/>
      <c r="L6856" s="359"/>
    </row>
    <row r="6857" spans="2:12">
      <c r="B6857" s="359"/>
      <c r="C6857" s="360"/>
      <c r="D6857" s="359"/>
      <c r="E6857" s="359"/>
      <c r="F6857" s="360"/>
      <c r="G6857" s="360"/>
      <c r="H6857" s="360"/>
      <c r="I6857" s="360"/>
      <c r="J6857" s="359"/>
      <c r="K6857" s="359"/>
      <c r="L6857" s="359"/>
    </row>
    <row r="6858" spans="2:12">
      <c r="B6858" s="359"/>
      <c r="C6858" s="360"/>
      <c r="D6858" s="359"/>
      <c r="E6858" s="359"/>
      <c r="F6858" s="359" t="s">
        <v>14382</v>
      </c>
      <c r="G6858" s="359" t="s">
        <v>14383</v>
      </c>
      <c r="H6858" s="360"/>
      <c r="I6858" s="359" t="s">
        <v>14383</v>
      </c>
      <c r="J6858" s="359"/>
      <c r="K6858" s="359"/>
      <c r="L6858" s="359"/>
    </row>
    <row r="6859" spans="2:12">
      <c r="B6859" s="359"/>
      <c r="C6859" s="360"/>
      <c r="D6859" s="359"/>
      <c r="E6859" s="359"/>
      <c r="F6859" s="360"/>
      <c r="G6859" s="360"/>
      <c r="H6859" s="360"/>
      <c r="I6859" s="360"/>
      <c r="J6859" s="359"/>
      <c r="K6859" s="359"/>
      <c r="L6859" s="359"/>
    </row>
    <row r="6860" spans="2:12">
      <c r="B6860" s="359"/>
      <c r="C6860" s="360"/>
      <c r="D6860" s="359"/>
      <c r="E6860" s="359"/>
      <c r="F6860" s="359" t="s">
        <v>14368</v>
      </c>
      <c r="G6860" s="359" t="s">
        <v>14388</v>
      </c>
      <c r="H6860" s="360"/>
      <c r="I6860" s="359" t="s">
        <v>14388</v>
      </c>
      <c r="J6860" s="359"/>
      <c r="K6860" s="359"/>
      <c r="L6860" s="359"/>
    </row>
    <row r="6861" spans="2:12">
      <c r="B6861" s="359"/>
      <c r="C6861" s="360"/>
      <c r="D6861" s="359"/>
      <c r="E6861" s="359"/>
      <c r="F6861" s="360"/>
      <c r="G6861" s="360"/>
      <c r="H6861" s="360"/>
      <c r="I6861" s="360"/>
      <c r="J6861" s="359"/>
      <c r="K6861" s="359"/>
      <c r="L6861" s="359"/>
    </row>
    <row r="6862" spans="2:12">
      <c r="B6862" s="361"/>
      <c r="C6862" s="362"/>
      <c r="D6862" s="361"/>
      <c r="E6862" s="361"/>
      <c r="F6862" s="361" t="s">
        <v>14389</v>
      </c>
      <c r="G6862" s="361" t="s">
        <v>14390</v>
      </c>
      <c r="H6862" s="362"/>
      <c r="I6862" s="361" t="s">
        <v>14390</v>
      </c>
      <c r="J6862" s="361"/>
      <c r="K6862" s="361"/>
      <c r="L6862" s="361"/>
    </row>
    <row r="6863" spans="2:12">
      <c r="B6863" s="358" t="s">
        <v>17719</v>
      </c>
      <c r="C6863" s="358" t="s">
        <v>17720</v>
      </c>
      <c r="D6863" s="358" t="s">
        <v>17721</v>
      </c>
      <c r="E6863" s="358" t="s">
        <v>17722</v>
      </c>
      <c r="F6863" s="358" t="s">
        <v>14443</v>
      </c>
      <c r="G6863" s="358" t="s">
        <v>14444</v>
      </c>
      <c r="H6863" s="358" t="s">
        <v>14378</v>
      </c>
      <c r="I6863" s="358" t="s">
        <v>14444</v>
      </c>
      <c r="J6863" s="358"/>
      <c r="K6863" s="358"/>
      <c r="L6863" s="358"/>
    </row>
    <row r="6864" spans="2:12">
      <c r="B6864" s="359"/>
      <c r="C6864" s="360"/>
      <c r="D6864" s="359"/>
      <c r="E6864" s="359"/>
      <c r="F6864" s="360"/>
      <c r="G6864" s="360"/>
      <c r="H6864" s="360"/>
      <c r="I6864" s="360"/>
      <c r="J6864" s="359"/>
      <c r="K6864" s="359"/>
      <c r="L6864" s="359"/>
    </row>
    <row r="6865" spans="2:12">
      <c r="B6865" s="359"/>
      <c r="C6865" s="359" t="s">
        <v>17723</v>
      </c>
      <c r="D6865" s="359"/>
      <c r="E6865" s="359"/>
      <c r="F6865" s="359" t="s">
        <v>14507</v>
      </c>
      <c r="G6865" s="359" t="s">
        <v>16971</v>
      </c>
      <c r="H6865" s="359" t="s">
        <v>14381</v>
      </c>
      <c r="I6865" s="359" t="s">
        <v>16971</v>
      </c>
      <c r="J6865" s="359"/>
      <c r="K6865" s="359"/>
      <c r="L6865" s="359"/>
    </row>
    <row r="6866" spans="2:12">
      <c r="B6866" s="359"/>
      <c r="C6866" s="360"/>
      <c r="D6866" s="359"/>
      <c r="E6866" s="359"/>
      <c r="F6866" s="360"/>
      <c r="G6866" s="360"/>
      <c r="H6866" s="360"/>
      <c r="I6866" s="360"/>
      <c r="J6866" s="359"/>
      <c r="K6866" s="359"/>
      <c r="L6866" s="359"/>
    </row>
    <row r="6867" spans="2:12">
      <c r="B6867" s="359"/>
      <c r="C6867" s="360"/>
      <c r="D6867" s="359"/>
      <c r="E6867" s="359"/>
      <c r="F6867" s="359" t="s">
        <v>14656</v>
      </c>
      <c r="G6867" s="359" t="s">
        <v>14483</v>
      </c>
      <c r="H6867" s="359" t="s">
        <v>14332</v>
      </c>
      <c r="I6867" s="359" t="s">
        <v>14483</v>
      </c>
      <c r="J6867" s="359"/>
      <c r="K6867" s="359"/>
      <c r="L6867" s="359"/>
    </row>
    <row r="6868" spans="2:12">
      <c r="B6868" s="359"/>
      <c r="C6868" s="360"/>
      <c r="D6868" s="359"/>
      <c r="E6868" s="359"/>
      <c r="F6868" s="360"/>
      <c r="G6868" s="360"/>
      <c r="H6868" s="360"/>
      <c r="I6868" s="360"/>
      <c r="J6868" s="359"/>
      <c r="K6868" s="359"/>
      <c r="L6868" s="359"/>
    </row>
    <row r="6869" spans="2:12">
      <c r="B6869" s="359"/>
      <c r="C6869" s="360"/>
      <c r="D6869" s="359"/>
      <c r="E6869" s="359"/>
      <c r="F6869" s="359" t="s">
        <v>15089</v>
      </c>
      <c r="G6869" s="359" t="s">
        <v>14429</v>
      </c>
      <c r="H6869" s="360"/>
      <c r="I6869" s="359" t="s">
        <v>14429</v>
      </c>
      <c r="J6869" s="359"/>
      <c r="K6869" s="359"/>
      <c r="L6869" s="359"/>
    </row>
    <row r="6870" spans="2:12">
      <c r="B6870" s="359"/>
      <c r="C6870" s="360"/>
      <c r="D6870" s="359"/>
      <c r="E6870" s="359"/>
      <c r="F6870" s="360"/>
      <c r="G6870" s="360"/>
      <c r="H6870" s="360"/>
      <c r="I6870" s="360"/>
      <c r="J6870" s="359"/>
      <c r="K6870" s="359"/>
      <c r="L6870" s="359"/>
    </row>
    <row r="6871" spans="2:12">
      <c r="B6871" s="359"/>
      <c r="C6871" s="360"/>
      <c r="D6871" s="359"/>
      <c r="E6871" s="359"/>
      <c r="F6871" s="359" t="s">
        <v>14384</v>
      </c>
      <c r="G6871" s="359" t="s">
        <v>15088</v>
      </c>
      <c r="H6871" s="360"/>
      <c r="I6871" s="359" t="s">
        <v>15088</v>
      </c>
      <c r="J6871" s="359"/>
      <c r="K6871" s="359"/>
      <c r="L6871" s="359"/>
    </row>
    <row r="6872" spans="2:12">
      <c r="B6872" s="359"/>
      <c r="C6872" s="360"/>
      <c r="D6872" s="359"/>
      <c r="E6872" s="359"/>
      <c r="F6872" s="360"/>
      <c r="G6872" s="360"/>
      <c r="H6872" s="360"/>
      <c r="I6872" s="360"/>
      <c r="J6872" s="359"/>
      <c r="K6872" s="359"/>
      <c r="L6872" s="359"/>
    </row>
    <row r="6873" spans="2:12">
      <c r="B6873" s="359"/>
      <c r="C6873" s="360"/>
      <c r="D6873" s="359"/>
      <c r="E6873" s="359"/>
      <c r="F6873" s="359" t="s">
        <v>14386</v>
      </c>
      <c r="G6873" s="359" t="s">
        <v>14387</v>
      </c>
      <c r="H6873" s="360"/>
      <c r="I6873" s="359" t="s">
        <v>14387</v>
      </c>
      <c r="J6873" s="359"/>
      <c r="K6873" s="359"/>
      <c r="L6873" s="359"/>
    </row>
    <row r="6874" spans="2:12">
      <c r="B6874" s="359"/>
      <c r="C6874" s="360"/>
      <c r="D6874" s="359"/>
      <c r="E6874" s="359"/>
      <c r="F6874" s="360"/>
      <c r="G6874" s="360"/>
      <c r="H6874" s="360"/>
      <c r="I6874" s="360"/>
      <c r="J6874" s="359"/>
      <c r="K6874" s="359"/>
      <c r="L6874" s="359"/>
    </row>
    <row r="6875" spans="2:12">
      <c r="B6875" s="361"/>
      <c r="C6875" s="362"/>
      <c r="D6875" s="361"/>
      <c r="E6875" s="361"/>
      <c r="F6875" s="361" t="s">
        <v>14389</v>
      </c>
      <c r="G6875" s="361" t="s">
        <v>14390</v>
      </c>
      <c r="H6875" s="362"/>
      <c r="I6875" s="361" t="s">
        <v>14390</v>
      </c>
      <c r="J6875" s="361"/>
      <c r="K6875" s="361"/>
      <c r="L6875" s="361"/>
    </row>
    <row r="6876" spans="2:12">
      <c r="B6876" s="358" t="s">
        <v>17724</v>
      </c>
      <c r="C6876" s="358" t="s">
        <v>17725</v>
      </c>
      <c r="D6876" s="358" t="s">
        <v>17726</v>
      </c>
      <c r="E6876" s="358" t="s">
        <v>17727</v>
      </c>
      <c r="F6876" s="358" t="s">
        <v>14382</v>
      </c>
      <c r="G6876" s="358" t="s">
        <v>14483</v>
      </c>
      <c r="H6876" s="358" t="s">
        <v>14378</v>
      </c>
      <c r="I6876" s="358" t="s">
        <v>14483</v>
      </c>
      <c r="J6876" s="358"/>
      <c r="K6876" s="358"/>
      <c r="L6876" s="358"/>
    </row>
    <row r="6877" spans="2:12">
      <c r="B6877" s="359"/>
      <c r="C6877" s="360"/>
      <c r="D6877" s="359"/>
      <c r="E6877" s="359"/>
      <c r="F6877" s="360"/>
      <c r="G6877" s="360"/>
      <c r="H6877" s="360"/>
      <c r="I6877" s="360"/>
      <c r="J6877" s="359"/>
      <c r="K6877" s="359"/>
      <c r="L6877" s="359"/>
    </row>
    <row r="6878" spans="2:12">
      <c r="B6878" s="359"/>
      <c r="C6878" s="359" t="s">
        <v>17728</v>
      </c>
      <c r="D6878" s="359"/>
      <c r="E6878" s="359"/>
      <c r="F6878" s="359" t="s">
        <v>14420</v>
      </c>
      <c r="G6878" s="359" t="s">
        <v>14429</v>
      </c>
      <c r="H6878" s="359" t="s">
        <v>14370</v>
      </c>
      <c r="I6878" s="359" t="s">
        <v>14429</v>
      </c>
      <c r="J6878" s="359"/>
      <c r="K6878" s="359"/>
      <c r="L6878" s="359"/>
    </row>
    <row r="6879" spans="2:12">
      <c r="B6879" s="359"/>
      <c r="C6879" s="360"/>
      <c r="D6879" s="359"/>
      <c r="E6879" s="359"/>
      <c r="F6879" s="360"/>
      <c r="G6879" s="360"/>
      <c r="H6879" s="360"/>
      <c r="I6879" s="360"/>
      <c r="J6879" s="359"/>
      <c r="K6879" s="359"/>
      <c r="L6879" s="359"/>
    </row>
    <row r="6880" spans="2:12">
      <c r="B6880" s="359"/>
      <c r="C6880" s="360"/>
      <c r="D6880" s="359"/>
      <c r="E6880" s="359"/>
      <c r="F6880" s="359" t="s">
        <v>14386</v>
      </c>
      <c r="G6880" s="359" t="s">
        <v>14387</v>
      </c>
      <c r="H6880" s="359" t="s">
        <v>14332</v>
      </c>
      <c r="I6880" s="359" t="s">
        <v>14387</v>
      </c>
      <c r="J6880" s="359"/>
      <c r="K6880" s="359"/>
      <c r="L6880" s="359"/>
    </row>
    <row r="6881" spans="2:12">
      <c r="B6881" s="359"/>
      <c r="C6881" s="360"/>
      <c r="D6881" s="359"/>
      <c r="E6881" s="359"/>
      <c r="F6881" s="360"/>
      <c r="G6881" s="360"/>
      <c r="H6881" s="360"/>
      <c r="I6881" s="360"/>
      <c r="J6881" s="359"/>
      <c r="K6881" s="359"/>
      <c r="L6881" s="359"/>
    </row>
    <row r="6882" spans="2:12">
      <c r="B6882" s="359"/>
      <c r="C6882" s="360"/>
      <c r="D6882" s="359"/>
      <c r="E6882" s="359"/>
      <c r="F6882" s="359" t="s">
        <v>14389</v>
      </c>
      <c r="G6882" s="359" t="s">
        <v>14390</v>
      </c>
      <c r="H6882" s="360"/>
      <c r="I6882" s="359" t="s">
        <v>14390</v>
      </c>
      <c r="J6882" s="359"/>
      <c r="K6882" s="359"/>
      <c r="L6882" s="359"/>
    </row>
    <row r="6883" spans="2:12">
      <c r="B6883" s="359"/>
      <c r="C6883" s="360"/>
      <c r="D6883" s="359"/>
      <c r="E6883" s="359"/>
      <c r="F6883" s="360"/>
      <c r="G6883" s="360"/>
      <c r="H6883" s="360"/>
      <c r="I6883" s="360"/>
      <c r="J6883" s="359"/>
      <c r="K6883" s="359"/>
      <c r="L6883" s="359"/>
    </row>
    <row r="6884" spans="2:12" ht="28.5">
      <c r="B6884" s="361"/>
      <c r="C6884" s="362"/>
      <c r="D6884" s="361"/>
      <c r="E6884" s="361"/>
      <c r="F6884" s="361" t="s">
        <v>14394</v>
      </c>
      <c r="G6884" s="361" t="s">
        <v>14395</v>
      </c>
      <c r="H6884" s="362"/>
      <c r="I6884" s="361" t="s">
        <v>14395</v>
      </c>
      <c r="J6884" s="361"/>
      <c r="K6884" s="361"/>
      <c r="L6884" s="361"/>
    </row>
    <row r="6885" spans="2:12">
      <c r="B6885" s="358" t="s">
        <v>17729</v>
      </c>
      <c r="C6885" s="358" t="s">
        <v>17730</v>
      </c>
      <c r="D6885" s="358" t="s">
        <v>17731</v>
      </c>
      <c r="E6885" s="358" t="s">
        <v>5962</v>
      </c>
      <c r="F6885" s="358" t="s">
        <v>14443</v>
      </c>
      <c r="G6885" s="358" t="s">
        <v>14444</v>
      </c>
      <c r="H6885" s="358" t="s">
        <v>14378</v>
      </c>
      <c r="I6885" s="358" t="s">
        <v>14444</v>
      </c>
      <c r="J6885" s="358"/>
      <c r="K6885" s="358" t="s">
        <v>14929</v>
      </c>
      <c r="L6885" s="358"/>
    </row>
    <row r="6886" spans="2:12">
      <c r="B6886" s="359"/>
      <c r="C6886" s="360"/>
      <c r="D6886" s="359"/>
      <c r="E6886" s="359"/>
      <c r="F6886" s="360"/>
      <c r="G6886" s="360"/>
      <c r="H6886" s="360"/>
      <c r="I6886" s="360"/>
      <c r="J6886" s="359"/>
      <c r="K6886" s="360"/>
      <c r="L6886" s="359"/>
    </row>
    <row r="6887" spans="2:12" ht="71.25">
      <c r="B6887" s="359"/>
      <c r="C6887" s="359" t="s">
        <v>17732</v>
      </c>
      <c r="D6887" s="359"/>
      <c r="E6887" s="359"/>
      <c r="F6887" s="359" t="s">
        <v>14382</v>
      </c>
      <c r="G6887" s="359" t="s">
        <v>14483</v>
      </c>
      <c r="H6887" s="359" t="s">
        <v>14381</v>
      </c>
      <c r="I6887" s="359" t="s">
        <v>14483</v>
      </c>
      <c r="J6887" s="359"/>
      <c r="K6887" s="359" t="s">
        <v>28879</v>
      </c>
      <c r="L6887" s="359"/>
    </row>
    <row r="6888" spans="2:12">
      <c r="B6888" s="359"/>
      <c r="C6888" s="360"/>
      <c r="D6888" s="359"/>
      <c r="E6888" s="359"/>
      <c r="F6888" s="360"/>
      <c r="G6888" s="360"/>
      <c r="H6888" s="360"/>
      <c r="I6888" s="360"/>
      <c r="J6888" s="359"/>
      <c r="K6888" s="360"/>
      <c r="L6888" s="359"/>
    </row>
    <row r="6889" spans="2:12">
      <c r="B6889" s="359"/>
      <c r="C6889" s="360"/>
      <c r="D6889" s="359"/>
      <c r="E6889" s="359"/>
      <c r="F6889" s="359" t="s">
        <v>14382</v>
      </c>
      <c r="G6889" s="359" t="s">
        <v>14579</v>
      </c>
      <c r="H6889" s="359" t="s">
        <v>14332</v>
      </c>
      <c r="I6889" s="359" t="s">
        <v>14579</v>
      </c>
      <c r="J6889" s="359"/>
      <c r="K6889" s="359" t="s">
        <v>28880</v>
      </c>
      <c r="L6889" s="359"/>
    </row>
    <row r="6890" spans="2:12">
      <c r="B6890" s="359"/>
      <c r="C6890" s="360"/>
      <c r="D6890" s="359"/>
      <c r="E6890" s="359"/>
      <c r="F6890" s="360"/>
      <c r="G6890" s="360"/>
      <c r="H6890" s="360"/>
      <c r="I6890" s="360"/>
      <c r="J6890" s="359"/>
      <c r="K6890" s="360"/>
      <c r="L6890" s="359"/>
    </row>
    <row r="6891" spans="2:12">
      <c r="B6891" s="359"/>
      <c r="C6891" s="360"/>
      <c r="D6891" s="359"/>
      <c r="E6891" s="359"/>
      <c r="F6891" s="359" t="s">
        <v>14382</v>
      </c>
      <c r="G6891" s="359" t="s">
        <v>14383</v>
      </c>
      <c r="H6891" s="360"/>
      <c r="I6891" s="359" t="s">
        <v>14383</v>
      </c>
      <c r="J6891" s="359"/>
      <c r="K6891" s="360"/>
      <c r="L6891" s="359"/>
    </row>
    <row r="6892" spans="2:12">
      <c r="B6892" s="359"/>
      <c r="C6892" s="360"/>
      <c r="D6892" s="359"/>
      <c r="E6892" s="359"/>
      <c r="F6892" s="360"/>
      <c r="G6892" s="360"/>
      <c r="H6892" s="360"/>
      <c r="I6892" s="360"/>
      <c r="J6892" s="359"/>
      <c r="K6892" s="360"/>
      <c r="L6892" s="359"/>
    </row>
    <row r="6893" spans="2:12" ht="28.5">
      <c r="B6893" s="359"/>
      <c r="C6893" s="360"/>
      <c r="D6893" s="359"/>
      <c r="E6893" s="359"/>
      <c r="F6893" s="359" t="s">
        <v>14384</v>
      </c>
      <c r="G6893" s="359" t="s">
        <v>14428</v>
      </c>
      <c r="H6893" s="360"/>
      <c r="I6893" s="359" t="s">
        <v>28878</v>
      </c>
      <c r="J6893" s="359"/>
      <c r="K6893" s="360"/>
      <c r="L6893" s="359"/>
    </row>
    <row r="6894" spans="2:12">
      <c r="B6894" s="359"/>
      <c r="C6894" s="360"/>
      <c r="D6894" s="359"/>
      <c r="E6894" s="359"/>
      <c r="F6894" s="360"/>
      <c r="G6894" s="360"/>
      <c r="H6894" s="360"/>
      <c r="I6894" s="360"/>
      <c r="J6894" s="359"/>
      <c r="K6894" s="360"/>
      <c r="L6894" s="359"/>
    </row>
    <row r="6895" spans="2:12">
      <c r="B6895" s="359"/>
      <c r="C6895" s="360"/>
      <c r="D6895" s="359"/>
      <c r="E6895" s="359"/>
      <c r="F6895" s="359" t="s">
        <v>17734</v>
      </c>
      <c r="G6895" s="359" t="s">
        <v>14473</v>
      </c>
      <c r="H6895" s="360"/>
      <c r="I6895" s="359" t="s">
        <v>17704</v>
      </c>
      <c r="J6895" s="359"/>
      <c r="K6895" s="360"/>
      <c r="L6895" s="359"/>
    </row>
    <row r="6896" spans="2:12">
      <c r="B6896" s="359"/>
      <c r="C6896" s="360"/>
      <c r="D6896" s="359"/>
      <c r="E6896" s="359"/>
      <c r="F6896" s="360"/>
      <c r="G6896" s="360"/>
      <c r="H6896" s="360"/>
      <c r="I6896" s="360"/>
      <c r="J6896" s="359"/>
      <c r="K6896" s="360"/>
      <c r="L6896" s="359"/>
    </row>
    <row r="6897" spans="2:12">
      <c r="B6897" s="359"/>
      <c r="C6897" s="360"/>
      <c r="D6897" s="359"/>
      <c r="E6897" s="359"/>
      <c r="F6897" s="359" t="s">
        <v>17735</v>
      </c>
      <c r="G6897" s="359" t="s">
        <v>17704</v>
      </c>
      <c r="H6897" s="360"/>
      <c r="I6897" s="360"/>
      <c r="J6897" s="359"/>
      <c r="K6897" s="360"/>
      <c r="L6897" s="359"/>
    </row>
    <row r="6898" spans="2:12">
      <c r="B6898" s="359"/>
      <c r="C6898" s="360"/>
      <c r="D6898" s="359"/>
      <c r="E6898" s="359"/>
      <c r="F6898" s="360"/>
      <c r="G6898" s="360"/>
      <c r="H6898" s="360"/>
      <c r="I6898" s="360"/>
      <c r="J6898" s="359"/>
      <c r="K6898" s="360"/>
      <c r="L6898" s="359"/>
    </row>
    <row r="6899" spans="2:12">
      <c r="B6899" s="361"/>
      <c r="C6899" s="362"/>
      <c r="D6899" s="361"/>
      <c r="E6899" s="361"/>
      <c r="F6899" s="361" t="s">
        <v>17705</v>
      </c>
      <c r="G6899" s="362"/>
      <c r="H6899" s="362"/>
      <c r="I6899" s="362"/>
      <c r="J6899" s="361"/>
      <c r="K6899" s="362"/>
      <c r="L6899" s="361"/>
    </row>
    <row r="6900" spans="2:12">
      <c r="B6900" s="358" t="s">
        <v>17736</v>
      </c>
      <c r="C6900" s="358" t="s">
        <v>17737</v>
      </c>
      <c r="D6900" s="358" t="s">
        <v>17738</v>
      </c>
      <c r="E6900" s="358" t="s">
        <v>17739</v>
      </c>
      <c r="F6900" s="358" t="s">
        <v>14326</v>
      </c>
      <c r="G6900" s="358" t="s">
        <v>14327</v>
      </c>
      <c r="H6900" s="358" t="s">
        <v>14328</v>
      </c>
      <c r="I6900" s="358" t="s">
        <v>14327</v>
      </c>
      <c r="J6900" s="358"/>
      <c r="K6900" s="358"/>
      <c r="L6900" s="358" t="s">
        <v>14329</v>
      </c>
    </row>
    <row r="6901" spans="2:12">
      <c r="B6901" s="359"/>
      <c r="C6901" s="359"/>
      <c r="D6901" s="359"/>
      <c r="E6901" s="359"/>
      <c r="F6901" s="360"/>
      <c r="G6901" s="360"/>
      <c r="H6901" s="360"/>
      <c r="I6901" s="360"/>
      <c r="J6901" s="359"/>
      <c r="K6901" s="359"/>
      <c r="L6901" s="359"/>
    </row>
    <row r="6902" spans="2:12">
      <c r="B6902" s="359"/>
      <c r="C6902" s="359"/>
      <c r="D6902" s="359"/>
      <c r="E6902" s="359"/>
      <c r="F6902" s="359" t="s">
        <v>14330</v>
      </c>
      <c r="G6902" s="359" t="s">
        <v>14444</v>
      </c>
      <c r="H6902" s="359" t="s">
        <v>14331</v>
      </c>
      <c r="I6902" s="359" t="s">
        <v>14444</v>
      </c>
      <c r="J6902" s="359"/>
      <c r="K6902" s="359"/>
      <c r="L6902" s="359"/>
    </row>
    <row r="6903" spans="2:12">
      <c r="B6903" s="359"/>
      <c r="C6903" s="359"/>
      <c r="D6903" s="359"/>
      <c r="E6903" s="359"/>
      <c r="F6903" s="360"/>
      <c r="G6903" s="360"/>
      <c r="H6903" s="360"/>
      <c r="I6903" s="360"/>
      <c r="J6903" s="359"/>
      <c r="K6903" s="359"/>
      <c r="L6903" s="359"/>
    </row>
    <row r="6904" spans="2:12">
      <c r="B6904" s="359"/>
      <c r="C6904" s="359"/>
      <c r="D6904" s="359"/>
      <c r="E6904" s="359"/>
      <c r="F6904" s="359" t="s">
        <v>14443</v>
      </c>
      <c r="G6904" s="359" t="s">
        <v>14473</v>
      </c>
      <c r="H6904" s="359" t="s">
        <v>14381</v>
      </c>
      <c r="I6904" s="359" t="s">
        <v>14473</v>
      </c>
      <c r="J6904" s="359"/>
      <c r="K6904" s="359"/>
      <c r="L6904" s="359"/>
    </row>
    <row r="6905" spans="2:12">
      <c r="B6905" s="359"/>
      <c r="C6905" s="359"/>
      <c r="D6905" s="359"/>
      <c r="E6905" s="359"/>
      <c r="F6905" s="360"/>
      <c r="G6905" s="360"/>
      <c r="H6905" s="360"/>
      <c r="I6905" s="360"/>
      <c r="J6905" s="359"/>
      <c r="K6905" s="359"/>
      <c r="L6905" s="359"/>
    </row>
    <row r="6906" spans="2:12" ht="28.5">
      <c r="B6906" s="361"/>
      <c r="C6906" s="361"/>
      <c r="D6906" s="361"/>
      <c r="E6906" s="361"/>
      <c r="F6906" s="361" t="s">
        <v>14472</v>
      </c>
      <c r="G6906" s="362"/>
      <c r="H6906" s="361" t="s">
        <v>14332</v>
      </c>
      <c r="I6906" s="362"/>
      <c r="J6906" s="361"/>
      <c r="K6906" s="361"/>
      <c r="L6906" s="361"/>
    </row>
    <row r="6907" spans="2:12">
      <c r="B6907" s="358" t="s">
        <v>10293</v>
      </c>
      <c r="C6907" s="358" t="s">
        <v>17740</v>
      </c>
      <c r="D6907" s="358" t="s">
        <v>10294</v>
      </c>
      <c r="E6907" s="358" t="s">
        <v>10295</v>
      </c>
      <c r="F6907" s="358" t="s">
        <v>14376</v>
      </c>
      <c r="G6907" s="358" t="s">
        <v>14669</v>
      </c>
      <c r="H6907" s="358" t="s">
        <v>14378</v>
      </c>
      <c r="I6907" s="358" t="s">
        <v>14669</v>
      </c>
      <c r="J6907" s="358"/>
      <c r="K6907" s="358" t="s">
        <v>14929</v>
      </c>
      <c r="L6907" s="358"/>
    </row>
    <row r="6908" spans="2:12">
      <c r="B6908" s="359"/>
      <c r="C6908" s="359"/>
      <c r="D6908" s="359"/>
      <c r="E6908" s="359"/>
      <c r="F6908" s="360"/>
      <c r="G6908" s="360"/>
      <c r="H6908" s="360"/>
      <c r="I6908" s="360"/>
      <c r="J6908" s="359"/>
      <c r="K6908" s="359"/>
      <c r="L6908" s="359"/>
    </row>
    <row r="6909" spans="2:12">
      <c r="B6909" s="359"/>
      <c r="C6909" s="359"/>
      <c r="D6909" s="359"/>
      <c r="E6909" s="359"/>
      <c r="F6909" s="359" t="s">
        <v>14382</v>
      </c>
      <c r="G6909" s="359" t="s">
        <v>14483</v>
      </c>
      <c r="H6909" s="359" t="s">
        <v>14381</v>
      </c>
      <c r="I6909" s="359" t="s">
        <v>14483</v>
      </c>
      <c r="J6909" s="359"/>
      <c r="K6909" s="359"/>
      <c r="L6909" s="359"/>
    </row>
    <row r="6910" spans="2:12">
      <c r="B6910" s="359"/>
      <c r="C6910" s="359"/>
      <c r="D6910" s="359"/>
      <c r="E6910" s="359"/>
      <c r="F6910" s="360"/>
      <c r="G6910" s="360"/>
      <c r="H6910" s="360"/>
      <c r="I6910" s="360"/>
      <c r="J6910" s="359"/>
      <c r="K6910" s="359"/>
      <c r="L6910" s="359"/>
    </row>
    <row r="6911" spans="2:12">
      <c r="B6911" s="359"/>
      <c r="C6911" s="359"/>
      <c r="D6911" s="359"/>
      <c r="E6911" s="359"/>
      <c r="F6911" s="359" t="s">
        <v>14382</v>
      </c>
      <c r="G6911" s="359" t="s">
        <v>14579</v>
      </c>
      <c r="H6911" s="359" t="s">
        <v>14370</v>
      </c>
      <c r="I6911" s="359" t="s">
        <v>14579</v>
      </c>
      <c r="J6911" s="359"/>
      <c r="K6911" s="359"/>
      <c r="L6911" s="359"/>
    </row>
    <row r="6912" spans="2:12">
      <c r="B6912" s="359"/>
      <c r="C6912" s="359"/>
      <c r="D6912" s="359"/>
      <c r="E6912" s="359"/>
      <c r="F6912" s="360"/>
      <c r="G6912" s="360"/>
      <c r="H6912" s="360"/>
      <c r="I6912" s="360"/>
      <c r="J6912" s="359"/>
      <c r="K6912" s="359"/>
      <c r="L6912" s="359"/>
    </row>
    <row r="6913" spans="2:12">
      <c r="B6913" s="359"/>
      <c r="C6913" s="359"/>
      <c r="D6913" s="359"/>
      <c r="E6913" s="359"/>
      <c r="F6913" s="359" t="s">
        <v>14382</v>
      </c>
      <c r="G6913" s="359" t="s">
        <v>14383</v>
      </c>
      <c r="H6913" s="359" t="s">
        <v>14332</v>
      </c>
      <c r="I6913" s="359" t="s">
        <v>14383</v>
      </c>
      <c r="J6913" s="359"/>
      <c r="K6913" s="359"/>
      <c r="L6913" s="359"/>
    </row>
    <row r="6914" spans="2:12">
      <c r="B6914" s="359"/>
      <c r="C6914" s="359"/>
      <c r="D6914" s="359"/>
      <c r="E6914" s="359"/>
      <c r="F6914" s="360"/>
      <c r="G6914" s="360"/>
      <c r="H6914" s="360"/>
      <c r="I6914" s="360"/>
      <c r="J6914" s="359"/>
      <c r="K6914" s="359"/>
      <c r="L6914" s="359"/>
    </row>
    <row r="6915" spans="2:12">
      <c r="B6915" s="359"/>
      <c r="C6915" s="359"/>
      <c r="D6915" s="359"/>
      <c r="E6915" s="359"/>
      <c r="F6915" s="359" t="s">
        <v>14386</v>
      </c>
      <c r="G6915" s="359" t="s">
        <v>14387</v>
      </c>
      <c r="H6915" s="360"/>
      <c r="I6915" s="359" t="s">
        <v>14387</v>
      </c>
      <c r="J6915" s="359"/>
      <c r="K6915" s="359"/>
      <c r="L6915" s="359"/>
    </row>
    <row r="6916" spans="2:12">
      <c r="B6916" s="359"/>
      <c r="C6916" s="359"/>
      <c r="D6916" s="359"/>
      <c r="E6916" s="359"/>
      <c r="F6916" s="360"/>
      <c r="G6916" s="360"/>
      <c r="H6916" s="360"/>
      <c r="I6916" s="360"/>
      <c r="J6916" s="359"/>
      <c r="K6916" s="359"/>
      <c r="L6916" s="359"/>
    </row>
    <row r="6917" spans="2:12">
      <c r="B6917" s="359"/>
      <c r="C6917" s="359"/>
      <c r="D6917" s="359"/>
      <c r="E6917" s="359"/>
      <c r="F6917" s="359" t="s">
        <v>14368</v>
      </c>
      <c r="G6917" s="359" t="s">
        <v>14388</v>
      </c>
      <c r="H6917" s="360"/>
      <c r="I6917" s="359" t="s">
        <v>14388</v>
      </c>
      <c r="J6917" s="359"/>
      <c r="K6917" s="359"/>
      <c r="L6917" s="359"/>
    </row>
    <row r="6918" spans="2:12">
      <c r="B6918" s="359"/>
      <c r="C6918" s="359"/>
      <c r="D6918" s="359"/>
      <c r="E6918" s="359"/>
      <c r="F6918" s="360"/>
      <c r="G6918" s="360"/>
      <c r="H6918" s="360"/>
      <c r="I6918" s="360"/>
      <c r="J6918" s="359"/>
      <c r="K6918" s="359"/>
      <c r="L6918" s="359"/>
    </row>
    <row r="6919" spans="2:12">
      <c r="B6919" s="359"/>
      <c r="C6919" s="359"/>
      <c r="D6919" s="359"/>
      <c r="E6919" s="359"/>
      <c r="F6919" s="359" t="s">
        <v>14389</v>
      </c>
      <c r="G6919" s="359" t="s">
        <v>14390</v>
      </c>
      <c r="H6919" s="360"/>
      <c r="I6919" s="359" t="s">
        <v>14390</v>
      </c>
      <c r="J6919" s="359"/>
      <c r="K6919" s="359"/>
      <c r="L6919" s="359"/>
    </row>
    <row r="6920" spans="2:12">
      <c r="B6920" s="359"/>
      <c r="C6920" s="359"/>
      <c r="D6920" s="359"/>
      <c r="E6920" s="359"/>
      <c r="F6920" s="360"/>
      <c r="G6920" s="360"/>
      <c r="H6920" s="360"/>
      <c r="I6920" s="360"/>
      <c r="J6920" s="359"/>
      <c r="K6920" s="359"/>
      <c r="L6920" s="359"/>
    </row>
    <row r="6921" spans="2:12" ht="28.5">
      <c r="B6921" s="361"/>
      <c r="C6921" s="361"/>
      <c r="D6921" s="361"/>
      <c r="E6921" s="361"/>
      <c r="F6921" s="361" t="s">
        <v>14394</v>
      </c>
      <c r="G6921" s="361" t="s">
        <v>14395</v>
      </c>
      <c r="H6921" s="362"/>
      <c r="I6921" s="361" t="s">
        <v>14395</v>
      </c>
      <c r="J6921" s="361"/>
      <c r="K6921" s="361"/>
      <c r="L6921" s="361"/>
    </row>
    <row r="6922" spans="2:12">
      <c r="B6922" s="358" t="s">
        <v>17741</v>
      </c>
      <c r="C6922" s="358" t="s">
        <v>17742</v>
      </c>
      <c r="D6922" s="358" t="s">
        <v>17743</v>
      </c>
      <c r="E6922" s="358" t="s">
        <v>17744</v>
      </c>
      <c r="F6922" s="358" t="s">
        <v>14505</v>
      </c>
      <c r="G6922" s="358" t="s">
        <v>14506</v>
      </c>
      <c r="H6922" s="358" t="s">
        <v>14328</v>
      </c>
      <c r="I6922" s="358" t="s">
        <v>14506</v>
      </c>
      <c r="J6922" s="358"/>
      <c r="K6922" s="358" t="s">
        <v>14929</v>
      </c>
      <c r="L6922" s="358"/>
    </row>
    <row r="6923" spans="2:12">
      <c r="B6923" s="359"/>
      <c r="C6923" s="359"/>
      <c r="D6923" s="359"/>
      <c r="E6923" s="359"/>
      <c r="F6923" s="360"/>
      <c r="G6923" s="360"/>
      <c r="H6923" s="360"/>
      <c r="I6923" s="360"/>
      <c r="J6923" s="359"/>
      <c r="K6923" s="359"/>
      <c r="L6923" s="359"/>
    </row>
    <row r="6924" spans="2:12">
      <c r="B6924" s="359"/>
      <c r="C6924" s="359"/>
      <c r="D6924" s="359"/>
      <c r="E6924" s="359"/>
      <c r="F6924" s="359" t="s">
        <v>14420</v>
      </c>
      <c r="G6924" s="359" t="s">
        <v>14429</v>
      </c>
      <c r="H6924" s="359" t="s">
        <v>14367</v>
      </c>
      <c r="I6924" s="359" t="s">
        <v>14429</v>
      </c>
      <c r="J6924" s="359"/>
      <c r="K6924" s="359"/>
      <c r="L6924" s="359"/>
    </row>
    <row r="6925" spans="2:12">
      <c r="B6925" s="359"/>
      <c r="C6925" s="359"/>
      <c r="D6925" s="359"/>
      <c r="E6925" s="359"/>
      <c r="F6925" s="360"/>
      <c r="G6925" s="360"/>
      <c r="H6925" s="360"/>
      <c r="I6925" s="360"/>
      <c r="J6925" s="359"/>
      <c r="K6925" s="359"/>
      <c r="L6925" s="359"/>
    </row>
    <row r="6926" spans="2:12">
      <c r="B6926" s="359"/>
      <c r="C6926" s="359"/>
      <c r="D6926" s="359"/>
      <c r="E6926" s="359"/>
      <c r="F6926" s="359" t="s">
        <v>14386</v>
      </c>
      <c r="G6926" s="359" t="s">
        <v>14387</v>
      </c>
      <c r="H6926" s="359" t="s">
        <v>14332</v>
      </c>
      <c r="I6926" s="359" t="s">
        <v>14387</v>
      </c>
      <c r="J6926" s="359"/>
      <c r="K6926" s="359"/>
      <c r="L6926" s="359"/>
    </row>
    <row r="6927" spans="2:12">
      <c r="B6927" s="359"/>
      <c r="C6927" s="359"/>
      <c r="D6927" s="359"/>
      <c r="E6927" s="359"/>
      <c r="F6927" s="360"/>
      <c r="G6927" s="360"/>
      <c r="H6927" s="360"/>
      <c r="I6927" s="360"/>
      <c r="J6927" s="359"/>
      <c r="K6927" s="359"/>
      <c r="L6927" s="359"/>
    </row>
    <row r="6928" spans="2:12">
      <c r="B6928" s="359"/>
      <c r="C6928" s="359"/>
      <c r="D6928" s="359"/>
      <c r="E6928" s="359"/>
      <c r="F6928" s="359" t="s">
        <v>14368</v>
      </c>
      <c r="G6928" s="359" t="s">
        <v>14388</v>
      </c>
      <c r="H6928" s="360"/>
      <c r="I6928" s="359" t="s">
        <v>14388</v>
      </c>
      <c r="J6928" s="359"/>
      <c r="K6928" s="359"/>
      <c r="L6928" s="359"/>
    </row>
    <row r="6929" spans="2:12">
      <c r="B6929" s="359"/>
      <c r="C6929" s="359"/>
      <c r="D6929" s="359"/>
      <c r="E6929" s="359"/>
      <c r="F6929" s="360"/>
      <c r="G6929" s="360"/>
      <c r="H6929" s="360"/>
      <c r="I6929" s="360"/>
      <c r="J6929" s="359"/>
      <c r="K6929" s="359"/>
      <c r="L6929" s="359"/>
    </row>
    <row r="6930" spans="2:12" ht="28.5">
      <c r="B6930" s="361"/>
      <c r="C6930" s="361"/>
      <c r="D6930" s="361"/>
      <c r="E6930" s="361"/>
      <c r="F6930" s="361" t="s">
        <v>14472</v>
      </c>
      <c r="G6930" s="361" t="s">
        <v>14473</v>
      </c>
      <c r="H6930" s="362"/>
      <c r="I6930" s="361" t="s">
        <v>14473</v>
      </c>
      <c r="J6930" s="361"/>
      <c r="K6930" s="361"/>
      <c r="L6930" s="361"/>
    </row>
    <row r="6931" spans="2:12">
      <c r="B6931" s="358" t="s">
        <v>10297</v>
      </c>
      <c r="C6931" s="358" t="s">
        <v>17745</v>
      </c>
      <c r="D6931" s="358" t="s">
        <v>365</v>
      </c>
      <c r="E6931" s="358" t="s">
        <v>366</v>
      </c>
      <c r="F6931" s="358" t="s">
        <v>14505</v>
      </c>
      <c r="G6931" s="358" t="s">
        <v>14506</v>
      </c>
      <c r="H6931" s="358" t="s">
        <v>14328</v>
      </c>
      <c r="I6931" s="358" t="s">
        <v>14506</v>
      </c>
      <c r="J6931" s="358"/>
      <c r="K6931" s="358"/>
      <c r="L6931" s="358"/>
    </row>
    <row r="6932" spans="2:12">
      <c r="B6932" s="359"/>
      <c r="C6932" s="360"/>
      <c r="D6932" s="359"/>
      <c r="E6932" s="359"/>
      <c r="F6932" s="360"/>
      <c r="G6932" s="360"/>
      <c r="H6932" s="360"/>
      <c r="I6932" s="360"/>
      <c r="J6932" s="359"/>
      <c r="K6932" s="359"/>
      <c r="L6932" s="359"/>
    </row>
    <row r="6933" spans="2:12">
      <c r="B6933" s="359"/>
      <c r="C6933" s="359" t="s">
        <v>17746</v>
      </c>
      <c r="D6933" s="359"/>
      <c r="E6933" s="359"/>
      <c r="F6933" s="359" t="s">
        <v>14376</v>
      </c>
      <c r="G6933" s="359" t="s">
        <v>14669</v>
      </c>
      <c r="H6933" s="359" t="s">
        <v>14381</v>
      </c>
      <c r="I6933" s="359" t="s">
        <v>14669</v>
      </c>
      <c r="J6933" s="359"/>
      <c r="K6933" s="359"/>
      <c r="L6933" s="359"/>
    </row>
    <row r="6934" spans="2:12">
      <c r="B6934" s="359"/>
      <c r="C6934" s="360"/>
      <c r="D6934" s="359"/>
      <c r="E6934" s="359"/>
      <c r="F6934" s="360"/>
      <c r="G6934" s="360"/>
      <c r="H6934" s="360"/>
      <c r="I6934" s="360"/>
      <c r="J6934" s="359"/>
      <c r="K6934" s="359"/>
      <c r="L6934" s="359"/>
    </row>
    <row r="6935" spans="2:12">
      <c r="B6935" s="359"/>
      <c r="C6935" s="360"/>
      <c r="D6935" s="359"/>
      <c r="E6935" s="359"/>
      <c r="F6935" s="359" t="s">
        <v>14420</v>
      </c>
      <c r="G6935" s="359" t="s">
        <v>14429</v>
      </c>
      <c r="H6935" s="359" t="s">
        <v>14367</v>
      </c>
      <c r="I6935" s="359" t="s">
        <v>14429</v>
      </c>
      <c r="J6935" s="359"/>
      <c r="K6935" s="359"/>
      <c r="L6935" s="359"/>
    </row>
    <row r="6936" spans="2:12">
      <c r="B6936" s="359"/>
      <c r="C6936" s="360"/>
      <c r="D6936" s="359"/>
      <c r="E6936" s="359"/>
      <c r="F6936" s="360"/>
      <c r="G6936" s="360"/>
      <c r="H6936" s="360"/>
      <c r="I6936" s="360"/>
      <c r="J6936" s="359"/>
      <c r="K6936" s="359"/>
      <c r="L6936" s="359"/>
    </row>
    <row r="6937" spans="2:12">
      <c r="B6937" s="359"/>
      <c r="C6937" s="360"/>
      <c r="D6937" s="359"/>
      <c r="E6937" s="359"/>
      <c r="F6937" s="359" t="s">
        <v>14386</v>
      </c>
      <c r="G6937" s="359" t="s">
        <v>14387</v>
      </c>
      <c r="H6937" s="359" t="s">
        <v>14332</v>
      </c>
      <c r="I6937" s="359" t="s">
        <v>14387</v>
      </c>
      <c r="J6937" s="359"/>
      <c r="K6937" s="359"/>
      <c r="L6937" s="359"/>
    </row>
    <row r="6938" spans="2:12">
      <c r="B6938" s="359"/>
      <c r="C6938" s="360"/>
      <c r="D6938" s="359"/>
      <c r="E6938" s="359"/>
      <c r="F6938" s="360"/>
      <c r="G6938" s="360"/>
      <c r="H6938" s="360"/>
      <c r="I6938" s="360"/>
      <c r="J6938" s="359"/>
      <c r="K6938" s="359"/>
      <c r="L6938" s="359"/>
    </row>
    <row r="6939" spans="2:12">
      <c r="B6939" s="359"/>
      <c r="C6939" s="360"/>
      <c r="D6939" s="359"/>
      <c r="E6939" s="359"/>
      <c r="F6939" s="359" t="s">
        <v>14368</v>
      </c>
      <c r="G6939" s="359" t="s">
        <v>14388</v>
      </c>
      <c r="H6939" s="360"/>
      <c r="I6939" s="359" t="s">
        <v>14388</v>
      </c>
      <c r="J6939" s="359"/>
      <c r="K6939" s="359"/>
      <c r="L6939" s="359"/>
    </row>
    <row r="6940" spans="2:12">
      <c r="B6940" s="359"/>
      <c r="C6940" s="360"/>
      <c r="D6940" s="359"/>
      <c r="E6940" s="359"/>
      <c r="F6940" s="360"/>
      <c r="G6940" s="360"/>
      <c r="H6940" s="360"/>
      <c r="I6940" s="360"/>
      <c r="J6940" s="359"/>
      <c r="K6940" s="359"/>
      <c r="L6940" s="359"/>
    </row>
    <row r="6941" spans="2:12">
      <c r="B6941" s="361"/>
      <c r="C6941" s="362"/>
      <c r="D6941" s="361"/>
      <c r="E6941" s="361"/>
      <c r="F6941" s="361" t="s">
        <v>14389</v>
      </c>
      <c r="G6941" s="361" t="s">
        <v>14390</v>
      </c>
      <c r="H6941" s="362"/>
      <c r="I6941" s="361" t="s">
        <v>14390</v>
      </c>
      <c r="J6941" s="361"/>
      <c r="K6941" s="361"/>
      <c r="L6941" s="361"/>
    </row>
    <row r="6942" spans="2:12">
      <c r="B6942" s="358" t="s">
        <v>17747</v>
      </c>
      <c r="C6942" s="358" t="s">
        <v>17748</v>
      </c>
      <c r="D6942" s="358" t="s">
        <v>17749</v>
      </c>
      <c r="E6942" s="358" t="s">
        <v>2212</v>
      </c>
      <c r="F6942" s="358" t="s">
        <v>14420</v>
      </c>
      <c r="G6942" s="358" t="s">
        <v>14459</v>
      </c>
      <c r="H6942" s="358" t="s">
        <v>14367</v>
      </c>
      <c r="I6942" s="358" t="s">
        <v>14459</v>
      </c>
      <c r="J6942" s="358"/>
      <c r="K6942" s="358"/>
      <c r="L6942" s="358" t="s">
        <v>17750</v>
      </c>
    </row>
    <row r="6943" spans="2:12">
      <c r="B6943" s="359"/>
      <c r="C6943" s="360"/>
      <c r="D6943" s="359"/>
      <c r="E6943" s="359"/>
      <c r="F6943" s="360"/>
      <c r="G6943" s="360"/>
      <c r="H6943" s="360"/>
      <c r="I6943" s="360"/>
      <c r="J6943" s="359"/>
      <c r="K6943" s="359"/>
      <c r="L6943" s="359"/>
    </row>
    <row r="6944" spans="2:12">
      <c r="B6944" s="361"/>
      <c r="C6944" s="361" t="s">
        <v>17751</v>
      </c>
      <c r="D6944" s="361"/>
      <c r="E6944" s="361"/>
      <c r="F6944" s="361" t="s">
        <v>17705</v>
      </c>
      <c r="G6944" s="361" t="s">
        <v>17704</v>
      </c>
      <c r="H6944" s="361" t="s">
        <v>14422</v>
      </c>
      <c r="I6944" s="361" t="s">
        <v>17704</v>
      </c>
      <c r="J6944" s="361"/>
      <c r="K6944" s="361"/>
      <c r="L6944" s="361"/>
    </row>
    <row r="6945" spans="2:12">
      <c r="B6945" s="358" t="s">
        <v>17752</v>
      </c>
      <c r="C6945" s="358" t="s">
        <v>17753</v>
      </c>
      <c r="D6945" s="358" t="s">
        <v>17754</v>
      </c>
      <c r="E6945" s="358" t="s">
        <v>2217</v>
      </c>
      <c r="F6945" s="358" t="s">
        <v>14443</v>
      </c>
      <c r="G6945" s="358" t="s">
        <v>14444</v>
      </c>
      <c r="H6945" s="358" t="s">
        <v>14381</v>
      </c>
      <c r="I6945" s="358" t="s">
        <v>14444</v>
      </c>
      <c r="J6945" s="358" t="s">
        <v>17309</v>
      </c>
      <c r="K6945" s="358" t="s">
        <v>14929</v>
      </c>
      <c r="L6945" s="358"/>
    </row>
    <row r="6946" spans="2:12">
      <c r="B6946" s="359"/>
      <c r="C6946" s="359"/>
      <c r="D6946" s="359"/>
      <c r="E6946" s="359"/>
      <c r="F6946" s="360"/>
      <c r="G6946" s="360"/>
      <c r="H6946" s="360"/>
      <c r="I6946" s="360"/>
      <c r="J6946" s="359"/>
      <c r="K6946" s="359"/>
      <c r="L6946" s="359"/>
    </row>
    <row r="6947" spans="2:12">
      <c r="B6947" s="359"/>
      <c r="C6947" s="359"/>
      <c r="D6947" s="359"/>
      <c r="E6947" s="359"/>
      <c r="F6947" s="359" t="s">
        <v>14420</v>
      </c>
      <c r="G6947" s="359" t="s">
        <v>14459</v>
      </c>
      <c r="H6947" s="359" t="s">
        <v>14367</v>
      </c>
      <c r="I6947" s="359" t="s">
        <v>14459</v>
      </c>
      <c r="J6947" s="359"/>
      <c r="K6947" s="359"/>
      <c r="L6947" s="359"/>
    </row>
    <row r="6948" spans="2:12">
      <c r="B6948" s="359"/>
      <c r="C6948" s="359"/>
      <c r="D6948" s="359"/>
      <c r="E6948" s="359"/>
      <c r="F6948" s="360"/>
      <c r="G6948" s="360"/>
      <c r="H6948" s="360"/>
      <c r="I6948" s="360"/>
      <c r="J6948" s="359"/>
      <c r="K6948" s="359"/>
      <c r="L6948" s="359"/>
    </row>
    <row r="6949" spans="2:12">
      <c r="B6949" s="359"/>
      <c r="C6949" s="359"/>
      <c r="D6949" s="359"/>
      <c r="E6949" s="359"/>
      <c r="F6949" s="359" t="s">
        <v>14420</v>
      </c>
      <c r="G6949" s="359" t="s">
        <v>14421</v>
      </c>
      <c r="H6949" s="359" t="s">
        <v>14422</v>
      </c>
      <c r="I6949" s="359" t="s">
        <v>14421</v>
      </c>
      <c r="J6949" s="359"/>
      <c r="K6949" s="359"/>
      <c r="L6949" s="359"/>
    </row>
    <row r="6950" spans="2:12">
      <c r="B6950" s="359"/>
      <c r="C6950" s="359"/>
      <c r="D6950" s="359"/>
      <c r="E6950" s="359"/>
      <c r="F6950" s="360"/>
      <c r="G6950" s="360"/>
      <c r="H6950" s="360"/>
      <c r="I6950" s="360"/>
      <c r="J6950" s="359"/>
      <c r="K6950" s="359"/>
      <c r="L6950" s="359"/>
    </row>
    <row r="6951" spans="2:12">
      <c r="B6951" s="361"/>
      <c r="C6951" s="361"/>
      <c r="D6951" s="361"/>
      <c r="E6951" s="361"/>
      <c r="F6951" s="361" t="s">
        <v>14420</v>
      </c>
      <c r="G6951" s="361" t="s">
        <v>14429</v>
      </c>
      <c r="H6951" s="362"/>
      <c r="I6951" s="361" t="s">
        <v>14429</v>
      </c>
      <c r="J6951" s="361"/>
      <c r="K6951" s="361"/>
      <c r="L6951" s="361"/>
    </row>
    <row r="6952" spans="2:12">
      <c r="B6952" s="358" t="s">
        <v>17755</v>
      </c>
      <c r="C6952" s="358" t="s">
        <v>17756</v>
      </c>
      <c r="D6952" s="358" t="s">
        <v>17757</v>
      </c>
      <c r="E6952" s="358" t="s">
        <v>17758</v>
      </c>
      <c r="F6952" s="358" t="s">
        <v>14379</v>
      </c>
      <c r="G6952" s="358" t="s">
        <v>14380</v>
      </c>
      <c r="H6952" s="358" t="s">
        <v>14378</v>
      </c>
      <c r="I6952" s="358" t="s">
        <v>14380</v>
      </c>
      <c r="J6952" s="358"/>
      <c r="K6952" s="358"/>
      <c r="L6952" s="358"/>
    </row>
    <row r="6953" spans="2:12">
      <c r="B6953" s="359"/>
      <c r="C6953" s="359"/>
      <c r="D6953" s="359"/>
      <c r="E6953" s="359"/>
      <c r="F6953" s="360"/>
      <c r="G6953" s="360"/>
      <c r="H6953" s="360"/>
      <c r="I6953" s="360"/>
      <c r="J6953" s="359"/>
      <c r="K6953" s="359"/>
      <c r="L6953" s="359"/>
    </row>
    <row r="6954" spans="2:12">
      <c r="B6954" s="359"/>
      <c r="C6954" s="359"/>
      <c r="D6954" s="359"/>
      <c r="E6954" s="359"/>
      <c r="F6954" s="359" t="s">
        <v>14530</v>
      </c>
      <c r="G6954" s="359" t="s">
        <v>14531</v>
      </c>
      <c r="H6954" s="359" t="s">
        <v>14370</v>
      </c>
      <c r="I6954" s="359" t="s">
        <v>14531</v>
      </c>
      <c r="J6954" s="359"/>
      <c r="K6954" s="359"/>
      <c r="L6954" s="359"/>
    </row>
    <row r="6955" spans="2:12">
      <c r="B6955" s="359"/>
      <c r="C6955" s="359"/>
      <c r="D6955" s="359"/>
      <c r="E6955" s="359"/>
      <c r="F6955" s="360"/>
      <c r="G6955" s="360"/>
      <c r="H6955" s="360"/>
      <c r="I6955" s="360"/>
      <c r="J6955" s="359"/>
      <c r="K6955" s="359"/>
      <c r="L6955" s="359"/>
    </row>
    <row r="6956" spans="2:12" ht="28.5">
      <c r="B6956" s="361"/>
      <c r="C6956" s="361"/>
      <c r="D6956" s="361"/>
      <c r="E6956" s="361"/>
      <c r="F6956" s="361" t="s">
        <v>14394</v>
      </c>
      <c r="G6956" s="361" t="s">
        <v>14395</v>
      </c>
      <c r="H6956" s="361" t="s">
        <v>14332</v>
      </c>
      <c r="I6956" s="361" t="s">
        <v>14395</v>
      </c>
      <c r="J6956" s="361"/>
      <c r="K6956" s="361"/>
      <c r="L6956" s="361"/>
    </row>
    <row r="6957" spans="2:12">
      <c r="B6957" s="358" t="s">
        <v>17759</v>
      </c>
      <c r="C6957" s="358" t="s">
        <v>17760</v>
      </c>
      <c r="D6957" s="358" t="s">
        <v>17761</v>
      </c>
      <c r="E6957" s="358" t="s">
        <v>17762</v>
      </c>
      <c r="F6957" s="358" t="s">
        <v>14379</v>
      </c>
      <c r="G6957" s="358" t="s">
        <v>14380</v>
      </c>
      <c r="H6957" s="358" t="s">
        <v>14378</v>
      </c>
      <c r="I6957" s="358" t="s">
        <v>14380</v>
      </c>
      <c r="J6957" s="358"/>
      <c r="K6957" s="358"/>
      <c r="L6957" s="358"/>
    </row>
    <row r="6958" spans="2:12">
      <c r="B6958" s="359"/>
      <c r="C6958" s="359"/>
      <c r="D6958" s="359"/>
      <c r="E6958" s="359"/>
      <c r="F6958" s="360"/>
      <c r="G6958" s="360"/>
      <c r="H6958" s="360"/>
      <c r="I6958" s="360"/>
      <c r="J6958" s="359"/>
      <c r="K6958" s="359"/>
      <c r="L6958" s="359"/>
    </row>
    <row r="6959" spans="2:12">
      <c r="B6959" s="359"/>
      <c r="C6959" s="359"/>
      <c r="D6959" s="359"/>
      <c r="E6959" s="359"/>
      <c r="F6959" s="359" t="s">
        <v>14386</v>
      </c>
      <c r="G6959" s="359" t="s">
        <v>14387</v>
      </c>
      <c r="H6959" s="359" t="s">
        <v>14332</v>
      </c>
      <c r="I6959" s="359" t="s">
        <v>14387</v>
      </c>
      <c r="J6959" s="359"/>
      <c r="K6959" s="359"/>
      <c r="L6959" s="359"/>
    </row>
    <row r="6960" spans="2:12">
      <c r="B6960" s="359"/>
      <c r="C6960" s="359"/>
      <c r="D6960" s="359"/>
      <c r="E6960" s="359"/>
      <c r="F6960" s="360"/>
      <c r="G6960" s="360"/>
      <c r="H6960" s="360"/>
      <c r="I6960" s="360"/>
      <c r="J6960" s="359"/>
      <c r="K6960" s="359"/>
      <c r="L6960" s="359"/>
    </row>
    <row r="6961" spans="2:12" ht="28.5">
      <c r="B6961" s="361"/>
      <c r="C6961" s="361"/>
      <c r="D6961" s="361"/>
      <c r="E6961" s="361"/>
      <c r="F6961" s="361" t="s">
        <v>14472</v>
      </c>
      <c r="G6961" s="361" t="s">
        <v>14473</v>
      </c>
      <c r="H6961" s="362"/>
      <c r="I6961" s="361" t="s">
        <v>14473</v>
      </c>
      <c r="J6961" s="361"/>
      <c r="K6961" s="361"/>
      <c r="L6961" s="361"/>
    </row>
    <row r="6962" spans="2:12" ht="71.25">
      <c r="B6962" s="358" t="s">
        <v>17763</v>
      </c>
      <c r="C6962" s="358" t="s">
        <v>17764</v>
      </c>
      <c r="D6962" s="358" t="s">
        <v>17765</v>
      </c>
      <c r="E6962" s="358" t="s">
        <v>17766</v>
      </c>
      <c r="F6962" s="358" t="s">
        <v>14443</v>
      </c>
      <c r="G6962" s="358" t="s">
        <v>14444</v>
      </c>
      <c r="H6962" s="358" t="s">
        <v>14381</v>
      </c>
      <c r="I6962" s="358" t="s">
        <v>14444</v>
      </c>
      <c r="J6962" s="358"/>
      <c r="K6962" s="358" t="s">
        <v>28882</v>
      </c>
      <c r="L6962" s="358"/>
    </row>
    <row r="6963" spans="2:12">
      <c r="B6963" s="359"/>
      <c r="C6963" s="359"/>
      <c r="D6963" s="359"/>
      <c r="E6963" s="359"/>
      <c r="F6963" s="360"/>
      <c r="G6963" s="360"/>
      <c r="H6963" s="360"/>
      <c r="I6963" s="360"/>
      <c r="J6963" s="359"/>
      <c r="K6963" s="359"/>
      <c r="L6963" s="359"/>
    </row>
    <row r="6964" spans="2:12" ht="28.5">
      <c r="B6964" s="359"/>
      <c r="C6964" s="359"/>
      <c r="D6964" s="359"/>
      <c r="E6964" s="359"/>
      <c r="F6964" s="359" t="s">
        <v>14384</v>
      </c>
      <c r="G6964" s="359" t="s">
        <v>14385</v>
      </c>
      <c r="H6964" s="359" t="s">
        <v>14370</v>
      </c>
      <c r="I6964" s="359" t="s">
        <v>28881</v>
      </c>
      <c r="J6964" s="359"/>
      <c r="K6964" s="359"/>
      <c r="L6964" s="359"/>
    </row>
    <row r="6965" spans="2:12">
      <c r="B6965" s="359"/>
      <c r="C6965" s="359"/>
      <c r="D6965" s="359"/>
      <c r="E6965" s="359"/>
      <c r="F6965" s="360"/>
      <c r="G6965" s="360"/>
      <c r="H6965" s="360"/>
      <c r="I6965" s="360"/>
      <c r="J6965" s="359"/>
      <c r="K6965" s="359"/>
      <c r="L6965" s="359"/>
    </row>
    <row r="6966" spans="2:12" ht="28.5">
      <c r="B6966" s="361"/>
      <c r="C6966" s="361"/>
      <c r="D6966" s="361"/>
      <c r="E6966" s="361"/>
      <c r="F6966" s="361" t="s">
        <v>14394</v>
      </c>
      <c r="G6966" s="361" t="s">
        <v>14395</v>
      </c>
      <c r="H6966" s="361" t="s">
        <v>14332</v>
      </c>
      <c r="I6966" s="362"/>
      <c r="J6966" s="361"/>
      <c r="K6966" s="361"/>
      <c r="L6966" s="361"/>
    </row>
    <row r="6967" spans="2:12">
      <c r="B6967" s="358" t="s">
        <v>17767</v>
      </c>
      <c r="C6967" s="358" t="s">
        <v>17768</v>
      </c>
      <c r="D6967" s="358" t="s">
        <v>17769</v>
      </c>
      <c r="E6967" s="358" t="s">
        <v>17770</v>
      </c>
      <c r="F6967" s="358" t="s">
        <v>14505</v>
      </c>
      <c r="G6967" s="358" t="s">
        <v>14506</v>
      </c>
      <c r="H6967" s="358" t="s">
        <v>14328</v>
      </c>
      <c r="I6967" s="358" t="s">
        <v>14506</v>
      </c>
      <c r="J6967" s="358"/>
      <c r="K6967" s="358"/>
      <c r="L6967" s="358" t="s">
        <v>14611</v>
      </c>
    </row>
    <row r="6968" spans="2:12">
      <c r="B6968" s="359"/>
      <c r="C6968" s="360"/>
      <c r="D6968" s="360"/>
      <c r="E6968" s="360"/>
      <c r="F6968" s="360"/>
      <c r="G6968" s="360"/>
      <c r="H6968" s="360"/>
      <c r="I6968" s="360"/>
      <c r="J6968" s="359"/>
      <c r="K6968" s="359"/>
      <c r="L6968" s="359"/>
    </row>
    <row r="6969" spans="2:12">
      <c r="B6969" s="359"/>
      <c r="C6969" s="359" t="s">
        <v>17771</v>
      </c>
      <c r="D6969" s="359" t="s">
        <v>17772</v>
      </c>
      <c r="E6969" s="359" t="s">
        <v>17773</v>
      </c>
      <c r="F6969" s="359" t="s">
        <v>14420</v>
      </c>
      <c r="G6969" s="359" t="s">
        <v>14459</v>
      </c>
      <c r="H6969" s="359" t="s">
        <v>14367</v>
      </c>
      <c r="I6969" s="359" t="s">
        <v>14459</v>
      </c>
      <c r="J6969" s="359"/>
      <c r="K6969" s="359"/>
      <c r="L6969" s="359"/>
    </row>
    <row r="6970" spans="2:12">
      <c r="B6970" s="359"/>
      <c r="C6970" s="360"/>
      <c r="D6970" s="360"/>
      <c r="E6970" s="360"/>
      <c r="F6970" s="360"/>
      <c r="G6970" s="360"/>
      <c r="H6970" s="360"/>
      <c r="I6970" s="360"/>
      <c r="J6970" s="359"/>
      <c r="K6970" s="359"/>
      <c r="L6970" s="359"/>
    </row>
    <row r="6971" spans="2:12">
      <c r="B6971" s="359"/>
      <c r="C6971" s="360"/>
      <c r="D6971" s="360"/>
      <c r="E6971" s="360"/>
      <c r="F6971" s="359" t="s">
        <v>14420</v>
      </c>
      <c r="G6971" s="359" t="s">
        <v>14421</v>
      </c>
      <c r="H6971" s="359" t="s">
        <v>14332</v>
      </c>
      <c r="I6971" s="359" t="s">
        <v>14421</v>
      </c>
      <c r="J6971" s="359"/>
      <c r="K6971" s="359"/>
      <c r="L6971" s="359"/>
    </row>
    <row r="6972" spans="2:12">
      <c r="B6972" s="359"/>
      <c r="C6972" s="360"/>
      <c r="D6972" s="360"/>
      <c r="E6972" s="360"/>
      <c r="F6972" s="360"/>
      <c r="G6972" s="360"/>
      <c r="H6972" s="360"/>
      <c r="I6972" s="360"/>
      <c r="J6972" s="359"/>
      <c r="K6972" s="359"/>
      <c r="L6972" s="359"/>
    </row>
    <row r="6973" spans="2:12">
      <c r="B6973" s="361"/>
      <c r="C6973" s="362"/>
      <c r="D6973" s="362"/>
      <c r="E6973" s="362"/>
      <c r="F6973" s="361" t="s">
        <v>14420</v>
      </c>
      <c r="G6973" s="361" t="s">
        <v>14429</v>
      </c>
      <c r="H6973" s="362"/>
      <c r="I6973" s="361" t="s">
        <v>14429</v>
      </c>
      <c r="J6973" s="361"/>
      <c r="K6973" s="361"/>
      <c r="L6973" s="361"/>
    </row>
    <row r="6974" spans="2:12">
      <c r="B6974" s="358" t="s">
        <v>13043</v>
      </c>
      <c r="C6974" s="358" t="s">
        <v>17774</v>
      </c>
      <c r="D6974" s="358" t="s">
        <v>180</v>
      </c>
      <c r="E6974" s="358" t="s">
        <v>181</v>
      </c>
      <c r="F6974" s="358" t="s">
        <v>14505</v>
      </c>
      <c r="G6974" s="358" t="s">
        <v>14506</v>
      </c>
      <c r="H6974" s="358" t="s">
        <v>14328</v>
      </c>
      <c r="I6974" s="358" t="s">
        <v>14506</v>
      </c>
      <c r="J6974" s="358"/>
      <c r="K6974" s="358"/>
      <c r="L6974" s="358"/>
    </row>
    <row r="6975" spans="2:12">
      <c r="B6975" s="359"/>
      <c r="C6975" s="360"/>
      <c r="D6975" s="359"/>
      <c r="E6975" s="359"/>
      <c r="F6975" s="360"/>
      <c r="G6975" s="360"/>
      <c r="H6975" s="360"/>
      <c r="I6975" s="360"/>
      <c r="J6975" s="359"/>
      <c r="K6975" s="359"/>
      <c r="L6975" s="359"/>
    </row>
    <row r="6976" spans="2:12" ht="28.5">
      <c r="B6976" s="359"/>
      <c r="C6976" s="359" t="s">
        <v>17775</v>
      </c>
      <c r="D6976" s="359"/>
      <c r="E6976" s="359"/>
      <c r="F6976" s="359" t="s">
        <v>14424</v>
      </c>
      <c r="G6976" s="359" t="s">
        <v>14425</v>
      </c>
      <c r="H6976" s="359" t="s">
        <v>14381</v>
      </c>
      <c r="I6976" s="359" t="s">
        <v>28883</v>
      </c>
      <c r="J6976" s="359"/>
      <c r="K6976" s="359"/>
      <c r="L6976" s="359"/>
    </row>
    <row r="6977" spans="2:12">
      <c r="B6977" s="359"/>
      <c r="C6977" s="360"/>
      <c r="D6977" s="359"/>
      <c r="E6977" s="359"/>
      <c r="F6977" s="360"/>
      <c r="G6977" s="360"/>
      <c r="H6977" s="360"/>
      <c r="I6977" s="360"/>
      <c r="J6977" s="359"/>
      <c r="K6977" s="359"/>
      <c r="L6977" s="359"/>
    </row>
    <row r="6978" spans="2:12">
      <c r="B6978" s="359"/>
      <c r="C6978" s="360"/>
      <c r="D6978" s="359"/>
      <c r="E6978" s="359"/>
      <c r="F6978" s="359" t="s">
        <v>14460</v>
      </c>
      <c r="G6978" s="359" t="s">
        <v>14519</v>
      </c>
      <c r="H6978" s="359" t="s">
        <v>14367</v>
      </c>
      <c r="I6978" s="359" t="s">
        <v>14387</v>
      </c>
      <c r="J6978" s="359"/>
      <c r="K6978" s="359"/>
      <c r="L6978" s="359"/>
    </row>
    <row r="6979" spans="2:12">
      <c r="B6979" s="359"/>
      <c r="C6979" s="360"/>
      <c r="D6979" s="359"/>
      <c r="E6979" s="359"/>
      <c r="F6979" s="360"/>
      <c r="G6979" s="360"/>
      <c r="H6979" s="360"/>
      <c r="I6979" s="360"/>
      <c r="J6979" s="359"/>
      <c r="K6979" s="359"/>
      <c r="L6979" s="359"/>
    </row>
    <row r="6980" spans="2:12">
      <c r="B6980" s="359"/>
      <c r="C6980" s="360"/>
      <c r="D6980" s="359"/>
      <c r="E6980" s="359"/>
      <c r="F6980" s="359" t="s">
        <v>14386</v>
      </c>
      <c r="G6980" s="359" t="s">
        <v>14387</v>
      </c>
      <c r="H6980" s="359" t="s">
        <v>14332</v>
      </c>
      <c r="I6980" s="359" t="s">
        <v>14388</v>
      </c>
      <c r="J6980" s="359"/>
      <c r="K6980" s="359"/>
      <c r="L6980" s="359"/>
    </row>
    <row r="6981" spans="2:12">
      <c r="B6981" s="359"/>
      <c r="C6981" s="360"/>
      <c r="D6981" s="359"/>
      <c r="E6981" s="359"/>
      <c r="F6981" s="360"/>
      <c r="G6981" s="360"/>
      <c r="H6981" s="360"/>
      <c r="I6981" s="360"/>
      <c r="J6981" s="359"/>
      <c r="K6981" s="359"/>
      <c r="L6981" s="359"/>
    </row>
    <row r="6982" spans="2:12">
      <c r="B6982" s="359"/>
      <c r="C6982" s="360"/>
      <c r="D6982" s="359"/>
      <c r="E6982" s="359"/>
      <c r="F6982" s="359" t="s">
        <v>14368</v>
      </c>
      <c r="G6982" s="359" t="s">
        <v>14388</v>
      </c>
      <c r="H6982" s="360"/>
      <c r="I6982" s="359" t="s">
        <v>14390</v>
      </c>
      <c r="J6982" s="359"/>
      <c r="K6982" s="359"/>
      <c r="L6982" s="359"/>
    </row>
    <row r="6983" spans="2:12">
      <c r="B6983" s="359"/>
      <c r="C6983" s="360"/>
      <c r="D6983" s="359"/>
      <c r="E6983" s="359"/>
      <c r="F6983" s="360"/>
      <c r="G6983" s="360"/>
      <c r="H6983" s="360"/>
      <c r="I6983" s="360"/>
      <c r="J6983" s="359"/>
      <c r="K6983" s="359"/>
      <c r="L6983" s="359"/>
    </row>
    <row r="6984" spans="2:12">
      <c r="B6984" s="359"/>
      <c r="C6984" s="360"/>
      <c r="D6984" s="359"/>
      <c r="E6984" s="359"/>
      <c r="F6984" s="359" t="s">
        <v>14389</v>
      </c>
      <c r="G6984" s="359" t="s">
        <v>14390</v>
      </c>
      <c r="H6984" s="360"/>
      <c r="I6984" s="359" t="s">
        <v>14369</v>
      </c>
      <c r="J6984" s="359"/>
      <c r="K6984" s="359"/>
      <c r="L6984" s="359"/>
    </row>
    <row r="6985" spans="2:12">
      <c r="B6985" s="359"/>
      <c r="C6985" s="360"/>
      <c r="D6985" s="359"/>
      <c r="E6985" s="359"/>
      <c r="F6985" s="360"/>
      <c r="G6985" s="360"/>
      <c r="H6985" s="360"/>
      <c r="I6985" s="360"/>
      <c r="J6985" s="359"/>
      <c r="K6985" s="359"/>
      <c r="L6985" s="359"/>
    </row>
    <row r="6986" spans="2:12">
      <c r="B6986" s="361"/>
      <c r="C6986" s="362"/>
      <c r="D6986" s="361"/>
      <c r="E6986" s="361"/>
      <c r="F6986" s="361" t="s">
        <v>14368</v>
      </c>
      <c r="G6986" s="361" t="s">
        <v>14369</v>
      </c>
      <c r="H6986" s="362"/>
      <c r="I6986" s="362"/>
      <c r="J6986" s="361"/>
      <c r="K6986" s="361"/>
      <c r="L6986" s="361"/>
    </row>
    <row r="6987" spans="2:12">
      <c r="B6987" s="354" t="s">
        <v>14492</v>
      </c>
      <c r="C6987" s="355"/>
      <c r="D6987" s="355"/>
      <c r="E6987" s="355"/>
      <c r="F6987" s="355"/>
      <c r="G6987" s="355"/>
      <c r="H6987" s="355"/>
      <c r="I6987" s="355"/>
      <c r="J6987" s="355"/>
      <c r="K6987" s="355"/>
      <c r="L6987" s="363"/>
    </row>
    <row r="6988" spans="2:12">
      <c r="B6988" s="358" t="s">
        <v>13729</v>
      </c>
      <c r="C6988" s="358" t="s">
        <v>17776</v>
      </c>
      <c r="D6988" s="358" t="s">
        <v>13730</v>
      </c>
      <c r="E6988" s="358" t="s">
        <v>13731</v>
      </c>
      <c r="F6988" s="358" t="s">
        <v>14505</v>
      </c>
      <c r="G6988" s="358" t="s">
        <v>14506</v>
      </c>
      <c r="H6988" s="358" t="s">
        <v>14328</v>
      </c>
      <c r="I6988" s="358" t="s">
        <v>14506</v>
      </c>
      <c r="J6988" s="358"/>
      <c r="K6988" s="358"/>
      <c r="L6988" s="358"/>
    </row>
    <row r="6989" spans="2:12">
      <c r="B6989" s="359"/>
      <c r="C6989" s="360"/>
      <c r="D6989" s="359"/>
      <c r="E6989" s="359"/>
      <c r="F6989" s="360"/>
      <c r="G6989" s="360"/>
      <c r="H6989" s="360"/>
      <c r="I6989" s="360"/>
      <c r="J6989" s="359"/>
      <c r="K6989" s="359"/>
      <c r="L6989" s="359"/>
    </row>
    <row r="6990" spans="2:12">
      <c r="B6990" s="359"/>
      <c r="C6990" s="359" t="s">
        <v>17777</v>
      </c>
      <c r="D6990" s="359"/>
      <c r="E6990" s="359"/>
      <c r="F6990" s="359" t="s">
        <v>14376</v>
      </c>
      <c r="G6990" s="359" t="s">
        <v>14669</v>
      </c>
      <c r="H6990" s="359" t="s">
        <v>14381</v>
      </c>
      <c r="I6990" s="359" t="s">
        <v>14669</v>
      </c>
      <c r="J6990" s="359"/>
      <c r="K6990" s="359"/>
      <c r="L6990" s="359"/>
    </row>
    <row r="6991" spans="2:12">
      <c r="B6991" s="359"/>
      <c r="C6991" s="360"/>
      <c r="D6991" s="359"/>
      <c r="E6991" s="359"/>
      <c r="F6991" s="360"/>
      <c r="G6991" s="360"/>
      <c r="H6991" s="360"/>
      <c r="I6991" s="360"/>
      <c r="J6991" s="359"/>
      <c r="K6991" s="359"/>
      <c r="L6991" s="359"/>
    </row>
    <row r="6992" spans="2:12">
      <c r="B6992" s="359"/>
      <c r="C6992" s="360"/>
      <c r="D6992" s="359"/>
      <c r="E6992" s="359"/>
      <c r="F6992" s="359" t="s">
        <v>17028</v>
      </c>
      <c r="G6992" s="359" t="s">
        <v>14459</v>
      </c>
      <c r="H6992" s="359" t="s">
        <v>14367</v>
      </c>
      <c r="I6992" s="359" t="s">
        <v>14459</v>
      </c>
      <c r="J6992" s="359"/>
      <c r="K6992" s="359"/>
      <c r="L6992" s="359"/>
    </row>
    <row r="6993" spans="2:12">
      <c r="B6993" s="359"/>
      <c r="C6993" s="360"/>
      <c r="D6993" s="359"/>
      <c r="E6993" s="359"/>
      <c r="F6993" s="360"/>
      <c r="G6993" s="360"/>
      <c r="H6993" s="360"/>
      <c r="I6993" s="360"/>
      <c r="J6993" s="359"/>
      <c r="K6993" s="359"/>
      <c r="L6993" s="359"/>
    </row>
    <row r="6994" spans="2:12">
      <c r="B6994" s="361"/>
      <c r="C6994" s="362"/>
      <c r="D6994" s="361"/>
      <c r="E6994" s="361"/>
      <c r="F6994" s="361" t="s">
        <v>17028</v>
      </c>
      <c r="G6994" s="361" t="s">
        <v>14429</v>
      </c>
      <c r="H6994" s="361" t="s">
        <v>14332</v>
      </c>
      <c r="I6994" s="361" t="s">
        <v>14429</v>
      </c>
      <c r="J6994" s="361"/>
      <c r="K6994" s="361"/>
      <c r="L6994" s="361"/>
    </row>
    <row r="6995" spans="2:12">
      <c r="B6995" s="354" t="s">
        <v>28528</v>
      </c>
      <c r="C6995" s="355"/>
      <c r="D6995" s="355"/>
      <c r="E6995" s="355"/>
      <c r="F6995" s="355"/>
      <c r="G6995" s="355"/>
      <c r="H6995" s="355"/>
      <c r="I6995" s="355"/>
      <c r="J6995" s="355"/>
      <c r="K6995" s="355"/>
      <c r="L6995" s="363"/>
    </row>
    <row r="6996" spans="2:12">
      <c r="B6996" s="358" t="s">
        <v>10299</v>
      </c>
      <c r="C6996" s="358" t="s">
        <v>17778</v>
      </c>
      <c r="D6996" s="358" t="s">
        <v>10300</v>
      </c>
      <c r="E6996" s="358" t="s">
        <v>13404</v>
      </c>
      <c r="F6996" s="358" t="s">
        <v>14376</v>
      </c>
      <c r="G6996" s="358" t="s">
        <v>14669</v>
      </c>
      <c r="H6996" s="358" t="s">
        <v>14378</v>
      </c>
      <c r="I6996" s="358" t="s">
        <v>14669</v>
      </c>
      <c r="J6996" s="358"/>
      <c r="K6996" s="358"/>
      <c r="L6996" s="358"/>
    </row>
    <row r="6997" spans="2:12">
      <c r="B6997" s="359"/>
      <c r="C6997" s="359"/>
      <c r="D6997" s="359"/>
      <c r="E6997" s="359"/>
      <c r="F6997" s="360"/>
      <c r="G6997" s="360"/>
      <c r="H6997" s="360"/>
      <c r="I6997" s="360"/>
      <c r="J6997" s="359"/>
      <c r="K6997" s="359"/>
      <c r="L6997" s="359"/>
    </row>
    <row r="6998" spans="2:12">
      <c r="B6998" s="359"/>
      <c r="C6998" s="359"/>
      <c r="D6998" s="359"/>
      <c r="E6998" s="359"/>
      <c r="F6998" s="359" t="s">
        <v>14889</v>
      </c>
      <c r="G6998" s="359" t="s">
        <v>14890</v>
      </c>
      <c r="H6998" s="359" t="s">
        <v>14381</v>
      </c>
      <c r="I6998" s="359" t="s">
        <v>14890</v>
      </c>
      <c r="J6998" s="359"/>
      <c r="K6998" s="359"/>
      <c r="L6998" s="359"/>
    </row>
    <row r="6999" spans="2:12">
      <c r="B6999" s="359"/>
      <c r="C6999" s="359"/>
      <c r="D6999" s="359"/>
      <c r="E6999" s="359"/>
      <c r="F6999" s="360"/>
      <c r="G6999" s="360"/>
      <c r="H6999" s="360"/>
      <c r="I6999" s="360"/>
      <c r="J6999" s="359"/>
      <c r="K6999" s="359"/>
      <c r="L6999" s="359"/>
    </row>
    <row r="7000" spans="2:12" ht="28.5">
      <c r="B7000" s="359"/>
      <c r="C7000" s="359"/>
      <c r="D7000" s="359"/>
      <c r="E7000" s="359"/>
      <c r="F7000" s="359" t="s">
        <v>14497</v>
      </c>
      <c r="G7000" s="359" t="s">
        <v>28884</v>
      </c>
      <c r="H7000" s="359" t="s">
        <v>14332</v>
      </c>
      <c r="I7000" s="359" t="s">
        <v>28884</v>
      </c>
      <c r="J7000" s="359"/>
      <c r="K7000" s="359"/>
      <c r="L7000" s="359"/>
    </row>
    <row r="7001" spans="2:12">
      <c r="B7001" s="359"/>
      <c r="C7001" s="359"/>
      <c r="D7001" s="359"/>
      <c r="E7001" s="359"/>
      <c r="F7001" s="360"/>
      <c r="G7001" s="360"/>
      <c r="H7001" s="360"/>
      <c r="I7001" s="360"/>
      <c r="J7001" s="359"/>
      <c r="K7001" s="359"/>
      <c r="L7001" s="359"/>
    </row>
    <row r="7002" spans="2:12" ht="28.5">
      <c r="B7002" s="359"/>
      <c r="C7002" s="359"/>
      <c r="D7002" s="359"/>
      <c r="E7002" s="359"/>
      <c r="F7002" s="359" t="s">
        <v>14382</v>
      </c>
      <c r="G7002" s="359" t="s">
        <v>14519</v>
      </c>
      <c r="H7002" s="360"/>
      <c r="I7002" s="359" t="s">
        <v>28885</v>
      </c>
      <c r="J7002" s="359"/>
      <c r="K7002" s="359"/>
      <c r="L7002" s="359"/>
    </row>
    <row r="7003" spans="2:12">
      <c r="B7003" s="359"/>
      <c r="C7003" s="359"/>
      <c r="D7003" s="359"/>
      <c r="E7003" s="359"/>
      <c r="F7003" s="360"/>
      <c r="G7003" s="360"/>
      <c r="H7003" s="360"/>
      <c r="I7003" s="360"/>
      <c r="J7003" s="359"/>
      <c r="K7003" s="359"/>
      <c r="L7003" s="359"/>
    </row>
    <row r="7004" spans="2:12">
      <c r="B7004" s="359"/>
      <c r="C7004" s="359"/>
      <c r="D7004" s="359"/>
      <c r="E7004" s="359"/>
      <c r="F7004" s="359" t="s">
        <v>14460</v>
      </c>
      <c r="G7004" s="359" t="s">
        <v>14473</v>
      </c>
      <c r="H7004" s="360"/>
      <c r="I7004" s="360"/>
      <c r="J7004" s="359"/>
      <c r="K7004" s="359"/>
      <c r="L7004" s="359"/>
    </row>
    <row r="7005" spans="2:12">
      <c r="B7005" s="359"/>
      <c r="C7005" s="359"/>
      <c r="D7005" s="359"/>
      <c r="E7005" s="359"/>
      <c r="F7005" s="360"/>
      <c r="G7005" s="360"/>
      <c r="H7005" s="360"/>
      <c r="I7005" s="360"/>
      <c r="J7005" s="359"/>
      <c r="K7005" s="359"/>
      <c r="L7005" s="359"/>
    </row>
    <row r="7006" spans="2:12" ht="28.5">
      <c r="B7006" s="361"/>
      <c r="C7006" s="361"/>
      <c r="D7006" s="361"/>
      <c r="E7006" s="361"/>
      <c r="F7006" s="361" t="s">
        <v>14472</v>
      </c>
      <c r="G7006" s="362"/>
      <c r="H7006" s="362"/>
      <c r="I7006" s="362"/>
      <c r="J7006" s="361"/>
      <c r="K7006" s="361"/>
      <c r="L7006" s="361"/>
    </row>
    <row r="7007" spans="2:12">
      <c r="B7007" s="358" t="s">
        <v>17779</v>
      </c>
      <c r="C7007" s="358" t="s">
        <v>17780</v>
      </c>
      <c r="D7007" s="358" t="s">
        <v>17781</v>
      </c>
      <c r="E7007" s="358" t="s">
        <v>17782</v>
      </c>
      <c r="F7007" s="358" t="s">
        <v>14505</v>
      </c>
      <c r="G7007" s="358" t="s">
        <v>14506</v>
      </c>
      <c r="H7007" s="358" t="s">
        <v>14328</v>
      </c>
      <c r="I7007" s="358" t="s">
        <v>14506</v>
      </c>
      <c r="J7007" s="358"/>
      <c r="K7007" s="358"/>
      <c r="L7007" s="358" t="s">
        <v>14611</v>
      </c>
    </row>
    <row r="7008" spans="2:12">
      <c r="B7008" s="359"/>
      <c r="C7008" s="360"/>
      <c r="D7008" s="360"/>
      <c r="E7008" s="360"/>
      <c r="F7008" s="360"/>
      <c r="G7008" s="360"/>
      <c r="H7008" s="360"/>
      <c r="I7008" s="360"/>
      <c r="J7008" s="359"/>
      <c r="K7008" s="359"/>
      <c r="L7008" s="359"/>
    </row>
    <row r="7009" spans="2:12">
      <c r="B7009" s="359"/>
      <c r="C7009" s="359" t="s">
        <v>17783</v>
      </c>
      <c r="D7009" s="359" t="s">
        <v>17784</v>
      </c>
      <c r="E7009" s="359" t="s">
        <v>17785</v>
      </c>
      <c r="F7009" s="359" t="s">
        <v>14420</v>
      </c>
      <c r="G7009" s="359" t="s">
        <v>14459</v>
      </c>
      <c r="H7009" s="359" t="s">
        <v>14367</v>
      </c>
      <c r="I7009" s="359" t="s">
        <v>14459</v>
      </c>
      <c r="J7009" s="359"/>
      <c r="K7009" s="359"/>
      <c r="L7009" s="359"/>
    </row>
    <row r="7010" spans="2:12">
      <c r="B7010" s="359"/>
      <c r="C7010" s="360"/>
      <c r="D7010" s="360"/>
      <c r="E7010" s="360"/>
      <c r="F7010" s="360"/>
      <c r="G7010" s="360"/>
      <c r="H7010" s="360"/>
      <c r="I7010" s="360"/>
      <c r="J7010" s="359"/>
      <c r="K7010" s="359"/>
      <c r="L7010" s="359"/>
    </row>
    <row r="7011" spans="2:12">
      <c r="B7011" s="359"/>
      <c r="C7011" s="359" t="s">
        <v>17786</v>
      </c>
      <c r="D7011" s="359" t="s">
        <v>17787</v>
      </c>
      <c r="E7011" s="359" t="s">
        <v>17788</v>
      </c>
      <c r="F7011" s="359" t="s">
        <v>14420</v>
      </c>
      <c r="G7011" s="359" t="s">
        <v>14421</v>
      </c>
      <c r="H7011" s="359" t="s">
        <v>14332</v>
      </c>
      <c r="I7011" s="359" t="s">
        <v>14421</v>
      </c>
      <c r="J7011" s="359"/>
      <c r="K7011" s="359"/>
      <c r="L7011" s="359"/>
    </row>
    <row r="7012" spans="2:12">
      <c r="B7012" s="359"/>
      <c r="C7012" s="360"/>
      <c r="D7012" s="360"/>
      <c r="E7012" s="360"/>
      <c r="F7012" s="360"/>
      <c r="G7012" s="360"/>
      <c r="H7012" s="360"/>
      <c r="I7012" s="360"/>
      <c r="J7012" s="359"/>
      <c r="K7012" s="359"/>
      <c r="L7012" s="359"/>
    </row>
    <row r="7013" spans="2:12">
      <c r="B7013" s="361"/>
      <c r="C7013" s="362"/>
      <c r="D7013" s="362"/>
      <c r="E7013" s="362"/>
      <c r="F7013" s="361" t="s">
        <v>14420</v>
      </c>
      <c r="G7013" s="361" t="s">
        <v>14429</v>
      </c>
      <c r="H7013" s="362"/>
      <c r="I7013" s="361" t="s">
        <v>14429</v>
      </c>
      <c r="J7013" s="361"/>
      <c r="K7013" s="361"/>
      <c r="L7013" s="361"/>
    </row>
    <row r="7014" spans="2:12">
      <c r="B7014" s="358" t="s">
        <v>9505</v>
      </c>
      <c r="C7014" s="358" t="s">
        <v>17789</v>
      </c>
      <c r="D7014" s="358" t="s">
        <v>9506</v>
      </c>
      <c r="E7014" s="358" t="s">
        <v>13401</v>
      </c>
      <c r="F7014" s="358" t="s">
        <v>14330</v>
      </c>
      <c r="G7014" s="358" t="s">
        <v>14327</v>
      </c>
      <c r="H7014" s="358" t="s">
        <v>14328</v>
      </c>
      <c r="I7014" s="358" t="s">
        <v>14327</v>
      </c>
      <c r="J7014" s="358"/>
      <c r="K7014" s="358"/>
      <c r="L7014" s="358" t="s">
        <v>17435</v>
      </c>
    </row>
    <row r="7015" spans="2:12">
      <c r="B7015" s="359"/>
      <c r="C7015" s="360"/>
      <c r="D7015" s="359"/>
      <c r="E7015" s="359"/>
      <c r="F7015" s="360"/>
      <c r="G7015" s="360"/>
      <c r="H7015" s="360"/>
      <c r="I7015" s="360"/>
      <c r="J7015" s="359"/>
      <c r="K7015" s="359"/>
      <c r="L7015" s="359"/>
    </row>
    <row r="7016" spans="2:12">
      <c r="B7016" s="359"/>
      <c r="C7016" s="359" t="s">
        <v>17790</v>
      </c>
      <c r="D7016" s="359"/>
      <c r="E7016" s="359"/>
      <c r="F7016" s="359" t="s">
        <v>14326</v>
      </c>
      <c r="G7016" s="359" t="s">
        <v>14669</v>
      </c>
      <c r="H7016" s="359" t="s">
        <v>14381</v>
      </c>
      <c r="I7016" s="359" t="s">
        <v>14669</v>
      </c>
      <c r="J7016" s="359"/>
      <c r="K7016" s="359"/>
      <c r="L7016" s="359"/>
    </row>
    <row r="7017" spans="2:12">
      <c r="B7017" s="359"/>
      <c r="C7017" s="360"/>
      <c r="D7017" s="359"/>
      <c r="E7017" s="359"/>
      <c r="F7017" s="360"/>
      <c r="G7017" s="360"/>
      <c r="H7017" s="360"/>
      <c r="I7017" s="360"/>
      <c r="J7017" s="359"/>
      <c r="K7017" s="359"/>
      <c r="L7017" s="359"/>
    </row>
    <row r="7018" spans="2:12">
      <c r="B7018" s="361"/>
      <c r="C7018" s="362"/>
      <c r="D7018" s="361"/>
      <c r="E7018" s="361"/>
      <c r="F7018" s="361" t="s">
        <v>16528</v>
      </c>
      <c r="G7018" s="362"/>
      <c r="H7018" s="361" t="s">
        <v>14332</v>
      </c>
      <c r="I7018" s="362"/>
      <c r="J7018" s="361"/>
      <c r="K7018" s="361"/>
      <c r="L7018" s="361"/>
    </row>
    <row r="7019" spans="2:12">
      <c r="B7019" s="358" t="s">
        <v>10302</v>
      </c>
      <c r="C7019" s="358" t="s">
        <v>17791</v>
      </c>
      <c r="D7019" s="358" t="s">
        <v>10303</v>
      </c>
      <c r="E7019" s="358" t="s">
        <v>7350</v>
      </c>
      <c r="F7019" s="358" t="s">
        <v>14330</v>
      </c>
      <c r="G7019" s="358" t="s">
        <v>14327</v>
      </c>
      <c r="H7019" s="358" t="s">
        <v>14328</v>
      </c>
      <c r="I7019" s="358" t="s">
        <v>14327</v>
      </c>
      <c r="J7019" s="358"/>
      <c r="K7019" s="358"/>
      <c r="L7019" s="358" t="s">
        <v>14329</v>
      </c>
    </row>
    <row r="7020" spans="2:12">
      <c r="B7020" s="359"/>
      <c r="C7020" s="359"/>
      <c r="D7020" s="359"/>
      <c r="E7020" s="359"/>
      <c r="F7020" s="360"/>
      <c r="G7020" s="360"/>
      <c r="H7020" s="360"/>
      <c r="I7020" s="360"/>
      <c r="J7020" s="359"/>
      <c r="K7020" s="359"/>
      <c r="L7020" s="359"/>
    </row>
    <row r="7021" spans="2:12">
      <c r="B7021" s="359"/>
      <c r="C7021" s="359"/>
      <c r="D7021" s="359"/>
      <c r="E7021" s="359"/>
      <c r="F7021" s="359" t="s">
        <v>14326</v>
      </c>
      <c r="G7021" s="359" t="s">
        <v>14669</v>
      </c>
      <c r="H7021" s="359" t="s">
        <v>14381</v>
      </c>
      <c r="I7021" s="359" t="s">
        <v>14669</v>
      </c>
      <c r="J7021" s="359"/>
      <c r="K7021" s="359"/>
      <c r="L7021" s="359"/>
    </row>
    <row r="7022" spans="2:12">
      <c r="B7022" s="359"/>
      <c r="C7022" s="359"/>
      <c r="D7022" s="359"/>
      <c r="E7022" s="359"/>
      <c r="F7022" s="360"/>
      <c r="G7022" s="360"/>
      <c r="H7022" s="360"/>
      <c r="I7022" s="360"/>
      <c r="J7022" s="359"/>
      <c r="K7022" s="359"/>
      <c r="L7022" s="359"/>
    </row>
    <row r="7023" spans="2:12">
      <c r="B7023" s="361"/>
      <c r="C7023" s="361"/>
      <c r="D7023" s="361"/>
      <c r="E7023" s="361"/>
      <c r="F7023" s="361" t="s">
        <v>14376</v>
      </c>
      <c r="G7023" s="362"/>
      <c r="H7023" s="361" t="s">
        <v>14332</v>
      </c>
      <c r="I7023" s="362"/>
      <c r="J7023" s="361"/>
      <c r="K7023" s="361"/>
      <c r="L7023" s="361"/>
    </row>
    <row r="7024" spans="2:12">
      <c r="B7024" s="358" t="s">
        <v>17792</v>
      </c>
      <c r="C7024" s="358" t="s">
        <v>17793</v>
      </c>
      <c r="D7024" s="358" t="s">
        <v>17794</v>
      </c>
      <c r="E7024" s="358" t="s">
        <v>17795</v>
      </c>
      <c r="F7024" s="358" t="s">
        <v>14524</v>
      </c>
      <c r="G7024" s="358" t="s">
        <v>14525</v>
      </c>
      <c r="H7024" s="358" t="s">
        <v>14328</v>
      </c>
      <c r="I7024" s="358" t="s">
        <v>14525</v>
      </c>
      <c r="J7024" s="358"/>
      <c r="K7024" s="358" t="s">
        <v>14929</v>
      </c>
      <c r="L7024" s="358" t="s">
        <v>595</v>
      </c>
    </row>
    <row r="7025" spans="2:12">
      <c r="B7025" s="359"/>
      <c r="C7025" s="360"/>
      <c r="D7025" s="359"/>
      <c r="E7025" s="359"/>
      <c r="F7025" s="360"/>
      <c r="G7025" s="360"/>
      <c r="H7025" s="360"/>
      <c r="I7025" s="360"/>
      <c r="J7025" s="359"/>
      <c r="K7025" s="359"/>
      <c r="L7025" s="359"/>
    </row>
    <row r="7026" spans="2:12">
      <c r="B7026" s="359"/>
      <c r="C7026" s="359" t="s">
        <v>17796</v>
      </c>
      <c r="D7026" s="359"/>
      <c r="E7026" s="359"/>
      <c r="F7026" s="359" t="s">
        <v>14443</v>
      </c>
      <c r="G7026" s="359" t="s">
        <v>14444</v>
      </c>
      <c r="H7026" s="359" t="s">
        <v>14381</v>
      </c>
      <c r="I7026" s="359" t="s">
        <v>14444</v>
      </c>
      <c r="J7026" s="359"/>
      <c r="K7026" s="359"/>
      <c r="L7026" s="359"/>
    </row>
    <row r="7027" spans="2:12">
      <c r="B7027" s="359"/>
      <c r="C7027" s="360"/>
      <c r="D7027" s="359"/>
      <c r="E7027" s="359"/>
      <c r="F7027" s="360"/>
      <c r="G7027" s="360"/>
      <c r="H7027" s="360"/>
      <c r="I7027" s="360"/>
      <c r="J7027" s="359"/>
      <c r="K7027" s="359"/>
      <c r="L7027" s="359"/>
    </row>
    <row r="7028" spans="2:12">
      <c r="B7028" s="359"/>
      <c r="C7028" s="360"/>
      <c r="D7028" s="359"/>
      <c r="E7028" s="359"/>
      <c r="F7028" s="359" t="s">
        <v>14420</v>
      </c>
      <c r="G7028" s="359" t="s">
        <v>14459</v>
      </c>
      <c r="H7028" s="359" t="s">
        <v>14367</v>
      </c>
      <c r="I7028" s="359" t="s">
        <v>14459</v>
      </c>
      <c r="J7028" s="359"/>
      <c r="K7028" s="359"/>
      <c r="L7028" s="359"/>
    </row>
    <row r="7029" spans="2:12">
      <c r="B7029" s="359"/>
      <c r="C7029" s="360"/>
      <c r="D7029" s="359"/>
      <c r="E7029" s="359"/>
      <c r="F7029" s="360"/>
      <c r="G7029" s="360"/>
      <c r="H7029" s="360"/>
      <c r="I7029" s="360"/>
      <c r="J7029" s="359"/>
      <c r="K7029" s="359"/>
      <c r="L7029" s="359"/>
    </row>
    <row r="7030" spans="2:12">
      <c r="B7030" s="361"/>
      <c r="C7030" s="362"/>
      <c r="D7030" s="361"/>
      <c r="E7030" s="361"/>
      <c r="F7030" s="362"/>
      <c r="G7030" s="362"/>
      <c r="H7030" s="361" t="s">
        <v>14332</v>
      </c>
      <c r="I7030" s="362"/>
      <c r="J7030" s="361"/>
      <c r="K7030" s="361"/>
      <c r="L7030" s="361"/>
    </row>
    <row r="7031" spans="2:12">
      <c r="B7031" s="358" t="s">
        <v>17797</v>
      </c>
      <c r="C7031" s="358" t="s">
        <v>17798</v>
      </c>
      <c r="D7031" s="358" t="s">
        <v>17799</v>
      </c>
      <c r="E7031" s="358" t="s">
        <v>17800</v>
      </c>
      <c r="F7031" s="358" t="s">
        <v>14505</v>
      </c>
      <c r="G7031" s="358" t="s">
        <v>14506</v>
      </c>
      <c r="H7031" s="358" t="s">
        <v>14328</v>
      </c>
      <c r="I7031" s="358" t="s">
        <v>14506</v>
      </c>
      <c r="J7031" s="358"/>
      <c r="K7031" s="358" t="s">
        <v>14929</v>
      </c>
      <c r="L7031" s="358" t="s">
        <v>14611</v>
      </c>
    </row>
    <row r="7032" spans="2:12">
      <c r="B7032" s="359"/>
      <c r="C7032" s="360"/>
      <c r="D7032" s="360"/>
      <c r="E7032" s="360"/>
      <c r="F7032" s="360"/>
      <c r="G7032" s="360"/>
      <c r="H7032" s="360"/>
      <c r="I7032" s="360"/>
      <c r="J7032" s="359"/>
      <c r="K7032" s="359"/>
      <c r="L7032" s="359"/>
    </row>
    <row r="7033" spans="2:12">
      <c r="B7033" s="359"/>
      <c r="C7033" s="359" t="s">
        <v>27543</v>
      </c>
      <c r="D7033" s="359" t="s">
        <v>17801</v>
      </c>
      <c r="E7033" s="359" t="s">
        <v>17802</v>
      </c>
      <c r="F7033" s="359" t="s">
        <v>14420</v>
      </c>
      <c r="G7033" s="359" t="s">
        <v>14459</v>
      </c>
      <c r="H7033" s="359" t="s">
        <v>14367</v>
      </c>
      <c r="I7033" s="359" t="s">
        <v>14459</v>
      </c>
      <c r="J7033" s="359"/>
      <c r="K7033" s="359"/>
      <c r="L7033" s="359"/>
    </row>
    <row r="7034" spans="2:12">
      <c r="B7034" s="359"/>
      <c r="C7034" s="360"/>
      <c r="D7034" s="360"/>
      <c r="E7034" s="360"/>
      <c r="F7034" s="360"/>
      <c r="G7034" s="360"/>
      <c r="H7034" s="360"/>
      <c r="I7034" s="360"/>
      <c r="J7034" s="359"/>
      <c r="K7034" s="359"/>
      <c r="L7034" s="359"/>
    </row>
    <row r="7035" spans="2:12" ht="28.5">
      <c r="B7035" s="361"/>
      <c r="C7035" s="361" t="s">
        <v>27544</v>
      </c>
      <c r="D7035" s="361" t="s">
        <v>17803</v>
      </c>
      <c r="E7035" s="361" t="s">
        <v>17804</v>
      </c>
      <c r="F7035" s="361" t="s">
        <v>14472</v>
      </c>
      <c r="G7035" s="361" t="s">
        <v>14473</v>
      </c>
      <c r="H7035" s="361" t="s">
        <v>14332</v>
      </c>
      <c r="I7035" s="361" t="s">
        <v>14473</v>
      </c>
      <c r="J7035" s="361"/>
      <c r="K7035" s="361"/>
      <c r="L7035" s="361"/>
    </row>
    <row r="7036" spans="2:12">
      <c r="B7036" s="358" t="s">
        <v>10305</v>
      </c>
      <c r="C7036" s="358" t="s">
        <v>17805</v>
      </c>
      <c r="D7036" s="358" t="s">
        <v>486</v>
      </c>
      <c r="E7036" s="358" t="s">
        <v>2222</v>
      </c>
      <c r="F7036" s="358" t="s">
        <v>14376</v>
      </c>
      <c r="G7036" s="358" t="s">
        <v>14669</v>
      </c>
      <c r="H7036" s="358" t="s">
        <v>14381</v>
      </c>
      <c r="I7036" s="358" t="s">
        <v>14669</v>
      </c>
      <c r="J7036" s="358"/>
      <c r="K7036" s="358"/>
      <c r="L7036" s="358"/>
    </row>
    <row r="7037" spans="2:12">
      <c r="B7037" s="359"/>
      <c r="C7037" s="360"/>
      <c r="D7037" s="359"/>
      <c r="E7037" s="359"/>
      <c r="F7037" s="360"/>
      <c r="G7037" s="360"/>
      <c r="H7037" s="360"/>
      <c r="I7037" s="360"/>
      <c r="J7037" s="359"/>
      <c r="K7037" s="359"/>
      <c r="L7037" s="359"/>
    </row>
    <row r="7038" spans="2:12">
      <c r="B7038" s="359"/>
      <c r="C7038" s="359" t="s">
        <v>17806</v>
      </c>
      <c r="D7038" s="359"/>
      <c r="E7038" s="359"/>
      <c r="F7038" s="359" t="s">
        <v>14426</v>
      </c>
      <c r="G7038" s="359" t="s">
        <v>14427</v>
      </c>
      <c r="H7038" s="359" t="s">
        <v>14367</v>
      </c>
      <c r="I7038" s="359" t="s">
        <v>14427</v>
      </c>
      <c r="J7038" s="359"/>
      <c r="K7038" s="359"/>
      <c r="L7038" s="359"/>
    </row>
    <row r="7039" spans="2:12">
      <c r="B7039" s="359"/>
      <c r="C7039" s="360"/>
      <c r="D7039" s="359"/>
      <c r="E7039" s="359"/>
      <c r="F7039" s="360"/>
      <c r="G7039" s="360"/>
      <c r="H7039" s="360"/>
      <c r="I7039" s="360"/>
      <c r="J7039" s="359"/>
      <c r="K7039" s="359"/>
      <c r="L7039" s="359"/>
    </row>
    <row r="7040" spans="2:12">
      <c r="B7040" s="359"/>
      <c r="C7040" s="360"/>
      <c r="D7040" s="359"/>
      <c r="E7040" s="359"/>
      <c r="F7040" s="359" t="s">
        <v>14386</v>
      </c>
      <c r="G7040" s="359" t="s">
        <v>14387</v>
      </c>
      <c r="H7040" s="359" t="s">
        <v>14332</v>
      </c>
      <c r="I7040" s="359" t="s">
        <v>14387</v>
      </c>
      <c r="J7040" s="359"/>
      <c r="K7040" s="359"/>
      <c r="L7040" s="359"/>
    </row>
    <row r="7041" spans="2:12">
      <c r="B7041" s="359"/>
      <c r="C7041" s="360"/>
      <c r="D7041" s="359"/>
      <c r="E7041" s="359"/>
      <c r="F7041" s="360"/>
      <c r="G7041" s="360"/>
      <c r="H7041" s="360"/>
      <c r="I7041" s="360"/>
      <c r="J7041" s="359"/>
      <c r="K7041" s="359"/>
      <c r="L7041" s="359"/>
    </row>
    <row r="7042" spans="2:12">
      <c r="B7042" s="359"/>
      <c r="C7042" s="360"/>
      <c r="D7042" s="359"/>
      <c r="E7042" s="359"/>
      <c r="F7042" s="359" t="s">
        <v>14389</v>
      </c>
      <c r="G7042" s="359" t="s">
        <v>14390</v>
      </c>
      <c r="H7042" s="360"/>
      <c r="I7042" s="359" t="s">
        <v>14390</v>
      </c>
      <c r="J7042" s="359"/>
      <c r="K7042" s="359"/>
      <c r="L7042" s="359"/>
    </row>
    <row r="7043" spans="2:12">
      <c r="B7043" s="359"/>
      <c r="C7043" s="360"/>
      <c r="D7043" s="359"/>
      <c r="E7043" s="359"/>
      <c r="F7043" s="360"/>
      <c r="G7043" s="360"/>
      <c r="H7043" s="360"/>
      <c r="I7043" s="360"/>
      <c r="J7043" s="359"/>
      <c r="K7043" s="359"/>
      <c r="L7043" s="359"/>
    </row>
    <row r="7044" spans="2:12">
      <c r="B7044" s="359"/>
      <c r="C7044" s="360"/>
      <c r="D7044" s="359"/>
      <c r="E7044" s="359"/>
      <c r="F7044" s="359" t="s">
        <v>14368</v>
      </c>
      <c r="G7044" s="359" t="s">
        <v>14369</v>
      </c>
      <c r="H7044" s="360"/>
      <c r="I7044" s="359" t="s">
        <v>14369</v>
      </c>
      <c r="J7044" s="359"/>
      <c r="K7044" s="359"/>
      <c r="L7044" s="359"/>
    </row>
    <row r="7045" spans="2:12">
      <c r="B7045" s="359"/>
      <c r="C7045" s="360"/>
      <c r="D7045" s="359"/>
      <c r="E7045" s="359"/>
      <c r="F7045" s="360"/>
      <c r="G7045" s="360"/>
      <c r="H7045" s="360"/>
      <c r="I7045" s="360"/>
      <c r="J7045" s="359"/>
      <c r="K7045" s="359"/>
      <c r="L7045" s="359"/>
    </row>
    <row r="7046" spans="2:12" ht="28.5">
      <c r="B7046" s="361"/>
      <c r="C7046" s="362"/>
      <c r="D7046" s="361"/>
      <c r="E7046" s="361"/>
      <c r="F7046" s="361" t="s">
        <v>14472</v>
      </c>
      <c r="G7046" s="361" t="s">
        <v>14473</v>
      </c>
      <c r="H7046" s="362"/>
      <c r="I7046" s="361" t="s">
        <v>14473</v>
      </c>
      <c r="J7046" s="361"/>
      <c r="K7046" s="361"/>
      <c r="L7046" s="361"/>
    </row>
    <row r="7047" spans="2:12">
      <c r="B7047" s="358" t="s">
        <v>17807</v>
      </c>
      <c r="C7047" s="358" t="s">
        <v>17808</v>
      </c>
      <c r="D7047" s="358" t="s">
        <v>17809</v>
      </c>
      <c r="E7047" s="358" t="s">
        <v>17810</v>
      </c>
      <c r="F7047" s="358" t="s">
        <v>14443</v>
      </c>
      <c r="G7047" s="358" t="s">
        <v>14444</v>
      </c>
      <c r="H7047" s="358" t="s">
        <v>14381</v>
      </c>
      <c r="I7047" s="358" t="s">
        <v>14444</v>
      </c>
      <c r="J7047" s="358"/>
      <c r="K7047" s="358"/>
      <c r="L7047" s="358"/>
    </row>
    <row r="7048" spans="2:12">
      <c r="B7048" s="359"/>
      <c r="C7048" s="359"/>
      <c r="D7048" s="359"/>
      <c r="E7048" s="359"/>
      <c r="F7048" s="360"/>
      <c r="G7048" s="360"/>
      <c r="H7048" s="360"/>
      <c r="I7048" s="360"/>
      <c r="J7048" s="359"/>
      <c r="K7048" s="359"/>
      <c r="L7048" s="359"/>
    </row>
    <row r="7049" spans="2:12" ht="28.5">
      <c r="B7049" s="359"/>
      <c r="C7049" s="359"/>
      <c r="D7049" s="359"/>
      <c r="E7049" s="359"/>
      <c r="F7049" s="359" t="s">
        <v>14394</v>
      </c>
      <c r="G7049" s="359" t="s">
        <v>14395</v>
      </c>
      <c r="H7049" s="359" t="s">
        <v>14370</v>
      </c>
      <c r="I7049" s="359" t="s">
        <v>14395</v>
      </c>
      <c r="J7049" s="359"/>
      <c r="K7049" s="359"/>
      <c r="L7049" s="359"/>
    </row>
    <row r="7050" spans="2:12">
      <c r="B7050" s="359"/>
      <c r="C7050" s="359"/>
      <c r="D7050" s="359"/>
      <c r="E7050" s="359"/>
      <c r="F7050" s="360"/>
      <c r="G7050" s="360"/>
      <c r="H7050" s="360"/>
      <c r="I7050" s="360"/>
      <c r="J7050" s="359"/>
      <c r="K7050" s="359"/>
      <c r="L7050" s="359"/>
    </row>
    <row r="7051" spans="2:12">
      <c r="B7051" s="361"/>
      <c r="C7051" s="361"/>
      <c r="D7051" s="361"/>
      <c r="E7051" s="361"/>
      <c r="F7051" s="362"/>
      <c r="G7051" s="362"/>
      <c r="H7051" s="361" t="s">
        <v>14422</v>
      </c>
      <c r="I7051" s="362"/>
      <c r="J7051" s="361"/>
      <c r="K7051" s="361"/>
      <c r="L7051" s="361"/>
    </row>
    <row r="7052" spans="2:12">
      <c r="B7052" s="358" t="s">
        <v>17811</v>
      </c>
      <c r="C7052" s="358" t="s">
        <v>17812</v>
      </c>
      <c r="D7052" s="358" t="s">
        <v>17813</v>
      </c>
      <c r="E7052" s="358" t="s">
        <v>17814</v>
      </c>
      <c r="F7052" s="358" t="s">
        <v>14505</v>
      </c>
      <c r="G7052" s="358" t="s">
        <v>14506</v>
      </c>
      <c r="H7052" s="358" t="s">
        <v>14328</v>
      </c>
      <c r="I7052" s="358" t="s">
        <v>14506</v>
      </c>
      <c r="J7052" s="358"/>
      <c r="K7052" s="358"/>
      <c r="L7052" s="358" t="s">
        <v>595</v>
      </c>
    </row>
    <row r="7053" spans="2:12">
      <c r="B7053" s="359"/>
      <c r="C7053" s="360"/>
      <c r="D7053" s="359"/>
      <c r="E7053" s="359"/>
      <c r="F7053" s="360"/>
      <c r="G7053" s="360"/>
      <c r="H7053" s="360"/>
      <c r="I7053" s="360"/>
      <c r="J7053" s="359"/>
      <c r="K7053" s="359"/>
      <c r="L7053" s="359"/>
    </row>
    <row r="7054" spans="2:12">
      <c r="B7054" s="359"/>
      <c r="C7054" s="359" t="s">
        <v>17815</v>
      </c>
      <c r="D7054" s="359"/>
      <c r="E7054" s="359"/>
      <c r="F7054" s="359" t="s">
        <v>14443</v>
      </c>
      <c r="G7054" s="359" t="s">
        <v>14444</v>
      </c>
      <c r="H7054" s="359" t="s">
        <v>14381</v>
      </c>
      <c r="I7054" s="359" t="s">
        <v>14444</v>
      </c>
      <c r="J7054" s="359"/>
      <c r="K7054" s="359"/>
      <c r="L7054" s="359"/>
    </row>
    <row r="7055" spans="2:12">
      <c r="B7055" s="359"/>
      <c r="C7055" s="360"/>
      <c r="D7055" s="359"/>
      <c r="E7055" s="359"/>
      <c r="F7055" s="360"/>
      <c r="G7055" s="360"/>
      <c r="H7055" s="360"/>
      <c r="I7055" s="360"/>
      <c r="J7055" s="359"/>
      <c r="K7055" s="359"/>
      <c r="L7055" s="359"/>
    </row>
    <row r="7056" spans="2:12">
      <c r="B7056" s="359"/>
      <c r="C7056" s="360"/>
      <c r="D7056" s="359"/>
      <c r="E7056" s="359"/>
      <c r="F7056" s="359" t="s">
        <v>14426</v>
      </c>
      <c r="G7056" s="359" t="s">
        <v>14427</v>
      </c>
      <c r="H7056" s="359" t="s">
        <v>14367</v>
      </c>
      <c r="I7056" s="359" t="s">
        <v>14427</v>
      </c>
      <c r="J7056" s="359"/>
      <c r="K7056" s="359"/>
      <c r="L7056" s="359"/>
    </row>
    <row r="7057" spans="2:12">
      <c r="B7057" s="359"/>
      <c r="C7057" s="360"/>
      <c r="D7057" s="359"/>
      <c r="E7057" s="359"/>
      <c r="F7057" s="360"/>
      <c r="G7057" s="360"/>
      <c r="H7057" s="360"/>
      <c r="I7057" s="360"/>
      <c r="J7057" s="359"/>
      <c r="K7057" s="359"/>
      <c r="L7057" s="359"/>
    </row>
    <row r="7058" spans="2:12">
      <c r="B7058" s="359"/>
      <c r="C7058" s="360"/>
      <c r="D7058" s="359"/>
      <c r="E7058" s="359"/>
      <c r="F7058" s="359" t="s">
        <v>14420</v>
      </c>
      <c r="G7058" s="359" t="s">
        <v>14459</v>
      </c>
      <c r="H7058" s="359" t="s">
        <v>14370</v>
      </c>
      <c r="I7058" s="359" t="s">
        <v>14459</v>
      </c>
      <c r="J7058" s="359"/>
      <c r="K7058" s="359"/>
      <c r="L7058" s="359"/>
    </row>
    <row r="7059" spans="2:12">
      <c r="B7059" s="359"/>
      <c r="C7059" s="360"/>
      <c r="D7059" s="359"/>
      <c r="E7059" s="359"/>
      <c r="F7059" s="360"/>
      <c r="G7059" s="360"/>
      <c r="H7059" s="360"/>
      <c r="I7059" s="360"/>
      <c r="J7059" s="359"/>
      <c r="K7059" s="359"/>
      <c r="L7059" s="359"/>
    </row>
    <row r="7060" spans="2:12">
      <c r="B7060" s="359"/>
      <c r="C7060" s="360"/>
      <c r="D7060" s="359"/>
      <c r="E7060" s="359"/>
      <c r="F7060" s="359" t="s">
        <v>14420</v>
      </c>
      <c r="G7060" s="359" t="s">
        <v>14421</v>
      </c>
      <c r="H7060" s="359" t="s">
        <v>14332</v>
      </c>
      <c r="I7060" s="359" t="s">
        <v>14421</v>
      </c>
      <c r="J7060" s="359"/>
      <c r="K7060" s="359"/>
      <c r="L7060" s="359"/>
    </row>
    <row r="7061" spans="2:12">
      <c r="B7061" s="359"/>
      <c r="C7061" s="360"/>
      <c r="D7061" s="359"/>
      <c r="E7061" s="359"/>
      <c r="F7061" s="360"/>
      <c r="G7061" s="360"/>
      <c r="H7061" s="360"/>
      <c r="I7061" s="360"/>
      <c r="J7061" s="359"/>
      <c r="K7061" s="359"/>
      <c r="L7061" s="359"/>
    </row>
    <row r="7062" spans="2:12">
      <c r="B7062" s="359"/>
      <c r="C7062" s="360"/>
      <c r="D7062" s="359"/>
      <c r="E7062" s="359"/>
      <c r="F7062" s="359" t="s">
        <v>14420</v>
      </c>
      <c r="G7062" s="359" t="s">
        <v>14429</v>
      </c>
      <c r="H7062" s="360"/>
      <c r="I7062" s="359" t="s">
        <v>14429</v>
      </c>
      <c r="J7062" s="359"/>
      <c r="K7062" s="359"/>
      <c r="L7062" s="359"/>
    </row>
    <row r="7063" spans="2:12">
      <c r="B7063" s="359"/>
      <c r="C7063" s="360"/>
      <c r="D7063" s="359"/>
      <c r="E7063" s="359"/>
      <c r="F7063" s="360"/>
      <c r="G7063" s="360"/>
      <c r="H7063" s="360"/>
      <c r="I7063" s="360"/>
      <c r="J7063" s="359"/>
      <c r="K7063" s="359"/>
      <c r="L7063" s="359"/>
    </row>
    <row r="7064" spans="2:12" ht="28.5">
      <c r="B7064" s="359"/>
      <c r="C7064" s="360"/>
      <c r="D7064" s="359"/>
      <c r="E7064" s="359"/>
      <c r="F7064" s="359" t="s">
        <v>14460</v>
      </c>
      <c r="G7064" s="359" t="s">
        <v>28648</v>
      </c>
      <c r="H7064" s="360"/>
      <c r="I7064" s="359" t="s">
        <v>28648</v>
      </c>
      <c r="J7064" s="359"/>
      <c r="K7064" s="359"/>
      <c r="L7064" s="359"/>
    </row>
    <row r="7065" spans="2:12">
      <c r="B7065" s="359"/>
      <c r="C7065" s="360"/>
      <c r="D7065" s="359"/>
      <c r="E7065" s="359"/>
      <c r="F7065" s="360"/>
      <c r="G7065" s="360"/>
      <c r="H7065" s="360"/>
      <c r="I7065" s="360"/>
      <c r="J7065" s="359"/>
      <c r="K7065" s="359"/>
      <c r="L7065" s="359"/>
    </row>
    <row r="7066" spans="2:12">
      <c r="B7066" s="359"/>
      <c r="C7066" s="360"/>
      <c r="D7066" s="359"/>
      <c r="E7066" s="359"/>
      <c r="F7066" s="359" t="s">
        <v>14386</v>
      </c>
      <c r="G7066" s="359" t="s">
        <v>14388</v>
      </c>
      <c r="H7066" s="360"/>
      <c r="I7066" s="359" t="s">
        <v>14388</v>
      </c>
      <c r="J7066" s="359"/>
      <c r="K7066" s="359"/>
      <c r="L7066" s="359"/>
    </row>
    <row r="7067" spans="2:12">
      <c r="B7067" s="359"/>
      <c r="C7067" s="360"/>
      <c r="D7067" s="359"/>
      <c r="E7067" s="359"/>
      <c r="F7067" s="360"/>
      <c r="G7067" s="360"/>
      <c r="H7067" s="360"/>
      <c r="I7067" s="360"/>
      <c r="J7067" s="359"/>
      <c r="K7067" s="359"/>
      <c r="L7067" s="359"/>
    </row>
    <row r="7068" spans="2:12">
      <c r="B7068" s="359"/>
      <c r="C7068" s="360"/>
      <c r="D7068" s="359"/>
      <c r="E7068" s="359"/>
      <c r="F7068" s="359" t="s">
        <v>14368</v>
      </c>
      <c r="G7068" s="359" t="s">
        <v>14390</v>
      </c>
      <c r="H7068" s="360"/>
      <c r="I7068" s="359" t="s">
        <v>14390</v>
      </c>
      <c r="J7068" s="359"/>
      <c r="K7068" s="359"/>
      <c r="L7068" s="359"/>
    </row>
    <row r="7069" spans="2:12">
      <c r="B7069" s="359"/>
      <c r="C7069" s="360"/>
      <c r="D7069" s="359"/>
      <c r="E7069" s="359"/>
      <c r="F7069" s="360"/>
      <c r="G7069" s="360"/>
      <c r="H7069" s="360"/>
      <c r="I7069" s="360"/>
      <c r="J7069" s="359"/>
      <c r="K7069" s="359"/>
      <c r="L7069" s="359"/>
    </row>
    <row r="7070" spans="2:12">
      <c r="B7070" s="359"/>
      <c r="C7070" s="360"/>
      <c r="D7070" s="359"/>
      <c r="E7070" s="359"/>
      <c r="F7070" s="359" t="s">
        <v>14389</v>
      </c>
      <c r="G7070" s="359" t="s">
        <v>14372</v>
      </c>
      <c r="H7070" s="360"/>
      <c r="I7070" s="359" t="s">
        <v>14372</v>
      </c>
      <c r="J7070" s="359"/>
      <c r="K7070" s="359"/>
      <c r="L7070" s="359"/>
    </row>
    <row r="7071" spans="2:12">
      <c r="B7071" s="359"/>
      <c r="C7071" s="360"/>
      <c r="D7071" s="359"/>
      <c r="E7071" s="359"/>
      <c r="F7071" s="360"/>
      <c r="G7071" s="360"/>
      <c r="H7071" s="360"/>
      <c r="I7071" s="360"/>
      <c r="J7071" s="359"/>
      <c r="K7071" s="359"/>
      <c r="L7071" s="359"/>
    </row>
    <row r="7072" spans="2:12">
      <c r="B7072" s="361"/>
      <c r="C7072" s="362"/>
      <c r="D7072" s="361"/>
      <c r="E7072" s="361"/>
      <c r="F7072" s="361" t="s">
        <v>14371</v>
      </c>
      <c r="G7072" s="362"/>
      <c r="H7072" s="362"/>
      <c r="I7072" s="362"/>
      <c r="J7072" s="361"/>
      <c r="K7072" s="361"/>
      <c r="L7072" s="361"/>
    </row>
    <row r="7073" spans="2:12">
      <c r="B7073" s="358" t="s">
        <v>17816</v>
      </c>
      <c r="C7073" s="358" t="s">
        <v>17817</v>
      </c>
      <c r="D7073" s="358" t="s">
        <v>17818</v>
      </c>
      <c r="E7073" s="358" t="s">
        <v>17819</v>
      </c>
      <c r="F7073" s="358" t="s">
        <v>14418</v>
      </c>
      <c r="G7073" s="358" t="s">
        <v>14419</v>
      </c>
      <c r="H7073" s="358" t="s">
        <v>14328</v>
      </c>
      <c r="I7073" s="358" t="s">
        <v>14419</v>
      </c>
      <c r="J7073" s="358"/>
      <c r="K7073" s="358"/>
      <c r="L7073" s="358" t="s">
        <v>17820</v>
      </c>
    </row>
    <row r="7074" spans="2:12">
      <c r="B7074" s="359"/>
      <c r="C7074" s="360"/>
      <c r="D7074" s="360"/>
      <c r="E7074" s="360"/>
      <c r="F7074" s="360"/>
      <c r="G7074" s="360"/>
      <c r="H7074" s="360"/>
      <c r="I7074" s="360"/>
      <c r="J7074" s="359"/>
      <c r="K7074" s="359"/>
      <c r="L7074" s="359"/>
    </row>
    <row r="7075" spans="2:12" ht="28.5">
      <c r="B7075" s="359"/>
      <c r="C7075" s="359" t="s">
        <v>27545</v>
      </c>
      <c r="D7075" s="359" t="s">
        <v>17821</v>
      </c>
      <c r="E7075" s="359" t="s">
        <v>17822</v>
      </c>
      <c r="F7075" s="359" t="s">
        <v>14382</v>
      </c>
      <c r="G7075" s="359" t="s">
        <v>14579</v>
      </c>
      <c r="H7075" s="359" t="s">
        <v>14378</v>
      </c>
      <c r="I7075" s="359" t="s">
        <v>14579</v>
      </c>
      <c r="J7075" s="359"/>
      <c r="K7075" s="359"/>
      <c r="L7075" s="359"/>
    </row>
    <row r="7076" spans="2:12">
      <c r="B7076" s="359"/>
      <c r="C7076" s="360"/>
      <c r="D7076" s="360"/>
      <c r="E7076" s="360"/>
      <c r="F7076" s="360"/>
      <c r="G7076" s="360"/>
      <c r="H7076" s="360"/>
      <c r="I7076" s="360"/>
      <c r="J7076" s="359"/>
      <c r="K7076" s="359"/>
      <c r="L7076" s="359"/>
    </row>
    <row r="7077" spans="2:12">
      <c r="B7077" s="359"/>
      <c r="C7077" s="360"/>
      <c r="D7077" s="360"/>
      <c r="E7077" s="360"/>
      <c r="F7077" s="359" t="s">
        <v>14382</v>
      </c>
      <c r="G7077" s="359" t="s">
        <v>14383</v>
      </c>
      <c r="H7077" s="359" t="s">
        <v>14381</v>
      </c>
      <c r="I7077" s="359" t="s">
        <v>14383</v>
      </c>
      <c r="J7077" s="359"/>
      <c r="K7077" s="359"/>
      <c r="L7077" s="359"/>
    </row>
    <row r="7078" spans="2:12">
      <c r="B7078" s="359"/>
      <c r="C7078" s="360"/>
      <c r="D7078" s="360"/>
      <c r="E7078" s="360"/>
      <c r="F7078" s="360"/>
      <c r="G7078" s="360"/>
      <c r="H7078" s="360"/>
      <c r="I7078" s="360"/>
      <c r="J7078" s="359"/>
      <c r="K7078" s="359"/>
      <c r="L7078" s="359"/>
    </row>
    <row r="7079" spans="2:12">
      <c r="B7079" s="359"/>
      <c r="C7079" s="360"/>
      <c r="D7079" s="360"/>
      <c r="E7079" s="360"/>
      <c r="F7079" s="359" t="s">
        <v>14420</v>
      </c>
      <c r="G7079" s="359" t="s">
        <v>14459</v>
      </c>
      <c r="H7079" s="359" t="s">
        <v>14370</v>
      </c>
      <c r="I7079" s="359" t="s">
        <v>14459</v>
      </c>
      <c r="J7079" s="359"/>
      <c r="K7079" s="359"/>
      <c r="L7079" s="359"/>
    </row>
    <row r="7080" spans="2:12">
      <c r="B7080" s="359"/>
      <c r="C7080" s="360"/>
      <c r="D7080" s="360"/>
      <c r="E7080" s="360"/>
      <c r="F7080" s="360"/>
      <c r="G7080" s="360"/>
      <c r="H7080" s="360"/>
      <c r="I7080" s="360"/>
      <c r="J7080" s="359"/>
      <c r="K7080" s="359"/>
      <c r="L7080" s="359"/>
    </row>
    <row r="7081" spans="2:12">
      <c r="B7081" s="359"/>
      <c r="C7081" s="360"/>
      <c r="D7081" s="360"/>
      <c r="E7081" s="360"/>
      <c r="F7081" s="359" t="s">
        <v>17310</v>
      </c>
      <c r="G7081" s="359" t="s">
        <v>17311</v>
      </c>
      <c r="H7081" s="359" t="s">
        <v>14332</v>
      </c>
      <c r="I7081" s="359" t="s">
        <v>17311</v>
      </c>
      <c r="J7081" s="359"/>
      <c r="K7081" s="359"/>
      <c r="L7081" s="359"/>
    </row>
    <row r="7082" spans="2:12">
      <c r="B7082" s="359"/>
      <c r="C7082" s="360"/>
      <c r="D7082" s="360"/>
      <c r="E7082" s="360"/>
      <c r="F7082" s="360"/>
      <c r="G7082" s="360"/>
      <c r="H7082" s="360"/>
      <c r="I7082" s="360"/>
      <c r="J7082" s="359"/>
      <c r="K7082" s="359"/>
      <c r="L7082" s="359"/>
    </row>
    <row r="7083" spans="2:12">
      <c r="B7083" s="359"/>
      <c r="C7083" s="360"/>
      <c r="D7083" s="360"/>
      <c r="E7083" s="360"/>
      <c r="F7083" s="359" t="s">
        <v>14386</v>
      </c>
      <c r="G7083" s="359" t="s">
        <v>14387</v>
      </c>
      <c r="H7083" s="360"/>
      <c r="I7083" s="359" t="s">
        <v>14387</v>
      </c>
      <c r="J7083" s="359"/>
      <c r="K7083" s="359"/>
      <c r="L7083" s="359"/>
    </row>
    <row r="7084" spans="2:12">
      <c r="B7084" s="359"/>
      <c r="C7084" s="360"/>
      <c r="D7084" s="360"/>
      <c r="E7084" s="360"/>
      <c r="F7084" s="360"/>
      <c r="G7084" s="360"/>
      <c r="H7084" s="360"/>
      <c r="I7084" s="360"/>
      <c r="J7084" s="359"/>
      <c r="K7084" s="359"/>
      <c r="L7084" s="359"/>
    </row>
    <row r="7085" spans="2:12">
      <c r="B7085" s="359"/>
      <c r="C7085" s="360"/>
      <c r="D7085" s="360"/>
      <c r="E7085" s="360"/>
      <c r="F7085" s="359" t="s">
        <v>14368</v>
      </c>
      <c r="G7085" s="359" t="s">
        <v>14388</v>
      </c>
      <c r="H7085" s="360"/>
      <c r="I7085" s="359" t="s">
        <v>14388</v>
      </c>
      <c r="J7085" s="359"/>
      <c r="K7085" s="359"/>
      <c r="L7085" s="359"/>
    </row>
    <row r="7086" spans="2:12">
      <c r="B7086" s="359"/>
      <c r="C7086" s="360"/>
      <c r="D7086" s="360"/>
      <c r="E7086" s="360"/>
      <c r="F7086" s="360"/>
      <c r="G7086" s="360"/>
      <c r="H7086" s="360"/>
      <c r="I7086" s="360"/>
      <c r="J7086" s="359"/>
      <c r="K7086" s="359"/>
      <c r="L7086" s="359"/>
    </row>
    <row r="7087" spans="2:12">
      <c r="B7087" s="359"/>
      <c r="C7087" s="360"/>
      <c r="D7087" s="360"/>
      <c r="E7087" s="360"/>
      <c r="F7087" s="359" t="s">
        <v>14389</v>
      </c>
      <c r="G7087" s="359" t="s">
        <v>14390</v>
      </c>
      <c r="H7087" s="360"/>
      <c r="I7087" s="359" t="s">
        <v>14390</v>
      </c>
      <c r="J7087" s="359"/>
      <c r="K7087" s="359"/>
      <c r="L7087" s="359"/>
    </row>
    <row r="7088" spans="2:12">
      <c r="B7088" s="359"/>
      <c r="C7088" s="360"/>
      <c r="D7088" s="360"/>
      <c r="E7088" s="360"/>
      <c r="F7088" s="360"/>
      <c r="G7088" s="360"/>
      <c r="H7088" s="360"/>
      <c r="I7088" s="360"/>
      <c r="J7088" s="359"/>
      <c r="K7088" s="359"/>
      <c r="L7088" s="359"/>
    </row>
    <row r="7089" spans="2:12">
      <c r="B7089" s="359"/>
      <c r="C7089" s="360"/>
      <c r="D7089" s="360"/>
      <c r="E7089" s="360"/>
      <c r="F7089" s="359" t="s">
        <v>14391</v>
      </c>
      <c r="G7089" s="359" t="s">
        <v>14392</v>
      </c>
      <c r="H7089" s="360"/>
      <c r="I7089" s="359" t="s">
        <v>14392</v>
      </c>
      <c r="J7089" s="359"/>
      <c r="K7089" s="359"/>
      <c r="L7089" s="359"/>
    </row>
    <row r="7090" spans="2:12">
      <c r="B7090" s="359"/>
      <c r="C7090" s="360"/>
      <c r="D7090" s="360"/>
      <c r="E7090" s="360"/>
      <c r="F7090" s="360"/>
      <c r="G7090" s="360"/>
      <c r="H7090" s="360"/>
      <c r="I7090" s="360"/>
      <c r="J7090" s="359"/>
      <c r="K7090" s="359"/>
      <c r="L7090" s="359"/>
    </row>
    <row r="7091" spans="2:12">
      <c r="B7091" s="359"/>
      <c r="C7091" s="360"/>
      <c r="D7091" s="360"/>
      <c r="E7091" s="360"/>
      <c r="F7091" s="359" t="s">
        <v>14371</v>
      </c>
      <c r="G7091" s="359" t="s">
        <v>14372</v>
      </c>
      <c r="H7091" s="360"/>
      <c r="I7091" s="359" t="s">
        <v>14373</v>
      </c>
      <c r="J7091" s="359"/>
      <c r="K7091" s="359"/>
      <c r="L7091" s="359"/>
    </row>
    <row r="7092" spans="2:12">
      <c r="B7092" s="359"/>
      <c r="C7092" s="360"/>
      <c r="D7092" s="360"/>
      <c r="E7092" s="360"/>
      <c r="F7092" s="360"/>
      <c r="G7092" s="360"/>
      <c r="H7092" s="360"/>
      <c r="I7092" s="360"/>
      <c r="J7092" s="359"/>
      <c r="K7092" s="359"/>
      <c r="L7092" s="359"/>
    </row>
    <row r="7093" spans="2:12" ht="28.5">
      <c r="B7093" s="361"/>
      <c r="C7093" s="362"/>
      <c r="D7093" s="362"/>
      <c r="E7093" s="362"/>
      <c r="F7093" s="361" t="s">
        <v>14374</v>
      </c>
      <c r="G7093" s="361" t="s">
        <v>14373</v>
      </c>
      <c r="H7093" s="362"/>
      <c r="I7093" s="362"/>
      <c r="J7093" s="361"/>
      <c r="K7093" s="361"/>
      <c r="L7093" s="361"/>
    </row>
    <row r="7094" spans="2:12">
      <c r="B7094" s="358" t="s">
        <v>17823</v>
      </c>
      <c r="C7094" s="358" t="s">
        <v>17824</v>
      </c>
      <c r="D7094" s="358" t="s">
        <v>17825</v>
      </c>
      <c r="E7094" s="358" t="s">
        <v>17826</v>
      </c>
      <c r="F7094" s="358" t="s">
        <v>14505</v>
      </c>
      <c r="G7094" s="358" t="s">
        <v>14506</v>
      </c>
      <c r="H7094" s="358" t="s">
        <v>14328</v>
      </c>
      <c r="I7094" s="358" t="s">
        <v>14506</v>
      </c>
      <c r="J7094" s="358"/>
      <c r="K7094" s="358"/>
      <c r="L7094" s="358"/>
    </row>
    <row r="7095" spans="2:12">
      <c r="B7095" s="359"/>
      <c r="C7095" s="359"/>
      <c r="D7095" s="359"/>
      <c r="E7095" s="359"/>
      <c r="F7095" s="360"/>
      <c r="G7095" s="360"/>
      <c r="H7095" s="360"/>
      <c r="I7095" s="360"/>
      <c r="J7095" s="359"/>
      <c r="K7095" s="359"/>
      <c r="L7095" s="359"/>
    </row>
    <row r="7096" spans="2:12">
      <c r="B7096" s="359"/>
      <c r="C7096" s="359"/>
      <c r="D7096" s="359"/>
      <c r="E7096" s="359"/>
      <c r="F7096" s="359" t="s">
        <v>14382</v>
      </c>
      <c r="G7096" s="359" t="s">
        <v>14383</v>
      </c>
      <c r="H7096" s="359" t="s">
        <v>14378</v>
      </c>
      <c r="I7096" s="359" t="s">
        <v>14383</v>
      </c>
      <c r="J7096" s="359"/>
      <c r="K7096" s="359"/>
      <c r="L7096" s="359"/>
    </row>
    <row r="7097" spans="2:12">
      <c r="B7097" s="359"/>
      <c r="C7097" s="359"/>
      <c r="D7097" s="359"/>
      <c r="E7097" s="359"/>
      <c r="F7097" s="360"/>
      <c r="G7097" s="360"/>
      <c r="H7097" s="360"/>
      <c r="I7097" s="360"/>
      <c r="J7097" s="359"/>
      <c r="K7097" s="359"/>
      <c r="L7097" s="359"/>
    </row>
    <row r="7098" spans="2:12" ht="28.5">
      <c r="B7098" s="361"/>
      <c r="C7098" s="361"/>
      <c r="D7098" s="361"/>
      <c r="E7098" s="361"/>
      <c r="F7098" s="361" t="s">
        <v>14472</v>
      </c>
      <c r="G7098" s="361" t="s">
        <v>14473</v>
      </c>
      <c r="H7098" s="361" t="s">
        <v>14332</v>
      </c>
      <c r="I7098" s="361" t="s">
        <v>14473</v>
      </c>
      <c r="J7098" s="361"/>
      <c r="K7098" s="361"/>
      <c r="L7098" s="361"/>
    </row>
    <row r="7099" spans="2:12">
      <c r="B7099" s="358" t="s">
        <v>17827</v>
      </c>
      <c r="C7099" s="358" t="s">
        <v>17828</v>
      </c>
      <c r="D7099" s="358" t="s">
        <v>17829</v>
      </c>
      <c r="E7099" s="358" t="s">
        <v>17830</v>
      </c>
      <c r="F7099" s="358" t="s">
        <v>14505</v>
      </c>
      <c r="G7099" s="358" t="s">
        <v>14506</v>
      </c>
      <c r="H7099" s="358" t="s">
        <v>14328</v>
      </c>
      <c r="I7099" s="358" t="s">
        <v>14506</v>
      </c>
      <c r="J7099" s="358"/>
      <c r="K7099" s="358"/>
      <c r="L7099" s="358"/>
    </row>
    <row r="7100" spans="2:12">
      <c r="B7100" s="359"/>
      <c r="C7100" s="359"/>
      <c r="D7100" s="359"/>
      <c r="E7100" s="359"/>
      <c r="F7100" s="360"/>
      <c r="G7100" s="360"/>
      <c r="H7100" s="360"/>
      <c r="I7100" s="360"/>
      <c r="J7100" s="359"/>
      <c r="K7100" s="359"/>
      <c r="L7100" s="359"/>
    </row>
    <row r="7101" spans="2:12">
      <c r="B7101" s="359"/>
      <c r="C7101" s="359"/>
      <c r="D7101" s="359"/>
      <c r="E7101" s="359"/>
      <c r="F7101" s="359" t="s">
        <v>14420</v>
      </c>
      <c r="G7101" s="359" t="s">
        <v>14459</v>
      </c>
      <c r="H7101" s="359" t="s">
        <v>14341</v>
      </c>
      <c r="I7101" s="359" t="s">
        <v>14459</v>
      </c>
      <c r="J7101" s="359"/>
      <c r="K7101" s="359"/>
      <c r="L7101" s="359"/>
    </row>
    <row r="7102" spans="2:12">
      <c r="B7102" s="359"/>
      <c r="C7102" s="359"/>
      <c r="D7102" s="359"/>
      <c r="E7102" s="359"/>
      <c r="F7102" s="360"/>
      <c r="G7102" s="360"/>
      <c r="H7102" s="360"/>
      <c r="I7102" s="360"/>
      <c r="J7102" s="359"/>
      <c r="K7102" s="359"/>
      <c r="L7102" s="359"/>
    </row>
    <row r="7103" spans="2:12">
      <c r="B7103" s="359"/>
      <c r="C7103" s="359"/>
      <c r="D7103" s="359"/>
      <c r="E7103" s="359"/>
      <c r="F7103" s="359" t="s">
        <v>14420</v>
      </c>
      <c r="G7103" s="359" t="s">
        <v>14429</v>
      </c>
      <c r="H7103" s="359" t="s">
        <v>14367</v>
      </c>
      <c r="I7103" s="359" t="s">
        <v>14429</v>
      </c>
      <c r="J7103" s="359"/>
      <c r="K7103" s="359"/>
      <c r="L7103" s="359"/>
    </row>
    <row r="7104" spans="2:12">
      <c r="B7104" s="359"/>
      <c r="C7104" s="359"/>
      <c r="D7104" s="359"/>
      <c r="E7104" s="359"/>
      <c r="F7104" s="360"/>
      <c r="G7104" s="360"/>
      <c r="H7104" s="360"/>
      <c r="I7104" s="360"/>
      <c r="J7104" s="359"/>
      <c r="K7104" s="359"/>
      <c r="L7104" s="359"/>
    </row>
    <row r="7105" spans="2:12">
      <c r="B7105" s="359"/>
      <c r="C7105" s="359"/>
      <c r="D7105" s="359"/>
      <c r="E7105" s="359"/>
      <c r="F7105" s="359" t="s">
        <v>14356</v>
      </c>
      <c r="G7105" s="359" t="s">
        <v>14340</v>
      </c>
      <c r="H7105" s="359" t="s">
        <v>14370</v>
      </c>
      <c r="I7105" s="359" t="s">
        <v>14340</v>
      </c>
      <c r="J7105" s="359"/>
      <c r="K7105" s="359"/>
      <c r="L7105" s="359"/>
    </row>
    <row r="7106" spans="2:12">
      <c r="B7106" s="359"/>
      <c r="C7106" s="359"/>
      <c r="D7106" s="359"/>
      <c r="E7106" s="359"/>
      <c r="F7106" s="360"/>
      <c r="G7106" s="360"/>
      <c r="H7106" s="360"/>
      <c r="I7106" s="360"/>
      <c r="J7106" s="359"/>
      <c r="K7106" s="359"/>
      <c r="L7106" s="359"/>
    </row>
    <row r="7107" spans="2:12">
      <c r="B7107" s="359"/>
      <c r="C7107" s="359"/>
      <c r="D7107" s="359"/>
      <c r="E7107" s="359"/>
      <c r="F7107" s="359" t="s">
        <v>14391</v>
      </c>
      <c r="G7107" s="359" t="s">
        <v>14392</v>
      </c>
      <c r="H7107" s="359" t="s">
        <v>14332</v>
      </c>
      <c r="I7107" s="359" t="s">
        <v>14392</v>
      </c>
      <c r="J7107" s="359"/>
      <c r="K7107" s="359"/>
      <c r="L7107" s="359"/>
    </row>
    <row r="7108" spans="2:12">
      <c r="B7108" s="359"/>
      <c r="C7108" s="359"/>
      <c r="D7108" s="359"/>
      <c r="E7108" s="359"/>
      <c r="F7108" s="360"/>
      <c r="G7108" s="360"/>
      <c r="H7108" s="360"/>
      <c r="I7108" s="360"/>
      <c r="J7108" s="359"/>
      <c r="K7108" s="359"/>
      <c r="L7108" s="359"/>
    </row>
    <row r="7109" spans="2:12" ht="28.5">
      <c r="B7109" s="361"/>
      <c r="C7109" s="361"/>
      <c r="D7109" s="361"/>
      <c r="E7109" s="361"/>
      <c r="F7109" s="361" t="s">
        <v>14394</v>
      </c>
      <c r="G7109" s="361" t="s">
        <v>14395</v>
      </c>
      <c r="H7109" s="362"/>
      <c r="I7109" s="361" t="s">
        <v>14395</v>
      </c>
      <c r="J7109" s="361"/>
      <c r="K7109" s="361"/>
      <c r="L7109" s="361"/>
    </row>
    <row r="7110" spans="2:12">
      <c r="B7110" s="354" t="s">
        <v>14492</v>
      </c>
      <c r="C7110" s="355"/>
      <c r="D7110" s="355"/>
      <c r="E7110" s="355"/>
      <c r="F7110" s="355"/>
      <c r="G7110" s="355"/>
      <c r="H7110" s="355"/>
      <c r="I7110" s="355"/>
      <c r="J7110" s="355"/>
      <c r="K7110" s="355"/>
      <c r="L7110" s="363"/>
    </row>
    <row r="7111" spans="2:12">
      <c r="B7111" s="358" t="s">
        <v>17831</v>
      </c>
      <c r="C7111" s="358" t="s">
        <v>17832</v>
      </c>
      <c r="D7111" s="358" t="s">
        <v>17833</v>
      </c>
      <c r="E7111" s="358" t="s">
        <v>17834</v>
      </c>
      <c r="F7111" s="358" t="s">
        <v>14418</v>
      </c>
      <c r="G7111" s="358" t="s">
        <v>14419</v>
      </c>
      <c r="H7111" s="358" t="s">
        <v>14328</v>
      </c>
      <c r="I7111" s="358" t="s">
        <v>14419</v>
      </c>
      <c r="J7111" s="358"/>
      <c r="K7111" s="358"/>
      <c r="L7111" s="358"/>
    </row>
    <row r="7112" spans="2:12">
      <c r="B7112" s="359"/>
      <c r="C7112" s="359"/>
      <c r="D7112" s="359"/>
      <c r="E7112" s="359"/>
      <c r="F7112" s="360"/>
      <c r="G7112" s="360"/>
      <c r="H7112" s="360"/>
      <c r="I7112" s="360"/>
      <c r="J7112" s="359"/>
      <c r="K7112" s="359"/>
      <c r="L7112" s="359"/>
    </row>
    <row r="7113" spans="2:12">
      <c r="B7113" s="359"/>
      <c r="C7113" s="359"/>
      <c r="D7113" s="359"/>
      <c r="E7113" s="359"/>
      <c r="F7113" s="359" t="s">
        <v>15089</v>
      </c>
      <c r="G7113" s="359" t="s">
        <v>14459</v>
      </c>
      <c r="H7113" s="359" t="s">
        <v>14367</v>
      </c>
      <c r="I7113" s="359" t="s">
        <v>14459</v>
      </c>
      <c r="J7113" s="359"/>
      <c r="K7113" s="359"/>
      <c r="L7113" s="359"/>
    </row>
    <row r="7114" spans="2:12">
      <c r="B7114" s="359"/>
      <c r="C7114" s="359"/>
      <c r="D7114" s="359"/>
      <c r="E7114" s="359"/>
      <c r="F7114" s="360"/>
      <c r="G7114" s="360"/>
      <c r="H7114" s="360"/>
      <c r="I7114" s="360"/>
      <c r="J7114" s="359"/>
      <c r="K7114" s="359"/>
      <c r="L7114" s="359"/>
    </row>
    <row r="7115" spans="2:12">
      <c r="B7115" s="359"/>
      <c r="C7115" s="359"/>
      <c r="D7115" s="359"/>
      <c r="E7115" s="359"/>
      <c r="F7115" s="359" t="s">
        <v>14389</v>
      </c>
      <c r="G7115" s="359" t="s">
        <v>14390</v>
      </c>
      <c r="H7115" s="359" t="s">
        <v>14370</v>
      </c>
      <c r="I7115" s="359" t="s">
        <v>14390</v>
      </c>
      <c r="J7115" s="359"/>
      <c r="K7115" s="359"/>
      <c r="L7115" s="359"/>
    </row>
    <row r="7116" spans="2:12">
      <c r="B7116" s="359"/>
      <c r="C7116" s="359"/>
      <c r="D7116" s="359"/>
      <c r="E7116" s="359"/>
      <c r="F7116" s="360"/>
      <c r="G7116" s="360"/>
      <c r="H7116" s="360"/>
      <c r="I7116" s="360"/>
      <c r="J7116" s="359"/>
      <c r="K7116" s="359"/>
      <c r="L7116" s="359"/>
    </row>
    <row r="7117" spans="2:12" ht="28.5">
      <c r="B7117" s="361"/>
      <c r="C7117" s="361"/>
      <c r="D7117" s="361"/>
      <c r="E7117" s="361"/>
      <c r="F7117" s="361" t="s">
        <v>14394</v>
      </c>
      <c r="G7117" s="361" t="s">
        <v>14395</v>
      </c>
      <c r="H7117" s="361" t="s">
        <v>14422</v>
      </c>
      <c r="I7117" s="361" t="s">
        <v>14395</v>
      </c>
      <c r="J7117" s="361"/>
      <c r="K7117" s="361"/>
      <c r="L7117" s="361"/>
    </row>
    <row r="7118" spans="2:12">
      <c r="B7118" s="354" t="s">
        <v>28528</v>
      </c>
      <c r="C7118" s="355"/>
      <c r="D7118" s="355"/>
      <c r="E7118" s="355"/>
      <c r="F7118" s="355"/>
      <c r="G7118" s="355"/>
      <c r="H7118" s="355"/>
      <c r="I7118" s="355"/>
      <c r="J7118" s="355"/>
      <c r="K7118" s="355"/>
      <c r="L7118" s="363"/>
    </row>
    <row r="7119" spans="2:12">
      <c r="B7119" s="358" t="s">
        <v>17835</v>
      </c>
      <c r="C7119" s="358" t="s">
        <v>17836</v>
      </c>
      <c r="D7119" s="358" t="s">
        <v>17837</v>
      </c>
      <c r="E7119" s="358" t="s">
        <v>17838</v>
      </c>
      <c r="F7119" s="358" t="s">
        <v>14420</v>
      </c>
      <c r="G7119" s="358" t="s">
        <v>14429</v>
      </c>
      <c r="H7119" s="358" t="s">
        <v>14367</v>
      </c>
      <c r="I7119" s="358" t="s">
        <v>14429</v>
      </c>
      <c r="J7119" s="358"/>
      <c r="K7119" s="358" t="s">
        <v>14929</v>
      </c>
      <c r="L7119" s="358"/>
    </row>
    <row r="7120" spans="2:12">
      <c r="B7120" s="359"/>
      <c r="C7120" s="360"/>
      <c r="D7120" s="359"/>
      <c r="E7120" s="359"/>
      <c r="F7120" s="360"/>
      <c r="G7120" s="360"/>
      <c r="H7120" s="360"/>
      <c r="I7120" s="360"/>
      <c r="J7120" s="359"/>
      <c r="K7120" s="359"/>
      <c r="L7120" s="359"/>
    </row>
    <row r="7121" spans="2:12">
      <c r="B7121" s="359"/>
      <c r="C7121" s="359" t="s">
        <v>27546</v>
      </c>
      <c r="D7121" s="359"/>
      <c r="E7121" s="359"/>
      <c r="F7121" s="359" t="s">
        <v>14386</v>
      </c>
      <c r="G7121" s="359" t="s">
        <v>14387</v>
      </c>
      <c r="H7121" s="359" t="s">
        <v>14370</v>
      </c>
      <c r="I7121" s="359" t="s">
        <v>14387</v>
      </c>
      <c r="J7121" s="359"/>
      <c r="K7121" s="359"/>
      <c r="L7121" s="359"/>
    </row>
    <row r="7122" spans="2:12">
      <c r="B7122" s="359"/>
      <c r="C7122" s="360"/>
      <c r="D7122" s="359"/>
      <c r="E7122" s="359"/>
      <c r="F7122" s="360"/>
      <c r="G7122" s="360"/>
      <c r="H7122" s="360"/>
      <c r="I7122" s="360"/>
      <c r="J7122" s="359"/>
      <c r="K7122" s="359"/>
      <c r="L7122" s="359"/>
    </row>
    <row r="7123" spans="2:12">
      <c r="B7123" s="359"/>
      <c r="C7123" s="360"/>
      <c r="D7123" s="359"/>
      <c r="E7123" s="359"/>
      <c r="F7123" s="359" t="s">
        <v>14368</v>
      </c>
      <c r="G7123" s="359" t="s">
        <v>14388</v>
      </c>
      <c r="H7123" s="359" t="s">
        <v>14422</v>
      </c>
      <c r="I7123" s="359" t="s">
        <v>14388</v>
      </c>
      <c r="J7123" s="359"/>
      <c r="K7123" s="359"/>
      <c r="L7123" s="359"/>
    </row>
    <row r="7124" spans="2:12">
      <c r="B7124" s="359"/>
      <c r="C7124" s="360"/>
      <c r="D7124" s="359"/>
      <c r="E7124" s="359"/>
      <c r="F7124" s="360"/>
      <c r="G7124" s="360"/>
      <c r="H7124" s="360"/>
      <c r="I7124" s="360"/>
      <c r="J7124" s="359"/>
      <c r="K7124" s="359"/>
      <c r="L7124" s="359"/>
    </row>
    <row r="7125" spans="2:12">
      <c r="B7125" s="359"/>
      <c r="C7125" s="360"/>
      <c r="D7125" s="359"/>
      <c r="E7125" s="359"/>
      <c r="F7125" s="359" t="s">
        <v>14389</v>
      </c>
      <c r="G7125" s="359" t="s">
        <v>14390</v>
      </c>
      <c r="H7125" s="360"/>
      <c r="I7125" s="359" t="s">
        <v>14390</v>
      </c>
      <c r="J7125" s="359"/>
      <c r="K7125" s="359"/>
      <c r="L7125" s="359"/>
    </row>
    <row r="7126" spans="2:12">
      <c r="B7126" s="359"/>
      <c r="C7126" s="360"/>
      <c r="D7126" s="359"/>
      <c r="E7126" s="359"/>
      <c r="F7126" s="360"/>
      <c r="G7126" s="360"/>
      <c r="H7126" s="360"/>
      <c r="I7126" s="360"/>
      <c r="J7126" s="359"/>
      <c r="K7126" s="359"/>
      <c r="L7126" s="359"/>
    </row>
    <row r="7127" spans="2:12">
      <c r="B7127" s="359"/>
      <c r="C7127" s="360"/>
      <c r="D7127" s="359"/>
      <c r="E7127" s="359"/>
      <c r="F7127" s="359" t="s">
        <v>14371</v>
      </c>
      <c r="G7127" s="359" t="s">
        <v>14372</v>
      </c>
      <c r="H7127" s="360"/>
      <c r="I7127" s="359" t="s">
        <v>14373</v>
      </c>
      <c r="J7127" s="359"/>
      <c r="K7127" s="359"/>
      <c r="L7127" s="359"/>
    </row>
    <row r="7128" spans="2:12">
      <c r="B7128" s="359"/>
      <c r="C7128" s="360"/>
      <c r="D7128" s="359"/>
      <c r="E7128" s="359"/>
      <c r="F7128" s="360"/>
      <c r="G7128" s="360"/>
      <c r="H7128" s="360"/>
      <c r="I7128" s="360"/>
      <c r="J7128" s="359"/>
      <c r="K7128" s="359"/>
      <c r="L7128" s="359"/>
    </row>
    <row r="7129" spans="2:12" ht="28.5">
      <c r="B7129" s="361"/>
      <c r="C7129" s="362"/>
      <c r="D7129" s="361"/>
      <c r="E7129" s="361"/>
      <c r="F7129" s="361" t="s">
        <v>14374</v>
      </c>
      <c r="G7129" s="361" t="s">
        <v>14373</v>
      </c>
      <c r="H7129" s="362"/>
      <c r="I7129" s="362"/>
      <c r="J7129" s="361"/>
      <c r="K7129" s="361"/>
      <c r="L7129" s="361"/>
    </row>
    <row r="7130" spans="2:12">
      <c r="B7130" s="358" t="s">
        <v>17839</v>
      </c>
      <c r="C7130" s="358" t="s">
        <v>17840</v>
      </c>
      <c r="D7130" s="358" t="s">
        <v>17841</v>
      </c>
      <c r="E7130" s="358" t="s">
        <v>17842</v>
      </c>
      <c r="F7130" s="358" t="s">
        <v>14443</v>
      </c>
      <c r="G7130" s="358" t="s">
        <v>14444</v>
      </c>
      <c r="H7130" s="358" t="s">
        <v>14381</v>
      </c>
      <c r="I7130" s="358" t="s">
        <v>14444</v>
      </c>
      <c r="J7130" s="358"/>
      <c r="K7130" s="358"/>
      <c r="L7130" s="358"/>
    </row>
    <row r="7131" spans="2:12">
      <c r="B7131" s="359"/>
      <c r="C7131" s="360"/>
      <c r="D7131" s="359"/>
      <c r="E7131" s="359"/>
      <c r="F7131" s="360"/>
      <c r="G7131" s="360"/>
      <c r="H7131" s="360"/>
      <c r="I7131" s="360"/>
      <c r="J7131" s="359"/>
      <c r="K7131" s="359"/>
      <c r="L7131" s="359"/>
    </row>
    <row r="7132" spans="2:12">
      <c r="B7132" s="359"/>
      <c r="C7132" s="359" t="s">
        <v>27547</v>
      </c>
      <c r="D7132" s="359"/>
      <c r="E7132" s="359"/>
      <c r="F7132" s="359" t="s">
        <v>14386</v>
      </c>
      <c r="G7132" s="359" t="s">
        <v>14387</v>
      </c>
      <c r="H7132" s="359" t="s">
        <v>14370</v>
      </c>
      <c r="I7132" s="359" t="s">
        <v>14387</v>
      </c>
      <c r="J7132" s="359"/>
      <c r="K7132" s="359"/>
      <c r="L7132" s="359"/>
    </row>
    <row r="7133" spans="2:12">
      <c r="B7133" s="359"/>
      <c r="C7133" s="360"/>
      <c r="D7133" s="359"/>
      <c r="E7133" s="359"/>
      <c r="F7133" s="360"/>
      <c r="G7133" s="360"/>
      <c r="H7133" s="360"/>
      <c r="I7133" s="360"/>
      <c r="J7133" s="359"/>
      <c r="K7133" s="359"/>
      <c r="L7133" s="359"/>
    </row>
    <row r="7134" spans="2:12">
      <c r="B7134" s="359"/>
      <c r="C7134" s="360"/>
      <c r="D7134" s="359"/>
      <c r="E7134" s="359"/>
      <c r="F7134" s="359" t="s">
        <v>14371</v>
      </c>
      <c r="G7134" s="359" t="s">
        <v>14372</v>
      </c>
      <c r="H7134" s="359" t="s">
        <v>14422</v>
      </c>
      <c r="I7134" s="359" t="s">
        <v>14373</v>
      </c>
      <c r="J7134" s="359"/>
      <c r="K7134" s="359"/>
      <c r="L7134" s="359"/>
    </row>
    <row r="7135" spans="2:12">
      <c r="B7135" s="359"/>
      <c r="C7135" s="360"/>
      <c r="D7135" s="359"/>
      <c r="E7135" s="359"/>
      <c r="F7135" s="360"/>
      <c r="G7135" s="360"/>
      <c r="H7135" s="360"/>
      <c r="I7135" s="360"/>
      <c r="J7135" s="359"/>
      <c r="K7135" s="359"/>
      <c r="L7135" s="359"/>
    </row>
    <row r="7136" spans="2:12" ht="28.5">
      <c r="B7136" s="361"/>
      <c r="C7136" s="362"/>
      <c r="D7136" s="361"/>
      <c r="E7136" s="361"/>
      <c r="F7136" s="361" t="s">
        <v>14374</v>
      </c>
      <c r="G7136" s="361" t="s">
        <v>14373</v>
      </c>
      <c r="H7136" s="362"/>
      <c r="I7136" s="362"/>
      <c r="J7136" s="361"/>
      <c r="K7136" s="361"/>
      <c r="L7136" s="361"/>
    </row>
    <row r="7137" spans="2:12">
      <c r="B7137" s="358" t="s">
        <v>10308</v>
      </c>
      <c r="C7137" s="358" t="s">
        <v>17843</v>
      </c>
      <c r="D7137" s="358" t="s">
        <v>10309</v>
      </c>
      <c r="E7137" s="358" t="s">
        <v>10310</v>
      </c>
      <c r="F7137" s="358" t="s">
        <v>14505</v>
      </c>
      <c r="G7137" s="358" t="s">
        <v>14506</v>
      </c>
      <c r="H7137" s="358" t="s">
        <v>14328</v>
      </c>
      <c r="I7137" s="358" t="s">
        <v>14506</v>
      </c>
      <c r="J7137" s="358"/>
      <c r="K7137" s="358"/>
      <c r="L7137" s="358" t="s">
        <v>595</v>
      </c>
    </row>
    <row r="7138" spans="2:12">
      <c r="B7138" s="359"/>
      <c r="C7138" s="360"/>
      <c r="D7138" s="359"/>
      <c r="E7138" s="359"/>
      <c r="F7138" s="360"/>
      <c r="G7138" s="360"/>
      <c r="H7138" s="360"/>
      <c r="I7138" s="360"/>
      <c r="J7138" s="359"/>
      <c r="K7138" s="359"/>
      <c r="L7138" s="359"/>
    </row>
    <row r="7139" spans="2:12">
      <c r="B7139" s="359"/>
      <c r="C7139" s="359" t="s">
        <v>17844</v>
      </c>
      <c r="D7139" s="359"/>
      <c r="E7139" s="359"/>
      <c r="F7139" s="359" t="s">
        <v>14376</v>
      </c>
      <c r="G7139" s="359" t="s">
        <v>14669</v>
      </c>
      <c r="H7139" s="359" t="s">
        <v>14381</v>
      </c>
      <c r="I7139" s="359" t="s">
        <v>14669</v>
      </c>
      <c r="J7139" s="359"/>
      <c r="K7139" s="359"/>
      <c r="L7139" s="359"/>
    </row>
    <row r="7140" spans="2:12">
      <c r="B7140" s="359"/>
      <c r="C7140" s="360"/>
      <c r="D7140" s="359"/>
      <c r="E7140" s="359"/>
      <c r="F7140" s="360"/>
      <c r="G7140" s="360"/>
      <c r="H7140" s="360"/>
      <c r="I7140" s="360"/>
      <c r="J7140" s="359"/>
      <c r="K7140" s="359"/>
      <c r="L7140" s="359"/>
    </row>
    <row r="7141" spans="2:12">
      <c r="B7141" s="359"/>
      <c r="C7141" s="360"/>
      <c r="D7141" s="359"/>
      <c r="E7141" s="359"/>
      <c r="F7141" s="359" t="s">
        <v>14420</v>
      </c>
      <c r="G7141" s="359" t="s">
        <v>14459</v>
      </c>
      <c r="H7141" s="359" t="s">
        <v>14367</v>
      </c>
      <c r="I7141" s="359" t="s">
        <v>14459</v>
      </c>
      <c r="J7141" s="359"/>
      <c r="K7141" s="359"/>
      <c r="L7141" s="359"/>
    </row>
    <row r="7142" spans="2:12">
      <c r="B7142" s="359"/>
      <c r="C7142" s="360"/>
      <c r="D7142" s="359"/>
      <c r="E7142" s="359"/>
      <c r="F7142" s="360"/>
      <c r="G7142" s="360"/>
      <c r="H7142" s="360"/>
      <c r="I7142" s="360"/>
      <c r="J7142" s="359"/>
      <c r="K7142" s="359"/>
      <c r="L7142" s="359"/>
    </row>
    <row r="7143" spans="2:12">
      <c r="B7143" s="359"/>
      <c r="C7143" s="360"/>
      <c r="D7143" s="359"/>
      <c r="E7143" s="359"/>
      <c r="F7143" s="359" t="s">
        <v>14420</v>
      </c>
      <c r="G7143" s="359" t="s">
        <v>14429</v>
      </c>
      <c r="H7143" s="359" t="s">
        <v>14332</v>
      </c>
      <c r="I7143" s="359" t="s">
        <v>14429</v>
      </c>
      <c r="J7143" s="359"/>
      <c r="K7143" s="359"/>
      <c r="L7143" s="359"/>
    </row>
    <row r="7144" spans="2:12">
      <c r="B7144" s="359"/>
      <c r="C7144" s="360"/>
      <c r="D7144" s="359"/>
      <c r="E7144" s="359"/>
      <c r="F7144" s="360"/>
      <c r="G7144" s="360"/>
      <c r="H7144" s="360"/>
      <c r="I7144" s="360"/>
      <c r="J7144" s="359"/>
      <c r="K7144" s="359"/>
      <c r="L7144" s="359"/>
    </row>
    <row r="7145" spans="2:12" ht="28.5">
      <c r="B7145" s="359"/>
      <c r="C7145" s="360"/>
      <c r="D7145" s="359"/>
      <c r="E7145" s="359"/>
      <c r="F7145" s="359" t="s">
        <v>14460</v>
      </c>
      <c r="G7145" s="359" t="s">
        <v>14519</v>
      </c>
      <c r="H7145" s="360"/>
      <c r="I7145" s="359" t="s">
        <v>28648</v>
      </c>
      <c r="J7145" s="359"/>
      <c r="K7145" s="359"/>
      <c r="L7145" s="359"/>
    </row>
    <row r="7146" spans="2:12">
      <c r="B7146" s="359"/>
      <c r="C7146" s="360"/>
      <c r="D7146" s="359"/>
      <c r="E7146" s="359"/>
      <c r="F7146" s="360"/>
      <c r="G7146" s="360"/>
      <c r="H7146" s="360"/>
      <c r="I7146" s="360"/>
      <c r="J7146" s="359"/>
      <c r="K7146" s="359"/>
      <c r="L7146" s="359"/>
    </row>
    <row r="7147" spans="2:12">
      <c r="B7147" s="359"/>
      <c r="C7147" s="360"/>
      <c r="D7147" s="359"/>
      <c r="E7147" s="359"/>
      <c r="F7147" s="359" t="s">
        <v>14386</v>
      </c>
      <c r="G7147" s="359" t="s">
        <v>14387</v>
      </c>
      <c r="H7147" s="360"/>
      <c r="I7147" s="359" t="s">
        <v>14388</v>
      </c>
      <c r="J7147" s="359"/>
      <c r="K7147" s="359"/>
      <c r="L7147" s="359"/>
    </row>
    <row r="7148" spans="2:12">
      <c r="B7148" s="359"/>
      <c r="C7148" s="360"/>
      <c r="D7148" s="359"/>
      <c r="E7148" s="359"/>
      <c r="F7148" s="360"/>
      <c r="G7148" s="360"/>
      <c r="H7148" s="360"/>
      <c r="I7148" s="360"/>
      <c r="J7148" s="359"/>
      <c r="K7148" s="359"/>
      <c r="L7148" s="359"/>
    </row>
    <row r="7149" spans="2:12">
      <c r="B7149" s="359"/>
      <c r="C7149" s="360"/>
      <c r="D7149" s="359"/>
      <c r="E7149" s="359"/>
      <c r="F7149" s="359" t="s">
        <v>14368</v>
      </c>
      <c r="G7149" s="359" t="s">
        <v>14388</v>
      </c>
      <c r="H7149" s="360"/>
      <c r="I7149" s="359" t="s">
        <v>14390</v>
      </c>
      <c r="J7149" s="359"/>
      <c r="K7149" s="359"/>
      <c r="L7149" s="359"/>
    </row>
    <row r="7150" spans="2:12">
      <c r="B7150" s="359"/>
      <c r="C7150" s="360"/>
      <c r="D7150" s="359"/>
      <c r="E7150" s="359"/>
      <c r="F7150" s="360"/>
      <c r="G7150" s="360"/>
      <c r="H7150" s="360"/>
      <c r="I7150" s="360"/>
      <c r="J7150" s="359"/>
      <c r="K7150" s="359"/>
      <c r="L7150" s="359"/>
    </row>
    <row r="7151" spans="2:12">
      <c r="B7151" s="361"/>
      <c r="C7151" s="362"/>
      <c r="D7151" s="361"/>
      <c r="E7151" s="361"/>
      <c r="F7151" s="361" t="s">
        <v>14389</v>
      </c>
      <c r="G7151" s="361" t="s">
        <v>14390</v>
      </c>
      <c r="H7151" s="362"/>
      <c r="I7151" s="362"/>
      <c r="J7151" s="361"/>
      <c r="K7151" s="361"/>
      <c r="L7151" s="361"/>
    </row>
    <row r="7152" spans="2:12">
      <c r="B7152" s="358" t="s">
        <v>10312</v>
      </c>
      <c r="C7152" s="358" t="s">
        <v>17845</v>
      </c>
      <c r="D7152" s="358" t="s">
        <v>10313</v>
      </c>
      <c r="E7152" s="358" t="s">
        <v>10314</v>
      </c>
      <c r="F7152" s="358" t="s">
        <v>14376</v>
      </c>
      <c r="G7152" s="358" t="s">
        <v>14669</v>
      </c>
      <c r="H7152" s="358" t="s">
        <v>14378</v>
      </c>
      <c r="I7152" s="358" t="s">
        <v>14669</v>
      </c>
      <c r="J7152" s="358"/>
      <c r="K7152" s="358"/>
      <c r="L7152" s="358"/>
    </row>
    <row r="7153" spans="2:12">
      <c r="B7153" s="359"/>
      <c r="C7153" s="360"/>
      <c r="D7153" s="359"/>
      <c r="E7153" s="359"/>
      <c r="F7153" s="360"/>
      <c r="G7153" s="360"/>
      <c r="H7153" s="360"/>
      <c r="I7153" s="360"/>
      <c r="J7153" s="359"/>
      <c r="K7153" s="359"/>
      <c r="L7153" s="359"/>
    </row>
    <row r="7154" spans="2:12">
      <c r="B7154" s="359"/>
      <c r="C7154" s="359" t="s">
        <v>17846</v>
      </c>
      <c r="D7154" s="359"/>
      <c r="E7154" s="359"/>
      <c r="F7154" s="359" t="s">
        <v>14382</v>
      </c>
      <c r="G7154" s="359" t="s">
        <v>14483</v>
      </c>
      <c r="H7154" s="359" t="s">
        <v>14381</v>
      </c>
      <c r="I7154" s="359" t="s">
        <v>14483</v>
      </c>
      <c r="J7154" s="359"/>
      <c r="K7154" s="359"/>
      <c r="L7154" s="359"/>
    </row>
    <row r="7155" spans="2:12">
      <c r="B7155" s="359"/>
      <c r="C7155" s="360"/>
      <c r="D7155" s="359"/>
      <c r="E7155" s="359"/>
      <c r="F7155" s="360"/>
      <c r="G7155" s="360"/>
      <c r="H7155" s="360"/>
      <c r="I7155" s="360"/>
      <c r="J7155" s="359"/>
      <c r="K7155" s="359"/>
      <c r="L7155" s="359"/>
    </row>
    <row r="7156" spans="2:12">
      <c r="B7156" s="359"/>
      <c r="C7156" s="360"/>
      <c r="D7156" s="359"/>
      <c r="E7156" s="359"/>
      <c r="F7156" s="359" t="s">
        <v>14420</v>
      </c>
      <c r="G7156" s="359" t="s">
        <v>14429</v>
      </c>
      <c r="H7156" s="359" t="s">
        <v>14341</v>
      </c>
      <c r="I7156" s="359" t="s">
        <v>14429</v>
      </c>
      <c r="J7156" s="359"/>
      <c r="K7156" s="359"/>
      <c r="L7156" s="359"/>
    </row>
    <row r="7157" spans="2:12">
      <c r="B7157" s="359"/>
      <c r="C7157" s="360"/>
      <c r="D7157" s="359"/>
      <c r="E7157" s="359"/>
      <c r="F7157" s="360"/>
      <c r="G7157" s="360"/>
      <c r="H7157" s="360"/>
      <c r="I7157" s="360"/>
      <c r="J7157" s="359"/>
      <c r="K7157" s="359"/>
      <c r="L7157" s="359"/>
    </row>
    <row r="7158" spans="2:12" ht="28.5">
      <c r="B7158" s="359"/>
      <c r="C7158" s="360"/>
      <c r="D7158" s="359"/>
      <c r="E7158" s="359"/>
      <c r="F7158" s="359" t="s">
        <v>14460</v>
      </c>
      <c r="G7158" s="359" t="s">
        <v>14519</v>
      </c>
      <c r="H7158" s="359" t="s">
        <v>14332</v>
      </c>
      <c r="I7158" s="359" t="s">
        <v>28886</v>
      </c>
      <c r="J7158" s="359"/>
      <c r="K7158" s="359"/>
      <c r="L7158" s="359"/>
    </row>
    <row r="7159" spans="2:12">
      <c r="B7159" s="359"/>
      <c r="C7159" s="360"/>
      <c r="D7159" s="359"/>
      <c r="E7159" s="359"/>
      <c r="F7159" s="360"/>
      <c r="G7159" s="360"/>
      <c r="H7159" s="360"/>
      <c r="I7159" s="360"/>
      <c r="J7159" s="359"/>
      <c r="K7159" s="359"/>
      <c r="L7159" s="359"/>
    </row>
    <row r="7160" spans="2:12">
      <c r="B7160" s="359"/>
      <c r="C7160" s="360"/>
      <c r="D7160" s="359"/>
      <c r="E7160" s="359"/>
      <c r="F7160" s="359" t="s">
        <v>14368</v>
      </c>
      <c r="G7160" s="359" t="s">
        <v>14388</v>
      </c>
      <c r="H7160" s="360"/>
      <c r="I7160" s="359" t="s">
        <v>14390</v>
      </c>
      <c r="J7160" s="359"/>
      <c r="K7160" s="359"/>
      <c r="L7160" s="359"/>
    </row>
    <row r="7161" spans="2:12">
      <c r="B7161" s="359"/>
      <c r="C7161" s="360"/>
      <c r="D7161" s="359"/>
      <c r="E7161" s="359"/>
      <c r="F7161" s="360"/>
      <c r="G7161" s="360"/>
      <c r="H7161" s="360"/>
      <c r="I7161" s="360"/>
      <c r="J7161" s="359"/>
      <c r="K7161" s="359"/>
      <c r="L7161" s="359"/>
    </row>
    <row r="7162" spans="2:12">
      <c r="B7162" s="359"/>
      <c r="C7162" s="360"/>
      <c r="D7162" s="359"/>
      <c r="E7162" s="359"/>
      <c r="F7162" s="359" t="s">
        <v>14389</v>
      </c>
      <c r="G7162" s="359" t="s">
        <v>14390</v>
      </c>
      <c r="H7162" s="360"/>
      <c r="I7162" s="359" t="s">
        <v>14431</v>
      </c>
      <c r="J7162" s="359"/>
      <c r="K7162" s="359"/>
      <c r="L7162" s="359"/>
    </row>
    <row r="7163" spans="2:12">
      <c r="B7163" s="359"/>
      <c r="C7163" s="360"/>
      <c r="D7163" s="359"/>
      <c r="E7163" s="359"/>
      <c r="F7163" s="360"/>
      <c r="G7163" s="360"/>
      <c r="H7163" s="360"/>
      <c r="I7163" s="360"/>
      <c r="J7163" s="359"/>
      <c r="K7163" s="359"/>
      <c r="L7163" s="359"/>
    </row>
    <row r="7164" spans="2:12">
      <c r="B7164" s="361"/>
      <c r="C7164" s="362"/>
      <c r="D7164" s="361"/>
      <c r="E7164" s="361"/>
      <c r="F7164" s="361" t="s">
        <v>14430</v>
      </c>
      <c r="G7164" s="361" t="s">
        <v>14431</v>
      </c>
      <c r="H7164" s="362"/>
      <c r="I7164" s="362"/>
      <c r="J7164" s="361"/>
      <c r="K7164" s="361"/>
      <c r="L7164" s="361"/>
    </row>
    <row r="7165" spans="2:12">
      <c r="B7165" s="358" t="s">
        <v>10316</v>
      </c>
      <c r="C7165" s="358" t="s">
        <v>28887</v>
      </c>
      <c r="D7165" s="358" t="s">
        <v>10317</v>
      </c>
      <c r="E7165" s="358" t="s">
        <v>13405</v>
      </c>
      <c r="F7165" s="358" t="s">
        <v>14376</v>
      </c>
      <c r="G7165" s="358" t="s">
        <v>14669</v>
      </c>
      <c r="H7165" s="358" t="s">
        <v>14378</v>
      </c>
      <c r="I7165" s="358" t="s">
        <v>14669</v>
      </c>
      <c r="J7165" s="358"/>
      <c r="K7165" s="358"/>
      <c r="L7165" s="358"/>
    </row>
    <row r="7166" spans="2:12">
      <c r="B7166" s="359"/>
      <c r="C7166" s="360"/>
      <c r="D7166" s="359"/>
      <c r="E7166" s="359"/>
      <c r="F7166" s="360"/>
      <c r="G7166" s="360"/>
      <c r="H7166" s="360"/>
      <c r="I7166" s="360"/>
      <c r="J7166" s="359"/>
      <c r="K7166" s="359"/>
      <c r="L7166" s="359"/>
    </row>
    <row r="7167" spans="2:12">
      <c r="B7167" s="359"/>
      <c r="C7167" s="359" t="s">
        <v>17847</v>
      </c>
      <c r="D7167" s="359"/>
      <c r="E7167" s="359"/>
      <c r="F7167" s="359" t="s">
        <v>14382</v>
      </c>
      <c r="G7167" s="359" t="s">
        <v>14483</v>
      </c>
      <c r="H7167" s="359" t="s">
        <v>14381</v>
      </c>
      <c r="I7167" s="359" t="s">
        <v>14483</v>
      </c>
      <c r="J7167" s="359"/>
      <c r="K7167" s="359"/>
      <c r="L7167" s="359"/>
    </row>
    <row r="7168" spans="2:12">
      <c r="B7168" s="359"/>
      <c r="C7168" s="360"/>
      <c r="D7168" s="359"/>
      <c r="E7168" s="359"/>
      <c r="F7168" s="360"/>
      <c r="G7168" s="360"/>
      <c r="H7168" s="360"/>
      <c r="I7168" s="360"/>
      <c r="J7168" s="359"/>
      <c r="K7168" s="359"/>
      <c r="L7168" s="359"/>
    </row>
    <row r="7169" spans="2:12">
      <c r="B7169" s="359"/>
      <c r="C7169" s="360"/>
      <c r="D7169" s="359"/>
      <c r="E7169" s="359"/>
      <c r="F7169" s="359" t="s">
        <v>14420</v>
      </c>
      <c r="G7169" s="359" t="s">
        <v>14429</v>
      </c>
      <c r="H7169" s="359" t="s">
        <v>14341</v>
      </c>
      <c r="I7169" s="359" t="s">
        <v>14429</v>
      </c>
      <c r="J7169" s="359"/>
      <c r="K7169" s="359"/>
      <c r="L7169" s="359"/>
    </row>
    <row r="7170" spans="2:12">
      <c r="B7170" s="359"/>
      <c r="C7170" s="360"/>
      <c r="D7170" s="359"/>
      <c r="E7170" s="359"/>
      <c r="F7170" s="360"/>
      <c r="G7170" s="360"/>
      <c r="H7170" s="360"/>
      <c r="I7170" s="360"/>
      <c r="J7170" s="359"/>
      <c r="K7170" s="359"/>
      <c r="L7170" s="359"/>
    </row>
    <row r="7171" spans="2:12">
      <c r="B7171" s="359"/>
      <c r="C7171" s="360"/>
      <c r="D7171" s="359"/>
      <c r="E7171" s="359"/>
      <c r="F7171" s="359" t="s">
        <v>14368</v>
      </c>
      <c r="G7171" s="359" t="s">
        <v>14388</v>
      </c>
      <c r="H7171" s="359" t="s">
        <v>14332</v>
      </c>
      <c r="I7171" s="359" t="s">
        <v>14388</v>
      </c>
      <c r="J7171" s="359"/>
      <c r="K7171" s="359"/>
      <c r="L7171" s="359"/>
    </row>
    <row r="7172" spans="2:12">
      <c r="B7172" s="359"/>
      <c r="C7172" s="360"/>
      <c r="D7172" s="359"/>
      <c r="E7172" s="359"/>
      <c r="F7172" s="360"/>
      <c r="G7172" s="360"/>
      <c r="H7172" s="360"/>
      <c r="I7172" s="360"/>
      <c r="J7172" s="359"/>
      <c r="K7172" s="359"/>
      <c r="L7172" s="359"/>
    </row>
    <row r="7173" spans="2:12">
      <c r="B7173" s="359"/>
      <c r="C7173" s="360"/>
      <c r="D7173" s="359"/>
      <c r="E7173" s="359"/>
      <c r="F7173" s="359" t="s">
        <v>14389</v>
      </c>
      <c r="G7173" s="359" t="s">
        <v>14390</v>
      </c>
      <c r="H7173" s="360"/>
      <c r="I7173" s="359" t="s">
        <v>14390</v>
      </c>
      <c r="J7173" s="359"/>
      <c r="K7173" s="359"/>
      <c r="L7173" s="359"/>
    </row>
    <row r="7174" spans="2:12">
      <c r="B7174" s="359"/>
      <c r="C7174" s="360"/>
      <c r="D7174" s="359"/>
      <c r="E7174" s="359"/>
      <c r="F7174" s="360"/>
      <c r="G7174" s="360"/>
      <c r="H7174" s="360"/>
      <c r="I7174" s="360"/>
      <c r="J7174" s="359"/>
      <c r="K7174" s="359"/>
      <c r="L7174" s="359"/>
    </row>
    <row r="7175" spans="2:12">
      <c r="B7175" s="361"/>
      <c r="C7175" s="362"/>
      <c r="D7175" s="361"/>
      <c r="E7175" s="361"/>
      <c r="F7175" s="361" t="s">
        <v>14430</v>
      </c>
      <c r="G7175" s="361" t="s">
        <v>14431</v>
      </c>
      <c r="H7175" s="362"/>
      <c r="I7175" s="361" t="s">
        <v>14431</v>
      </c>
      <c r="J7175" s="361"/>
      <c r="K7175" s="361"/>
      <c r="L7175" s="361"/>
    </row>
    <row r="7176" spans="2:12" ht="42.75">
      <c r="B7176" s="358" t="s">
        <v>17848</v>
      </c>
      <c r="C7176" s="358" t="s">
        <v>17849</v>
      </c>
      <c r="D7176" s="358" t="s">
        <v>17850</v>
      </c>
      <c r="E7176" s="358" t="s">
        <v>6419</v>
      </c>
      <c r="F7176" s="358" t="s">
        <v>14460</v>
      </c>
      <c r="G7176" s="358" t="s">
        <v>14519</v>
      </c>
      <c r="H7176" s="358" t="s">
        <v>14381</v>
      </c>
      <c r="I7176" s="358" t="s">
        <v>28681</v>
      </c>
      <c r="J7176" s="358"/>
      <c r="K7176" s="358" t="s">
        <v>28888</v>
      </c>
      <c r="L7176" s="358" t="s">
        <v>14611</v>
      </c>
    </row>
    <row r="7177" spans="2:12">
      <c r="B7177" s="359"/>
      <c r="C7177" s="360"/>
      <c r="D7177" s="359"/>
      <c r="E7177" s="359"/>
      <c r="F7177" s="360"/>
      <c r="G7177" s="360"/>
      <c r="H7177" s="360"/>
      <c r="I7177" s="359"/>
      <c r="J7177" s="359"/>
      <c r="K7177" s="359"/>
      <c r="L7177" s="359"/>
    </row>
    <row r="7178" spans="2:12">
      <c r="B7178" s="359"/>
      <c r="C7178" s="359" t="s">
        <v>17851</v>
      </c>
      <c r="D7178" s="359"/>
      <c r="E7178" s="359"/>
      <c r="F7178" s="359" t="s">
        <v>14371</v>
      </c>
      <c r="G7178" s="359" t="s">
        <v>14372</v>
      </c>
      <c r="H7178" s="359" t="s">
        <v>14370</v>
      </c>
      <c r="I7178" s="359"/>
      <c r="J7178" s="359"/>
      <c r="K7178" s="359"/>
      <c r="L7178" s="359"/>
    </row>
    <row r="7179" spans="2:12">
      <c r="B7179" s="359"/>
      <c r="C7179" s="360"/>
      <c r="D7179" s="359"/>
      <c r="E7179" s="359"/>
      <c r="F7179" s="360"/>
      <c r="G7179" s="360"/>
      <c r="H7179" s="360"/>
      <c r="I7179" s="359"/>
      <c r="J7179" s="359"/>
      <c r="K7179" s="359"/>
      <c r="L7179" s="359"/>
    </row>
    <row r="7180" spans="2:12" ht="28.5">
      <c r="B7180" s="361"/>
      <c r="C7180" s="362"/>
      <c r="D7180" s="361"/>
      <c r="E7180" s="361"/>
      <c r="F7180" s="361" t="s">
        <v>14374</v>
      </c>
      <c r="G7180" s="361" t="s">
        <v>14373</v>
      </c>
      <c r="H7180" s="361" t="s">
        <v>14422</v>
      </c>
      <c r="I7180" s="361"/>
      <c r="J7180" s="361"/>
      <c r="K7180" s="361"/>
      <c r="L7180" s="361"/>
    </row>
    <row r="7181" spans="2:12">
      <c r="B7181" s="358" t="s">
        <v>17852</v>
      </c>
      <c r="C7181" s="358" t="s">
        <v>17853</v>
      </c>
      <c r="D7181" s="358" t="s">
        <v>17854</v>
      </c>
      <c r="E7181" s="358" t="s">
        <v>17855</v>
      </c>
      <c r="F7181" s="358" t="s">
        <v>14420</v>
      </c>
      <c r="G7181" s="358" t="s">
        <v>14459</v>
      </c>
      <c r="H7181" s="358" t="s">
        <v>14367</v>
      </c>
      <c r="I7181" s="358" t="s">
        <v>14459</v>
      </c>
      <c r="J7181" s="358"/>
      <c r="K7181" s="358"/>
      <c r="L7181" s="358" t="s">
        <v>14611</v>
      </c>
    </row>
    <row r="7182" spans="2:12">
      <c r="B7182" s="359"/>
      <c r="C7182" s="360"/>
      <c r="D7182" s="360"/>
      <c r="E7182" s="360"/>
      <c r="F7182" s="360"/>
      <c r="G7182" s="360"/>
      <c r="H7182" s="360"/>
      <c r="I7182" s="360"/>
      <c r="J7182" s="359"/>
      <c r="K7182" s="359"/>
      <c r="L7182" s="359"/>
    </row>
    <row r="7183" spans="2:12" ht="28.5">
      <c r="B7183" s="359"/>
      <c r="C7183" s="359" t="s">
        <v>17856</v>
      </c>
      <c r="D7183" s="359" t="s">
        <v>17857</v>
      </c>
      <c r="E7183" s="359" t="s">
        <v>17858</v>
      </c>
      <c r="F7183" s="359" t="s">
        <v>14394</v>
      </c>
      <c r="G7183" s="359" t="s">
        <v>14395</v>
      </c>
      <c r="H7183" s="359" t="s">
        <v>14370</v>
      </c>
      <c r="I7183" s="359" t="s">
        <v>14395</v>
      </c>
      <c r="J7183" s="359"/>
      <c r="K7183" s="359"/>
      <c r="L7183" s="359"/>
    </row>
    <row r="7184" spans="2:12">
      <c r="B7184" s="359"/>
      <c r="C7184" s="360"/>
      <c r="D7184" s="360"/>
      <c r="E7184" s="360"/>
      <c r="F7184" s="360"/>
      <c r="G7184" s="360"/>
      <c r="H7184" s="360"/>
      <c r="I7184" s="360"/>
      <c r="J7184" s="359"/>
      <c r="K7184" s="359"/>
      <c r="L7184" s="359"/>
    </row>
    <row r="7185" spans="2:12">
      <c r="B7185" s="359"/>
      <c r="C7185" s="359" t="s">
        <v>17859</v>
      </c>
      <c r="D7185" s="359" t="s">
        <v>17860</v>
      </c>
      <c r="E7185" s="359" t="s">
        <v>17861</v>
      </c>
      <c r="F7185" s="360"/>
      <c r="G7185" s="360"/>
      <c r="H7185" s="359" t="s">
        <v>14422</v>
      </c>
      <c r="I7185" s="360"/>
      <c r="J7185" s="359"/>
      <c r="K7185" s="359"/>
      <c r="L7185" s="359"/>
    </row>
    <row r="7186" spans="2:12">
      <c r="B7186" s="359"/>
      <c r="C7186" s="360"/>
      <c r="D7186" s="360"/>
      <c r="E7186" s="360"/>
      <c r="F7186" s="360"/>
      <c r="G7186" s="360"/>
      <c r="H7186" s="360"/>
      <c r="I7186" s="360"/>
      <c r="J7186" s="359"/>
      <c r="K7186" s="359"/>
      <c r="L7186" s="359"/>
    </row>
    <row r="7187" spans="2:12" ht="28.5">
      <c r="B7187" s="361"/>
      <c r="C7187" s="361" t="s">
        <v>17862</v>
      </c>
      <c r="D7187" s="361" t="s">
        <v>17863</v>
      </c>
      <c r="E7187" s="361" t="s">
        <v>17864</v>
      </c>
      <c r="F7187" s="362"/>
      <c r="G7187" s="362"/>
      <c r="H7187" s="362"/>
      <c r="I7187" s="362"/>
      <c r="J7187" s="361"/>
      <c r="K7187" s="361"/>
      <c r="L7187" s="361"/>
    </row>
    <row r="7188" spans="2:12">
      <c r="B7188" s="358" t="s">
        <v>17865</v>
      </c>
      <c r="C7188" s="358" t="s">
        <v>17866</v>
      </c>
      <c r="D7188" s="358" t="s">
        <v>17867</v>
      </c>
      <c r="E7188" s="358" t="s">
        <v>6432</v>
      </c>
      <c r="F7188" s="358" t="s">
        <v>14420</v>
      </c>
      <c r="G7188" s="358" t="s">
        <v>14421</v>
      </c>
      <c r="H7188" s="358" t="s">
        <v>14367</v>
      </c>
      <c r="I7188" s="358" t="s">
        <v>14421</v>
      </c>
      <c r="J7188" s="358"/>
      <c r="K7188" s="358"/>
      <c r="L7188" s="358" t="s">
        <v>14611</v>
      </c>
    </row>
    <row r="7189" spans="2:12">
      <c r="B7189" s="359"/>
      <c r="C7189" s="359"/>
      <c r="D7189" s="359"/>
      <c r="E7189" s="359"/>
      <c r="F7189" s="360"/>
      <c r="G7189" s="360"/>
      <c r="H7189" s="360"/>
      <c r="I7189" s="360"/>
      <c r="J7189" s="359"/>
      <c r="K7189" s="359"/>
      <c r="L7189" s="359"/>
    </row>
    <row r="7190" spans="2:12">
      <c r="B7190" s="359"/>
      <c r="C7190" s="359"/>
      <c r="D7190" s="359"/>
      <c r="E7190" s="359"/>
      <c r="F7190" s="359" t="s">
        <v>14420</v>
      </c>
      <c r="G7190" s="359" t="s">
        <v>14429</v>
      </c>
      <c r="H7190" s="359" t="s">
        <v>14370</v>
      </c>
      <c r="I7190" s="359" t="s">
        <v>14429</v>
      </c>
      <c r="J7190" s="359"/>
      <c r="K7190" s="359"/>
      <c r="L7190" s="359"/>
    </row>
    <row r="7191" spans="2:12">
      <c r="B7191" s="359"/>
      <c r="C7191" s="359"/>
      <c r="D7191" s="359"/>
      <c r="E7191" s="359"/>
      <c r="F7191" s="360"/>
      <c r="G7191" s="360"/>
      <c r="H7191" s="360"/>
      <c r="I7191" s="360"/>
      <c r="J7191" s="359"/>
      <c r="K7191" s="359"/>
      <c r="L7191" s="359"/>
    </row>
    <row r="7192" spans="2:12">
      <c r="B7192" s="359"/>
      <c r="C7192" s="359"/>
      <c r="D7192" s="359"/>
      <c r="E7192" s="359"/>
      <c r="F7192" s="359" t="s">
        <v>14386</v>
      </c>
      <c r="G7192" s="359" t="s">
        <v>14387</v>
      </c>
      <c r="H7192" s="359" t="s">
        <v>14422</v>
      </c>
      <c r="I7192" s="359" t="s">
        <v>14387</v>
      </c>
      <c r="J7192" s="359"/>
      <c r="K7192" s="359"/>
      <c r="L7192" s="359"/>
    </row>
    <row r="7193" spans="2:12">
      <c r="B7193" s="359"/>
      <c r="C7193" s="359"/>
      <c r="D7193" s="359"/>
      <c r="E7193" s="359"/>
      <c r="F7193" s="360"/>
      <c r="G7193" s="360"/>
      <c r="H7193" s="360"/>
      <c r="I7193" s="360"/>
      <c r="J7193" s="359"/>
      <c r="K7193" s="359"/>
      <c r="L7193" s="359"/>
    </row>
    <row r="7194" spans="2:12">
      <c r="B7194" s="359"/>
      <c r="C7194" s="359"/>
      <c r="D7194" s="359"/>
      <c r="E7194" s="359"/>
      <c r="F7194" s="359" t="s">
        <v>14389</v>
      </c>
      <c r="G7194" s="359" t="s">
        <v>14390</v>
      </c>
      <c r="H7194" s="360"/>
      <c r="I7194" s="359" t="s">
        <v>14390</v>
      </c>
      <c r="J7194" s="359"/>
      <c r="K7194" s="359"/>
      <c r="L7194" s="359"/>
    </row>
    <row r="7195" spans="2:12">
      <c r="B7195" s="359"/>
      <c r="C7195" s="359"/>
      <c r="D7195" s="359"/>
      <c r="E7195" s="359"/>
      <c r="F7195" s="360"/>
      <c r="G7195" s="360"/>
      <c r="H7195" s="360"/>
      <c r="I7195" s="360"/>
      <c r="J7195" s="359"/>
      <c r="K7195" s="359"/>
      <c r="L7195" s="359"/>
    </row>
    <row r="7196" spans="2:12">
      <c r="B7196" s="359"/>
      <c r="C7196" s="359"/>
      <c r="D7196" s="359"/>
      <c r="E7196" s="359"/>
      <c r="F7196" s="359" t="s">
        <v>14371</v>
      </c>
      <c r="G7196" s="359" t="s">
        <v>14372</v>
      </c>
      <c r="H7196" s="360"/>
      <c r="I7196" s="359" t="s">
        <v>14373</v>
      </c>
      <c r="J7196" s="359"/>
      <c r="K7196" s="359"/>
      <c r="L7196" s="359"/>
    </row>
    <row r="7197" spans="2:12">
      <c r="B7197" s="359"/>
      <c r="C7197" s="359"/>
      <c r="D7197" s="359"/>
      <c r="E7197" s="359"/>
      <c r="F7197" s="360"/>
      <c r="G7197" s="360"/>
      <c r="H7197" s="360"/>
      <c r="I7197" s="360"/>
      <c r="J7197" s="359"/>
      <c r="K7197" s="359"/>
      <c r="L7197" s="359"/>
    </row>
    <row r="7198" spans="2:12" ht="28.5">
      <c r="B7198" s="361"/>
      <c r="C7198" s="361"/>
      <c r="D7198" s="361"/>
      <c r="E7198" s="361"/>
      <c r="F7198" s="361" t="s">
        <v>14374</v>
      </c>
      <c r="G7198" s="361" t="s">
        <v>14373</v>
      </c>
      <c r="H7198" s="362"/>
      <c r="I7198" s="362"/>
      <c r="J7198" s="361"/>
      <c r="K7198" s="361"/>
      <c r="L7198" s="361"/>
    </row>
    <row r="7199" spans="2:12" ht="28.5">
      <c r="B7199" s="358" t="s">
        <v>17868</v>
      </c>
      <c r="C7199" s="358" t="s">
        <v>17869</v>
      </c>
      <c r="D7199" s="358" t="s">
        <v>8356</v>
      </c>
      <c r="E7199" s="358" t="s">
        <v>8356</v>
      </c>
      <c r="F7199" s="358" t="s">
        <v>14443</v>
      </c>
      <c r="G7199" s="358" t="s">
        <v>14444</v>
      </c>
      <c r="H7199" s="358" t="s">
        <v>14378</v>
      </c>
      <c r="I7199" s="358" t="s">
        <v>14444</v>
      </c>
      <c r="J7199" s="358"/>
      <c r="K7199" s="358"/>
      <c r="L7199" s="358" t="s">
        <v>17870</v>
      </c>
    </row>
    <row r="7200" spans="2:12">
      <c r="B7200" s="359"/>
      <c r="C7200" s="359"/>
      <c r="D7200" s="359"/>
      <c r="E7200" s="359"/>
      <c r="F7200" s="360"/>
      <c r="G7200" s="360"/>
      <c r="H7200" s="360"/>
      <c r="I7200" s="360"/>
      <c r="J7200" s="359"/>
      <c r="K7200" s="359"/>
      <c r="L7200" s="359"/>
    </row>
    <row r="7201" spans="2:12">
      <c r="B7201" s="359"/>
      <c r="C7201" s="359"/>
      <c r="D7201" s="359"/>
      <c r="E7201" s="359"/>
      <c r="F7201" s="359" t="s">
        <v>14382</v>
      </c>
      <c r="G7201" s="359" t="s">
        <v>14383</v>
      </c>
      <c r="H7201" s="359" t="s">
        <v>14381</v>
      </c>
      <c r="I7201" s="359" t="s">
        <v>14383</v>
      </c>
      <c r="J7201" s="359"/>
      <c r="K7201" s="359"/>
      <c r="L7201" s="359"/>
    </row>
    <row r="7202" spans="2:12">
      <c r="B7202" s="359"/>
      <c r="C7202" s="359"/>
      <c r="D7202" s="359"/>
      <c r="E7202" s="359"/>
      <c r="F7202" s="360"/>
      <c r="G7202" s="360"/>
      <c r="H7202" s="360"/>
      <c r="I7202" s="360"/>
      <c r="J7202" s="359"/>
      <c r="K7202" s="359"/>
      <c r="L7202" s="359"/>
    </row>
    <row r="7203" spans="2:12">
      <c r="B7203" s="359"/>
      <c r="C7203" s="359"/>
      <c r="D7203" s="359"/>
      <c r="E7203" s="359"/>
      <c r="F7203" s="359" t="s">
        <v>14420</v>
      </c>
      <c r="G7203" s="359" t="s">
        <v>14421</v>
      </c>
      <c r="H7203" s="359" t="s">
        <v>14370</v>
      </c>
      <c r="I7203" s="359" t="s">
        <v>14421</v>
      </c>
      <c r="J7203" s="359"/>
      <c r="K7203" s="359"/>
      <c r="L7203" s="359"/>
    </row>
    <row r="7204" spans="2:12">
      <c r="B7204" s="359"/>
      <c r="C7204" s="359"/>
      <c r="D7204" s="359"/>
      <c r="E7204" s="359"/>
      <c r="F7204" s="360"/>
      <c r="G7204" s="360"/>
      <c r="H7204" s="360"/>
      <c r="I7204" s="360"/>
      <c r="J7204" s="359"/>
      <c r="K7204" s="359"/>
      <c r="L7204" s="359"/>
    </row>
    <row r="7205" spans="2:12">
      <c r="B7205" s="359"/>
      <c r="C7205" s="359"/>
      <c r="D7205" s="359"/>
      <c r="E7205" s="359"/>
      <c r="F7205" s="359" t="s">
        <v>14371</v>
      </c>
      <c r="G7205" s="359" t="s">
        <v>14372</v>
      </c>
      <c r="H7205" s="359" t="s">
        <v>14332</v>
      </c>
      <c r="I7205" s="359" t="s">
        <v>14373</v>
      </c>
      <c r="J7205" s="359"/>
      <c r="K7205" s="359"/>
      <c r="L7205" s="359"/>
    </row>
    <row r="7206" spans="2:12">
      <c r="B7206" s="359"/>
      <c r="C7206" s="359"/>
      <c r="D7206" s="359"/>
      <c r="E7206" s="359"/>
      <c r="F7206" s="360"/>
      <c r="G7206" s="360"/>
      <c r="H7206" s="360"/>
      <c r="I7206" s="360"/>
      <c r="J7206" s="359"/>
      <c r="K7206" s="359"/>
      <c r="L7206" s="359"/>
    </row>
    <row r="7207" spans="2:12" ht="28.5">
      <c r="B7207" s="361"/>
      <c r="C7207" s="361"/>
      <c r="D7207" s="361"/>
      <c r="E7207" s="361"/>
      <c r="F7207" s="361" t="s">
        <v>14374</v>
      </c>
      <c r="G7207" s="361" t="s">
        <v>14373</v>
      </c>
      <c r="H7207" s="362"/>
      <c r="I7207" s="362"/>
      <c r="J7207" s="361"/>
      <c r="K7207" s="361"/>
      <c r="L7207" s="361"/>
    </row>
    <row r="7208" spans="2:12">
      <c r="B7208" s="358" t="s">
        <v>17871</v>
      </c>
      <c r="C7208" s="358" t="s">
        <v>17872</v>
      </c>
      <c r="D7208" s="358" t="s">
        <v>8361</v>
      </c>
      <c r="E7208" s="358" t="s">
        <v>3556</v>
      </c>
      <c r="F7208" s="358" t="s">
        <v>14382</v>
      </c>
      <c r="G7208" s="358" t="s">
        <v>14383</v>
      </c>
      <c r="H7208" s="358" t="s">
        <v>14378</v>
      </c>
      <c r="I7208" s="358" t="s">
        <v>14383</v>
      </c>
      <c r="J7208" s="358"/>
      <c r="K7208" s="358" t="s">
        <v>14820</v>
      </c>
      <c r="L7208" s="358"/>
    </row>
    <row r="7209" spans="2:12">
      <c r="B7209" s="359"/>
      <c r="C7209" s="360"/>
      <c r="D7209" s="359"/>
      <c r="E7209" s="359"/>
      <c r="F7209" s="360"/>
      <c r="G7209" s="360"/>
      <c r="H7209" s="360"/>
      <c r="I7209" s="360"/>
      <c r="J7209" s="359"/>
      <c r="K7209" s="359"/>
      <c r="L7209" s="359"/>
    </row>
    <row r="7210" spans="2:12">
      <c r="B7210" s="359"/>
      <c r="C7210" s="359" t="s">
        <v>17873</v>
      </c>
      <c r="D7210" s="359"/>
      <c r="E7210" s="359"/>
      <c r="F7210" s="359" t="s">
        <v>14420</v>
      </c>
      <c r="G7210" s="359" t="s">
        <v>14459</v>
      </c>
      <c r="H7210" s="359" t="s">
        <v>14381</v>
      </c>
      <c r="I7210" s="359" t="s">
        <v>14459</v>
      </c>
      <c r="J7210" s="359"/>
      <c r="K7210" s="359"/>
      <c r="L7210" s="359"/>
    </row>
    <row r="7211" spans="2:12">
      <c r="B7211" s="359"/>
      <c r="C7211" s="360"/>
      <c r="D7211" s="359"/>
      <c r="E7211" s="359"/>
      <c r="F7211" s="360"/>
      <c r="G7211" s="360"/>
      <c r="H7211" s="360"/>
      <c r="I7211" s="360"/>
      <c r="J7211" s="359"/>
      <c r="K7211" s="359"/>
      <c r="L7211" s="359"/>
    </row>
    <row r="7212" spans="2:12">
      <c r="B7212" s="359"/>
      <c r="C7212" s="359" t="s">
        <v>17874</v>
      </c>
      <c r="D7212" s="359"/>
      <c r="E7212" s="359"/>
      <c r="F7212" s="359" t="s">
        <v>14420</v>
      </c>
      <c r="G7212" s="359" t="s">
        <v>14421</v>
      </c>
      <c r="H7212" s="359" t="s">
        <v>14370</v>
      </c>
      <c r="I7212" s="359" t="s">
        <v>14421</v>
      </c>
      <c r="J7212" s="359"/>
      <c r="K7212" s="359"/>
      <c r="L7212" s="359"/>
    </row>
    <row r="7213" spans="2:12">
      <c r="B7213" s="359"/>
      <c r="C7213" s="360"/>
      <c r="D7213" s="359"/>
      <c r="E7213" s="359"/>
      <c r="F7213" s="360"/>
      <c r="G7213" s="360"/>
      <c r="H7213" s="360"/>
      <c r="I7213" s="360"/>
      <c r="J7213" s="359"/>
      <c r="K7213" s="359"/>
      <c r="L7213" s="359"/>
    </row>
    <row r="7214" spans="2:12" ht="28.5">
      <c r="B7214" s="359"/>
      <c r="C7214" s="360"/>
      <c r="D7214" s="359"/>
      <c r="E7214" s="359"/>
      <c r="F7214" s="359" t="s">
        <v>14460</v>
      </c>
      <c r="G7214" s="359" t="s">
        <v>14519</v>
      </c>
      <c r="H7214" s="359" t="s">
        <v>14332</v>
      </c>
      <c r="I7214" s="359" t="s">
        <v>28889</v>
      </c>
      <c r="J7214" s="359"/>
      <c r="K7214" s="359"/>
      <c r="L7214" s="359"/>
    </row>
    <row r="7215" spans="2:12">
      <c r="B7215" s="359"/>
      <c r="C7215" s="360"/>
      <c r="D7215" s="359"/>
      <c r="E7215" s="359"/>
      <c r="F7215" s="360"/>
      <c r="G7215" s="360"/>
      <c r="H7215" s="360"/>
      <c r="I7215" s="360"/>
      <c r="J7215" s="359"/>
      <c r="K7215" s="359"/>
      <c r="L7215" s="359"/>
    </row>
    <row r="7216" spans="2:12">
      <c r="B7216" s="359"/>
      <c r="C7216" s="360"/>
      <c r="D7216" s="359"/>
      <c r="E7216" s="359"/>
      <c r="F7216" s="359" t="s">
        <v>17277</v>
      </c>
      <c r="G7216" s="359" t="s">
        <v>17278</v>
      </c>
      <c r="H7216" s="360"/>
      <c r="I7216" s="359" t="s">
        <v>14373</v>
      </c>
      <c r="J7216" s="359"/>
      <c r="K7216" s="359"/>
      <c r="L7216" s="359"/>
    </row>
    <row r="7217" spans="2:12">
      <c r="B7217" s="359"/>
      <c r="C7217" s="360"/>
      <c r="D7217" s="359"/>
      <c r="E7217" s="359"/>
      <c r="F7217" s="360"/>
      <c r="G7217" s="360"/>
      <c r="H7217" s="360"/>
      <c r="I7217" s="360"/>
      <c r="J7217" s="359"/>
      <c r="K7217" s="359"/>
      <c r="L7217" s="359"/>
    </row>
    <row r="7218" spans="2:12">
      <c r="B7218" s="359"/>
      <c r="C7218" s="360"/>
      <c r="D7218" s="359"/>
      <c r="E7218" s="359"/>
      <c r="F7218" s="359" t="s">
        <v>14371</v>
      </c>
      <c r="G7218" s="359" t="s">
        <v>14372</v>
      </c>
      <c r="H7218" s="360"/>
      <c r="I7218" s="360"/>
      <c r="J7218" s="359"/>
      <c r="K7218" s="359"/>
      <c r="L7218" s="359"/>
    </row>
    <row r="7219" spans="2:12">
      <c r="B7219" s="359"/>
      <c r="C7219" s="360"/>
      <c r="D7219" s="359"/>
      <c r="E7219" s="359"/>
      <c r="F7219" s="360"/>
      <c r="G7219" s="360"/>
      <c r="H7219" s="360"/>
      <c r="I7219" s="360"/>
      <c r="J7219" s="359"/>
      <c r="K7219" s="359"/>
      <c r="L7219" s="359"/>
    </row>
    <row r="7220" spans="2:12" ht="28.5">
      <c r="B7220" s="361"/>
      <c r="C7220" s="362"/>
      <c r="D7220" s="361"/>
      <c r="E7220" s="361"/>
      <c r="F7220" s="361" t="s">
        <v>14374</v>
      </c>
      <c r="G7220" s="361" t="s">
        <v>14373</v>
      </c>
      <c r="H7220" s="362"/>
      <c r="I7220" s="362"/>
      <c r="J7220" s="361"/>
      <c r="K7220" s="361"/>
      <c r="L7220" s="361"/>
    </row>
    <row r="7221" spans="2:12">
      <c r="B7221" s="358" t="s">
        <v>17875</v>
      </c>
      <c r="C7221" s="358" t="s">
        <v>17876</v>
      </c>
      <c r="D7221" s="358" t="s">
        <v>8395</v>
      </c>
      <c r="E7221" s="358" t="s">
        <v>8394</v>
      </c>
      <c r="F7221" s="358" t="s">
        <v>14443</v>
      </c>
      <c r="G7221" s="358" t="s">
        <v>14444</v>
      </c>
      <c r="H7221" s="358" t="s">
        <v>14378</v>
      </c>
      <c r="I7221" s="358" t="s">
        <v>14444</v>
      </c>
      <c r="J7221" s="358"/>
      <c r="K7221" s="358"/>
      <c r="L7221" s="358"/>
    </row>
    <row r="7222" spans="2:12">
      <c r="B7222" s="359"/>
      <c r="C7222" s="360"/>
      <c r="D7222" s="359"/>
      <c r="E7222" s="359"/>
      <c r="F7222" s="360"/>
      <c r="G7222" s="360"/>
      <c r="H7222" s="360"/>
      <c r="I7222" s="360"/>
      <c r="J7222" s="359"/>
      <c r="K7222" s="359"/>
      <c r="L7222" s="359"/>
    </row>
    <row r="7223" spans="2:12">
      <c r="B7223" s="359"/>
      <c r="C7223" s="359" t="s">
        <v>17877</v>
      </c>
      <c r="D7223" s="359"/>
      <c r="E7223" s="359"/>
      <c r="F7223" s="359" t="s">
        <v>14382</v>
      </c>
      <c r="G7223" s="359" t="s">
        <v>14383</v>
      </c>
      <c r="H7223" s="359" t="s">
        <v>14381</v>
      </c>
      <c r="I7223" s="359" t="s">
        <v>14383</v>
      </c>
      <c r="J7223" s="359"/>
      <c r="K7223" s="359"/>
      <c r="L7223" s="359"/>
    </row>
    <row r="7224" spans="2:12">
      <c r="B7224" s="359"/>
      <c r="C7224" s="360"/>
      <c r="D7224" s="359"/>
      <c r="E7224" s="359"/>
      <c r="F7224" s="360"/>
      <c r="G7224" s="360"/>
      <c r="H7224" s="360"/>
      <c r="I7224" s="360"/>
      <c r="J7224" s="359"/>
      <c r="K7224" s="359"/>
      <c r="L7224" s="359"/>
    </row>
    <row r="7225" spans="2:12">
      <c r="B7225" s="359"/>
      <c r="C7225" s="360"/>
      <c r="D7225" s="359"/>
      <c r="E7225" s="359"/>
      <c r="F7225" s="359" t="s">
        <v>14420</v>
      </c>
      <c r="G7225" s="359" t="s">
        <v>14421</v>
      </c>
      <c r="H7225" s="359" t="s">
        <v>14370</v>
      </c>
      <c r="I7225" s="359" t="s">
        <v>14421</v>
      </c>
      <c r="J7225" s="359"/>
      <c r="K7225" s="359"/>
      <c r="L7225" s="359"/>
    </row>
    <row r="7226" spans="2:12">
      <c r="B7226" s="359"/>
      <c r="C7226" s="360"/>
      <c r="D7226" s="359"/>
      <c r="E7226" s="359"/>
      <c r="F7226" s="360"/>
      <c r="G7226" s="360"/>
      <c r="H7226" s="360"/>
      <c r="I7226" s="360"/>
      <c r="J7226" s="359"/>
      <c r="K7226" s="359"/>
      <c r="L7226" s="359"/>
    </row>
    <row r="7227" spans="2:12">
      <c r="B7227" s="359"/>
      <c r="C7227" s="360"/>
      <c r="D7227" s="359"/>
      <c r="E7227" s="359"/>
      <c r="F7227" s="359" t="s">
        <v>14368</v>
      </c>
      <c r="G7227" s="359" t="s">
        <v>14388</v>
      </c>
      <c r="H7227" s="359" t="s">
        <v>14332</v>
      </c>
      <c r="I7227" s="359" t="s">
        <v>14388</v>
      </c>
      <c r="J7227" s="359"/>
      <c r="K7227" s="359"/>
      <c r="L7227" s="359"/>
    </row>
    <row r="7228" spans="2:12">
      <c r="B7228" s="359"/>
      <c r="C7228" s="360"/>
      <c r="D7228" s="359"/>
      <c r="E7228" s="359"/>
      <c r="F7228" s="360"/>
      <c r="G7228" s="360"/>
      <c r="H7228" s="360"/>
      <c r="I7228" s="360"/>
      <c r="J7228" s="359"/>
      <c r="K7228" s="359"/>
      <c r="L7228" s="359"/>
    </row>
    <row r="7229" spans="2:12">
      <c r="B7229" s="359"/>
      <c r="C7229" s="360"/>
      <c r="D7229" s="359"/>
      <c r="E7229" s="359"/>
      <c r="F7229" s="359" t="s">
        <v>14389</v>
      </c>
      <c r="G7229" s="359" t="s">
        <v>14390</v>
      </c>
      <c r="H7229" s="360"/>
      <c r="I7229" s="359" t="s">
        <v>14390</v>
      </c>
      <c r="J7229" s="359"/>
      <c r="K7229" s="359"/>
      <c r="L7229" s="359"/>
    </row>
    <row r="7230" spans="2:12">
      <c r="B7230" s="359"/>
      <c r="C7230" s="360"/>
      <c r="D7230" s="359"/>
      <c r="E7230" s="359"/>
      <c r="F7230" s="360"/>
      <c r="G7230" s="360"/>
      <c r="H7230" s="360"/>
      <c r="I7230" s="360"/>
      <c r="J7230" s="359"/>
      <c r="K7230" s="359"/>
      <c r="L7230" s="359"/>
    </row>
    <row r="7231" spans="2:12">
      <c r="B7231" s="359"/>
      <c r="C7231" s="360"/>
      <c r="D7231" s="359"/>
      <c r="E7231" s="359"/>
      <c r="F7231" s="359" t="s">
        <v>14371</v>
      </c>
      <c r="G7231" s="359" t="s">
        <v>14372</v>
      </c>
      <c r="H7231" s="360"/>
      <c r="I7231" s="359" t="s">
        <v>14373</v>
      </c>
      <c r="J7231" s="359"/>
      <c r="K7231" s="359"/>
      <c r="L7231" s="359"/>
    </row>
    <row r="7232" spans="2:12">
      <c r="B7232" s="359"/>
      <c r="C7232" s="360"/>
      <c r="D7232" s="359"/>
      <c r="E7232" s="359"/>
      <c r="F7232" s="360"/>
      <c r="G7232" s="360"/>
      <c r="H7232" s="360"/>
      <c r="I7232" s="360"/>
      <c r="J7232" s="359"/>
      <c r="K7232" s="359"/>
      <c r="L7232" s="359"/>
    </row>
    <row r="7233" spans="2:12" ht="28.5">
      <c r="B7233" s="361"/>
      <c r="C7233" s="362"/>
      <c r="D7233" s="361"/>
      <c r="E7233" s="361"/>
      <c r="F7233" s="361" t="s">
        <v>14374</v>
      </c>
      <c r="G7233" s="361" t="s">
        <v>14373</v>
      </c>
      <c r="H7233" s="362"/>
      <c r="I7233" s="362"/>
      <c r="J7233" s="361"/>
      <c r="K7233" s="361"/>
      <c r="L7233" s="361"/>
    </row>
    <row r="7234" spans="2:12">
      <c r="B7234" s="358" t="s">
        <v>17878</v>
      </c>
      <c r="C7234" s="358" t="s">
        <v>17879</v>
      </c>
      <c r="D7234" s="358" t="s">
        <v>8355</v>
      </c>
      <c r="E7234" s="358" t="s">
        <v>8354</v>
      </c>
      <c r="F7234" s="358" t="s">
        <v>14443</v>
      </c>
      <c r="G7234" s="358" t="s">
        <v>14444</v>
      </c>
      <c r="H7234" s="358" t="s">
        <v>14378</v>
      </c>
      <c r="I7234" s="358" t="s">
        <v>14444</v>
      </c>
      <c r="J7234" s="358"/>
      <c r="K7234" s="358"/>
      <c r="L7234" s="358"/>
    </row>
    <row r="7235" spans="2:12">
      <c r="B7235" s="359"/>
      <c r="C7235" s="360"/>
      <c r="D7235" s="359"/>
      <c r="E7235" s="359"/>
      <c r="F7235" s="360"/>
      <c r="G7235" s="360"/>
      <c r="H7235" s="360"/>
      <c r="I7235" s="360"/>
      <c r="J7235" s="359"/>
      <c r="K7235" s="359"/>
      <c r="L7235" s="359"/>
    </row>
    <row r="7236" spans="2:12">
      <c r="B7236" s="359"/>
      <c r="C7236" s="359" t="s">
        <v>17880</v>
      </c>
      <c r="D7236" s="359"/>
      <c r="E7236" s="359"/>
      <c r="F7236" s="359" t="s">
        <v>14382</v>
      </c>
      <c r="G7236" s="359" t="s">
        <v>14383</v>
      </c>
      <c r="H7236" s="359" t="s">
        <v>14381</v>
      </c>
      <c r="I7236" s="359" t="s">
        <v>14383</v>
      </c>
      <c r="J7236" s="359"/>
      <c r="K7236" s="359"/>
      <c r="L7236" s="359"/>
    </row>
    <row r="7237" spans="2:12">
      <c r="B7237" s="359"/>
      <c r="C7237" s="360"/>
      <c r="D7237" s="359"/>
      <c r="E7237" s="359"/>
      <c r="F7237" s="360"/>
      <c r="G7237" s="360"/>
      <c r="H7237" s="360"/>
      <c r="I7237" s="360"/>
      <c r="J7237" s="359"/>
      <c r="K7237" s="359"/>
      <c r="L7237" s="359"/>
    </row>
    <row r="7238" spans="2:12" ht="28.5">
      <c r="B7238" s="359"/>
      <c r="C7238" s="359" t="s">
        <v>28890</v>
      </c>
      <c r="D7238" s="359"/>
      <c r="E7238" s="359"/>
      <c r="F7238" s="359" t="s">
        <v>14384</v>
      </c>
      <c r="G7238" s="359" t="s">
        <v>14385</v>
      </c>
      <c r="H7238" s="359" t="s">
        <v>14370</v>
      </c>
      <c r="I7238" s="359" t="s">
        <v>28800</v>
      </c>
      <c r="J7238" s="359"/>
      <c r="K7238" s="359"/>
      <c r="L7238" s="359"/>
    </row>
    <row r="7239" spans="2:12">
      <c r="B7239" s="359"/>
      <c r="C7239" s="360"/>
      <c r="D7239" s="359"/>
      <c r="E7239" s="359"/>
      <c r="F7239" s="360"/>
      <c r="G7239" s="360"/>
      <c r="H7239" s="360"/>
      <c r="I7239" s="360"/>
      <c r="J7239" s="359"/>
      <c r="K7239" s="359"/>
      <c r="L7239" s="359"/>
    </row>
    <row r="7240" spans="2:12">
      <c r="B7240" s="359"/>
      <c r="C7240" s="360"/>
      <c r="D7240" s="359"/>
      <c r="E7240" s="359"/>
      <c r="F7240" s="359" t="s">
        <v>14371</v>
      </c>
      <c r="G7240" s="359" t="s">
        <v>14372</v>
      </c>
      <c r="H7240" s="359" t="s">
        <v>14332</v>
      </c>
      <c r="I7240" s="360"/>
      <c r="J7240" s="359"/>
      <c r="K7240" s="359"/>
      <c r="L7240" s="359"/>
    </row>
    <row r="7241" spans="2:12">
      <c r="B7241" s="359"/>
      <c r="C7241" s="360"/>
      <c r="D7241" s="359"/>
      <c r="E7241" s="359"/>
      <c r="F7241" s="360"/>
      <c r="G7241" s="360"/>
      <c r="H7241" s="360"/>
      <c r="I7241" s="360"/>
      <c r="J7241" s="359"/>
      <c r="K7241" s="359"/>
      <c r="L7241" s="359"/>
    </row>
    <row r="7242" spans="2:12" ht="28.5">
      <c r="B7242" s="361"/>
      <c r="C7242" s="362"/>
      <c r="D7242" s="361"/>
      <c r="E7242" s="361"/>
      <c r="F7242" s="361" t="s">
        <v>14374</v>
      </c>
      <c r="G7242" s="361" t="s">
        <v>14373</v>
      </c>
      <c r="H7242" s="362"/>
      <c r="I7242" s="362"/>
      <c r="J7242" s="361"/>
      <c r="K7242" s="361"/>
      <c r="L7242" s="361"/>
    </row>
    <row r="7243" spans="2:12">
      <c r="B7243" s="358" t="s">
        <v>17881</v>
      </c>
      <c r="C7243" s="358" t="s">
        <v>17882</v>
      </c>
      <c r="D7243" s="358" t="s">
        <v>8376</v>
      </c>
      <c r="E7243" s="358" t="s">
        <v>8375</v>
      </c>
      <c r="F7243" s="358" t="s">
        <v>14443</v>
      </c>
      <c r="G7243" s="358" t="s">
        <v>14444</v>
      </c>
      <c r="H7243" s="358" t="s">
        <v>14378</v>
      </c>
      <c r="I7243" s="358" t="s">
        <v>14444</v>
      </c>
      <c r="J7243" s="358"/>
      <c r="K7243" s="358"/>
      <c r="L7243" s="358"/>
    </row>
    <row r="7244" spans="2:12">
      <c r="B7244" s="359"/>
      <c r="C7244" s="360"/>
      <c r="D7244" s="359"/>
      <c r="E7244" s="359"/>
      <c r="F7244" s="360"/>
      <c r="G7244" s="360"/>
      <c r="H7244" s="360"/>
      <c r="I7244" s="360"/>
      <c r="J7244" s="359"/>
      <c r="K7244" s="359"/>
      <c r="L7244" s="359"/>
    </row>
    <row r="7245" spans="2:12" ht="28.5">
      <c r="B7245" s="359"/>
      <c r="C7245" s="359" t="s">
        <v>17883</v>
      </c>
      <c r="D7245" s="359"/>
      <c r="E7245" s="359"/>
      <c r="F7245" s="359" t="s">
        <v>14382</v>
      </c>
      <c r="G7245" s="359" t="s">
        <v>14579</v>
      </c>
      <c r="H7245" s="359" t="s">
        <v>14381</v>
      </c>
      <c r="I7245" s="359" t="s">
        <v>14579</v>
      </c>
      <c r="J7245" s="359"/>
      <c r="K7245" s="359"/>
      <c r="L7245" s="359"/>
    </row>
    <row r="7246" spans="2:12">
      <c r="B7246" s="359"/>
      <c r="C7246" s="360"/>
      <c r="D7246" s="359"/>
      <c r="E7246" s="359"/>
      <c r="F7246" s="360"/>
      <c r="G7246" s="360"/>
      <c r="H7246" s="360"/>
      <c r="I7246" s="360"/>
      <c r="J7246" s="359"/>
      <c r="K7246" s="359"/>
      <c r="L7246" s="359"/>
    </row>
    <row r="7247" spans="2:12">
      <c r="B7247" s="359"/>
      <c r="C7247" s="360"/>
      <c r="D7247" s="359"/>
      <c r="E7247" s="359"/>
      <c r="F7247" s="359" t="s">
        <v>14382</v>
      </c>
      <c r="G7247" s="359" t="s">
        <v>14383</v>
      </c>
      <c r="H7247" s="359" t="s">
        <v>14370</v>
      </c>
      <c r="I7247" s="359" t="s">
        <v>14383</v>
      </c>
      <c r="J7247" s="359"/>
      <c r="K7247" s="359"/>
      <c r="L7247" s="359"/>
    </row>
    <row r="7248" spans="2:12">
      <c r="B7248" s="359"/>
      <c r="C7248" s="360"/>
      <c r="D7248" s="359"/>
      <c r="E7248" s="359"/>
      <c r="F7248" s="360"/>
      <c r="G7248" s="360"/>
      <c r="H7248" s="360"/>
      <c r="I7248" s="360"/>
      <c r="J7248" s="359"/>
      <c r="K7248" s="359"/>
      <c r="L7248" s="359"/>
    </row>
    <row r="7249" spans="2:12" ht="28.5">
      <c r="B7249" s="359"/>
      <c r="C7249" s="360"/>
      <c r="D7249" s="359"/>
      <c r="E7249" s="359"/>
      <c r="F7249" s="359" t="s">
        <v>14460</v>
      </c>
      <c r="G7249" s="359" t="s">
        <v>14519</v>
      </c>
      <c r="H7249" s="359" t="s">
        <v>14332</v>
      </c>
      <c r="I7249" s="359" t="s">
        <v>28681</v>
      </c>
      <c r="J7249" s="359"/>
      <c r="K7249" s="359"/>
      <c r="L7249" s="359"/>
    </row>
    <row r="7250" spans="2:12">
      <c r="B7250" s="359"/>
      <c r="C7250" s="360"/>
      <c r="D7250" s="359"/>
      <c r="E7250" s="359"/>
      <c r="F7250" s="360"/>
      <c r="G7250" s="360"/>
      <c r="H7250" s="360"/>
      <c r="I7250" s="360"/>
      <c r="J7250" s="359"/>
      <c r="K7250" s="359"/>
      <c r="L7250" s="359"/>
    </row>
    <row r="7251" spans="2:12">
      <c r="B7251" s="359"/>
      <c r="C7251" s="360"/>
      <c r="D7251" s="359"/>
      <c r="E7251" s="359"/>
      <c r="F7251" s="359" t="s">
        <v>14371</v>
      </c>
      <c r="G7251" s="359" t="s">
        <v>14372</v>
      </c>
      <c r="H7251" s="360"/>
      <c r="I7251" s="360"/>
      <c r="J7251" s="359"/>
      <c r="K7251" s="359"/>
      <c r="L7251" s="359"/>
    </row>
    <row r="7252" spans="2:12">
      <c r="B7252" s="359"/>
      <c r="C7252" s="360"/>
      <c r="D7252" s="359"/>
      <c r="E7252" s="359"/>
      <c r="F7252" s="360"/>
      <c r="G7252" s="360"/>
      <c r="H7252" s="360"/>
      <c r="I7252" s="360"/>
      <c r="J7252" s="359"/>
      <c r="K7252" s="359"/>
      <c r="L7252" s="359"/>
    </row>
    <row r="7253" spans="2:12" ht="28.5">
      <c r="B7253" s="361"/>
      <c r="C7253" s="362"/>
      <c r="D7253" s="361"/>
      <c r="E7253" s="361"/>
      <c r="F7253" s="361" t="s">
        <v>14374</v>
      </c>
      <c r="G7253" s="361" t="s">
        <v>14373</v>
      </c>
      <c r="H7253" s="362"/>
      <c r="I7253" s="362"/>
      <c r="J7253" s="361"/>
      <c r="K7253" s="361"/>
      <c r="L7253" s="361"/>
    </row>
    <row r="7254" spans="2:12">
      <c r="B7254" s="358" t="s">
        <v>17884</v>
      </c>
      <c r="C7254" s="358" t="s">
        <v>17885</v>
      </c>
      <c r="D7254" s="358" t="s">
        <v>8359</v>
      </c>
      <c r="E7254" s="358" t="s">
        <v>8358</v>
      </c>
      <c r="F7254" s="358" t="s">
        <v>14443</v>
      </c>
      <c r="G7254" s="358" t="s">
        <v>14444</v>
      </c>
      <c r="H7254" s="358" t="s">
        <v>14381</v>
      </c>
      <c r="I7254" s="358" t="s">
        <v>14444</v>
      </c>
      <c r="J7254" s="358"/>
      <c r="K7254" s="358"/>
      <c r="L7254" s="358"/>
    </row>
    <row r="7255" spans="2:12">
      <c r="B7255" s="359"/>
      <c r="C7255" s="360"/>
      <c r="D7255" s="359"/>
      <c r="E7255" s="359"/>
      <c r="F7255" s="360"/>
      <c r="G7255" s="360"/>
      <c r="H7255" s="360"/>
      <c r="I7255" s="360"/>
      <c r="J7255" s="359"/>
      <c r="K7255" s="359"/>
      <c r="L7255" s="359"/>
    </row>
    <row r="7256" spans="2:12" ht="28.5">
      <c r="B7256" s="359"/>
      <c r="C7256" s="359" t="s">
        <v>17886</v>
      </c>
      <c r="D7256" s="359"/>
      <c r="E7256" s="359"/>
      <c r="F7256" s="359" t="s">
        <v>14420</v>
      </c>
      <c r="G7256" s="359" t="s">
        <v>14421</v>
      </c>
      <c r="H7256" s="359" t="s">
        <v>14367</v>
      </c>
      <c r="I7256" s="359" t="s">
        <v>14421</v>
      </c>
      <c r="J7256" s="359"/>
      <c r="K7256" s="359"/>
      <c r="L7256" s="359"/>
    </row>
    <row r="7257" spans="2:12">
      <c r="B7257" s="359"/>
      <c r="C7257" s="360"/>
      <c r="D7257" s="359"/>
      <c r="E7257" s="359"/>
      <c r="F7257" s="360"/>
      <c r="G7257" s="360"/>
      <c r="H7257" s="360"/>
      <c r="I7257" s="360"/>
      <c r="J7257" s="359"/>
      <c r="K7257" s="359"/>
      <c r="L7257" s="359"/>
    </row>
    <row r="7258" spans="2:12">
      <c r="B7258" s="359"/>
      <c r="C7258" s="360"/>
      <c r="D7258" s="359"/>
      <c r="E7258" s="359"/>
      <c r="F7258" s="359" t="s">
        <v>14420</v>
      </c>
      <c r="G7258" s="359" t="s">
        <v>14429</v>
      </c>
      <c r="H7258" s="359" t="s">
        <v>14370</v>
      </c>
      <c r="I7258" s="359" t="s">
        <v>14429</v>
      </c>
      <c r="J7258" s="359"/>
      <c r="K7258" s="359"/>
      <c r="L7258" s="359"/>
    </row>
    <row r="7259" spans="2:12">
      <c r="B7259" s="359"/>
      <c r="C7259" s="360"/>
      <c r="D7259" s="359"/>
      <c r="E7259" s="359"/>
      <c r="F7259" s="360"/>
      <c r="G7259" s="360"/>
      <c r="H7259" s="360"/>
      <c r="I7259" s="360"/>
      <c r="J7259" s="359"/>
      <c r="K7259" s="359"/>
      <c r="L7259" s="359"/>
    </row>
    <row r="7260" spans="2:12">
      <c r="B7260" s="359"/>
      <c r="C7260" s="360"/>
      <c r="D7260" s="359"/>
      <c r="E7260" s="359"/>
      <c r="F7260" s="359" t="s">
        <v>14371</v>
      </c>
      <c r="G7260" s="359" t="s">
        <v>14372</v>
      </c>
      <c r="H7260" s="359" t="s">
        <v>14422</v>
      </c>
      <c r="I7260" s="359" t="s">
        <v>14373</v>
      </c>
      <c r="J7260" s="359"/>
      <c r="K7260" s="359"/>
      <c r="L7260" s="359"/>
    </row>
    <row r="7261" spans="2:12">
      <c r="B7261" s="359"/>
      <c r="C7261" s="360"/>
      <c r="D7261" s="359"/>
      <c r="E7261" s="359"/>
      <c r="F7261" s="360"/>
      <c r="G7261" s="360"/>
      <c r="H7261" s="360"/>
      <c r="I7261" s="360"/>
      <c r="J7261" s="359"/>
      <c r="K7261" s="359"/>
      <c r="L7261" s="359"/>
    </row>
    <row r="7262" spans="2:12" ht="28.5">
      <c r="B7262" s="361"/>
      <c r="C7262" s="362"/>
      <c r="D7262" s="361"/>
      <c r="E7262" s="361"/>
      <c r="F7262" s="361" t="s">
        <v>14374</v>
      </c>
      <c r="G7262" s="361" t="s">
        <v>14373</v>
      </c>
      <c r="H7262" s="362"/>
      <c r="I7262" s="362"/>
      <c r="J7262" s="361"/>
      <c r="K7262" s="361"/>
      <c r="L7262" s="361"/>
    </row>
    <row r="7263" spans="2:12">
      <c r="B7263" s="358" t="s">
        <v>17887</v>
      </c>
      <c r="C7263" s="358" t="s">
        <v>17888</v>
      </c>
      <c r="D7263" s="358" t="s">
        <v>8387</v>
      </c>
      <c r="E7263" s="358" t="s">
        <v>8386</v>
      </c>
      <c r="F7263" s="358" t="s">
        <v>14443</v>
      </c>
      <c r="G7263" s="358" t="s">
        <v>14444</v>
      </c>
      <c r="H7263" s="358" t="s">
        <v>14378</v>
      </c>
      <c r="I7263" s="358" t="s">
        <v>14444</v>
      </c>
      <c r="J7263" s="358"/>
      <c r="K7263" s="358"/>
      <c r="L7263" s="358"/>
    </row>
    <row r="7264" spans="2:12">
      <c r="B7264" s="359"/>
      <c r="C7264" s="359"/>
      <c r="D7264" s="359"/>
      <c r="E7264" s="359"/>
      <c r="F7264" s="360"/>
      <c r="G7264" s="360"/>
      <c r="H7264" s="360"/>
      <c r="I7264" s="360"/>
      <c r="J7264" s="359"/>
      <c r="K7264" s="359"/>
      <c r="L7264" s="359"/>
    </row>
    <row r="7265" spans="2:12">
      <c r="B7265" s="359"/>
      <c r="C7265" s="359"/>
      <c r="D7265" s="359"/>
      <c r="E7265" s="359"/>
      <c r="F7265" s="359" t="s">
        <v>14382</v>
      </c>
      <c r="G7265" s="359" t="s">
        <v>14579</v>
      </c>
      <c r="H7265" s="359" t="s">
        <v>14381</v>
      </c>
      <c r="I7265" s="359" t="s">
        <v>14579</v>
      </c>
      <c r="J7265" s="359"/>
      <c r="K7265" s="359"/>
      <c r="L7265" s="359"/>
    </row>
    <row r="7266" spans="2:12">
      <c r="B7266" s="359"/>
      <c r="C7266" s="359"/>
      <c r="D7266" s="359"/>
      <c r="E7266" s="359"/>
      <c r="F7266" s="360"/>
      <c r="G7266" s="360"/>
      <c r="H7266" s="360"/>
      <c r="I7266" s="360"/>
      <c r="J7266" s="359"/>
      <c r="K7266" s="359"/>
      <c r="L7266" s="359"/>
    </row>
    <row r="7267" spans="2:12">
      <c r="B7267" s="359"/>
      <c r="C7267" s="359"/>
      <c r="D7267" s="359"/>
      <c r="E7267" s="359"/>
      <c r="F7267" s="359" t="s">
        <v>14382</v>
      </c>
      <c r="G7267" s="359" t="s">
        <v>14383</v>
      </c>
      <c r="H7267" s="359" t="s">
        <v>14370</v>
      </c>
      <c r="I7267" s="359" t="s">
        <v>14383</v>
      </c>
      <c r="J7267" s="359"/>
      <c r="K7267" s="359"/>
      <c r="L7267" s="359"/>
    </row>
    <row r="7268" spans="2:12">
      <c r="B7268" s="359"/>
      <c r="C7268" s="359"/>
      <c r="D7268" s="359"/>
      <c r="E7268" s="359"/>
      <c r="F7268" s="360"/>
      <c r="G7268" s="360"/>
      <c r="H7268" s="360"/>
      <c r="I7268" s="360"/>
      <c r="J7268" s="359"/>
      <c r="K7268" s="359"/>
      <c r="L7268" s="359"/>
    </row>
    <row r="7269" spans="2:12" ht="28.5">
      <c r="B7269" s="359"/>
      <c r="C7269" s="359"/>
      <c r="D7269" s="359"/>
      <c r="E7269" s="359"/>
      <c r="F7269" s="359" t="s">
        <v>14384</v>
      </c>
      <c r="G7269" s="359" t="s">
        <v>14385</v>
      </c>
      <c r="H7269" s="359" t="s">
        <v>14332</v>
      </c>
      <c r="I7269" s="359" t="s">
        <v>28800</v>
      </c>
      <c r="J7269" s="359"/>
      <c r="K7269" s="359"/>
      <c r="L7269" s="359"/>
    </row>
    <row r="7270" spans="2:12">
      <c r="B7270" s="359"/>
      <c r="C7270" s="359"/>
      <c r="D7270" s="359"/>
      <c r="E7270" s="359"/>
      <c r="F7270" s="360"/>
      <c r="G7270" s="360"/>
      <c r="H7270" s="360"/>
      <c r="I7270" s="360"/>
      <c r="J7270" s="359"/>
      <c r="K7270" s="359"/>
      <c r="L7270" s="359"/>
    </row>
    <row r="7271" spans="2:12">
      <c r="B7271" s="359"/>
      <c r="C7271" s="359"/>
      <c r="D7271" s="359"/>
      <c r="E7271" s="359"/>
      <c r="F7271" s="359" t="s">
        <v>14371</v>
      </c>
      <c r="G7271" s="359" t="s">
        <v>14372</v>
      </c>
      <c r="H7271" s="360"/>
      <c r="I7271" s="360"/>
      <c r="J7271" s="359"/>
      <c r="K7271" s="359"/>
      <c r="L7271" s="359"/>
    </row>
    <row r="7272" spans="2:12">
      <c r="B7272" s="359"/>
      <c r="C7272" s="359"/>
      <c r="D7272" s="359"/>
      <c r="E7272" s="359"/>
      <c r="F7272" s="360"/>
      <c r="G7272" s="360"/>
      <c r="H7272" s="360"/>
      <c r="I7272" s="360"/>
      <c r="J7272" s="359"/>
      <c r="K7272" s="359"/>
      <c r="L7272" s="359"/>
    </row>
    <row r="7273" spans="2:12" ht="28.5">
      <c r="B7273" s="361"/>
      <c r="C7273" s="361"/>
      <c r="D7273" s="361"/>
      <c r="E7273" s="361"/>
      <c r="F7273" s="361" t="s">
        <v>14374</v>
      </c>
      <c r="G7273" s="361" t="s">
        <v>14373</v>
      </c>
      <c r="H7273" s="362"/>
      <c r="I7273" s="362"/>
      <c r="J7273" s="361"/>
      <c r="K7273" s="361"/>
      <c r="L7273" s="361"/>
    </row>
    <row r="7274" spans="2:12">
      <c r="B7274" s="358" t="s">
        <v>17889</v>
      </c>
      <c r="C7274" s="358" t="s">
        <v>17890</v>
      </c>
      <c r="D7274" s="358" t="s">
        <v>8370</v>
      </c>
      <c r="E7274" s="358" t="s">
        <v>8369</v>
      </c>
      <c r="F7274" s="358" t="s">
        <v>14443</v>
      </c>
      <c r="G7274" s="358" t="s">
        <v>14444</v>
      </c>
      <c r="H7274" s="358" t="s">
        <v>14378</v>
      </c>
      <c r="I7274" s="358" t="s">
        <v>14444</v>
      </c>
      <c r="J7274" s="358"/>
      <c r="K7274" s="358"/>
      <c r="L7274" s="358"/>
    </row>
    <row r="7275" spans="2:12">
      <c r="B7275" s="359"/>
      <c r="C7275" s="359"/>
      <c r="D7275" s="359"/>
      <c r="E7275" s="359"/>
      <c r="F7275" s="360"/>
      <c r="G7275" s="360"/>
      <c r="H7275" s="360"/>
      <c r="I7275" s="360"/>
      <c r="J7275" s="359"/>
      <c r="K7275" s="359"/>
      <c r="L7275" s="359"/>
    </row>
    <row r="7276" spans="2:12">
      <c r="B7276" s="359"/>
      <c r="C7276" s="359"/>
      <c r="D7276" s="359"/>
      <c r="E7276" s="359"/>
      <c r="F7276" s="359" t="s">
        <v>14530</v>
      </c>
      <c r="G7276" s="359" t="s">
        <v>14531</v>
      </c>
      <c r="H7276" s="359" t="s">
        <v>14381</v>
      </c>
      <c r="I7276" s="359" t="s">
        <v>14531</v>
      </c>
      <c r="J7276" s="359"/>
      <c r="K7276" s="359"/>
      <c r="L7276" s="359"/>
    </row>
    <row r="7277" spans="2:12">
      <c r="B7277" s="359"/>
      <c r="C7277" s="359"/>
      <c r="D7277" s="359"/>
      <c r="E7277" s="359"/>
      <c r="F7277" s="360"/>
      <c r="G7277" s="360"/>
      <c r="H7277" s="360"/>
      <c r="I7277" s="360"/>
      <c r="J7277" s="359"/>
      <c r="K7277" s="359"/>
      <c r="L7277" s="359"/>
    </row>
    <row r="7278" spans="2:12">
      <c r="B7278" s="359"/>
      <c r="C7278" s="359"/>
      <c r="D7278" s="359"/>
      <c r="E7278" s="359"/>
      <c r="F7278" s="359" t="s">
        <v>14382</v>
      </c>
      <c r="G7278" s="359" t="s">
        <v>14383</v>
      </c>
      <c r="H7278" s="359" t="s">
        <v>14370</v>
      </c>
      <c r="I7278" s="359" t="s">
        <v>14383</v>
      </c>
      <c r="J7278" s="359"/>
      <c r="K7278" s="359"/>
      <c r="L7278" s="359"/>
    </row>
    <row r="7279" spans="2:12">
      <c r="B7279" s="359"/>
      <c r="C7279" s="359"/>
      <c r="D7279" s="359"/>
      <c r="E7279" s="359"/>
      <c r="F7279" s="360"/>
      <c r="G7279" s="360"/>
      <c r="H7279" s="360"/>
      <c r="I7279" s="360"/>
      <c r="J7279" s="359"/>
      <c r="K7279" s="359"/>
      <c r="L7279" s="359"/>
    </row>
    <row r="7280" spans="2:12" ht="28.5">
      <c r="B7280" s="359"/>
      <c r="C7280" s="359"/>
      <c r="D7280" s="359"/>
      <c r="E7280" s="359"/>
      <c r="F7280" s="359" t="s">
        <v>14384</v>
      </c>
      <c r="G7280" s="359" t="s">
        <v>14385</v>
      </c>
      <c r="H7280" s="359" t="s">
        <v>14332</v>
      </c>
      <c r="I7280" s="359" t="s">
        <v>28800</v>
      </c>
      <c r="J7280" s="359"/>
      <c r="K7280" s="359"/>
      <c r="L7280" s="359"/>
    </row>
    <row r="7281" spans="2:12">
      <c r="B7281" s="359"/>
      <c r="C7281" s="359"/>
      <c r="D7281" s="359"/>
      <c r="E7281" s="359"/>
      <c r="F7281" s="360"/>
      <c r="G7281" s="360"/>
      <c r="H7281" s="360"/>
      <c r="I7281" s="360"/>
      <c r="J7281" s="359"/>
      <c r="K7281" s="359"/>
      <c r="L7281" s="359"/>
    </row>
    <row r="7282" spans="2:12">
      <c r="B7282" s="359"/>
      <c r="C7282" s="359"/>
      <c r="D7282" s="359"/>
      <c r="E7282" s="359"/>
      <c r="F7282" s="359" t="s">
        <v>14371</v>
      </c>
      <c r="G7282" s="359" t="s">
        <v>14372</v>
      </c>
      <c r="H7282" s="360"/>
      <c r="I7282" s="360"/>
      <c r="J7282" s="359"/>
      <c r="K7282" s="359"/>
      <c r="L7282" s="359"/>
    </row>
    <row r="7283" spans="2:12">
      <c r="B7283" s="359"/>
      <c r="C7283" s="359"/>
      <c r="D7283" s="359"/>
      <c r="E7283" s="359"/>
      <c r="F7283" s="360"/>
      <c r="G7283" s="360"/>
      <c r="H7283" s="360"/>
      <c r="I7283" s="360"/>
      <c r="J7283" s="359"/>
      <c r="K7283" s="359"/>
      <c r="L7283" s="359"/>
    </row>
    <row r="7284" spans="2:12" ht="28.5">
      <c r="B7284" s="361"/>
      <c r="C7284" s="361"/>
      <c r="D7284" s="361"/>
      <c r="E7284" s="361"/>
      <c r="F7284" s="361" t="s">
        <v>14374</v>
      </c>
      <c r="G7284" s="361" t="s">
        <v>14373</v>
      </c>
      <c r="H7284" s="362"/>
      <c r="I7284" s="362"/>
      <c r="J7284" s="361"/>
      <c r="K7284" s="361"/>
      <c r="L7284" s="361"/>
    </row>
    <row r="7285" spans="2:12">
      <c r="B7285" s="358" t="s">
        <v>17891</v>
      </c>
      <c r="C7285" s="358" t="s">
        <v>17892</v>
      </c>
      <c r="D7285" s="358" t="s">
        <v>17893</v>
      </c>
      <c r="E7285" s="358" t="s">
        <v>17894</v>
      </c>
      <c r="F7285" s="358" t="s">
        <v>14379</v>
      </c>
      <c r="G7285" s="358" t="s">
        <v>14380</v>
      </c>
      <c r="H7285" s="358" t="s">
        <v>14378</v>
      </c>
      <c r="I7285" s="358" t="s">
        <v>14380</v>
      </c>
      <c r="J7285" s="358"/>
      <c r="K7285" s="358" t="s">
        <v>14552</v>
      </c>
      <c r="L7285" s="358"/>
    </row>
    <row r="7286" spans="2:12">
      <c r="B7286" s="359"/>
      <c r="C7286" s="360"/>
      <c r="D7286" s="359"/>
      <c r="E7286" s="359"/>
      <c r="F7286" s="360"/>
      <c r="G7286" s="360"/>
      <c r="H7286" s="360"/>
      <c r="I7286" s="360"/>
      <c r="J7286" s="359"/>
      <c r="K7286" s="359"/>
      <c r="L7286" s="359"/>
    </row>
    <row r="7287" spans="2:12" ht="42.75">
      <c r="B7287" s="359"/>
      <c r="C7287" s="359" t="s">
        <v>17895</v>
      </c>
      <c r="D7287" s="359"/>
      <c r="E7287" s="359"/>
      <c r="F7287" s="359" t="s">
        <v>14530</v>
      </c>
      <c r="G7287" s="359" t="s">
        <v>14531</v>
      </c>
      <c r="H7287" s="359" t="s">
        <v>14370</v>
      </c>
      <c r="I7287" s="359" t="s">
        <v>14531</v>
      </c>
      <c r="J7287" s="359"/>
      <c r="K7287" s="359"/>
      <c r="L7287" s="359"/>
    </row>
    <row r="7288" spans="2:12">
      <c r="B7288" s="359"/>
      <c r="C7288" s="360"/>
      <c r="D7288" s="359"/>
      <c r="E7288" s="359"/>
      <c r="F7288" s="360"/>
      <c r="G7288" s="360"/>
      <c r="H7288" s="360"/>
      <c r="I7288" s="360"/>
      <c r="J7288" s="359"/>
      <c r="K7288" s="359"/>
      <c r="L7288" s="359"/>
    </row>
    <row r="7289" spans="2:12">
      <c r="B7289" s="359"/>
      <c r="C7289" s="360"/>
      <c r="D7289" s="359"/>
      <c r="E7289" s="359"/>
      <c r="F7289" s="359" t="s">
        <v>14379</v>
      </c>
      <c r="G7289" s="359" t="s">
        <v>14405</v>
      </c>
      <c r="H7289" s="359" t="s">
        <v>14332</v>
      </c>
      <c r="I7289" s="359" t="s">
        <v>14405</v>
      </c>
      <c r="J7289" s="359"/>
      <c r="K7289" s="359"/>
      <c r="L7289" s="359"/>
    </row>
    <row r="7290" spans="2:12">
      <c r="B7290" s="359"/>
      <c r="C7290" s="360"/>
      <c r="D7290" s="359"/>
      <c r="E7290" s="359"/>
      <c r="F7290" s="360"/>
      <c r="G7290" s="360"/>
      <c r="H7290" s="360"/>
      <c r="I7290" s="360"/>
      <c r="J7290" s="359"/>
      <c r="K7290" s="359"/>
      <c r="L7290" s="359"/>
    </row>
    <row r="7291" spans="2:12">
      <c r="B7291" s="359"/>
      <c r="C7291" s="360"/>
      <c r="D7291" s="359"/>
      <c r="E7291" s="359"/>
      <c r="F7291" s="359" t="s">
        <v>14371</v>
      </c>
      <c r="G7291" s="359" t="s">
        <v>14372</v>
      </c>
      <c r="H7291" s="360"/>
      <c r="I7291" s="359" t="s">
        <v>14373</v>
      </c>
      <c r="J7291" s="359"/>
      <c r="K7291" s="359"/>
      <c r="L7291" s="359"/>
    </row>
    <row r="7292" spans="2:12">
      <c r="B7292" s="359"/>
      <c r="C7292" s="360"/>
      <c r="D7292" s="359"/>
      <c r="E7292" s="359"/>
      <c r="F7292" s="360"/>
      <c r="G7292" s="360"/>
      <c r="H7292" s="360"/>
      <c r="I7292" s="360"/>
      <c r="J7292" s="359"/>
      <c r="K7292" s="359"/>
      <c r="L7292" s="359"/>
    </row>
    <row r="7293" spans="2:12" ht="28.5">
      <c r="B7293" s="361"/>
      <c r="C7293" s="362"/>
      <c r="D7293" s="361"/>
      <c r="E7293" s="361"/>
      <c r="F7293" s="361" t="s">
        <v>14374</v>
      </c>
      <c r="G7293" s="361" t="s">
        <v>14373</v>
      </c>
      <c r="H7293" s="362"/>
      <c r="I7293" s="362"/>
      <c r="J7293" s="361"/>
      <c r="K7293" s="361"/>
      <c r="L7293" s="361"/>
    </row>
    <row r="7294" spans="2:12">
      <c r="B7294" s="358" t="s">
        <v>17896</v>
      </c>
      <c r="C7294" s="358" t="s">
        <v>17897</v>
      </c>
      <c r="D7294" s="358" t="s">
        <v>8373</v>
      </c>
      <c r="E7294" s="358" t="s">
        <v>8372</v>
      </c>
      <c r="F7294" s="358" t="s">
        <v>14379</v>
      </c>
      <c r="G7294" s="358" t="s">
        <v>14405</v>
      </c>
      <c r="H7294" s="358" t="s">
        <v>14378</v>
      </c>
      <c r="I7294" s="358" t="s">
        <v>14405</v>
      </c>
      <c r="J7294" s="358"/>
      <c r="K7294" s="358"/>
      <c r="L7294" s="358"/>
    </row>
    <row r="7295" spans="2:12">
      <c r="B7295" s="359"/>
      <c r="C7295" s="360"/>
      <c r="D7295" s="359"/>
      <c r="E7295" s="359"/>
      <c r="F7295" s="360"/>
      <c r="G7295" s="360"/>
      <c r="H7295" s="360"/>
      <c r="I7295" s="360"/>
      <c r="J7295" s="359"/>
      <c r="K7295" s="359"/>
      <c r="L7295" s="359"/>
    </row>
    <row r="7296" spans="2:12" ht="42.75">
      <c r="B7296" s="359"/>
      <c r="C7296" s="359" t="s">
        <v>17898</v>
      </c>
      <c r="D7296" s="359"/>
      <c r="E7296" s="359"/>
      <c r="F7296" s="359" t="s">
        <v>14382</v>
      </c>
      <c r="G7296" s="359" t="s">
        <v>14579</v>
      </c>
      <c r="H7296" s="359" t="s">
        <v>14370</v>
      </c>
      <c r="I7296" s="359" t="s">
        <v>14579</v>
      </c>
      <c r="J7296" s="359"/>
      <c r="K7296" s="359"/>
      <c r="L7296" s="359"/>
    </row>
    <row r="7297" spans="2:12">
      <c r="B7297" s="359"/>
      <c r="C7297" s="360"/>
      <c r="D7297" s="359"/>
      <c r="E7297" s="359"/>
      <c r="F7297" s="360"/>
      <c r="G7297" s="360"/>
      <c r="H7297" s="360"/>
      <c r="I7297" s="360"/>
      <c r="J7297" s="359"/>
      <c r="K7297" s="359"/>
      <c r="L7297" s="359"/>
    </row>
    <row r="7298" spans="2:12">
      <c r="B7298" s="359"/>
      <c r="C7298" s="360"/>
      <c r="D7298" s="359"/>
      <c r="E7298" s="359"/>
      <c r="F7298" s="359" t="s">
        <v>14371</v>
      </c>
      <c r="G7298" s="359" t="s">
        <v>14372</v>
      </c>
      <c r="H7298" s="359" t="s">
        <v>14332</v>
      </c>
      <c r="I7298" s="359" t="s">
        <v>14373</v>
      </c>
      <c r="J7298" s="359"/>
      <c r="K7298" s="359"/>
      <c r="L7298" s="359"/>
    </row>
    <row r="7299" spans="2:12">
      <c r="B7299" s="359"/>
      <c r="C7299" s="360"/>
      <c r="D7299" s="359"/>
      <c r="E7299" s="359"/>
      <c r="F7299" s="360"/>
      <c r="G7299" s="360"/>
      <c r="H7299" s="360"/>
      <c r="I7299" s="360"/>
      <c r="J7299" s="359"/>
      <c r="K7299" s="359"/>
      <c r="L7299" s="359"/>
    </row>
    <row r="7300" spans="2:12" ht="28.5">
      <c r="B7300" s="361"/>
      <c r="C7300" s="362"/>
      <c r="D7300" s="361"/>
      <c r="E7300" s="361"/>
      <c r="F7300" s="361" t="s">
        <v>14374</v>
      </c>
      <c r="G7300" s="361" t="s">
        <v>14373</v>
      </c>
      <c r="H7300" s="362"/>
      <c r="I7300" s="362"/>
      <c r="J7300" s="361"/>
      <c r="K7300" s="361"/>
      <c r="L7300" s="361"/>
    </row>
    <row r="7301" spans="2:12">
      <c r="B7301" s="358" t="s">
        <v>17899</v>
      </c>
      <c r="C7301" s="358" t="s">
        <v>17900</v>
      </c>
      <c r="D7301" s="358" t="s">
        <v>8381</v>
      </c>
      <c r="E7301" s="358" t="s">
        <v>8378</v>
      </c>
      <c r="F7301" s="358" t="s">
        <v>14379</v>
      </c>
      <c r="G7301" s="358" t="s">
        <v>14380</v>
      </c>
      <c r="H7301" s="358" t="s">
        <v>14378</v>
      </c>
      <c r="I7301" s="358" t="s">
        <v>14380</v>
      </c>
      <c r="J7301" s="358"/>
      <c r="K7301" s="358"/>
      <c r="L7301" s="358"/>
    </row>
    <row r="7302" spans="2:12">
      <c r="B7302" s="359"/>
      <c r="C7302" s="360"/>
      <c r="D7302" s="359"/>
      <c r="E7302" s="359"/>
      <c r="F7302" s="360"/>
      <c r="G7302" s="360"/>
      <c r="H7302" s="360"/>
      <c r="I7302" s="360"/>
      <c r="J7302" s="359"/>
      <c r="K7302" s="359"/>
      <c r="L7302" s="359"/>
    </row>
    <row r="7303" spans="2:12" ht="28.5">
      <c r="B7303" s="359"/>
      <c r="C7303" s="359" t="s">
        <v>17901</v>
      </c>
      <c r="D7303" s="359"/>
      <c r="E7303" s="359"/>
      <c r="F7303" s="359" t="s">
        <v>14379</v>
      </c>
      <c r="G7303" s="359" t="s">
        <v>14405</v>
      </c>
      <c r="H7303" s="359" t="s">
        <v>14370</v>
      </c>
      <c r="I7303" s="359" t="s">
        <v>14405</v>
      </c>
      <c r="J7303" s="359"/>
      <c r="K7303" s="359"/>
      <c r="L7303" s="359"/>
    </row>
    <row r="7304" spans="2:12">
      <c r="B7304" s="359"/>
      <c r="C7304" s="360"/>
      <c r="D7304" s="359"/>
      <c r="E7304" s="359"/>
      <c r="F7304" s="360"/>
      <c r="G7304" s="360"/>
      <c r="H7304" s="360"/>
      <c r="I7304" s="360"/>
      <c r="J7304" s="359"/>
      <c r="K7304" s="359"/>
      <c r="L7304" s="359"/>
    </row>
    <row r="7305" spans="2:12" ht="28.5">
      <c r="B7305" s="359"/>
      <c r="C7305" s="359" t="s">
        <v>17902</v>
      </c>
      <c r="D7305" s="359"/>
      <c r="E7305" s="359"/>
      <c r="F7305" s="359" t="s">
        <v>14420</v>
      </c>
      <c r="G7305" s="359" t="s">
        <v>14421</v>
      </c>
      <c r="H7305" s="359" t="s">
        <v>14332</v>
      </c>
      <c r="I7305" s="359" t="s">
        <v>14421</v>
      </c>
      <c r="J7305" s="359"/>
      <c r="K7305" s="359"/>
      <c r="L7305" s="359"/>
    </row>
    <row r="7306" spans="2:12">
      <c r="B7306" s="359"/>
      <c r="C7306" s="360"/>
      <c r="D7306" s="359"/>
      <c r="E7306" s="359"/>
      <c r="F7306" s="360"/>
      <c r="G7306" s="360"/>
      <c r="H7306" s="360"/>
      <c r="I7306" s="360"/>
      <c r="J7306" s="359"/>
      <c r="K7306" s="359"/>
      <c r="L7306" s="359"/>
    </row>
    <row r="7307" spans="2:12">
      <c r="B7307" s="359"/>
      <c r="C7307" s="360"/>
      <c r="D7307" s="359"/>
      <c r="E7307" s="359"/>
      <c r="F7307" s="359" t="s">
        <v>14371</v>
      </c>
      <c r="G7307" s="359" t="s">
        <v>14372</v>
      </c>
      <c r="H7307" s="360"/>
      <c r="I7307" s="359" t="s">
        <v>14373</v>
      </c>
      <c r="J7307" s="359"/>
      <c r="K7307" s="359"/>
      <c r="L7307" s="359"/>
    </row>
    <row r="7308" spans="2:12">
      <c r="B7308" s="359"/>
      <c r="C7308" s="360"/>
      <c r="D7308" s="359"/>
      <c r="E7308" s="359"/>
      <c r="F7308" s="360"/>
      <c r="G7308" s="360"/>
      <c r="H7308" s="360"/>
      <c r="I7308" s="360"/>
      <c r="J7308" s="359"/>
      <c r="K7308" s="359"/>
      <c r="L7308" s="359"/>
    </row>
    <row r="7309" spans="2:12" ht="28.5">
      <c r="B7309" s="361"/>
      <c r="C7309" s="362"/>
      <c r="D7309" s="361"/>
      <c r="E7309" s="361"/>
      <c r="F7309" s="361" t="s">
        <v>14374</v>
      </c>
      <c r="G7309" s="361" t="s">
        <v>14373</v>
      </c>
      <c r="H7309" s="362"/>
      <c r="I7309" s="362"/>
      <c r="J7309" s="361"/>
      <c r="K7309" s="361"/>
      <c r="L7309" s="361"/>
    </row>
    <row r="7310" spans="2:12">
      <c r="B7310" s="358" t="s">
        <v>17903</v>
      </c>
      <c r="C7310" s="358" t="s">
        <v>17904</v>
      </c>
      <c r="D7310" s="358" t="s">
        <v>17905</v>
      </c>
      <c r="E7310" s="358" t="s">
        <v>17906</v>
      </c>
      <c r="F7310" s="358" t="s">
        <v>14530</v>
      </c>
      <c r="G7310" s="358" t="s">
        <v>14531</v>
      </c>
      <c r="H7310" s="358" t="s">
        <v>14378</v>
      </c>
      <c r="I7310" s="358" t="s">
        <v>14531</v>
      </c>
      <c r="J7310" s="358"/>
      <c r="K7310" s="358"/>
      <c r="L7310" s="358"/>
    </row>
    <row r="7311" spans="2:12">
      <c r="B7311" s="359"/>
      <c r="C7311" s="360"/>
      <c r="D7311" s="359"/>
      <c r="E7311" s="359"/>
      <c r="F7311" s="360"/>
      <c r="G7311" s="360"/>
      <c r="H7311" s="360"/>
      <c r="I7311" s="360"/>
      <c r="J7311" s="359"/>
      <c r="K7311" s="359"/>
      <c r="L7311" s="359"/>
    </row>
    <row r="7312" spans="2:12" ht="28.5">
      <c r="B7312" s="359"/>
      <c r="C7312" s="359" t="s">
        <v>17907</v>
      </c>
      <c r="D7312" s="359"/>
      <c r="E7312" s="359"/>
      <c r="F7312" s="359" t="s">
        <v>14379</v>
      </c>
      <c r="G7312" s="359" t="s">
        <v>14405</v>
      </c>
      <c r="H7312" s="359" t="s">
        <v>14370</v>
      </c>
      <c r="I7312" s="359" t="s">
        <v>14405</v>
      </c>
      <c r="J7312" s="359"/>
      <c r="K7312" s="359"/>
      <c r="L7312" s="359"/>
    </row>
    <row r="7313" spans="2:12">
      <c r="B7313" s="359"/>
      <c r="C7313" s="360"/>
      <c r="D7313" s="359"/>
      <c r="E7313" s="359"/>
      <c r="F7313" s="360"/>
      <c r="G7313" s="360"/>
      <c r="H7313" s="360"/>
      <c r="I7313" s="360"/>
      <c r="J7313" s="359"/>
      <c r="K7313" s="359"/>
      <c r="L7313" s="359"/>
    </row>
    <row r="7314" spans="2:12">
      <c r="B7314" s="361"/>
      <c r="C7314" s="362"/>
      <c r="D7314" s="361"/>
      <c r="E7314" s="361"/>
      <c r="F7314" s="361" t="s">
        <v>14371</v>
      </c>
      <c r="G7314" s="361" t="s">
        <v>14372</v>
      </c>
      <c r="H7314" s="361" t="s">
        <v>14332</v>
      </c>
      <c r="I7314" s="361" t="s">
        <v>14372</v>
      </c>
      <c r="J7314" s="361"/>
      <c r="K7314" s="361"/>
      <c r="L7314" s="361"/>
    </row>
    <row r="7315" spans="2:12">
      <c r="B7315" s="358" t="s">
        <v>17908</v>
      </c>
      <c r="C7315" s="358" t="s">
        <v>17909</v>
      </c>
      <c r="D7315" s="358" t="s">
        <v>17910</v>
      </c>
      <c r="E7315" s="358" t="s">
        <v>17911</v>
      </c>
      <c r="F7315" s="358" t="s">
        <v>14505</v>
      </c>
      <c r="G7315" s="358" t="s">
        <v>14506</v>
      </c>
      <c r="H7315" s="358" t="s">
        <v>14328</v>
      </c>
      <c r="I7315" s="358" t="s">
        <v>14506</v>
      </c>
      <c r="J7315" s="358"/>
      <c r="K7315" s="358"/>
      <c r="L7315" s="358"/>
    </row>
    <row r="7316" spans="2:12">
      <c r="B7316" s="359"/>
      <c r="C7316" s="360"/>
      <c r="D7316" s="359"/>
      <c r="E7316" s="359"/>
      <c r="F7316" s="360"/>
      <c r="G7316" s="360"/>
      <c r="H7316" s="360"/>
      <c r="I7316" s="360"/>
      <c r="J7316" s="359"/>
      <c r="K7316" s="359"/>
      <c r="L7316" s="359"/>
    </row>
    <row r="7317" spans="2:12">
      <c r="B7317" s="359"/>
      <c r="C7317" s="359" t="s">
        <v>17912</v>
      </c>
      <c r="D7317" s="359"/>
      <c r="E7317" s="359"/>
      <c r="F7317" s="359" t="s">
        <v>14356</v>
      </c>
      <c r="G7317" s="359" t="s">
        <v>14340</v>
      </c>
      <c r="H7317" s="359" t="s">
        <v>14341</v>
      </c>
      <c r="I7317" s="359" t="s">
        <v>14340</v>
      </c>
      <c r="J7317" s="359"/>
      <c r="K7317" s="359"/>
      <c r="L7317" s="359"/>
    </row>
    <row r="7318" spans="2:12">
      <c r="B7318" s="359"/>
      <c r="C7318" s="360"/>
      <c r="D7318" s="359"/>
      <c r="E7318" s="359"/>
      <c r="F7318" s="360"/>
      <c r="G7318" s="360"/>
      <c r="H7318" s="360"/>
      <c r="I7318" s="360"/>
      <c r="J7318" s="359"/>
      <c r="K7318" s="359"/>
      <c r="L7318" s="359"/>
    </row>
    <row r="7319" spans="2:12">
      <c r="B7319" s="361"/>
      <c r="C7319" s="362"/>
      <c r="D7319" s="361"/>
      <c r="E7319" s="361"/>
      <c r="F7319" s="362"/>
      <c r="G7319" s="362"/>
      <c r="H7319" s="361" t="s">
        <v>14332</v>
      </c>
      <c r="I7319" s="362"/>
      <c r="J7319" s="361"/>
      <c r="K7319" s="361"/>
      <c r="L7319" s="361"/>
    </row>
    <row r="7320" spans="2:12">
      <c r="B7320" s="358" t="s">
        <v>17913</v>
      </c>
      <c r="C7320" s="358" t="s">
        <v>17914</v>
      </c>
      <c r="D7320" s="358" t="s">
        <v>17915</v>
      </c>
      <c r="E7320" s="358" t="s">
        <v>7611</v>
      </c>
      <c r="F7320" s="358" t="s">
        <v>14505</v>
      </c>
      <c r="G7320" s="358" t="s">
        <v>14506</v>
      </c>
      <c r="H7320" s="358" t="s">
        <v>14328</v>
      </c>
      <c r="I7320" s="358" t="s">
        <v>14506</v>
      </c>
      <c r="J7320" s="358"/>
      <c r="K7320" s="358"/>
      <c r="L7320" s="358"/>
    </row>
    <row r="7321" spans="2:12">
      <c r="B7321" s="359"/>
      <c r="C7321" s="360"/>
      <c r="D7321" s="359"/>
      <c r="E7321" s="359"/>
      <c r="F7321" s="360"/>
      <c r="G7321" s="360"/>
      <c r="H7321" s="360"/>
      <c r="I7321" s="360"/>
      <c r="J7321" s="359"/>
      <c r="K7321" s="359"/>
      <c r="L7321" s="359"/>
    </row>
    <row r="7322" spans="2:12">
      <c r="B7322" s="359"/>
      <c r="C7322" s="359" t="s">
        <v>17916</v>
      </c>
      <c r="D7322" s="359"/>
      <c r="E7322" s="359"/>
      <c r="F7322" s="359" t="s">
        <v>14443</v>
      </c>
      <c r="G7322" s="359" t="s">
        <v>14444</v>
      </c>
      <c r="H7322" s="359" t="s">
        <v>14381</v>
      </c>
      <c r="I7322" s="359" t="s">
        <v>14444</v>
      </c>
      <c r="J7322" s="359"/>
      <c r="K7322" s="359"/>
      <c r="L7322" s="359"/>
    </row>
    <row r="7323" spans="2:12">
      <c r="B7323" s="359"/>
      <c r="C7323" s="360"/>
      <c r="D7323" s="359"/>
      <c r="E7323" s="359"/>
      <c r="F7323" s="360"/>
      <c r="G7323" s="360"/>
      <c r="H7323" s="360"/>
      <c r="I7323" s="360"/>
      <c r="J7323" s="359"/>
      <c r="K7323" s="359"/>
      <c r="L7323" s="359"/>
    </row>
    <row r="7324" spans="2:12">
      <c r="B7324" s="359"/>
      <c r="C7324" s="360"/>
      <c r="D7324" s="359"/>
      <c r="E7324" s="359"/>
      <c r="F7324" s="359" t="s">
        <v>14420</v>
      </c>
      <c r="G7324" s="359" t="s">
        <v>14459</v>
      </c>
      <c r="H7324" s="359" t="s">
        <v>14367</v>
      </c>
      <c r="I7324" s="359" t="s">
        <v>14459</v>
      </c>
      <c r="J7324" s="359"/>
      <c r="K7324" s="359"/>
      <c r="L7324" s="359"/>
    </row>
    <row r="7325" spans="2:12">
      <c r="B7325" s="359"/>
      <c r="C7325" s="360"/>
      <c r="D7325" s="359"/>
      <c r="E7325" s="359"/>
      <c r="F7325" s="360"/>
      <c r="G7325" s="360"/>
      <c r="H7325" s="360"/>
      <c r="I7325" s="360"/>
      <c r="J7325" s="359"/>
      <c r="K7325" s="359"/>
      <c r="L7325" s="359"/>
    </row>
    <row r="7326" spans="2:12">
      <c r="B7326" s="361"/>
      <c r="C7326" s="362"/>
      <c r="D7326" s="361"/>
      <c r="E7326" s="361"/>
      <c r="F7326" s="361" t="s">
        <v>14420</v>
      </c>
      <c r="G7326" s="361" t="s">
        <v>14429</v>
      </c>
      <c r="H7326" s="361" t="s">
        <v>14332</v>
      </c>
      <c r="I7326" s="361" t="s">
        <v>14429</v>
      </c>
      <c r="J7326" s="361"/>
      <c r="K7326" s="361"/>
      <c r="L7326" s="361"/>
    </row>
    <row r="7327" spans="2:12">
      <c r="B7327" s="358" t="s">
        <v>17917</v>
      </c>
      <c r="C7327" s="358" t="s">
        <v>28891</v>
      </c>
      <c r="D7327" s="358" t="s">
        <v>17918</v>
      </c>
      <c r="E7327" s="358" t="s">
        <v>17919</v>
      </c>
      <c r="F7327" s="358" t="s">
        <v>14505</v>
      </c>
      <c r="G7327" s="358" t="s">
        <v>14506</v>
      </c>
      <c r="H7327" s="358" t="s">
        <v>14328</v>
      </c>
      <c r="I7327" s="358" t="s">
        <v>14506</v>
      </c>
      <c r="J7327" s="358"/>
      <c r="K7327" s="358"/>
      <c r="L7327" s="358"/>
    </row>
    <row r="7328" spans="2:12">
      <c r="B7328" s="359"/>
      <c r="C7328" s="360"/>
      <c r="D7328" s="359"/>
      <c r="E7328" s="359"/>
      <c r="F7328" s="360"/>
      <c r="G7328" s="360"/>
      <c r="H7328" s="360"/>
      <c r="I7328" s="360"/>
      <c r="J7328" s="359"/>
      <c r="K7328" s="359"/>
      <c r="L7328" s="359"/>
    </row>
    <row r="7329" spans="2:12" ht="28.5">
      <c r="B7329" s="359"/>
      <c r="C7329" s="359" t="s">
        <v>17920</v>
      </c>
      <c r="D7329" s="359"/>
      <c r="E7329" s="359"/>
      <c r="F7329" s="359" t="s">
        <v>14394</v>
      </c>
      <c r="G7329" s="359" t="s">
        <v>14395</v>
      </c>
      <c r="H7329" s="359" t="s">
        <v>14370</v>
      </c>
      <c r="I7329" s="359" t="s">
        <v>14395</v>
      </c>
      <c r="J7329" s="359"/>
      <c r="K7329" s="359"/>
      <c r="L7329" s="359"/>
    </row>
    <row r="7330" spans="2:12">
      <c r="B7330" s="359"/>
      <c r="C7330" s="360"/>
      <c r="D7330" s="359"/>
      <c r="E7330" s="359"/>
      <c r="F7330" s="360"/>
      <c r="G7330" s="360"/>
      <c r="H7330" s="360"/>
      <c r="I7330" s="360"/>
      <c r="J7330" s="359"/>
      <c r="K7330" s="359"/>
      <c r="L7330" s="359"/>
    </row>
    <row r="7331" spans="2:12">
      <c r="B7331" s="361"/>
      <c r="C7331" s="362"/>
      <c r="D7331" s="361"/>
      <c r="E7331" s="361"/>
      <c r="F7331" s="362"/>
      <c r="G7331" s="362"/>
      <c r="H7331" s="361" t="s">
        <v>14332</v>
      </c>
      <c r="I7331" s="362"/>
      <c r="J7331" s="361"/>
      <c r="K7331" s="361"/>
      <c r="L7331" s="361"/>
    </row>
    <row r="7332" spans="2:12">
      <c r="B7332" s="358" t="s">
        <v>17921</v>
      </c>
      <c r="C7332" s="358" t="s">
        <v>17922</v>
      </c>
      <c r="D7332" s="358" t="s">
        <v>17923</v>
      </c>
      <c r="E7332" s="358" t="s">
        <v>17924</v>
      </c>
      <c r="F7332" s="358" t="s">
        <v>14386</v>
      </c>
      <c r="G7332" s="358" t="s">
        <v>14387</v>
      </c>
      <c r="H7332" s="358" t="s">
        <v>14367</v>
      </c>
      <c r="I7332" s="358" t="s">
        <v>14387</v>
      </c>
      <c r="J7332" s="358"/>
      <c r="K7332" s="358"/>
      <c r="L7332" s="358"/>
    </row>
    <row r="7333" spans="2:12">
      <c r="B7333" s="359"/>
      <c r="C7333" s="360"/>
      <c r="D7333" s="359"/>
      <c r="E7333" s="359"/>
      <c r="F7333" s="360"/>
      <c r="G7333" s="360"/>
      <c r="H7333" s="360"/>
      <c r="I7333" s="360"/>
      <c r="J7333" s="359"/>
      <c r="K7333" s="359"/>
      <c r="L7333" s="359"/>
    </row>
    <row r="7334" spans="2:12">
      <c r="B7334" s="359"/>
      <c r="C7334" s="359" t="s">
        <v>17925</v>
      </c>
      <c r="D7334" s="359"/>
      <c r="E7334" s="359"/>
      <c r="F7334" s="359" t="s">
        <v>14368</v>
      </c>
      <c r="G7334" s="359" t="s">
        <v>14388</v>
      </c>
      <c r="H7334" s="359" t="s">
        <v>14422</v>
      </c>
      <c r="I7334" s="359" t="s">
        <v>14388</v>
      </c>
      <c r="J7334" s="359"/>
      <c r="K7334" s="359"/>
      <c r="L7334" s="359"/>
    </row>
    <row r="7335" spans="2:12">
      <c r="B7335" s="359"/>
      <c r="C7335" s="360"/>
      <c r="D7335" s="359"/>
      <c r="E7335" s="359"/>
      <c r="F7335" s="360"/>
      <c r="G7335" s="360"/>
      <c r="H7335" s="360"/>
      <c r="I7335" s="360"/>
      <c r="J7335" s="359"/>
      <c r="K7335" s="359"/>
      <c r="L7335" s="359"/>
    </row>
    <row r="7336" spans="2:12">
      <c r="B7336" s="361"/>
      <c r="C7336" s="362"/>
      <c r="D7336" s="361"/>
      <c r="E7336" s="361"/>
      <c r="F7336" s="361" t="s">
        <v>14389</v>
      </c>
      <c r="G7336" s="361" t="s">
        <v>14390</v>
      </c>
      <c r="H7336" s="362"/>
      <c r="I7336" s="361" t="s">
        <v>14390</v>
      </c>
      <c r="J7336" s="361"/>
      <c r="K7336" s="361"/>
      <c r="L7336" s="361"/>
    </row>
    <row r="7337" spans="2:12">
      <c r="B7337" s="358" t="s">
        <v>17926</v>
      </c>
      <c r="C7337" s="358" t="s">
        <v>17927</v>
      </c>
      <c r="D7337" s="358" t="s">
        <v>17928</v>
      </c>
      <c r="E7337" s="358" t="s">
        <v>17929</v>
      </c>
      <c r="F7337" s="358" t="s">
        <v>14443</v>
      </c>
      <c r="G7337" s="358" t="s">
        <v>14444</v>
      </c>
      <c r="H7337" s="358" t="s">
        <v>14378</v>
      </c>
      <c r="I7337" s="358" t="s">
        <v>14444</v>
      </c>
      <c r="J7337" s="358"/>
      <c r="K7337" s="358"/>
      <c r="L7337" s="358"/>
    </row>
    <row r="7338" spans="2:12">
      <c r="B7338" s="359"/>
      <c r="C7338" s="360"/>
      <c r="D7338" s="359"/>
      <c r="E7338" s="359"/>
      <c r="F7338" s="360"/>
      <c r="G7338" s="360"/>
      <c r="H7338" s="360"/>
      <c r="I7338" s="360"/>
      <c r="J7338" s="359"/>
      <c r="K7338" s="359"/>
      <c r="L7338" s="359"/>
    </row>
    <row r="7339" spans="2:12">
      <c r="B7339" s="359"/>
      <c r="C7339" s="359" t="s">
        <v>17930</v>
      </c>
      <c r="D7339" s="359"/>
      <c r="E7339" s="359"/>
      <c r="F7339" s="359" t="s">
        <v>14382</v>
      </c>
      <c r="G7339" s="359" t="s">
        <v>14483</v>
      </c>
      <c r="H7339" s="359" t="s">
        <v>14381</v>
      </c>
      <c r="I7339" s="359" t="s">
        <v>14483</v>
      </c>
      <c r="J7339" s="359"/>
      <c r="K7339" s="359"/>
      <c r="L7339" s="359"/>
    </row>
    <row r="7340" spans="2:12">
      <c r="B7340" s="359"/>
      <c r="C7340" s="360"/>
      <c r="D7340" s="359"/>
      <c r="E7340" s="359"/>
      <c r="F7340" s="360"/>
      <c r="G7340" s="360"/>
      <c r="H7340" s="360"/>
      <c r="I7340" s="360"/>
      <c r="J7340" s="359"/>
      <c r="K7340" s="359"/>
      <c r="L7340" s="359"/>
    </row>
    <row r="7341" spans="2:12">
      <c r="B7341" s="359"/>
      <c r="C7341" s="359" t="s">
        <v>17931</v>
      </c>
      <c r="D7341" s="359"/>
      <c r="E7341" s="359"/>
      <c r="F7341" s="359" t="s">
        <v>14420</v>
      </c>
      <c r="G7341" s="359" t="s">
        <v>14429</v>
      </c>
      <c r="H7341" s="359" t="s">
        <v>14341</v>
      </c>
      <c r="I7341" s="359" t="s">
        <v>14429</v>
      </c>
      <c r="J7341" s="359"/>
      <c r="K7341" s="359"/>
      <c r="L7341" s="359"/>
    </row>
    <row r="7342" spans="2:12">
      <c r="B7342" s="359"/>
      <c r="C7342" s="360"/>
      <c r="D7342" s="359"/>
      <c r="E7342" s="359"/>
      <c r="F7342" s="360"/>
      <c r="G7342" s="360"/>
      <c r="H7342" s="360"/>
      <c r="I7342" s="360"/>
      <c r="J7342" s="359"/>
      <c r="K7342" s="359"/>
      <c r="L7342" s="359"/>
    </row>
    <row r="7343" spans="2:12">
      <c r="B7343" s="359"/>
      <c r="C7343" s="360"/>
      <c r="D7343" s="359"/>
      <c r="E7343" s="359"/>
      <c r="F7343" s="359" t="s">
        <v>14368</v>
      </c>
      <c r="G7343" s="359" t="s">
        <v>14388</v>
      </c>
      <c r="H7343" s="359" t="s">
        <v>14332</v>
      </c>
      <c r="I7343" s="359" t="s">
        <v>14388</v>
      </c>
      <c r="J7343" s="359"/>
      <c r="K7343" s="359"/>
      <c r="L7343" s="359"/>
    </row>
    <row r="7344" spans="2:12">
      <c r="B7344" s="359"/>
      <c r="C7344" s="360"/>
      <c r="D7344" s="359"/>
      <c r="E7344" s="359"/>
      <c r="F7344" s="360"/>
      <c r="G7344" s="360"/>
      <c r="H7344" s="360"/>
      <c r="I7344" s="360"/>
      <c r="J7344" s="359"/>
      <c r="K7344" s="359"/>
      <c r="L7344" s="359"/>
    </row>
    <row r="7345" spans="2:12">
      <c r="B7345" s="359"/>
      <c r="C7345" s="360"/>
      <c r="D7345" s="359"/>
      <c r="E7345" s="359"/>
      <c r="F7345" s="359" t="s">
        <v>14389</v>
      </c>
      <c r="G7345" s="359" t="s">
        <v>14390</v>
      </c>
      <c r="H7345" s="360"/>
      <c r="I7345" s="359" t="s">
        <v>14390</v>
      </c>
      <c r="J7345" s="359"/>
      <c r="K7345" s="359"/>
      <c r="L7345" s="359"/>
    </row>
    <row r="7346" spans="2:12">
      <c r="B7346" s="359"/>
      <c r="C7346" s="360"/>
      <c r="D7346" s="359"/>
      <c r="E7346" s="359"/>
      <c r="F7346" s="360"/>
      <c r="G7346" s="360"/>
      <c r="H7346" s="360"/>
      <c r="I7346" s="360"/>
      <c r="J7346" s="359"/>
      <c r="K7346" s="359"/>
      <c r="L7346" s="359"/>
    </row>
    <row r="7347" spans="2:12">
      <c r="B7347" s="361"/>
      <c r="C7347" s="362"/>
      <c r="D7347" s="361"/>
      <c r="E7347" s="361"/>
      <c r="F7347" s="361" t="s">
        <v>14430</v>
      </c>
      <c r="G7347" s="361" t="s">
        <v>14431</v>
      </c>
      <c r="H7347" s="362"/>
      <c r="I7347" s="361" t="s">
        <v>14431</v>
      </c>
      <c r="J7347" s="361"/>
      <c r="K7347" s="361"/>
      <c r="L7347" s="361"/>
    </row>
    <row r="7348" spans="2:12">
      <c r="B7348" s="358" t="s">
        <v>17932</v>
      </c>
      <c r="C7348" s="358" t="s">
        <v>17933</v>
      </c>
      <c r="D7348" s="358" t="s">
        <v>17934</v>
      </c>
      <c r="E7348" s="358" t="s">
        <v>17935</v>
      </c>
      <c r="F7348" s="358" t="s">
        <v>14505</v>
      </c>
      <c r="G7348" s="358" t="s">
        <v>14506</v>
      </c>
      <c r="H7348" s="358" t="s">
        <v>14328</v>
      </c>
      <c r="I7348" s="358" t="s">
        <v>14506</v>
      </c>
      <c r="J7348" s="358"/>
      <c r="K7348" s="358"/>
      <c r="L7348" s="358"/>
    </row>
    <row r="7349" spans="2:12">
      <c r="B7349" s="359"/>
      <c r="C7349" s="360"/>
      <c r="D7349" s="359"/>
      <c r="E7349" s="359"/>
      <c r="F7349" s="359"/>
      <c r="G7349" s="359"/>
      <c r="H7349" s="360"/>
      <c r="I7349" s="359"/>
      <c r="J7349" s="359"/>
      <c r="K7349" s="359"/>
      <c r="L7349" s="359"/>
    </row>
    <row r="7350" spans="2:12">
      <c r="B7350" s="361"/>
      <c r="C7350" s="361" t="s">
        <v>17936</v>
      </c>
      <c r="D7350" s="361"/>
      <c r="E7350" s="361"/>
      <c r="F7350" s="361"/>
      <c r="G7350" s="361"/>
      <c r="H7350" s="361" t="s">
        <v>14332</v>
      </c>
      <c r="I7350" s="361"/>
      <c r="J7350" s="361"/>
      <c r="K7350" s="361"/>
      <c r="L7350" s="361"/>
    </row>
    <row r="7351" spans="2:12">
      <c r="B7351" s="358" t="s">
        <v>17937</v>
      </c>
      <c r="C7351" s="358" t="s">
        <v>17938</v>
      </c>
      <c r="D7351" s="358" t="s">
        <v>17939</v>
      </c>
      <c r="E7351" s="358" t="s">
        <v>17940</v>
      </c>
      <c r="F7351" s="358" t="s">
        <v>14418</v>
      </c>
      <c r="G7351" s="358" t="s">
        <v>14419</v>
      </c>
      <c r="H7351" s="358" t="s">
        <v>14328</v>
      </c>
      <c r="I7351" s="358" t="s">
        <v>14419</v>
      </c>
      <c r="J7351" s="358"/>
      <c r="K7351" s="358"/>
      <c r="L7351" s="358"/>
    </row>
    <row r="7352" spans="2:12">
      <c r="B7352" s="359"/>
      <c r="C7352" s="359"/>
      <c r="D7352" s="359"/>
      <c r="E7352" s="359"/>
      <c r="F7352" s="360"/>
      <c r="G7352" s="360"/>
      <c r="H7352" s="360"/>
      <c r="I7352" s="360"/>
      <c r="J7352" s="359"/>
      <c r="K7352" s="359"/>
      <c r="L7352" s="359"/>
    </row>
    <row r="7353" spans="2:12">
      <c r="B7353" s="359"/>
      <c r="C7353" s="359"/>
      <c r="D7353" s="359"/>
      <c r="E7353" s="359"/>
      <c r="F7353" s="359" t="s">
        <v>14389</v>
      </c>
      <c r="G7353" s="359" t="s">
        <v>14390</v>
      </c>
      <c r="H7353" s="359" t="s">
        <v>14367</v>
      </c>
      <c r="I7353" s="359" t="s">
        <v>14390</v>
      </c>
      <c r="J7353" s="359"/>
      <c r="K7353" s="359"/>
      <c r="L7353" s="359"/>
    </row>
    <row r="7354" spans="2:12">
      <c r="B7354" s="359"/>
      <c r="C7354" s="359"/>
      <c r="D7354" s="359"/>
      <c r="E7354" s="359"/>
      <c r="F7354" s="360"/>
      <c r="G7354" s="360"/>
      <c r="H7354" s="360"/>
      <c r="I7354" s="360"/>
      <c r="J7354" s="359"/>
      <c r="K7354" s="359"/>
      <c r="L7354" s="359"/>
    </row>
    <row r="7355" spans="2:12" ht="28.5">
      <c r="B7355" s="359"/>
      <c r="C7355" s="359"/>
      <c r="D7355" s="359"/>
      <c r="E7355" s="359"/>
      <c r="F7355" s="359" t="s">
        <v>14394</v>
      </c>
      <c r="G7355" s="359" t="s">
        <v>14395</v>
      </c>
      <c r="H7355" s="359" t="s">
        <v>14370</v>
      </c>
      <c r="I7355" s="359" t="s">
        <v>14395</v>
      </c>
      <c r="J7355" s="359"/>
      <c r="K7355" s="359"/>
      <c r="L7355" s="359"/>
    </row>
    <row r="7356" spans="2:12">
      <c r="B7356" s="359"/>
      <c r="C7356" s="359"/>
      <c r="D7356" s="359"/>
      <c r="E7356" s="359"/>
      <c r="F7356" s="360"/>
      <c r="G7356" s="360"/>
      <c r="H7356" s="360"/>
      <c r="I7356" s="360"/>
      <c r="J7356" s="359"/>
      <c r="K7356" s="359"/>
      <c r="L7356" s="359"/>
    </row>
    <row r="7357" spans="2:12">
      <c r="B7357" s="361"/>
      <c r="C7357" s="361"/>
      <c r="D7357" s="361"/>
      <c r="E7357" s="361"/>
      <c r="F7357" s="362"/>
      <c r="G7357" s="362"/>
      <c r="H7357" s="361" t="s">
        <v>14422</v>
      </c>
      <c r="I7357" s="362"/>
      <c r="J7357" s="361"/>
      <c r="K7357" s="361"/>
      <c r="L7357" s="361"/>
    </row>
    <row r="7358" spans="2:12">
      <c r="B7358" s="358" t="s">
        <v>17941</v>
      </c>
      <c r="C7358" s="358" t="s">
        <v>17942</v>
      </c>
      <c r="D7358" s="358" t="s">
        <v>17943</v>
      </c>
      <c r="E7358" s="358" t="s">
        <v>17944</v>
      </c>
      <c r="F7358" s="358" t="s">
        <v>14330</v>
      </c>
      <c r="G7358" s="358" t="s">
        <v>14459</v>
      </c>
      <c r="H7358" s="358" t="s">
        <v>14367</v>
      </c>
      <c r="I7358" s="358" t="s">
        <v>14459</v>
      </c>
      <c r="J7358" s="358"/>
      <c r="K7358" s="358"/>
      <c r="L7358" s="358" t="s">
        <v>14329</v>
      </c>
    </row>
    <row r="7359" spans="2:12">
      <c r="B7359" s="359"/>
      <c r="C7359" s="360"/>
      <c r="D7359" s="359"/>
      <c r="E7359" s="359"/>
      <c r="F7359" s="360"/>
      <c r="G7359" s="360"/>
      <c r="H7359" s="360"/>
      <c r="I7359" s="360"/>
      <c r="J7359" s="359"/>
      <c r="K7359" s="359"/>
      <c r="L7359" s="359"/>
    </row>
    <row r="7360" spans="2:12">
      <c r="B7360" s="359"/>
      <c r="C7360" s="359" t="s">
        <v>17945</v>
      </c>
      <c r="D7360" s="359"/>
      <c r="E7360" s="359"/>
      <c r="F7360" s="359" t="s">
        <v>14420</v>
      </c>
      <c r="G7360" s="359" t="s">
        <v>14388</v>
      </c>
      <c r="H7360" s="359" t="s">
        <v>14422</v>
      </c>
      <c r="I7360" s="359" t="s">
        <v>14388</v>
      </c>
      <c r="J7360" s="359"/>
      <c r="K7360" s="359"/>
      <c r="L7360" s="359"/>
    </row>
    <row r="7361" spans="2:12">
      <c r="B7361" s="359"/>
      <c r="C7361" s="360"/>
      <c r="D7361" s="359"/>
      <c r="E7361" s="359"/>
      <c r="F7361" s="360"/>
      <c r="G7361" s="360"/>
      <c r="H7361" s="360"/>
      <c r="I7361" s="360"/>
      <c r="J7361" s="359"/>
      <c r="K7361" s="359"/>
      <c r="L7361" s="359"/>
    </row>
    <row r="7362" spans="2:12">
      <c r="B7362" s="361"/>
      <c r="C7362" s="362"/>
      <c r="D7362" s="361"/>
      <c r="E7362" s="361"/>
      <c r="F7362" s="361" t="s">
        <v>14368</v>
      </c>
      <c r="G7362" s="362"/>
      <c r="H7362" s="362"/>
      <c r="I7362" s="362"/>
      <c r="J7362" s="361"/>
      <c r="K7362" s="361"/>
      <c r="L7362" s="361"/>
    </row>
    <row r="7363" spans="2:12">
      <c r="B7363" s="358" t="s">
        <v>10319</v>
      </c>
      <c r="C7363" s="358" t="s">
        <v>422</v>
      </c>
      <c r="D7363" s="358" t="s">
        <v>423</v>
      </c>
      <c r="E7363" s="358" t="s">
        <v>424</v>
      </c>
      <c r="F7363" s="358" t="s">
        <v>14376</v>
      </c>
      <c r="G7363" s="358" t="s">
        <v>14669</v>
      </c>
      <c r="H7363" s="358" t="s">
        <v>14381</v>
      </c>
      <c r="I7363" s="358" t="s">
        <v>14669</v>
      </c>
      <c r="J7363" s="358"/>
      <c r="K7363" s="358"/>
      <c r="L7363" s="358" t="s">
        <v>595</v>
      </c>
    </row>
    <row r="7364" spans="2:12">
      <c r="B7364" s="359"/>
      <c r="C7364" s="359"/>
      <c r="D7364" s="359"/>
      <c r="E7364" s="359"/>
      <c r="F7364" s="360"/>
      <c r="G7364" s="360"/>
      <c r="H7364" s="360"/>
      <c r="I7364" s="360"/>
      <c r="J7364" s="359"/>
      <c r="K7364" s="359"/>
      <c r="L7364" s="359"/>
    </row>
    <row r="7365" spans="2:12" ht="28.5">
      <c r="B7365" s="359"/>
      <c r="C7365" s="359"/>
      <c r="D7365" s="359"/>
      <c r="E7365" s="359"/>
      <c r="F7365" s="359" t="s">
        <v>14424</v>
      </c>
      <c r="G7365" s="359" t="s">
        <v>28892</v>
      </c>
      <c r="H7365" s="359" t="s">
        <v>14367</v>
      </c>
      <c r="I7365" s="359" t="s">
        <v>28892</v>
      </c>
      <c r="J7365" s="359"/>
      <c r="K7365" s="359"/>
      <c r="L7365" s="359"/>
    </row>
    <row r="7366" spans="2:12">
      <c r="B7366" s="359"/>
      <c r="C7366" s="359"/>
      <c r="D7366" s="359"/>
      <c r="E7366" s="359"/>
      <c r="F7366" s="360"/>
      <c r="G7366" s="360"/>
      <c r="H7366" s="360"/>
      <c r="I7366" s="360"/>
      <c r="J7366" s="359"/>
      <c r="K7366" s="359"/>
      <c r="L7366" s="359"/>
    </row>
    <row r="7367" spans="2:12">
      <c r="B7367" s="359"/>
      <c r="C7367" s="359"/>
      <c r="D7367" s="359"/>
      <c r="E7367" s="359"/>
      <c r="F7367" s="359" t="s">
        <v>14420</v>
      </c>
      <c r="G7367" s="359" t="s">
        <v>14421</v>
      </c>
      <c r="H7367" s="359" t="s">
        <v>14332</v>
      </c>
      <c r="I7367" s="359" t="s">
        <v>14421</v>
      </c>
      <c r="J7367" s="359"/>
      <c r="K7367" s="359"/>
      <c r="L7367" s="359"/>
    </row>
    <row r="7368" spans="2:12">
      <c r="B7368" s="359"/>
      <c r="C7368" s="359"/>
      <c r="D7368" s="359"/>
      <c r="E7368" s="359"/>
      <c r="F7368" s="360"/>
      <c r="G7368" s="360"/>
      <c r="H7368" s="360"/>
      <c r="I7368" s="360"/>
      <c r="J7368" s="359"/>
      <c r="K7368" s="359"/>
      <c r="L7368" s="359"/>
    </row>
    <row r="7369" spans="2:12">
      <c r="B7369" s="359"/>
      <c r="C7369" s="359"/>
      <c r="D7369" s="359"/>
      <c r="E7369" s="359"/>
      <c r="F7369" s="359" t="s">
        <v>14420</v>
      </c>
      <c r="G7369" s="359" t="s">
        <v>14429</v>
      </c>
      <c r="H7369" s="360"/>
      <c r="I7369" s="359" t="s">
        <v>14429</v>
      </c>
      <c r="J7369" s="359"/>
      <c r="K7369" s="359"/>
      <c r="L7369" s="359"/>
    </row>
    <row r="7370" spans="2:12">
      <c r="B7370" s="359"/>
      <c r="C7370" s="359"/>
      <c r="D7370" s="359"/>
      <c r="E7370" s="359"/>
      <c r="F7370" s="360"/>
      <c r="G7370" s="360"/>
      <c r="H7370" s="360"/>
      <c r="I7370" s="360"/>
      <c r="J7370" s="359"/>
      <c r="K7370" s="359"/>
      <c r="L7370" s="359"/>
    </row>
    <row r="7371" spans="2:12">
      <c r="B7371" s="361"/>
      <c r="C7371" s="361"/>
      <c r="D7371" s="361"/>
      <c r="E7371" s="361"/>
      <c r="F7371" s="361" t="s">
        <v>14420</v>
      </c>
      <c r="G7371" s="362"/>
      <c r="H7371" s="362"/>
      <c r="I7371" s="362"/>
      <c r="J7371" s="361"/>
      <c r="K7371" s="361"/>
      <c r="L7371" s="361"/>
    </row>
    <row r="7372" spans="2:12">
      <c r="B7372" s="358" t="s">
        <v>17946</v>
      </c>
      <c r="C7372" s="358" t="s">
        <v>17947</v>
      </c>
      <c r="D7372" s="358" t="s">
        <v>17948</v>
      </c>
      <c r="E7372" s="358" t="s">
        <v>17949</v>
      </c>
      <c r="F7372" s="358" t="s">
        <v>14443</v>
      </c>
      <c r="G7372" s="358" t="s">
        <v>14444</v>
      </c>
      <c r="H7372" s="358" t="s">
        <v>14378</v>
      </c>
      <c r="I7372" s="358" t="s">
        <v>14444</v>
      </c>
      <c r="J7372" s="358"/>
      <c r="K7372" s="358"/>
      <c r="L7372" s="358"/>
    </row>
    <row r="7373" spans="2:12">
      <c r="B7373" s="359"/>
      <c r="C7373" s="360"/>
      <c r="D7373" s="359"/>
      <c r="E7373" s="359"/>
      <c r="F7373" s="360"/>
      <c r="G7373" s="360"/>
      <c r="H7373" s="360"/>
      <c r="I7373" s="360"/>
      <c r="J7373" s="359"/>
      <c r="K7373" s="359"/>
      <c r="L7373" s="359"/>
    </row>
    <row r="7374" spans="2:12" ht="28.5">
      <c r="B7374" s="359"/>
      <c r="C7374" s="359" t="s">
        <v>17950</v>
      </c>
      <c r="D7374" s="359"/>
      <c r="E7374" s="359"/>
      <c r="F7374" s="359" t="s">
        <v>14382</v>
      </c>
      <c r="G7374" s="359" t="s">
        <v>14383</v>
      </c>
      <c r="H7374" s="359" t="s">
        <v>14381</v>
      </c>
      <c r="I7374" s="359" t="s">
        <v>14383</v>
      </c>
      <c r="J7374" s="359"/>
      <c r="K7374" s="359"/>
      <c r="L7374" s="359"/>
    </row>
    <row r="7375" spans="2:12">
      <c r="B7375" s="359"/>
      <c r="C7375" s="360"/>
      <c r="D7375" s="359"/>
      <c r="E7375" s="359"/>
      <c r="F7375" s="360"/>
      <c r="G7375" s="360"/>
      <c r="H7375" s="360"/>
      <c r="I7375" s="360"/>
      <c r="J7375" s="359"/>
      <c r="K7375" s="359"/>
      <c r="L7375" s="359"/>
    </row>
    <row r="7376" spans="2:12" ht="28.5">
      <c r="B7376" s="359"/>
      <c r="C7376" s="360"/>
      <c r="D7376" s="359"/>
      <c r="E7376" s="359"/>
      <c r="F7376" s="359" t="s">
        <v>14460</v>
      </c>
      <c r="G7376" s="359" t="s">
        <v>14519</v>
      </c>
      <c r="H7376" s="359" t="s">
        <v>14370</v>
      </c>
      <c r="I7376" s="359" t="s">
        <v>28681</v>
      </c>
      <c r="J7376" s="359"/>
      <c r="K7376" s="359"/>
      <c r="L7376" s="359"/>
    </row>
    <row r="7377" spans="2:12">
      <c r="B7377" s="359"/>
      <c r="C7377" s="360"/>
      <c r="D7377" s="359"/>
      <c r="E7377" s="359"/>
      <c r="F7377" s="360"/>
      <c r="G7377" s="360"/>
      <c r="H7377" s="360"/>
      <c r="I7377" s="360"/>
      <c r="J7377" s="359"/>
      <c r="K7377" s="359"/>
      <c r="L7377" s="359"/>
    </row>
    <row r="7378" spans="2:12">
      <c r="B7378" s="359"/>
      <c r="C7378" s="360"/>
      <c r="D7378" s="359"/>
      <c r="E7378" s="359"/>
      <c r="F7378" s="359" t="s">
        <v>14371</v>
      </c>
      <c r="G7378" s="359" t="s">
        <v>14372</v>
      </c>
      <c r="H7378" s="359" t="s">
        <v>14332</v>
      </c>
      <c r="I7378" s="360"/>
      <c r="J7378" s="359"/>
      <c r="K7378" s="359"/>
      <c r="L7378" s="359"/>
    </row>
    <row r="7379" spans="2:12">
      <c r="B7379" s="359"/>
      <c r="C7379" s="360"/>
      <c r="D7379" s="359"/>
      <c r="E7379" s="359"/>
      <c r="F7379" s="360"/>
      <c r="G7379" s="360"/>
      <c r="H7379" s="360"/>
      <c r="I7379" s="360"/>
      <c r="J7379" s="359"/>
      <c r="K7379" s="359"/>
      <c r="L7379" s="359"/>
    </row>
    <row r="7380" spans="2:12" ht="28.5">
      <c r="B7380" s="361"/>
      <c r="C7380" s="362"/>
      <c r="D7380" s="361"/>
      <c r="E7380" s="361"/>
      <c r="F7380" s="361" t="s">
        <v>14374</v>
      </c>
      <c r="G7380" s="361" t="s">
        <v>14373</v>
      </c>
      <c r="H7380" s="362"/>
      <c r="I7380" s="362"/>
      <c r="J7380" s="361"/>
      <c r="K7380" s="361"/>
      <c r="L7380" s="361"/>
    </row>
    <row r="7381" spans="2:12">
      <c r="B7381" s="358" t="s">
        <v>10321</v>
      </c>
      <c r="C7381" s="358" t="s">
        <v>17951</v>
      </c>
      <c r="D7381" s="358" t="s">
        <v>10322</v>
      </c>
      <c r="E7381" s="358" t="s">
        <v>10323</v>
      </c>
      <c r="F7381" s="358" t="s">
        <v>14376</v>
      </c>
      <c r="G7381" s="358" t="s">
        <v>14669</v>
      </c>
      <c r="H7381" s="358" t="s">
        <v>14378</v>
      </c>
      <c r="I7381" s="358" t="s">
        <v>14669</v>
      </c>
      <c r="J7381" s="358"/>
      <c r="K7381" s="358"/>
      <c r="L7381" s="358"/>
    </row>
    <row r="7382" spans="2:12">
      <c r="B7382" s="359"/>
      <c r="C7382" s="359"/>
      <c r="D7382" s="359"/>
      <c r="E7382" s="359"/>
      <c r="F7382" s="360"/>
      <c r="G7382" s="360"/>
      <c r="H7382" s="360"/>
      <c r="I7382" s="360"/>
      <c r="J7382" s="359"/>
      <c r="K7382" s="359"/>
      <c r="L7382" s="359"/>
    </row>
    <row r="7383" spans="2:12">
      <c r="B7383" s="359"/>
      <c r="C7383" s="359"/>
      <c r="D7383" s="359"/>
      <c r="E7383" s="359"/>
      <c r="F7383" s="359" t="s">
        <v>14382</v>
      </c>
      <c r="G7383" s="359" t="s">
        <v>14383</v>
      </c>
      <c r="H7383" s="359" t="s">
        <v>14381</v>
      </c>
      <c r="I7383" s="359" t="s">
        <v>14383</v>
      </c>
      <c r="J7383" s="359"/>
      <c r="K7383" s="359"/>
      <c r="L7383" s="359"/>
    </row>
    <row r="7384" spans="2:12">
      <c r="B7384" s="359"/>
      <c r="C7384" s="359"/>
      <c r="D7384" s="359"/>
      <c r="E7384" s="359"/>
      <c r="F7384" s="360"/>
      <c r="G7384" s="360"/>
      <c r="H7384" s="360"/>
      <c r="I7384" s="360"/>
      <c r="J7384" s="359"/>
      <c r="K7384" s="359"/>
      <c r="L7384" s="359"/>
    </row>
    <row r="7385" spans="2:12">
      <c r="B7385" s="361"/>
      <c r="C7385" s="361"/>
      <c r="D7385" s="361"/>
      <c r="E7385" s="361"/>
      <c r="F7385" s="361" t="s">
        <v>14420</v>
      </c>
      <c r="G7385" s="361" t="s">
        <v>14421</v>
      </c>
      <c r="H7385" s="361" t="s">
        <v>14332</v>
      </c>
      <c r="I7385" s="361" t="s">
        <v>14421</v>
      </c>
      <c r="J7385" s="361"/>
      <c r="K7385" s="361"/>
      <c r="L7385" s="361"/>
    </row>
    <row r="7386" spans="2:12">
      <c r="B7386" s="358" t="s">
        <v>10324</v>
      </c>
      <c r="C7386" s="358" t="s">
        <v>17952</v>
      </c>
      <c r="D7386" s="358" t="s">
        <v>10325</v>
      </c>
      <c r="E7386" s="358" t="s">
        <v>3550</v>
      </c>
      <c r="F7386" s="358" t="s">
        <v>14376</v>
      </c>
      <c r="G7386" s="358" t="s">
        <v>14669</v>
      </c>
      <c r="H7386" s="358" t="s">
        <v>14381</v>
      </c>
      <c r="I7386" s="358" t="s">
        <v>14669</v>
      </c>
      <c r="J7386" s="358"/>
      <c r="K7386" s="358"/>
      <c r="L7386" s="358"/>
    </row>
    <row r="7387" spans="2:12">
      <c r="B7387" s="359"/>
      <c r="C7387" s="359"/>
      <c r="D7387" s="359"/>
      <c r="E7387" s="359"/>
      <c r="F7387" s="360"/>
      <c r="G7387" s="360"/>
      <c r="H7387" s="360"/>
      <c r="I7387" s="360"/>
      <c r="J7387" s="359"/>
      <c r="K7387" s="359"/>
      <c r="L7387" s="359"/>
    </row>
    <row r="7388" spans="2:12" ht="28.5">
      <c r="B7388" s="359"/>
      <c r="C7388" s="359"/>
      <c r="D7388" s="359"/>
      <c r="E7388" s="359"/>
      <c r="F7388" s="359" t="s">
        <v>14384</v>
      </c>
      <c r="G7388" s="359" t="s">
        <v>14385</v>
      </c>
      <c r="H7388" s="359" t="s">
        <v>14370</v>
      </c>
      <c r="I7388" s="359" t="s">
        <v>28800</v>
      </c>
      <c r="J7388" s="359"/>
      <c r="K7388" s="359"/>
      <c r="L7388" s="359"/>
    </row>
    <row r="7389" spans="2:12">
      <c r="B7389" s="359"/>
      <c r="C7389" s="359"/>
      <c r="D7389" s="359"/>
      <c r="E7389" s="359"/>
      <c r="F7389" s="360"/>
      <c r="G7389" s="360"/>
      <c r="H7389" s="360"/>
      <c r="I7389" s="360"/>
      <c r="J7389" s="359"/>
      <c r="K7389" s="359"/>
      <c r="L7389" s="359"/>
    </row>
    <row r="7390" spans="2:12">
      <c r="B7390" s="359"/>
      <c r="C7390" s="359"/>
      <c r="D7390" s="359"/>
      <c r="E7390" s="359"/>
      <c r="F7390" s="359" t="s">
        <v>14371</v>
      </c>
      <c r="G7390" s="359" t="s">
        <v>14372</v>
      </c>
      <c r="H7390" s="359" t="s">
        <v>14332</v>
      </c>
      <c r="I7390" s="360"/>
      <c r="J7390" s="359"/>
      <c r="K7390" s="359"/>
      <c r="L7390" s="359"/>
    </row>
    <row r="7391" spans="2:12">
      <c r="B7391" s="359"/>
      <c r="C7391" s="359"/>
      <c r="D7391" s="359"/>
      <c r="E7391" s="359"/>
      <c r="F7391" s="360"/>
      <c r="G7391" s="360"/>
      <c r="H7391" s="360"/>
      <c r="I7391" s="360"/>
      <c r="J7391" s="359"/>
      <c r="K7391" s="359"/>
      <c r="L7391" s="359"/>
    </row>
    <row r="7392" spans="2:12" ht="28.5">
      <c r="B7392" s="361"/>
      <c r="C7392" s="361"/>
      <c r="D7392" s="361"/>
      <c r="E7392" s="361"/>
      <c r="F7392" s="361" t="s">
        <v>14374</v>
      </c>
      <c r="G7392" s="361" t="s">
        <v>14373</v>
      </c>
      <c r="H7392" s="362"/>
      <c r="I7392" s="362"/>
      <c r="J7392" s="361"/>
      <c r="K7392" s="361"/>
      <c r="L7392" s="361"/>
    </row>
    <row r="7393" spans="2:12">
      <c r="B7393" s="358" t="s">
        <v>17953</v>
      </c>
      <c r="C7393" s="358" t="s">
        <v>27548</v>
      </c>
      <c r="D7393" s="358" t="s">
        <v>17954</v>
      </c>
      <c r="E7393" s="358" t="s">
        <v>17955</v>
      </c>
      <c r="F7393" s="358" t="s">
        <v>14386</v>
      </c>
      <c r="G7393" s="358" t="s">
        <v>14387</v>
      </c>
      <c r="H7393" s="358" t="s">
        <v>14367</v>
      </c>
      <c r="I7393" s="358" t="s">
        <v>14387</v>
      </c>
      <c r="J7393" s="358"/>
      <c r="K7393" s="358"/>
      <c r="L7393" s="358"/>
    </row>
    <row r="7394" spans="2:12">
      <c r="B7394" s="359"/>
      <c r="C7394" s="359"/>
      <c r="D7394" s="359"/>
      <c r="E7394" s="359"/>
      <c r="F7394" s="360"/>
      <c r="G7394" s="360"/>
      <c r="H7394" s="360"/>
      <c r="I7394" s="360"/>
      <c r="J7394" s="359"/>
      <c r="K7394" s="359"/>
      <c r="L7394" s="359"/>
    </row>
    <row r="7395" spans="2:12">
      <c r="B7395" s="359"/>
      <c r="C7395" s="359"/>
      <c r="D7395" s="359"/>
      <c r="E7395" s="359"/>
      <c r="F7395" s="359" t="s">
        <v>14389</v>
      </c>
      <c r="G7395" s="359" t="s">
        <v>14390</v>
      </c>
      <c r="H7395" s="359" t="s">
        <v>14370</v>
      </c>
      <c r="I7395" s="359" t="s">
        <v>14390</v>
      </c>
      <c r="J7395" s="359"/>
      <c r="K7395" s="359"/>
      <c r="L7395" s="359"/>
    </row>
    <row r="7396" spans="2:12">
      <c r="B7396" s="359"/>
      <c r="C7396" s="359"/>
      <c r="D7396" s="359"/>
      <c r="E7396" s="359"/>
      <c r="F7396" s="360"/>
      <c r="G7396" s="360"/>
      <c r="H7396" s="360"/>
      <c r="I7396" s="360"/>
      <c r="J7396" s="359"/>
      <c r="K7396" s="359"/>
      <c r="L7396" s="359"/>
    </row>
    <row r="7397" spans="2:12">
      <c r="B7397" s="359"/>
      <c r="C7397" s="359"/>
      <c r="D7397" s="359"/>
      <c r="E7397" s="359"/>
      <c r="F7397" s="359" t="s">
        <v>14371</v>
      </c>
      <c r="G7397" s="359" t="s">
        <v>14372</v>
      </c>
      <c r="H7397" s="359" t="s">
        <v>14422</v>
      </c>
      <c r="I7397" s="359" t="s">
        <v>14373</v>
      </c>
      <c r="J7397" s="359"/>
      <c r="K7397" s="359"/>
      <c r="L7397" s="359"/>
    </row>
    <row r="7398" spans="2:12">
      <c r="B7398" s="359"/>
      <c r="C7398" s="359"/>
      <c r="D7398" s="359"/>
      <c r="E7398" s="359"/>
      <c r="F7398" s="360"/>
      <c r="G7398" s="360"/>
      <c r="H7398" s="360"/>
      <c r="I7398" s="360"/>
      <c r="J7398" s="359"/>
      <c r="K7398" s="359"/>
      <c r="L7398" s="359"/>
    </row>
    <row r="7399" spans="2:12" ht="28.5">
      <c r="B7399" s="361"/>
      <c r="C7399" s="361"/>
      <c r="D7399" s="361"/>
      <c r="E7399" s="361"/>
      <c r="F7399" s="361" t="s">
        <v>14374</v>
      </c>
      <c r="G7399" s="361" t="s">
        <v>14373</v>
      </c>
      <c r="H7399" s="362"/>
      <c r="I7399" s="362"/>
      <c r="J7399" s="361"/>
      <c r="K7399" s="361"/>
      <c r="L7399" s="361"/>
    </row>
    <row r="7400" spans="2:12">
      <c r="B7400" s="358" t="s">
        <v>17956</v>
      </c>
      <c r="C7400" s="358" t="s">
        <v>17957</v>
      </c>
      <c r="D7400" s="358" t="s">
        <v>17958</v>
      </c>
      <c r="E7400" s="358" t="s">
        <v>17959</v>
      </c>
      <c r="F7400" s="358" t="s">
        <v>14420</v>
      </c>
      <c r="G7400" s="358" t="s">
        <v>14429</v>
      </c>
      <c r="H7400" s="358" t="s">
        <v>14367</v>
      </c>
      <c r="I7400" s="358" t="s">
        <v>14429</v>
      </c>
      <c r="J7400" s="358"/>
      <c r="K7400" s="358"/>
      <c r="L7400" s="358"/>
    </row>
    <row r="7401" spans="2:12">
      <c r="B7401" s="359"/>
      <c r="C7401" s="359"/>
      <c r="D7401" s="359"/>
      <c r="E7401" s="359"/>
      <c r="F7401" s="360"/>
      <c r="G7401" s="360"/>
      <c r="H7401" s="360"/>
      <c r="I7401" s="360"/>
      <c r="J7401" s="359"/>
      <c r="K7401" s="359"/>
      <c r="L7401" s="359"/>
    </row>
    <row r="7402" spans="2:12" ht="28.5">
      <c r="B7402" s="359"/>
      <c r="C7402" s="359"/>
      <c r="D7402" s="359"/>
      <c r="E7402" s="359"/>
      <c r="F7402" s="359" t="s">
        <v>14394</v>
      </c>
      <c r="G7402" s="359" t="s">
        <v>14395</v>
      </c>
      <c r="H7402" s="359" t="s">
        <v>14370</v>
      </c>
      <c r="I7402" s="359" t="s">
        <v>14395</v>
      </c>
      <c r="J7402" s="359"/>
      <c r="K7402" s="359"/>
      <c r="L7402" s="359"/>
    </row>
    <row r="7403" spans="2:12">
      <c r="B7403" s="359"/>
      <c r="C7403" s="359"/>
      <c r="D7403" s="359"/>
      <c r="E7403" s="359"/>
      <c r="F7403" s="360"/>
      <c r="G7403" s="360"/>
      <c r="H7403" s="360"/>
      <c r="I7403" s="360"/>
      <c r="J7403" s="359"/>
      <c r="K7403" s="359"/>
      <c r="L7403" s="359"/>
    </row>
    <row r="7404" spans="2:12">
      <c r="B7404" s="361"/>
      <c r="C7404" s="361"/>
      <c r="D7404" s="361"/>
      <c r="E7404" s="361"/>
      <c r="F7404" s="362"/>
      <c r="G7404" s="362"/>
      <c r="H7404" s="361" t="s">
        <v>14422</v>
      </c>
      <c r="I7404" s="362"/>
      <c r="J7404" s="361"/>
      <c r="K7404" s="361"/>
      <c r="L7404" s="361"/>
    </row>
    <row r="7405" spans="2:12">
      <c r="B7405" s="358" t="s">
        <v>17960</v>
      </c>
      <c r="C7405" s="358" t="s">
        <v>17961</v>
      </c>
      <c r="D7405" s="358" t="s">
        <v>17962</v>
      </c>
      <c r="E7405" s="358" t="s">
        <v>17963</v>
      </c>
      <c r="F7405" s="358" t="s">
        <v>14389</v>
      </c>
      <c r="G7405" s="358" t="s">
        <v>14390</v>
      </c>
      <c r="H7405" s="358" t="s">
        <v>14367</v>
      </c>
      <c r="I7405" s="358" t="s">
        <v>14390</v>
      </c>
      <c r="J7405" s="358"/>
      <c r="K7405" s="358"/>
      <c r="L7405" s="358"/>
    </row>
    <row r="7406" spans="2:12">
      <c r="B7406" s="359"/>
      <c r="C7406" s="359"/>
      <c r="D7406" s="359"/>
      <c r="E7406" s="359"/>
      <c r="F7406" s="359"/>
      <c r="G7406" s="359"/>
      <c r="H7406" s="360"/>
      <c r="I7406" s="359"/>
      <c r="J7406" s="359"/>
      <c r="K7406" s="359"/>
      <c r="L7406" s="359"/>
    </row>
    <row r="7407" spans="2:12">
      <c r="B7407" s="361"/>
      <c r="C7407" s="361"/>
      <c r="D7407" s="361"/>
      <c r="E7407" s="361"/>
      <c r="F7407" s="361"/>
      <c r="G7407" s="361"/>
      <c r="H7407" s="361" t="s">
        <v>14422</v>
      </c>
      <c r="I7407" s="361"/>
      <c r="J7407" s="361"/>
      <c r="K7407" s="361"/>
      <c r="L7407" s="361"/>
    </row>
    <row r="7408" spans="2:12" ht="28.5">
      <c r="B7408" s="358" t="s">
        <v>17964</v>
      </c>
      <c r="C7408" s="358" t="s">
        <v>17965</v>
      </c>
      <c r="D7408" s="358" t="s">
        <v>8356</v>
      </c>
      <c r="E7408" s="358" t="s">
        <v>17966</v>
      </c>
      <c r="F7408" s="358" t="s">
        <v>28893</v>
      </c>
      <c r="G7408" s="358" t="s">
        <v>14953</v>
      </c>
      <c r="H7408" s="358" t="s">
        <v>14954</v>
      </c>
      <c r="I7408" s="358" t="s">
        <v>14953</v>
      </c>
      <c r="J7408" s="358"/>
      <c r="K7408" s="358"/>
      <c r="L7408" s="358"/>
    </row>
    <row r="7409" spans="2:12">
      <c r="B7409" s="359"/>
      <c r="C7409" s="359"/>
      <c r="D7409" s="359"/>
      <c r="E7409" s="359"/>
      <c r="F7409" s="360"/>
      <c r="G7409" s="360"/>
      <c r="H7409" s="360"/>
      <c r="I7409" s="360"/>
      <c r="J7409" s="359"/>
      <c r="K7409" s="359"/>
      <c r="L7409" s="359"/>
    </row>
    <row r="7410" spans="2:12">
      <c r="B7410" s="359"/>
      <c r="C7410" s="359"/>
      <c r="D7410" s="359"/>
      <c r="E7410" s="359"/>
      <c r="F7410" s="359" t="s">
        <v>14460</v>
      </c>
      <c r="G7410" s="359" t="s">
        <v>14444</v>
      </c>
      <c r="H7410" s="359" t="s">
        <v>14381</v>
      </c>
      <c r="I7410" s="359" t="s">
        <v>14444</v>
      </c>
      <c r="J7410" s="359"/>
      <c r="K7410" s="359"/>
      <c r="L7410" s="359"/>
    </row>
    <row r="7411" spans="2:12">
      <c r="B7411" s="359"/>
      <c r="C7411" s="359"/>
      <c r="D7411" s="359"/>
      <c r="E7411" s="359"/>
      <c r="F7411" s="360"/>
      <c r="G7411" s="360"/>
      <c r="H7411" s="360"/>
      <c r="I7411" s="360"/>
      <c r="J7411" s="359"/>
      <c r="K7411" s="359"/>
      <c r="L7411" s="359"/>
    </row>
    <row r="7412" spans="2:12">
      <c r="B7412" s="361"/>
      <c r="C7412" s="361"/>
      <c r="D7412" s="361"/>
      <c r="E7412" s="361"/>
      <c r="F7412" s="362"/>
      <c r="G7412" s="361" t="s">
        <v>14519</v>
      </c>
      <c r="H7412" s="361" t="s">
        <v>14422</v>
      </c>
      <c r="I7412" s="361" t="s">
        <v>14519</v>
      </c>
      <c r="J7412" s="361"/>
      <c r="K7412" s="361"/>
      <c r="L7412" s="361"/>
    </row>
    <row r="7413" spans="2:12">
      <c r="B7413" s="358" t="s">
        <v>17967</v>
      </c>
      <c r="C7413" s="358" t="s">
        <v>28894</v>
      </c>
      <c r="D7413" s="358" t="s">
        <v>17968</v>
      </c>
      <c r="E7413" s="358" t="s">
        <v>17969</v>
      </c>
      <c r="F7413" s="358" t="s">
        <v>14418</v>
      </c>
      <c r="G7413" s="358" t="s">
        <v>14419</v>
      </c>
      <c r="H7413" s="358" t="s">
        <v>14328</v>
      </c>
      <c r="I7413" s="358" t="s">
        <v>14419</v>
      </c>
      <c r="J7413" s="358"/>
      <c r="K7413" s="358"/>
      <c r="L7413" s="358"/>
    </row>
    <row r="7414" spans="2:12">
      <c r="B7414" s="359"/>
      <c r="C7414" s="359"/>
      <c r="D7414" s="359"/>
      <c r="E7414" s="359"/>
      <c r="F7414" s="360"/>
      <c r="G7414" s="360"/>
      <c r="H7414" s="360"/>
      <c r="I7414" s="360"/>
      <c r="J7414" s="365"/>
      <c r="K7414" s="365"/>
      <c r="L7414" s="365"/>
    </row>
    <row r="7415" spans="2:12">
      <c r="B7415" s="359"/>
      <c r="C7415" s="359"/>
      <c r="D7415" s="359"/>
      <c r="E7415" s="359"/>
      <c r="F7415" s="359" t="s">
        <v>14420</v>
      </c>
      <c r="G7415" s="359" t="s">
        <v>14459</v>
      </c>
      <c r="H7415" s="359" t="s">
        <v>14367</v>
      </c>
      <c r="I7415" s="359" t="s">
        <v>14459</v>
      </c>
      <c r="J7415" s="365"/>
      <c r="K7415" s="365"/>
      <c r="L7415" s="365"/>
    </row>
    <row r="7416" spans="2:12">
      <c r="B7416" s="359"/>
      <c r="C7416" s="359"/>
      <c r="D7416" s="359"/>
      <c r="E7416" s="359"/>
      <c r="F7416" s="360"/>
      <c r="G7416" s="360"/>
      <c r="H7416" s="360"/>
      <c r="I7416" s="360"/>
      <c r="J7416" s="365"/>
      <c r="K7416" s="365"/>
      <c r="L7416" s="365"/>
    </row>
    <row r="7417" spans="2:12">
      <c r="B7417" s="359"/>
      <c r="C7417" s="359"/>
      <c r="D7417" s="359"/>
      <c r="E7417" s="359"/>
      <c r="F7417" s="359" t="s">
        <v>14420</v>
      </c>
      <c r="G7417" s="359" t="s">
        <v>14429</v>
      </c>
      <c r="H7417" s="359" t="s">
        <v>14370</v>
      </c>
      <c r="I7417" s="359" t="s">
        <v>14429</v>
      </c>
      <c r="J7417" s="365"/>
      <c r="K7417" s="365"/>
      <c r="L7417" s="365"/>
    </row>
    <row r="7418" spans="2:12">
      <c r="B7418" s="359"/>
      <c r="C7418" s="359"/>
      <c r="D7418" s="359"/>
      <c r="E7418" s="359"/>
      <c r="F7418" s="360"/>
      <c r="G7418" s="360"/>
      <c r="H7418" s="360"/>
      <c r="I7418" s="360"/>
      <c r="J7418" s="365"/>
      <c r="K7418" s="365"/>
      <c r="L7418" s="365"/>
    </row>
    <row r="7419" spans="2:12">
      <c r="B7419" s="361"/>
      <c r="C7419" s="361"/>
      <c r="D7419" s="361"/>
      <c r="E7419" s="361"/>
      <c r="F7419" s="361" t="s">
        <v>14371</v>
      </c>
      <c r="G7419" s="361" t="s">
        <v>14372</v>
      </c>
      <c r="H7419" s="361" t="s">
        <v>14422</v>
      </c>
      <c r="I7419" s="361" t="s">
        <v>14372</v>
      </c>
      <c r="J7419" s="366"/>
      <c r="K7419" s="366"/>
      <c r="L7419" s="366"/>
    </row>
    <row r="7420" spans="2:12" ht="28.5">
      <c r="B7420" s="358" t="s">
        <v>17970</v>
      </c>
      <c r="C7420" s="358" t="s">
        <v>17971</v>
      </c>
      <c r="D7420" s="358" t="s">
        <v>17972</v>
      </c>
      <c r="E7420" s="358" t="s">
        <v>5147</v>
      </c>
      <c r="F7420" s="358" t="s">
        <v>14460</v>
      </c>
      <c r="G7420" s="358" t="s">
        <v>14519</v>
      </c>
      <c r="H7420" s="358" t="s">
        <v>14381</v>
      </c>
      <c r="I7420" s="358" t="s">
        <v>28895</v>
      </c>
      <c r="J7420" s="358"/>
      <c r="K7420" s="358"/>
      <c r="L7420" s="358"/>
    </row>
    <row r="7421" spans="2:12">
      <c r="B7421" s="367"/>
      <c r="C7421" s="367"/>
      <c r="D7421" s="367"/>
      <c r="E7421" s="367"/>
      <c r="F7421" s="360"/>
      <c r="G7421" s="360"/>
      <c r="H7421" s="360"/>
      <c r="I7421" s="360"/>
      <c r="J7421" s="365"/>
      <c r="K7421" s="365"/>
      <c r="L7421" s="365"/>
    </row>
    <row r="7422" spans="2:12">
      <c r="B7422" s="367"/>
      <c r="C7422" s="367"/>
      <c r="D7422" s="367"/>
      <c r="E7422" s="367"/>
      <c r="F7422" s="359" t="s">
        <v>14391</v>
      </c>
      <c r="G7422" s="359" t="s">
        <v>14392</v>
      </c>
      <c r="H7422" s="359" t="s">
        <v>14367</v>
      </c>
      <c r="I7422" s="359" t="s">
        <v>14373</v>
      </c>
      <c r="J7422" s="365"/>
      <c r="K7422" s="365"/>
      <c r="L7422" s="365"/>
    </row>
    <row r="7423" spans="2:12">
      <c r="B7423" s="367"/>
      <c r="C7423" s="367"/>
      <c r="D7423" s="367"/>
      <c r="E7423" s="367"/>
      <c r="F7423" s="360"/>
      <c r="G7423" s="360"/>
      <c r="H7423" s="360"/>
      <c r="I7423" s="360"/>
      <c r="J7423" s="365"/>
      <c r="K7423" s="365"/>
      <c r="L7423" s="365"/>
    </row>
    <row r="7424" spans="2:12">
      <c r="B7424" s="367"/>
      <c r="C7424" s="367"/>
      <c r="D7424" s="367"/>
      <c r="E7424" s="367"/>
      <c r="F7424" s="359" t="s">
        <v>14371</v>
      </c>
      <c r="G7424" s="359" t="s">
        <v>14372</v>
      </c>
      <c r="H7424" s="359" t="s">
        <v>14370</v>
      </c>
      <c r="I7424" s="360"/>
      <c r="J7424" s="365"/>
      <c r="K7424" s="365"/>
      <c r="L7424" s="365"/>
    </row>
    <row r="7425" spans="2:12">
      <c r="B7425" s="367"/>
      <c r="C7425" s="367"/>
      <c r="D7425" s="367"/>
      <c r="E7425" s="367"/>
      <c r="F7425" s="360"/>
      <c r="G7425" s="360"/>
      <c r="H7425" s="360"/>
      <c r="I7425" s="360"/>
      <c r="J7425" s="365"/>
      <c r="K7425" s="365"/>
      <c r="L7425" s="365"/>
    </row>
    <row r="7426" spans="2:12" ht="28.5">
      <c r="B7426" s="368"/>
      <c r="C7426" s="368"/>
      <c r="D7426" s="368"/>
      <c r="E7426" s="368"/>
      <c r="F7426" s="361" t="s">
        <v>14374</v>
      </c>
      <c r="G7426" s="361" t="s">
        <v>14373</v>
      </c>
      <c r="H7426" s="361" t="s">
        <v>14422</v>
      </c>
      <c r="I7426" s="362"/>
      <c r="J7426" s="366"/>
      <c r="K7426" s="366"/>
      <c r="L7426" s="366"/>
    </row>
    <row r="7427" spans="2:12" ht="57">
      <c r="B7427" s="358" t="s">
        <v>17973</v>
      </c>
      <c r="C7427" s="358" t="s">
        <v>28896</v>
      </c>
      <c r="D7427" s="358" t="s">
        <v>17974</v>
      </c>
      <c r="E7427" s="358" t="s">
        <v>5152</v>
      </c>
      <c r="F7427" s="358" t="s">
        <v>14371</v>
      </c>
      <c r="G7427" s="358" t="s">
        <v>14372</v>
      </c>
      <c r="H7427" s="358" t="s">
        <v>14370</v>
      </c>
      <c r="I7427" s="358" t="s">
        <v>14373</v>
      </c>
      <c r="J7427" s="358"/>
      <c r="K7427" s="358"/>
      <c r="L7427" s="358"/>
    </row>
    <row r="7428" spans="2:12">
      <c r="B7428" s="367"/>
      <c r="C7428" s="367"/>
      <c r="D7428" s="367"/>
      <c r="E7428" s="367"/>
      <c r="F7428" s="360"/>
      <c r="G7428" s="360"/>
      <c r="H7428" s="360"/>
      <c r="I7428" s="367"/>
      <c r="J7428" s="365"/>
      <c r="K7428" s="365"/>
      <c r="L7428" s="365"/>
    </row>
    <row r="7429" spans="2:12" ht="28.5">
      <c r="B7429" s="368"/>
      <c r="C7429" s="368"/>
      <c r="D7429" s="368"/>
      <c r="E7429" s="368"/>
      <c r="F7429" s="361" t="s">
        <v>14374</v>
      </c>
      <c r="G7429" s="361" t="s">
        <v>14373</v>
      </c>
      <c r="H7429" s="361" t="s">
        <v>14422</v>
      </c>
      <c r="I7429" s="368"/>
      <c r="J7429" s="366"/>
      <c r="K7429" s="366"/>
      <c r="L7429" s="366"/>
    </row>
    <row r="7430" spans="2:12" ht="71.25">
      <c r="B7430" s="358" t="s">
        <v>10327</v>
      </c>
      <c r="C7430" s="358" t="s">
        <v>17975</v>
      </c>
      <c r="D7430" s="358" t="s">
        <v>10328</v>
      </c>
      <c r="E7430" s="358" t="s">
        <v>10329</v>
      </c>
      <c r="F7430" s="358" t="s">
        <v>14376</v>
      </c>
      <c r="G7430" s="358" t="s">
        <v>14669</v>
      </c>
      <c r="H7430" s="358" t="s">
        <v>14378</v>
      </c>
      <c r="I7430" s="358" t="s">
        <v>14669</v>
      </c>
      <c r="J7430" s="358"/>
      <c r="K7430" s="358" t="s">
        <v>28897</v>
      </c>
      <c r="L7430" s="358"/>
    </row>
    <row r="7431" spans="2:12">
      <c r="B7431" s="367"/>
      <c r="C7431" s="367"/>
      <c r="D7431" s="367"/>
      <c r="E7431" s="367"/>
      <c r="F7431" s="360"/>
      <c r="G7431" s="360"/>
      <c r="H7431" s="360"/>
      <c r="I7431" s="360"/>
      <c r="J7431" s="365"/>
      <c r="K7431" s="367"/>
      <c r="L7431" s="365"/>
    </row>
    <row r="7432" spans="2:12">
      <c r="B7432" s="367"/>
      <c r="C7432" s="367"/>
      <c r="D7432" s="367"/>
      <c r="E7432" s="367"/>
      <c r="F7432" s="359" t="s">
        <v>14379</v>
      </c>
      <c r="G7432" s="359" t="s">
        <v>14380</v>
      </c>
      <c r="H7432" s="359" t="s">
        <v>14381</v>
      </c>
      <c r="I7432" s="359" t="s">
        <v>14380</v>
      </c>
      <c r="J7432" s="365"/>
      <c r="K7432" s="367"/>
      <c r="L7432" s="365"/>
    </row>
    <row r="7433" spans="2:12">
      <c r="B7433" s="367"/>
      <c r="C7433" s="367"/>
      <c r="D7433" s="367"/>
      <c r="E7433" s="367"/>
      <c r="F7433" s="360"/>
      <c r="G7433" s="360"/>
      <c r="H7433" s="360"/>
      <c r="I7433" s="360"/>
      <c r="J7433" s="365"/>
      <c r="K7433" s="367"/>
      <c r="L7433" s="365"/>
    </row>
    <row r="7434" spans="2:12">
      <c r="B7434" s="367"/>
      <c r="C7434" s="367"/>
      <c r="D7434" s="367"/>
      <c r="E7434" s="367"/>
      <c r="F7434" s="359" t="s">
        <v>14382</v>
      </c>
      <c r="G7434" s="359" t="s">
        <v>14579</v>
      </c>
      <c r="H7434" s="359" t="s">
        <v>14341</v>
      </c>
      <c r="I7434" s="359" t="s">
        <v>14579</v>
      </c>
      <c r="J7434" s="365"/>
      <c r="K7434" s="367"/>
      <c r="L7434" s="365"/>
    </row>
    <row r="7435" spans="2:12">
      <c r="B7435" s="367"/>
      <c r="C7435" s="367"/>
      <c r="D7435" s="367"/>
      <c r="E7435" s="367"/>
      <c r="F7435" s="360"/>
      <c r="G7435" s="360"/>
      <c r="H7435" s="360"/>
      <c r="I7435" s="360"/>
      <c r="J7435" s="365"/>
      <c r="K7435" s="367"/>
      <c r="L7435" s="365"/>
    </row>
    <row r="7436" spans="2:12">
      <c r="B7436" s="367"/>
      <c r="C7436" s="367"/>
      <c r="D7436" s="367"/>
      <c r="E7436" s="367"/>
      <c r="F7436" s="359" t="s">
        <v>14382</v>
      </c>
      <c r="G7436" s="359" t="s">
        <v>14383</v>
      </c>
      <c r="H7436" s="359" t="s">
        <v>14370</v>
      </c>
      <c r="I7436" s="359" t="s">
        <v>14383</v>
      </c>
      <c r="J7436" s="365"/>
      <c r="K7436" s="367"/>
      <c r="L7436" s="365"/>
    </row>
    <row r="7437" spans="2:12">
      <c r="B7437" s="367"/>
      <c r="C7437" s="367"/>
      <c r="D7437" s="367"/>
      <c r="E7437" s="367"/>
      <c r="F7437" s="360"/>
      <c r="G7437" s="360"/>
      <c r="H7437" s="360"/>
      <c r="I7437" s="360"/>
      <c r="J7437" s="365"/>
      <c r="K7437" s="367"/>
      <c r="L7437" s="365"/>
    </row>
    <row r="7438" spans="2:12">
      <c r="B7438" s="367"/>
      <c r="C7438" s="367"/>
      <c r="D7438" s="367"/>
      <c r="E7438" s="367"/>
      <c r="F7438" s="359" t="s">
        <v>14356</v>
      </c>
      <c r="G7438" s="359" t="s">
        <v>14340</v>
      </c>
      <c r="H7438" s="359" t="s">
        <v>14332</v>
      </c>
      <c r="I7438" s="359" t="s">
        <v>14340</v>
      </c>
      <c r="J7438" s="365"/>
      <c r="K7438" s="367"/>
      <c r="L7438" s="365"/>
    </row>
    <row r="7439" spans="2:12">
      <c r="B7439" s="367"/>
      <c r="C7439" s="367"/>
      <c r="D7439" s="367"/>
      <c r="E7439" s="367"/>
      <c r="F7439" s="360"/>
      <c r="G7439" s="360"/>
      <c r="H7439" s="360"/>
      <c r="I7439" s="360"/>
      <c r="J7439" s="365"/>
      <c r="K7439" s="367"/>
      <c r="L7439" s="365"/>
    </row>
    <row r="7440" spans="2:12">
      <c r="B7440" s="367"/>
      <c r="C7440" s="367"/>
      <c r="D7440" s="367"/>
      <c r="E7440" s="367"/>
      <c r="F7440" s="359" t="s">
        <v>14371</v>
      </c>
      <c r="G7440" s="359" t="s">
        <v>14372</v>
      </c>
      <c r="H7440" s="360"/>
      <c r="I7440" s="359" t="s">
        <v>14373</v>
      </c>
      <c r="J7440" s="365"/>
      <c r="K7440" s="367"/>
      <c r="L7440" s="365"/>
    </row>
    <row r="7441" spans="2:12">
      <c r="B7441" s="367"/>
      <c r="C7441" s="367"/>
      <c r="D7441" s="367"/>
      <c r="E7441" s="367"/>
      <c r="F7441" s="360"/>
      <c r="G7441" s="360"/>
      <c r="H7441" s="360"/>
      <c r="I7441" s="360"/>
      <c r="J7441" s="365"/>
      <c r="K7441" s="367"/>
      <c r="L7441" s="365"/>
    </row>
    <row r="7442" spans="2:12" ht="28.5">
      <c r="B7442" s="368"/>
      <c r="C7442" s="368"/>
      <c r="D7442" s="368"/>
      <c r="E7442" s="368"/>
      <c r="F7442" s="361" t="s">
        <v>14374</v>
      </c>
      <c r="G7442" s="361" t="s">
        <v>14373</v>
      </c>
      <c r="H7442" s="362"/>
      <c r="I7442" s="362"/>
      <c r="J7442" s="366"/>
      <c r="K7442" s="368"/>
      <c r="L7442" s="366"/>
    </row>
    <row r="7443" spans="2:12">
      <c r="B7443" s="358" t="s">
        <v>17976</v>
      </c>
      <c r="C7443" s="358" t="s">
        <v>17977</v>
      </c>
      <c r="D7443" s="358" t="s">
        <v>17978</v>
      </c>
      <c r="E7443" s="358" t="s">
        <v>6032</v>
      </c>
      <c r="F7443" s="358" t="s">
        <v>15096</v>
      </c>
      <c r="G7443" s="358" t="s">
        <v>15097</v>
      </c>
      <c r="H7443" s="358" t="s">
        <v>14328</v>
      </c>
      <c r="I7443" s="358" t="s">
        <v>15097</v>
      </c>
      <c r="J7443" s="358"/>
      <c r="K7443" s="358"/>
      <c r="L7443" s="358" t="s">
        <v>14513</v>
      </c>
    </row>
    <row r="7444" spans="2:12">
      <c r="B7444" s="367"/>
      <c r="C7444" s="367"/>
      <c r="D7444" s="367"/>
      <c r="E7444" s="367"/>
      <c r="F7444" s="360"/>
      <c r="G7444" s="360"/>
      <c r="H7444" s="360"/>
      <c r="I7444" s="360"/>
      <c r="J7444" s="365"/>
      <c r="K7444" s="365"/>
      <c r="L7444" s="367"/>
    </row>
    <row r="7445" spans="2:12">
      <c r="B7445" s="367"/>
      <c r="C7445" s="367"/>
      <c r="D7445" s="367"/>
      <c r="E7445" s="367"/>
      <c r="F7445" s="359" t="s">
        <v>14420</v>
      </c>
      <c r="G7445" s="359" t="s">
        <v>14429</v>
      </c>
      <c r="H7445" s="359" t="s">
        <v>14367</v>
      </c>
      <c r="I7445" s="359" t="s">
        <v>14429</v>
      </c>
      <c r="J7445" s="365"/>
      <c r="K7445" s="365"/>
      <c r="L7445" s="367"/>
    </row>
    <row r="7446" spans="2:12">
      <c r="B7446" s="367"/>
      <c r="C7446" s="367"/>
      <c r="D7446" s="367"/>
      <c r="E7446" s="367"/>
      <c r="F7446" s="360"/>
      <c r="G7446" s="360"/>
      <c r="H7446" s="360"/>
      <c r="I7446" s="360"/>
      <c r="J7446" s="365"/>
      <c r="K7446" s="365"/>
      <c r="L7446" s="367"/>
    </row>
    <row r="7447" spans="2:12">
      <c r="B7447" s="367"/>
      <c r="C7447" s="367"/>
      <c r="D7447" s="367"/>
      <c r="E7447" s="367"/>
      <c r="F7447" s="359" t="s">
        <v>14371</v>
      </c>
      <c r="G7447" s="359" t="s">
        <v>14372</v>
      </c>
      <c r="H7447" s="359" t="s">
        <v>14370</v>
      </c>
      <c r="I7447" s="359" t="s">
        <v>14373</v>
      </c>
      <c r="J7447" s="365"/>
      <c r="K7447" s="365"/>
      <c r="L7447" s="367"/>
    </row>
    <row r="7448" spans="2:12">
      <c r="B7448" s="367"/>
      <c r="C7448" s="367"/>
      <c r="D7448" s="367"/>
      <c r="E7448" s="367"/>
      <c r="F7448" s="360"/>
      <c r="G7448" s="360"/>
      <c r="H7448" s="360"/>
      <c r="I7448" s="360"/>
      <c r="J7448" s="365"/>
      <c r="K7448" s="365"/>
      <c r="L7448" s="367"/>
    </row>
    <row r="7449" spans="2:12" ht="28.5">
      <c r="B7449" s="368"/>
      <c r="C7449" s="368"/>
      <c r="D7449" s="368"/>
      <c r="E7449" s="368"/>
      <c r="F7449" s="361" t="s">
        <v>14374</v>
      </c>
      <c r="G7449" s="361" t="s">
        <v>14373</v>
      </c>
      <c r="H7449" s="361" t="s">
        <v>14332</v>
      </c>
      <c r="I7449" s="362"/>
      <c r="J7449" s="366"/>
      <c r="K7449" s="366"/>
      <c r="L7449" s="368"/>
    </row>
    <row r="7450" spans="2:12">
      <c r="B7450" s="358" t="s">
        <v>17979</v>
      </c>
      <c r="C7450" s="358" t="s">
        <v>17980</v>
      </c>
      <c r="D7450" s="358" t="s">
        <v>17981</v>
      </c>
      <c r="E7450" s="358" t="s">
        <v>17982</v>
      </c>
      <c r="F7450" s="358" t="s">
        <v>14379</v>
      </c>
      <c r="G7450" s="358" t="s">
        <v>14380</v>
      </c>
      <c r="H7450" s="358" t="s">
        <v>14378</v>
      </c>
      <c r="I7450" s="358" t="s">
        <v>14380</v>
      </c>
      <c r="J7450" s="358"/>
      <c r="K7450" s="358"/>
      <c r="L7450" s="358"/>
    </row>
    <row r="7451" spans="2:12">
      <c r="B7451" s="367"/>
      <c r="C7451" s="367"/>
      <c r="D7451" s="367"/>
      <c r="E7451" s="367"/>
      <c r="F7451" s="360"/>
      <c r="G7451" s="360"/>
      <c r="H7451" s="360"/>
      <c r="I7451" s="360"/>
      <c r="J7451" s="365"/>
      <c r="K7451" s="365"/>
      <c r="L7451" s="365"/>
    </row>
    <row r="7452" spans="2:12">
      <c r="B7452" s="367"/>
      <c r="C7452" s="367"/>
      <c r="D7452" s="367"/>
      <c r="E7452" s="367"/>
      <c r="F7452" s="359" t="s">
        <v>14420</v>
      </c>
      <c r="G7452" s="359" t="s">
        <v>14429</v>
      </c>
      <c r="H7452" s="359" t="s">
        <v>14341</v>
      </c>
      <c r="I7452" s="359" t="s">
        <v>14429</v>
      </c>
      <c r="J7452" s="365"/>
      <c r="K7452" s="365"/>
      <c r="L7452" s="365"/>
    </row>
    <row r="7453" spans="2:12">
      <c r="B7453" s="367"/>
      <c r="C7453" s="367"/>
      <c r="D7453" s="367"/>
      <c r="E7453" s="367"/>
      <c r="F7453" s="360"/>
      <c r="G7453" s="360"/>
      <c r="H7453" s="360"/>
      <c r="I7453" s="360"/>
      <c r="J7453" s="365"/>
      <c r="K7453" s="365"/>
      <c r="L7453" s="365"/>
    </row>
    <row r="7454" spans="2:12">
      <c r="B7454" s="368"/>
      <c r="C7454" s="368"/>
      <c r="D7454" s="368"/>
      <c r="E7454" s="368"/>
      <c r="F7454" s="361" t="s">
        <v>14356</v>
      </c>
      <c r="G7454" s="361" t="s">
        <v>14340</v>
      </c>
      <c r="H7454" s="361" t="s">
        <v>14332</v>
      </c>
      <c r="I7454" s="361" t="s">
        <v>14340</v>
      </c>
      <c r="J7454" s="366"/>
      <c r="K7454" s="366"/>
      <c r="L7454" s="366"/>
    </row>
    <row r="7455" spans="2:12" ht="28.5">
      <c r="B7455" s="358" t="s">
        <v>17983</v>
      </c>
      <c r="C7455" s="358" t="s">
        <v>17984</v>
      </c>
      <c r="D7455" s="358" t="s">
        <v>17985</v>
      </c>
      <c r="E7455" s="358" t="s">
        <v>17986</v>
      </c>
      <c r="F7455" s="358" t="s">
        <v>14443</v>
      </c>
      <c r="G7455" s="358" t="s">
        <v>14444</v>
      </c>
      <c r="H7455" s="358" t="s">
        <v>14378</v>
      </c>
      <c r="I7455" s="358" t="s">
        <v>14444</v>
      </c>
      <c r="J7455" s="358"/>
      <c r="K7455" s="358" t="s">
        <v>28898</v>
      </c>
      <c r="L7455" s="358"/>
    </row>
    <row r="7456" spans="2:12">
      <c r="B7456" s="367"/>
      <c r="C7456" s="367"/>
      <c r="D7456" s="367"/>
      <c r="E7456" s="367"/>
      <c r="F7456" s="360"/>
      <c r="G7456" s="360"/>
      <c r="H7456" s="360"/>
      <c r="I7456" s="360"/>
      <c r="J7456" s="365"/>
      <c r="K7456" s="360"/>
      <c r="L7456" s="365"/>
    </row>
    <row r="7457" spans="2:12">
      <c r="B7457" s="367"/>
      <c r="C7457" s="367"/>
      <c r="D7457" s="367"/>
      <c r="E7457" s="367"/>
      <c r="F7457" s="359" t="s">
        <v>14382</v>
      </c>
      <c r="G7457" s="359" t="s">
        <v>14483</v>
      </c>
      <c r="H7457" s="359" t="s">
        <v>14381</v>
      </c>
      <c r="I7457" s="359" t="s">
        <v>14483</v>
      </c>
      <c r="J7457" s="365"/>
      <c r="K7457" s="359" t="s">
        <v>28899</v>
      </c>
      <c r="L7457" s="365"/>
    </row>
    <row r="7458" spans="2:12">
      <c r="B7458" s="367"/>
      <c r="C7458" s="367"/>
      <c r="D7458" s="367"/>
      <c r="E7458" s="367"/>
      <c r="F7458" s="360"/>
      <c r="G7458" s="360"/>
      <c r="H7458" s="360"/>
      <c r="I7458" s="360"/>
      <c r="J7458" s="365"/>
      <c r="K7458" s="360"/>
      <c r="L7458" s="365"/>
    </row>
    <row r="7459" spans="2:12">
      <c r="B7459" s="367"/>
      <c r="C7459" s="367"/>
      <c r="D7459" s="367"/>
      <c r="E7459" s="367"/>
      <c r="F7459" s="359" t="s">
        <v>14420</v>
      </c>
      <c r="G7459" s="359" t="s">
        <v>14429</v>
      </c>
      <c r="H7459" s="359" t="s">
        <v>14370</v>
      </c>
      <c r="I7459" s="359" t="s">
        <v>14429</v>
      </c>
      <c r="J7459" s="365"/>
      <c r="K7459" s="360"/>
      <c r="L7459" s="365"/>
    </row>
    <row r="7460" spans="2:12">
      <c r="B7460" s="367"/>
      <c r="C7460" s="367"/>
      <c r="D7460" s="367"/>
      <c r="E7460" s="367"/>
      <c r="F7460" s="360"/>
      <c r="G7460" s="360"/>
      <c r="H7460" s="360"/>
      <c r="I7460" s="360"/>
      <c r="J7460" s="365"/>
      <c r="K7460" s="360"/>
      <c r="L7460" s="365"/>
    </row>
    <row r="7461" spans="2:12">
      <c r="B7461" s="367"/>
      <c r="C7461" s="367"/>
      <c r="D7461" s="367"/>
      <c r="E7461" s="367"/>
      <c r="F7461" s="359" t="s">
        <v>14386</v>
      </c>
      <c r="G7461" s="359" t="s">
        <v>14387</v>
      </c>
      <c r="H7461" s="359" t="s">
        <v>14332</v>
      </c>
      <c r="I7461" s="359" t="s">
        <v>14387</v>
      </c>
      <c r="J7461" s="365"/>
      <c r="K7461" s="360"/>
      <c r="L7461" s="365"/>
    </row>
    <row r="7462" spans="2:12">
      <c r="B7462" s="367"/>
      <c r="C7462" s="367"/>
      <c r="D7462" s="367"/>
      <c r="E7462" s="367"/>
      <c r="F7462" s="360"/>
      <c r="G7462" s="360"/>
      <c r="H7462" s="360"/>
      <c r="I7462" s="360"/>
      <c r="J7462" s="365"/>
      <c r="K7462" s="360"/>
      <c r="L7462" s="365"/>
    </row>
    <row r="7463" spans="2:12">
      <c r="B7463" s="367"/>
      <c r="C7463" s="367"/>
      <c r="D7463" s="367"/>
      <c r="E7463" s="367"/>
      <c r="F7463" s="359" t="s">
        <v>14368</v>
      </c>
      <c r="G7463" s="359" t="s">
        <v>14388</v>
      </c>
      <c r="H7463" s="360"/>
      <c r="I7463" s="359" t="s">
        <v>14388</v>
      </c>
      <c r="J7463" s="365"/>
      <c r="K7463" s="360"/>
      <c r="L7463" s="365"/>
    </row>
    <row r="7464" spans="2:12">
      <c r="B7464" s="367"/>
      <c r="C7464" s="367"/>
      <c r="D7464" s="367"/>
      <c r="E7464" s="367"/>
      <c r="F7464" s="360"/>
      <c r="G7464" s="360"/>
      <c r="H7464" s="360"/>
      <c r="I7464" s="360"/>
      <c r="J7464" s="365"/>
      <c r="K7464" s="360"/>
      <c r="L7464" s="365"/>
    </row>
    <row r="7465" spans="2:12">
      <c r="B7465" s="367"/>
      <c r="C7465" s="367"/>
      <c r="D7465" s="367"/>
      <c r="E7465" s="367"/>
      <c r="F7465" s="359" t="s">
        <v>14389</v>
      </c>
      <c r="G7465" s="359" t="s">
        <v>14390</v>
      </c>
      <c r="H7465" s="360"/>
      <c r="I7465" s="359" t="s">
        <v>14390</v>
      </c>
      <c r="J7465" s="365"/>
      <c r="K7465" s="360"/>
      <c r="L7465" s="365"/>
    </row>
    <row r="7466" spans="2:12">
      <c r="B7466" s="367"/>
      <c r="C7466" s="367"/>
      <c r="D7466" s="367"/>
      <c r="E7466" s="367"/>
      <c r="F7466" s="360"/>
      <c r="G7466" s="360"/>
      <c r="H7466" s="360"/>
      <c r="I7466" s="360"/>
      <c r="J7466" s="365"/>
      <c r="K7466" s="360"/>
      <c r="L7466" s="365"/>
    </row>
    <row r="7467" spans="2:12">
      <c r="B7467" s="367"/>
      <c r="C7467" s="367"/>
      <c r="D7467" s="367"/>
      <c r="E7467" s="367"/>
      <c r="F7467" s="359" t="s">
        <v>14371</v>
      </c>
      <c r="G7467" s="359" t="s">
        <v>14372</v>
      </c>
      <c r="H7467" s="360"/>
      <c r="I7467" s="359" t="s">
        <v>14373</v>
      </c>
      <c r="J7467" s="365"/>
      <c r="K7467" s="360"/>
      <c r="L7467" s="365"/>
    </row>
    <row r="7468" spans="2:12">
      <c r="B7468" s="367"/>
      <c r="C7468" s="367"/>
      <c r="D7468" s="367"/>
      <c r="E7468" s="367"/>
      <c r="F7468" s="360"/>
      <c r="G7468" s="360"/>
      <c r="H7468" s="360"/>
      <c r="I7468" s="360"/>
      <c r="J7468" s="365"/>
      <c r="K7468" s="360"/>
      <c r="L7468" s="365"/>
    </row>
    <row r="7469" spans="2:12" ht="28.5">
      <c r="B7469" s="368"/>
      <c r="C7469" s="368"/>
      <c r="D7469" s="368"/>
      <c r="E7469" s="368"/>
      <c r="F7469" s="361" t="s">
        <v>14374</v>
      </c>
      <c r="G7469" s="361" t="s">
        <v>14373</v>
      </c>
      <c r="H7469" s="362"/>
      <c r="I7469" s="362"/>
      <c r="J7469" s="366"/>
      <c r="K7469" s="362"/>
      <c r="L7469" s="366"/>
    </row>
    <row r="7470" spans="2:12">
      <c r="B7470" s="358" t="s">
        <v>17987</v>
      </c>
      <c r="C7470" s="358" t="s">
        <v>27549</v>
      </c>
      <c r="D7470" s="358" t="s">
        <v>8392</v>
      </c>
      <c r="E7470" s="358" t="s">
        <v>3503</v>
      </c>
      <c r="F7470" s="358" t="s">
        <v>14443</v>
      </c>
      <c r="G7470" s="358" t="s">
        <v>14444</v>
      </c>
      <c r="H7470" s="358" t="s">
        <v>14381</v>
      </c>
      <c r="I7470" s="358" t="s">
        <v>14444</v>
      </c>
      <c r="J7470" s="358"/>
      <c r="K7470" s="358"/>
      <c r="L7470" s="358"/>
    </row>
    <row r="7471" spans="2:12">
      <c r="B7471" s="367"/>
      <c r="C7471" s="360"/>
      <c r="D7471" s="367"/>
      <c r="E7471" s="367"/>
      <c r="F7471" s="360"/>
      <c r="G7471" s="360"/>
      <c r="H7471" s="360"/>
      <c r="I7471" s="360"/>
      <c r="J7471" s="365"/>
      <c r="K7471" s="365"/>
      <c r="L7471" s="365"/>
    </row>
    <row r="7472" spans="2:12">
      <c r="B7472" s="367"/>
      <c r="C7472" s="359" t="s">
        <v>17988</v>
      </c>
      <c r="D7472" s="367"/>
      <c r="E7472" s="367"/>
      <c r="F7472" s="359" t="s">
        <v>14507</v>
      </c>
      <c r="G7472" s="359" t="s">
        <v>14508</v>
      </c>
      <c r="H7472" s="359" t="s">
        <v>14367</v>
      </c>
      <c r="I7472" s="359" t="s">
        <v>14508</v>
      </c>
      <c r="J7472" s="365"/>
      <c r="K7472" s="365"/>
      <c r="L7472" s="365"/>
    </row>
    <row r="7473" spans="2:12">
      <c r="B7473" s="367"/>
      <c r="C7473" s="360"/>
      <c r="D7473" s="367"/>
      <c r="E7473" s="367"/>
      <c r="F7473" s="360"/>
      <c r="G7473" s="360"/>
      <c r="H7473" s="360"/>
      <c r="I7473" s="360"/>
      <c r="J7473" s="365"/>
      <c r="K7473" s="365"/>
      <c r="L7473" s="365"/>
    </row>
    <row r="7474" spans="2:12">
      <c r="B7474" s="367"/>
      <c r="C7474" s="360"/>
      <c r="D7474" s="367"/>
      <c r="E7474" s="367"/>
      <c r="F7474" s="359" t="s">
        <v>17277</v>
      </c>
      <c r="G7474" s="359" t="s">
        <v>17278</v>
      </c>
      <c r="H7474" s="359" t="s">
        <v>14370</v>
      </c>
      <c r="I7474" s="359" t="s">
        <v>17278</v>
      </c>
      <c r="J7474" s="365"/>
      <c r="K7474" s="365"/>
      <c r="L7474" s="365"/>
    </row>
    <row r="7475" spans="2:12">
      <c r="B7475" s="367"/>
      <c r="C7475" s="360"/>
      <c r="D7475" s="367"/>
      <c r="E7475" s="367"/>
      <c r="F7475" s="360"/>
      <c r="G7475" s="360"/>
      <c r="H7475" s="360"/>
      <c r="I7475" s="360"/>
      <c r="J7475" s="365"/>
      <c r="K7475" s="365"/>
      <c r="L7475" s="365"/>
    </row>
    <row r="7476" spans="2:12">
      <c r="B7476" s="367"/>
      <c r="C7476" s="360"/>
      <c r="D7476" s="367"/>
      <c r="E7476" s="367"/>
      <c r="F7476" s="359" t="s">
        <v>14420</v>
      </c>
      <c r="G7476" s="359" t="s">
        <v>14421</v>
      </c>
      <c r="H7476" s="359" t="s">
        <v>14422</v>
      </c>
      <c r="I7476" s="359" t="s">
        <v>14421</v>
      </c>
      <c r="J7476" s="365"/>
      <c r="K7476" s="365"/>
      <c r="L7476" s="365"/>
    </row>
    <row r="7477" spans="2:12">
      <c r="B7477" s="367"/>
      <c r="C7477" s="360"/>
      <c r="D7477" s="367"/>
      <c r="E7477" s="367"/>
      <c r="F7477" s="360"/>
      <c r="G7477" s="360"/>
      <c r="H7477" s="360"/>
      <c r="I7477" s="360"/>
      <c r="J7477" s="365"/>
      <c r="K7477" s="365"/>
      <c r="L7477" s="365"/>
    </row>
    <row r="7478" spans="2:12">
      <c r="B7478" s="367"/>
      <c r="C7478" s="360"/>
      <c r="D7478" s="367"/>
      <c r="E7478" s="367"/>
      <c r="F7478" s="359" t="s">
        <v>14420</v>
      </c>
      <c r="G7478" s="359" t="s">
        <v>14429</v>
      </c>
      <c r="H7478" s="360"/>
      <c r="I7478" s="359" t="s">
        <v>14429</v>
      </c>
      <c r="J7478" s="365"/>
      <c r="K7478" s="365"/>
      <c r="L7478" s="365"/>
    </row>
    <row r="7479" spans="2:12">
      <c r="B7479" s="367"/>
      <c r="C7479" s="360"/>
      <c r="D7479" s="367"/>
      <c r="E7479" s="367"/>
      <c r="F7479" s="360"/>
      <c r="G7479" s="360"/>
      <c r="H7479" s="360"/>
      <c r="I7479" s="360"/>
      <c r="J7479" s="365"/>
      <c r="K7479" s="365"/>
      <c r="L7479" s="365"/>
    </row>
    <row r="7480" spans="2:12">
      <c r="B7480" s="367"/>
      <c r="C7480" s="360"/>
      <c r="D7480" s="367"/>
      <c r="E7480" s="367"/>
      <c r="F7480" s="359" t="s">
        <v>14371</v>
      </c>
      <c r="G7480" s="359" t="s">
        <v>14372</v>
      </c>
      <c r="H7480" s="360"/>
      <c r="I7480" s="359" t="s">
        <v>14373</v>
      </c>
      <c r="J7480" s="365"/>
      <c r="K7480" s="365"/>
      <c r="L7480" s="365"/>
    </row>
    <row r="7481" spans="2:12">
      <c r="B7481" s="367"/>
      <c r="C7481" s="360"/>
      <c r="D7481" s="367"/>
      <c r="E7481" s="367"/>
      <c r="F7481" s="360"/>
      <c r="G7481" s="360"/>
      <c r="H7481" s="360"/>
      <c r="I7481" s="360"/>
      <c r="J7481" s="365"/>
      <c r="K7481" s="365"/>
      <c r="L7481" s="365"/>
    </row>
    <row r="7482" spans="2:12" ht="28.5">
      <c r="B7482" s="368"/>
      <c r="C7482" s="362"/>
      <c r="D7482" s="368"/>
      <c r="E7482" s="368"/>
      <c r="F7482" s="361" t="s">
        <v>14374</v>
      </c>
      <c r="G7482" s="361" t="s">
        <v>14373</v>
      </c>
      <c r="H7482" s="362"/>
      <c r="I7482" s="362"/>
      <c r="J7482" s="366"/>
      <c r="K7482" s="366"/>
      <c r="L7482" s="366"/>
    </row>
    <row r="7483" spans="2:12">
      <c r="B7483" s="358" t="s">
        <v>17989</v>
      </c>
      <c r="C7483" s="358" t="s">
        <v>17990</v>
      </c>
      <c r="D7483" s="358" t="s">
        <v>17991</v>
      </c>
      <c r="E7483" s="358" t="s">
        <v>17992</v>
      </c>
      <c r="F7483" s="358" t="s">
        <v>14379</v>
      </c>
      <c r="G7483" s="358" t="s">
        <v>14380</v>
      </c>
      <c r="H7483" s="358" t="s">
        <v>14378</v>
      </c>
      <c r="I7483" s="358" t="s">
        <v>14380</v>
      </c>
      <c r="J7483" s="358"/>
      <c r="K7483" s="358"/>
      <c r="L7483" s="358"/>
    </row>
    <row r="7484" spans="2:12">
      <c r="B7484" s="367"/>
      <c r="C7484" s="367"/>
      <c r="D7484" s="367"/>
      <c r="E7484" s="367"/>
      <c r="F7484" s="360"/>
      <c r="G7484" s="360"/>
      <c r="H7484" s="360"/>
      <c r="I7484" s="360"/>
      <c r="J7484" s="365"/>
      <c r="K7484" s="365"/>
      <c r="L7484" s="365"/>
    </row>
    <row r="7485" spans="2:12">
      <c r="B7485" s="367"/>
      <c r="C7485" s="367"/>
      <c r="D7485" s="367"/>
      <c r="E7485" s="367"/>
      <c r="F7485" s="359" t="s">
        <v>14382</v>
      </c>
      <c r="G7485" s="359" t="s">
        <v>14579</v>
      </c>
      <c r="H7485" s="359" t="s">
        <v>14341</v>
      </c>
      <c r="I7485" s="359" t="s">
        <v>14579</v>
      </c>
      <c r="J7485" s="365"/>
      <c r="K7485" s="365"/>
      <c r="L7485" s="365"/>
    </row>
    <row r="7486" spans="2:12">
      <c r="B7486" s="367"/>
      <c r="C7486" s="367"/>
      <c r="D7486" s="367"/>
      <c r="E7486" s="367"/>
      <c r="F7486" s="360"/>
      <c r="G7486" s="360"/>
      <c r="H7486" s="360"/>
      <c r="I7486" s="360"/>
      <c r="J7486" s="365"/>
      <c r="K7486" s="365"/>
      <c r="L7486" s="365"/>
    </row>
    <row r="7487" spans="2:12">
      <c r="B7487" s="367"/>
      <c r="C7487" s="367"/>
      <c r="D7487" s="367"/>
      <c r="E7487" s="367"/>
      <c r="F7487" s="359" t="s">
        <v>14420</v>
      </c>
      <c r="G7487" s="359" t="s">
        <v>14429</v>
      </c>
      <c r="H7487" s="359" t="s">
        <v>14370</v>
      </c>
      <c r="I7487" s="359" t="s">
        <v>14429</v>
      </c>
      <c r="J7487" s="365"/>
      <c r="K7487" s="365"/>
      <c r="L7487" s="365"/>
    </row>
    <row r="7488" spans="2:12">
      <c r="B7488" s="367"/>
      <c r="C7488" s="367"/>
      <c r="D7488" s="367"/>
      <c r="E7488" s="367"/>
      <c r="F7488" s="360"/>
      <c r="G7488" s="360"/>
      <c r="H7488" s="360"/>
      <c r="I7488" s="360"/>
      <c r="J7488" s="365"/>
      <c r="K7488" s="365"/>
      <c r="L7488" s="365"/>
    </row>
    <row r="7489" spans="2:12">
      <c r="B7489" s="367"/>
      <c r="C7489" s="367"/>
      <c r="D7489" s="367"/>
      <c r="E7489" s="367"/>
      <c r="F7489" s="359" t="s">
        <v>14356</v>
      </c>
      <c r="G7489" s="359" t="s">
        <v>14340</v>
      </c>
      <c r="H7489" s="359" t="s">
        <v>14332</v>
      </c>
      <c r="I7489" s="359" t="s">
        <v>14340</v>
      </c>
      <c r="J7489" s="365"/>
      <c r="K7489" s="365"/>
      <c r="L7489" s="365"/>
    </row>
    <row r="7490" spans="2:12">
      <c r="B7490" s="367"/>
      <c r="C7490" s="367"/>
      <c r="D7490" s="367"/>
      <c r="E7490" s="367"/>
      <c r="F7490" s="360"/>
      <c r="G7490" s="360"/>
      <c r="H7490" s="360"/>
      <c r="I7490" s="360"/>
      <c r="J7490" s="365"/>
      <c r="K7490" s="365"/>
      <c r="L7490" s="365"/>
    </row>
    <row r="7491" spans="2:12">
      <c r="B7491" s="367"/>
      <c r="C7491" s="367"/>
      <c r="D7491" s="367"/>
      <c r="E7491" s="367"/>
      <c r="F7491" s="359" t="s">
        <v>14371</v>
      </c>
      <c r="G7491" s="359" t="s">
        <v>14372</v>
      </c>
      <c r="H7491" s="360"/>
      <c r="I7491" s="359" t="s">
        <v>14373</v>
      </c>
      <c r="J7491" s="365"/>
      <c r="K7491" s="365"/>
      <c r="L7491" s="365"/>
    </row>
    <row r="7492" spans="2:12">
      <c r="B7492" s="367"/>
      <c r="C7492" s="367"/>
      <c r="D7492" s="367"/>
      <c r="E7492" s="367"/>
      <c r="F7492" s="360"/>
      <c r="G7492" s="360"/>
      <c r="H7492" s="360"/>
      <c r="I7492" s="360"/>
      <c r="J7492" s="365"/>
      <c r="K7492" s="365"/>
      <c r="L7492" s="365"/>
    </row>
    <row r="7493" spans="2:12" ht="28.5">
      <c r="B7493" s="368"/>
      <c r="C7493" s="368"/>
      <c r="D7493" s="368"/>
      <c r="E7493" s="368"/>
      <c r="F7493" s="361" t="s">
        <v>14374</v>
      </c>
      <c r="G7493" s="361" t="s">
        <v>14373</v>
      </c>
      <c r="H7493" s="362"/>
      <c r="I7493" s="362"/>
      <c r="J7493" s="366"/>
      <c r="K7493" s="366"/>
      <c r="L7493" s="366"/>
    </row>
    <row r="7494" spans="2:12">
      <c r="B7494" s="358" t="s">
        <v>17993</v>
      </c>
      <c r="C7494" s="358" t="s">
        <v>17994</v>
      </c>
      <c r="D7494" s="358" t="s">
        <v>17995</v>
      </c>
      <c r="E7494" s="358" t="s">
        <v>17996</v>
      </c>
      <c r="F7494" s="358" t="s">
        <v>14505</v>
      </c>
      <c r="G7494" s="358" t="s">
        <v>14506</v>
      </c>
      <c r="H7494" s="358" t="s">
        <v>14328</v>
      </c>
      <c r="I7494" s="358" t="s">
        <v>14506</v>
      </c>
      <c r="J7494" s="358"/>
      <c r="K7494" s="358"/>
      <c r="L7494" s="358"/>
    </row>
    <row r="7495" spans="2:12">
      <c r="B7495" s="367"/>
      <c r="C7495" s="360"/>
      <c r="D7495" s="367"/>
      <c r="E7495" s="367"/>
      <c r="F7495" s="360"/>
      <c r="G7495" s="360"/>
      <c r="H7495" s="360"/>
      <c r="I7495" s="360"/>
      <c r="J7495" s="365"/>
      <c r="K7495" s="365"/>
      <c r="L7495" s="365"/>
    </row>
    <row r="7496" spans="2:12">
      <c r="B7496" s="367"/>
      <c r="C7496" s="359" t="s">
        <v>17997</v>
      </c>
      <c r="D7496" s="367"/>
      <c r="E7496" s="367"/>
      <c r="F7496" s="359" t="s">
        <v>14426</v>
      </c>
      <c r="G7496" s="359" t="s">
        <v>14427</v>
      </c>
      <c r="H7496" s="359" t="s">
        <v>14381</v>
      </c>
      <c r="I7496" s="359" t="s">
        <v>14427</v>
      </c>
      <c r="J7496" s="365"/>
      <c r="K7496" s="365"/>
      <c r="L7496" s="365"/>
    </row>
    <row r="7497" spans="2:12">
      <c r="B7497" s="367"/>
      <c r="C7497" s="360"/>
      <c r="D7497" s="367"/>
      <c r="E7497" s="367"/>
      <c r="F7497" s="360"/>
      <c r="G7497" s="360"/>
      <c r="H7497" s="360"/>
      <c r="I7497" s="360"/>
      <c r="J7497" s="365"/>
      <c r="K7497" s="365"/>
      <c r="L7497" s="365"/>
    </row>
    <row r="7498" spans="2:12">
      <c r="B7498" s="367"/>
      <c r="C7498" s="360"/>
      <c r="D7498" s="367"/>
      <c r="E7498" s="367"/>
      <c r="F7498" s="359" t="s">
        <v>14420</v>
      </c>
      <c r="G7498" s="359" t="s">
        <v>14459</v>
      </c>
      <c r="H7498" s="359" t="s">
        <v>14341</v>
      </c>
      <c r="I7498" s="359" t="s">
        <v>14459</v>
      </c>
      <c r="J7498" s="365"/>
      <c r="K7498" s="365"/>
      <c r="L7498" s="365"/>
    </row>
    <row r="7499" spans="2:12">
      <c r="B7499" s="367"/>
      <c r="C7499" s="360"/>
      <c r="D7499" s="367"/>
      <c r="E7499" s="367"/>
      <c r="F7499" s="360"/>
      <c r="G7499" s="360"/>
      <c r="H7499" s="360"/>
      <c r="I7499" s="360"/>
      <c r="J7499" s="365"/>
      <c r="K7499" s="365"/>
      <c r="L7499" s="365"/>
    </row>
    <row r="7500" spans="2:12">
      <c r="B7500" s="367"/>
      <c r="C7500" s="360"/>
      <c r="D7500" s="367"/>
      <c r="E7500" s="367"/>
      <c r="F7500" s="359" t="s">
        <v>14420</v>
      </c>
      <c r="G7500" s="359" t="s">
        <v>14421</v>
      </c>
      <c r="H7500" s="359" t="s">
        <v>14367</v>
      </c>
      <c r="I7500" s="359" t="s">
        <v>14421</v>
      </c>
      <c r="J7500" s="365"/>
      <c r="K7500" s="365"/>
      <c r="L7500" s="365"/>
    </row>
    <row r="7501" spans="2:12">
      <c r="B7501" s="367"/>
      <c r="C7501" s="360"/>
      <c r="D7501" s="367"/>
      <c r="E7501" s="367"/>
      <c r="F7501" s="360"/>
      <c r="G7501" s="360"/>
      <c r="H7501" s="360"/>
      <c r="I7501" s="360"/>
      <c r="J7501" s="365"/>
      <c r="K7501" s="365"/>
      <c r="L7501" s="365"/>
    </row>
    <row r="7502" spans="2:12">
      <c r="B7502" s="367"/>
      <c r="C7502" s="360"/>
      <c r="D7502" s="367"/>
      <c r="E7502" s="367"/>
      <c r="F7502" s="359" t="s">
        <v>14420</v>
      </c>
      <c r="G7502" s="359" t="s">
        <v>14429</v>
      </c>
      <c r="H7502" s="359" t="s">
        <v>14332</v>
      </c>
      <c r="I7502" s="359" t="s">
        <v>14429</v>
      </c>
      <c r="J7502" s="365"/>
      <c r="K7502" s="365"/>
      <c r="L7502" s="365"/>
    </row>
    <row r="7503" spans="2:12">
      <c r="B7503" s="367"/>
      <c r="C7503" s="360"/>
      <c r="D7503" s="367"/>
      <c r="E7503" s="367"/>
      <c r="F7503" s="360"/>
      <c r="G7503" s="360"/>
      <c r="H7503" s="360"/>
      <c r="I7503" s="360"/>
      <c r="J7503" s="365"/>
      <c r="K7503" s="365"/>
      <c r="L7503" s="365"/>
    </row>
    <row r="7504" spans="2:12">
      <c r="B7504" s="367"/>
      <c r="C7504" s="360"/>
      <c r="D7504" s="367"/>
      <c r="E7504" s="367"/>
      <c r="F7504" s="359" t="s">
        <v>14368</v>
      </c>
      <c r="G7504" s="359" t="s">
        <v>14388</v>
      </c>
      <c r="H7504" s="360"/>
      <c r="I7504" s="359" t="s">
        <v>14388</v>
      </c>
      <c r="J7504" s="365"/>
      <c r="K7504" s="365"/>
      <c r="L7504" s="365"/>
    </row>
    <row r="7505" spans="2:12">
      <c r="B7505" s="367"/>
      <c r="C7505" s="360"/>
      <c r="D7505" s="367"/>
      <c r="E7505" s="367"/>
      <c r="F7505" s="360"/>
      <c r="G7505" s="360"/>
      <c r="H7505" s="360"/>
      <c r="I7505" s="360"/>
      <c r="J7505" s="365"/>
      <c r="K7505" s="365"/>
      <c r="L7505" s="365"/>
    </row>
    <row r="7506" spans="2:12">
      <c r="B7506" s="367"/>
      <c r="C7506" s="360"/>
      <c r="D7506" s="367"/>
      <c r="E7506" s="367"/>
      <c r="F7506" s="359" t="s">
        <v>14389</v>
      </c>
      <c r="G7506" s="359" t="s">
        <v>14390</v>
      </c>
      <c r="H7506" s="360"/>
      <c r="I7506" s="359" t="s">
        <v>14390</v>
      </c>
      <c r="J7506" s="365"/>
      <c r="K7506" s="365"/>
      <c r="L7506" s="365"/>
    </row>
    <row r="7507" spans="2:12">
      <c r="B7507" s="367"/>
      <c r="C7507" s="360"/>
      <c r="D7507" s="367"/>
      <c r="E7507" s="367"/>
      <c r="F7507" s="360"/>
      <c r="G7507" s="360"/>
      <c r="H7507" s="360"/>
      <c r="I7507" s="360"/>
      <c r="J7507" s="365"/>
      <c r="K7507" s="365"/>
      <c r="L7507" s="365"/>
    </row>
    <row r="7508" spans="2:12">
      <c r="B7508" s="367"/>
      <c r="C7508" s="360"/>
      <c r="D7508" s="367"/>
      <c r="E7508" s="367"/>
      <c r="F7508" s="359" t="s">
        <v>14430</v>
      </c>
      <c r="G7508" s="359" t="s">
        <v>14431</v>
      </c>
      <c r="H7508" s="360"/>
      <c r="I7508" s="359" t="s">
        <v>14431</v>
      </c>
      <c r="J7508" s="365"/>
      <c r="K7508" s="365"/>
      <c r="L7508" s="365"/>
    </row>
    <row r="7509" spans="2:12">
      <c r="B7509" s="367"/>
      <c r="C7509" s="360"/>
      <c r="D7509" s="367"/>
      <c r="E7509" s="367"/>
      <c r="F7509" s="360"/>
      <c r="G7509" s="360"/>
      <c r="H7509" s="360"/>
      <c r="I7509" s="360"/>
      <c r="J7509" s="365"/>
      <c r="K7509" s="365"/>
      <c r="L7509" s="365"/>
    </row>
    <row r="7510" spans="2:12" ht="28.5">
      <c r="B7510" s="368"/>
      <c r="C7510" s="362"/>
      <c r="D7510" s="368"/>
      <c r="E7510" s="368"/>
      <c r="F7510" s="361" t="s">
        <v>14472</v>
      </c>
      <c r="G7510" s="361" t="s">
        <v>14473</v>
      </c>
      <c r="H7510" s="362"/>
      <c r="I7510" s="361" t="s">
        <v>14473</v>
      </c>
      <c r="J7510" s="366"/>
      <c r="K7510" s="366"/>
      <c r="L7510" s="366"/>
    </row>
    <row r="7511" spans="2:12">
      <c r="B7511" s="358" t="s">
        <v>17998</v>
      </c>
      <c r="C7511" s="358" t="s">
        <v>30116</v>
      </c>
      <c r="D7511" s="358" t="s">
        <v>535</v>
      </c>
      <c r="E7511" s="358" t="s">
        <v>536</v>
      </c>
      <c r="F7511" s="358" t="s">
        <v>14443</v>
      </c>
      <c r="G7511" s="358" t="s">
        <v>14444</v>
      </c>
      <c r="H7511" s="358" t="s">
        <v>14381</v>
      </c>
      <c r="I7511" s="358" t="s">
        <v>14444</v>
      </c>
      <c r="J7511" s="358" t="s">
        <v>17309</v>
      </c>
      <c r="K7511" s="358"/>
      <c r="L7511" s="358"/>
    </row>
    <row r="7512" spans="2:12">
      <c r="B7512" s="367"/>
      <c r="C7512" s="367"/>
      <c r="D7512" s="367"/>
      <c r="E7512" s="367"/>
      <c r="F7512" s="360"/>
      <c r="G7512" s="360"/>
      <c r="H7512" s="360"/>
      <c r="I7512" s="360"/>
      <c r="J7512" s="367"/>
      <c r="K7512" s="365"/>
      <c r="L7512" s="365"/>
    </row>
    <row r="7513" spans="2:12">
      <c r="B7513" s="367"/>
      <c r="C7513" s="367"/>
      <c r="D7513" s="367"/>
      <c r="E7513" s="367"/>
      <c r="F7513" s="359" t="s">
        <v>14371</v>
      </c>
      <c r="G7513" s="359" t="s">
        <v>14372</v>
      </c>
      <c r="H7513" s="359" t="s">
        <v>14370</v>
      </c>
      <c r="I7513" s="359" t="s">
        <v>14373</v>
      </c>
      <c r="J7513" s="367"/>
      <c r="K7513" s="365"/>
      <c r="L7513" s="365"/>
    </row>
    <row r="7514" spans="2:12">
      <c r="B7514" s="367"/>
      <c r="C7514" s="367"/>
      <c r="D7514" s="367"/>
      <c r="E7514" s="367"/>
      <c r="F7514" s="360"/>
      <c r="G7514" s="360"/>
      <c r="H7514" s="360"/>
      <c r="I7514" s="360"/>
      <c r="J7514" s="367"/>
      <c r="K7514" s="365"/>
      <c r="L7514" s="365"/>
    </row>
    <row r="7515" spans="2:12" ht="28.5">
      <c r="B7515" s="368"/>
      <c r="C7515" s="368"/>
      <c r="D7515" s="368"/>
      <c r="E7515" s="368"/>
      <c r="F7515" s="361" t="s">
        <v>14374</v>
      </c>
      <c r="G7515" s="361" t="s">
        <v>14373</v>
      </c>
      <c r="H7515" s="361" t="s">
        <v>14422</v>
      </c>
      <c r="I7515" s="362"/>
      <c r="J7515" s="368"/>
      <c r="K7515" s="366"/>
      <c r="L7515" s="366"/>
    </row>
    <row r="7516" spans="2:12">
      <c r="B7516" s="358" t="s">
        <v>17999</v>
      </c>
      <c r="C7516" s="358" t="s">
        <v>18000</v>
      </c>
      <c r="D7516" s="358" t="s">
        <v>18001</v>
      </c>
      <c r="E7516" s="358" t="s">
        <v>8356</v>
      </c>
      <c r="F7516" s="358" t="s">
        <v>14420</v>
      </c>
      <c r="G7516" s="358" t="s">
        <v>14421</v>
      </c>
      <c r="H7516" s="358" t="s">
        <v>14341</v>
      </c>
      <c r="I7516" s="358" t="s">
        <v>14421</v>
      </c>
      <c r="J7516" s="358"/>
      <c r="K7516" s="358"/>
      <c r="L7516" s="358"/>
    </row>
    <row r="7517" spans="2:12">
      <c r="B7517" s="367"/>
      <c r="C7517" s="367"/>
      <c r="D7517" s="367"/>
      <c r="E7517" s="367"/>
      <c r="F7517" s="360"/>
      <c r="G7517" s="360"/>
      <c r="H7517" s="360"/>
      <c r="I7517" s="360"/>
      <c r="J7517" s="365"/>
      <c r="K7517" s="365"/>
      <c r="L7517" s="365"/>
    </row>
    <row r="7518" spans="2:12">
      <c r="B7518" s="367"/>
      <c r="C7518" s="367"/>
      <c r="D7518" s="367"/>
      <c r="E7518" s="367"/>
      <c r="F7518" s="359" t="s">
        <v>14420</v>
      </c>
      <c r="G7518" s="359" t="s">
        <v>14429</v>
      </c>
      <c r="H7518" s="359" t="s">
        <v>14367</v>
      </c>
      <c r="I7518" s="359" t="s">
        <v>14429</v>
      </c>
      <c r="J7518" s="365"/>
      <c r="K7518" s="365"/>
      <c r="L7518" s="365"/>
    </row>
    <row r="7519" spans="2:12">
      <c r="B7519" s="367"/>
      <c r="C7519" s="367"/>
      <c r="D7519" s="367"/>
      <c r="E7519" s="367"/>
      <c r="F7519" s="360"/>
      <c r="G7519" s="360"/>
      <c r="H7519" s="360"/>
      <c r="I7519" s="360"/>
      <c r="J7519" s="365"/>
      <c r="K7519" s="365"/>
      <c r="L7519" s="365"/>
    </row>
    <row r="7520" spans="2:12">
      <c r="B7520" s="367"/>
      <c r="C7520" s="367"/>
      <c r="D7520" s="367"/>
      <c r="E7520" s="367"/>
      <c r="F7520" s="359" t="s">
        <v>14430</v>
      </c>
      <c r="G7520" s="359" t="s">
        <v>14431</v>
      </c>
      <c r="H7520" s="359" t="s">
        <v>14332</v>
      </c>
      <c r="I7520" s="359" t="s">
        <v>14431</v>
      </c>
      <c r="J7520" s="365"/>
      <c r="K7520" s="365"/>
      <c r="L7520" s="365"/>
    </row>
    <row r="7521" spans="2:12">
      <c r="B7521" s="367"/>
      <c r="C7521" s="367"/>
      <c r="D7521" s="367"/>
      <c r="E7521" s="367"/>
      <c r="F7521" s="360"/>
      <c r="G7521" s="360"/>
      <c r="H7521" s="360"/>
      <c r="I7521" s="360"/>
      <c r="J7521" s="365"/>
      <c r="K7521" s="365"/>
      <c r="L7521" s="365"/>
    </row>
    <row r="7522" spans="2:12">
      <c r="B7522" s="368"/>
      <c r="C7522" s="368"/>
      <c r="D7522" s="368"/>
      <c r="E7522" s="368"/>
      <c r="F7522" s="361" t="s">
        <v>14391</v>
      </c>
      <c r="G7522" s="361" t="s">
        <v>14392</v>
      </c>
      <c r="H7522" s="362"/>
      <c r="I7522" s="361" t="s">
        <v>14392</v>
      </c>
      <c r="J7522" s="366"/>
      <c r="K7522" s="366"/>
      <c r="L7522" s="366"/>
    </row>
    <row r="7523" spans="2:12">
      <c r="B7523" s="358" t="s">
        <v>18002</v>
      </c>
      <c r="C7523" s="358" t="s">
        <v>18003</v>
      </c>
      <c r="D7523" s="358" t="s">
        <v>18004</v>
      </c>
      <c r="E7523" s="358" t="s">
        <v>18005</v>
      </c>
      <c r="F7523" s="358" t="s">
        <v>14391</v>
      </c>
      <c r="G7523" s="358" t="s">
        <v>14392</v>
      </c>
      <c r="H7523" s="358" t="s">
        <v>14367</v>
      </c>
      <c r="I7523" s="358" t="s">
        <v>14392</v>
      </c>
      <c r="J7523" s="358"/>
      <c r="K7523" s="358"/>
      <c r="L7523" s="358"/>
    </row>
    <row r="7524" spans="2:12">
      <c r="B7524" s="367"/>
      <c r="C7524" s="367"/>
      <c r="D7524" s="367"/>
      <c r="E7524" s="367"/>
      <c r="F7524" s="360"/>
      <c r="G7524" s="360"/>
      <c r="H7524" s="360"/>
      <c r="I7524" s="360"/>
      <c r="J7524" s="365"/>
      <c r="K7524" s="365"/>
      <c r="L7524" s="365"/>
    </row>
    <row r="7525" spans="2:12" ht="28.5">
      <c r="B7525" s="367"/>
      <c r="C7525" s="367"/>
      <c r="D7525" s="367"/>
      <c r="E7525" s="367"/>
      <c r="F7525" s="359" t="s">
        <v>14394</v>
      </c>
      <c r="G7525" s="359" t="s">
        <v>14395</v>
      </c>
      <c r="H7525" s="359" t="s">
        <v>14370</v>
      </c>
      <c r="I7525" s="359" t="s">
        <v>14395</v>
      </c>
      <c r="J7525" s="365"/>
      <c r="K7525" s="365"/>
      <c r="L7525" s="365"/>
    </row>
    <row r="7526" spans="2:12">
      <c r="B7526" s="367"/>
      <c r="C7526" s="367"/>
      <c r="D7526" s="367"/>
      <c r="E7526" s="367"/>
      <c r="F7526" s="360"/>
      <c r="G7526" s="360"/>
      <c r="H7526" s="360"/>
      <c r="I7526" s="360"/>
      <c r="J7526" s="365"/>
      <c r="K7526" s="365"/>
      <c r="L7526" s="365"/>
    </row>
    <row r="7527" spans="2:12">
      <c r="B7527" s="368"/>
      <c r="C7527" s="368"/>
      <c r="D7527" s="368"/>
      <c r="E7527" s="368"/>
      <c r="F7527" s="362"/>
      <c r="G7527" s="362"/>
      <c r="H7527" s="361" t="s">
        <v>14422</v>
      </c>
      <c r="I7527" s="362"/>
      <c r="J7527" s="366"/>
      <c r="K7527" s="366"/>
      <c r="L7527" s="366"/>
    </row>
    <row r="7528" spans="2:12" ht="28.5">
      <c r="B7528" s="358" t="s">
        <v>18006</v>
      </c>
      <c r="C7528" s="358" t="s">
        <v>18007</v>
      </c>
      <c r="D7528" s="358" t="s">
        <v>18008</v>
      </c>
      <c r="E7528" s="358" t="s">
        <v>6359</v>
      </c>
      <c r="F7528" s="358" t="s">
        <v>14460</v>
      </c>
      <c r="G7528" s="358" t="s">
        <v>14519</v>
      </c>
      <c r="H7528" s="358" t="s">
        <v>14381</v>
      </c>
      <c r="I7528" s="358" t="s">
        <v>28889</v>
      </c>
      <c r="J7528" s="358"/>
      <c r="K7528" s="358"/>
      <c r="L7528" s="358"/>
    </row>
    <row r="7529" spans="2:12">
      <c r="B7529" s="367"/>
      <c r="C7529" s="367"/>
      <c r="D7529" s="367"/>
      <c r="E7529" s="367"/>
      <c r="F7529" s="360"/>
      <c r="G7529" s="360"/>
      <c r="H7529" s="360"/>
      <c r="I7529" s="360"/>
      <c r="J7529" s="365"/>
      <c r="K7529" s="365"/>
      <c r="L7529" s="365"/>
    </row>
    <row r="7530" spans="2:12">
      <c r="B7530" s="367"/>
      <c r="C7530" s="367"/>
      <c r="D7530" s="367"/>
      <c r="E7530" s="367"/>
      <c r="F7530" s="359" t="s">
        <v>17277</v>
      </c>
      <c r="G7530" s="359" t="s">
        <v>17278</v>
      </c>
      <c r="H7530" s="359" t="s">
        <v>14370</v>
      </c>
      <c r="I7530" s="359" t="s">
        <v>14373</v>
      </c>
      <c r="J7530" s="365"/>
      <c r="K7530" s="365"/>
      <c r="L7530" s="365"/>
    </row>
    <row r="7531" spans="2:12">
      <c r="B7531" s="367"/>
      <c r="C7531" s="367"/>
      <c r="D7531" s="367"/>
      <c r="E7531" s="367"/>
      <c r="F7531" s="360"/>
      <c r="G7531" s="360"/>
      <c r="H7531" s="360"/>
      <c r="I7531" s="360"/>
      <c r="J7531" s="365"/>
      <c r="K7531" s="365"/>
      <c r="L7531" s="365"/>
    </row>
    <row r="7532" spans="2:12">
      <c r="B7532" s="367"/>
      <c r="C7532" s="367"/>
      <c r="D7532" s="367"/>
      <c r="E7532" s="367"/>
      <c r="F7532" s="359" t="s">
        <v>14371</v>
      </c>
      <c r="G7532" s="359" t="s">
        <v>14372</v>
      </c>
      <c r="H7532" s="359" t="s">
        <v>14422</v>
      </c>
      <c r="I7532" s="360"/>
      <c r="J7532" s="365"/>
      <c r="K7532" s="365"/>
      <c r="L7532" s="365"/>
    </row>
    <row r="7533" spans="2:12">
      <c r="B7533" s="367"/>
      <c r="C7533" s="367"/>
      <c r="D7533" s="367"/>
      <c r="E7533" s="367"/>
      <c r="F7533" s="360"/>
      <c r="G7533" s="360"/>
      <c r="H7533" s="360"/>
      <c r="I7533" s="360"/>
      <c r="J7533" s="365"/>
      <c r="K7533" s="365"/>
      <c r="L7533" s="365"/>
    </row>
    <row r="7534" spans="2:12" ht="28.5">
      <c r="B7534" s="368"/>
      <c r="C7534" s="368"/>
      <c r="D7534" s="368"/>
      <c r="E7534" s="368"/>
      <c r="F7534" s="361" t="s">
        <v>14374</v>
      </c>
      <c r="G7534" s="361" t="s">
        <v>14373</v>
      </c>
      <c r="H7534" s="362"/>
      <c r="I7534" s="362"/>
      <c r="J7534" s="366"/>
      <c r="K7534" s="366"/>
      <c r="L7534" s="366"/>
    </row>
    <row r="7535" spans="2:12">
      <c r="B7535" s="358" t="s">
        <v>18009</v>
      </c>
      <c r="C7535" s="358" t="s">
        <v>18010</v>
      </c>
      <c r="D7535" s="358" t="s">
        <v>18011</v>
      </c>
      <c r="E7535" s="358" t="s">
        <v>3829</v>
      </c>
      <c r="F7535" s="358" t="s">
        <v>17734</v>
      </c>
      <c r="G7535" s="358" t="s">
        <v>14473</v>
      </c>
      <c r="H7535" s="358" t="s">
        <v>14367</v>
      </c>
      <c r="I7535" s="358" t="s">
        <v>14473</v>
      </c>
      <c r="J7535" s="358"/>
      <c r="K7535" s="358"/>
      <c r="L7535" s="358"/>
    </row>
    <row r="7536" spans="2:12">
      <c r="B7536" s="367"/>
      <c r="C7536" s="367"/>
      <c r="D7536" s="367"/>
      <c r="E7536" s="367"/>
      <c r="F7536" s="360"/>
      <c r="G7536" s="360"/>
      <c r="H7536" s="360"/>
      <c r="I7536" s="360"/>
      <c r="J7536" s="365"/>
      <c r="K7536" s="365"/>
      <c r="L7536" s="365"/>
    </row>
    <row r="7537" spans="2:12">
      <c r="B7537" s="367"/>
      <c r="C7537" s="367"/>
      <c r="D7537" s="367"/>
      <c r="E7537" s="367"/>
      <c r="F7537" s="359" t="s">
        <v>17735</v>
      </c>
      <c r="G7537" s="359" t="s">
        <v>17704</v>
      </c>
      <c r="H7537" s="359" t="s">
        <v>14422</v>
      </c>
      <c r="I7537" s="359" t="s">
        <v>17704</v>
      </c>
      <c r="J7537" s="365"/>
      <c r="K7537" s="365"/>
      <c r="L7537" s="365"/>
    </row>
    <row r="7538" spans="2:12">
      <c r="B7538" s="367"/>
      <c r="C7538" s="367"/>
      <c r="D7538" s="367"/>
      <c r="E7538" s="367"/>
      <c r="F7538" s="360"/>
      <c r="G7538" s="360"/>
      <c r="H7538" s="360"/>
      <c r="I7538" s="360"/>
      <c r="J7538" s="365"/>
      <c r="K7538" s="365"/>
      <c r="L7538" s="365"/>
    </row>
    <row r="7539" spans="2:12">
      <c r="B7539" s="368"/>
      <c r="C7539" s="368"/>
      <c r="D7539" s="368"/>
      <c r="E7539" s="368"/>
      <c r="F7539" s="361" t="s">
        <v>17705</v>
      </c>
      <c r="G7539" s="362"/>
      <c r="H7539" s="362"/>
      <c r="I7539" s="362"/>
      <c r="J7539" s="366"/>
      <c r="K7539" s="366"/>
      <c r="L7539" s="366"/>
    </row>
    <row r="7540" spans="2:12">
      <c r="B7540" s="358" t="s">
        <v>12941</v>
      </c>
      <c r="C7540" s="358" t="s">
        <v>12940</v>
      </c>
      <c r="D7540" s="358" t="s">
        <v>12942</v>
      </c>
      <c r="E7540" s="358" t="s">
        <v>12943</v>
      </c>
      <c r="F7540" s="358" t="s">
        <v>14505</v>
      </c>
      <c r="G7540" s="358" t="s">
        <v>14506</v>
      </c>
      <c r="H7540" s="358" t="s">
        <v>14328</v>
      </c>
      <c r="I7540" s="358" t="s">
        <v>14506</v>
      </c>
      <c r="J7540" s="358" t="s">
        <v>17309</v>
      </c>
      <c r="K7540" s="358"/>
      <c r="L7540" s="358"/>
    </row>
    <row r="7541" spans="2:12">
      <c r="B7541" s="367"/>
      <c r="C7541" s="367"/>
      <c r="D7541" s="367"/>
      <c r="E7541" s="367"/>
      <c r="F7541" s="360"/>
      <c r="G7541" s="360"/>
      <c r="H7541" s="360"/>
      <c r="I7541" s="360"/>
      <c r="J7541" s="367"/>
      <c r="K7541" s="365"/>
      <c r="L7541" s="365"/>
    </row>
    <row r="7542" spans="2:12" ht="28.5">
      <c r="B7542" s="367"/>
      <c r="C7542" s="367"/>
      <c r="D7542" s="367"/>
      <c r="E7542" s="367"/>
      <c r="F7542" s="359" t="s">
        <v>30117</v>
      </c>
      <c r="G7542" s="359" t="s">
        <v>28900</v>
      </c>
      <c r="H7542" s="359" t="s">
        <v>14381</v>
      </c>
      <c r="I7542" s="359" t="s">
        <v>28900</v>
      </c>
      <c r="J7542" s="367"/>
      <c r="K7542" s="365"/>
      <c r="L7542" s="365"/>
    </row>
    <row r="7543" spans="2:12">
      <c r="B7543" s="367"/>
      <c r="C7543" s="367"/>
      <c r="D7543" s="367"/>
      <c r="E7543" s="367"/>
      <c r="F7543" s="360"/>
      <c r="G7543" s="360"/>
      <c r="H7543" s="360"/>
      <c r="I7543" s="360"/>
      <c r="J7543" s="367"/>
      <c r="K7543" s="365"/>
      <c r="L7543" s="365"/>
    </row>
    <row r="7544" spans="2:12">
      <c r="B7544" s="368"/>
      <c r="C7544" s="368"/>
      <c r="D7544" s="368"/>
      <c r="E7544" s="368"/>
      <c r="F7544" s="361" t="s">
        <v>14460</v>
      </c>
      <c r="G7544" s="362"/>
      <c r="H7544" s="361" t="s">
        <v>14332</v>
      </c>
      <c r="I7544" s="362"/>
      <c r="J7544" s="368"/>
      <c r="K7544" s="366"/>
      <c r="L7544" s="366"/>
    </row>
    <row r="7545" spans="2:12">
      <c r="B7545" s="358" t="s">
        <v>18012</v>
      </c>
      <c r="C7545" s="358" t="s">
        <v>18013</v>
      </c>
      <c r="D7545" s="358" t="s">
        <v>18014</v>
      </c>
      <c r="E7545" s="358" t="s">
        <v>7616</v>
      </c>
      <c r="F7545" s="358" t="s">
        <v>14426</v>
      </c>
      <c r="G7545" s="358" t="s">
        <v>14427</v>
      </c>
      <c r="H7545" s="358" t="s">
        <v>14381</v>
      </c>
      <c r="I7545" s="358" t="s">
        <v>14427</v>
      </c>
      <c r="J7545" s="358"/>
      <c r="K7545" s="358"/>
      <c r="L7545" s="358"/>
    </row>
    <row r="7546" spans="2:12">
      <c r="B7546" s="367"/>
      <c r="C7546" s="360"/>
      <c r="D7546" s="367"/>
      <c r="E7546" s="367"/>
      <c r="F7546" s="367"/>
      <c r="G7546" s="367"/>
      <c r="H7546" s="360"/>
      <c r="I7546" s="367"/>
      <c r="J7546" s="365"/>
      <c r="K7546" s="365"/>
      <c r="L7546" s="365"/>
    </row>
    <row r="7547" spans="2:12">
      <c r="B7547" s="368"/>
      <c r="C7547" s="361" t="s">
        <v>18015</v>
      </c>
      <c r="D7547" s="368"/>
      <c r="E7547" s="368"/>
      <c r="F7547" s="368"/>
      <c r="G7547" s="368"/>
      <c r="H7547" s="361" t="s">
        <v>14422</v>
      </c>
      <c r="I7547" s="368"/>
      <c r="J7547" s="366"/>
      <c r="K7547" s="366"/>
      <c r="L7547" s="366"/>
    </row>
    <row r="7548" spans="2:12">
      <c r="B7548" s="358" t="s">
        <v>18016</v>
      </c>
      <c r="C7548" s="358" t="s">
        <v>18017</v>
      </c>
      <c r="D7548" s="358" t="s">
        <v>18018</v>
      </c>
      <c r="E7548" s="358" t="s">
        <v>18019</v>
      </c>
      <c r="F7548" s="358" t="s">
        <v>14420</v>
      </c>
      <c r="G7548" s="358" t="s">
        <v>14429</v>
      </c>
      <c r="H7548" s="358" t="s">
        <v>14367</v>
      </c>
      <c r="I7548" s="358" t="s">
        <v>14429</v>
      </c>
      <c r="J7548" s="358"/>
      <c r="K7548" s="358"/>
      <c r="L7548" s="358"/>
    </row>
    <row r="7549" spans="2:12">
      <c r="B7549" s="367"/>
      <c r="C7549" s="367"/>
      <c r="D7549" s="367"/>
      <c r="E7549" s="367"/>
      <c r="F7549" s="360"/>
      <c r="G7549" s="360"/>
      <c r="H7549" s="360"/>
      <c r="I7549" s="360"/>
      <c r="J7549" s="365"/>
      <c r="K7549" s="365"/>
      <c r="L7549" s="365"/>
    </row>
    <row r="7550" spans="2:12">
      <c r="B7550" s="367"/>
      <c r="C7550" s="367"/>
      <c r="D7550" s="367"/>
      <c r="E7550" s="367"/>
      <c r="F7550" s="359" t="s">
        <v>14389</v>
      </c>
      <c r="G7550" s="359" t="s">
        <v>14390</v>
      </c>
      <c r="H7550" s="359" t="s">
        <v>14370</v>
      </c>
      <c r="I7550" s="359" t="s">
        <v>14390</v>
      </c>
      <c r="J7550" s="365"/>
      <c r="K7550" s="365"/>
      <c r="L7550" s="365"/>
    </row>
    <row r="7551" spans="2:12">
      <c r="B7551" s="367"/>
      <c r="C7551" s="367"/>
      <c r="D7551" s="367"/>
      <c r="E7551" s="367"/>
      <c r="F7551" s="360"/>
      <c r="G7551" s="360"/>
      <c r="H7551" s="360"/>
      <c r="I7551" s="360"/>
      <c r="J7551" s="365"/>
      <c r="K7551" s="365"/>
      <c r="L7551" s="365"/>
    </row>
    <row r="7552" spans="2:12">
      <c r="B7552" s="367"/>
      <c r="C7552" s="367"/>
      <c r="D7552" s="367"/>
      <c r="E7552" s="367"/>
      <c r="F7552" s="359" t="s">
        <v>14371</v>
      </c>
      <c r="G7552" s="359" t="s">
        <v>14372</v>
      </c>
      <c r="H7552" s="359" t="s">
        <v>14422</v>
      </c>
      <c r="I7552" s="359" t="s">
        <v>14373</v>
      </c>
      <c r="J7552" s="365"/>
      <c r="K7552" s="365"/>
      <c r="L7552" s="365"/>
    </row>
    <row r="7553" spans="2:12">
      <c r="B7553" s="367"/>
      <c r="C7553" s="367"/>
      <c r="D7553" s="367"/>
      <c r="E7553" s="367"/>
      <c r="F7553" s="360"/>
      <c r="G7553" s="360"/>
      <c r="H7553" s="360"/>
      <c r="I7553" s="360"/>
      <c r="J7553" s="365"/>
      <c r="K7553" s="365"/>
      <c r="L7553" s="365"/>
    </row>
    <row r="7554" spans="2:12" ht="28.5">
      <c r="B7554" s="368"/>
      <c r="C7554" s="368"/>
      <c r="D7554" s="368"/>
      <c r="E7554" s="368"/>
      <c r="F7554" s="361" t="s">
        <v>14374</v>
      </c>
      <c r="G7554" s="361" t="s">
        <v>14373</v>
      </c>
      <c r="H7554" s="362"/>
      <c r="I7554" s="362"/>
      <c r="J7554" s="366"/>
      <c r="K7554" s="366"/>
      <c r="L7554" s="366"/>
    </row>
    <row r="7555" spans="2:12">
      <c r="B7555" s="358" t="s">
        <v>10331</v>
      </c>
      <c r="C7555" s="358" t="s">
        <v>18020</v>
      </c>
      <c r="D7555" s="358" t="s">
        <v>10332</v>
      </c>
      <c r="E7555" s="358" t="s">
        <v>7326</v>
      </c>
      <c r="F7555" s="358" t="s">
        <v>28653</v>
      </c>
      <c r="G7555" s="358" t="s">
        <v>14669</v>
      </c>
      <c r="H7555" s="358" t="s">
        <v>14381</v>
      </c>
      <c r="I7555" s="358" t="s">
        <v>14669</v>
      </c>
      <c r="J7555" s="358"/>
      <c r="K7555" s="358"/>
      <c r="L7555" s="358"/>
    </row>
    <row r="7556" spans="2:12">
      <c r="B7556" s="367"/>
      <c r="C7556" s="360"/>
      <c r="D7556" s="367"/>
      <c r="E7556" s="367"/>
      <c r="F7556" s="360"/>
      <c r="G7556" s="360"/>
      <c r="H7556" s="360"/>
      <c r="I7556" s="360"/>
      <c r="J7556" s="365"/>
      <c r="K7556" s="365"/>
      <c r="L7556" s="365"/>
    </row>
    <row r="7557" spans="2:12" ht="28.5">
      <c r="B7557" s="367"/>
      <c r="C7557" s="359" t="s">
        <v>18021</v>
      </c>
      <c r="D7557" s="367"/>
      <c r="E7557" s="367"/>
      <c r="F7557" s="359" t="s">
        <v>14382</v>
      </c>
      <c r="G7557" s="359" t="s">
        <v>28901</v>
      </c>
      <c r="H7557" s="359" t="s">
        <v>14367</v>
      </c>
      <c r="I7557" s="359" t="s">
        <v>28901</v>
      </c>
      <c r="J7557" s="365"/>
      <c r="K7557" s="365"/>
      <c r="L7557" s="365"/>
    </row>
    <row r="7558" spans="2:12">
      <c r="B7558" s="367"/>
      <c r="C7558" s="360"/>
      <c r="D7558" s="367"/>
      <c r="E7558" s="367"/>
      <c r="F7558" s="360"/>
      <c r="G7558" s="360"/>
      <c r="H7558" s="360"/>
      <c r="I7558" s="360"/>
      <c r="J7558" s="365"/>
      <c r="K7558" s="365"/>
      <c r="L7558" s="365"/>
    </row>
    <row r="7559" spans="2:12">
      <c r="B7559" s="367"/>
      <c r="C7559" s="360"/>
      <c r="D7559" s="367"/>
      <c r="E7559" s="367"/>
      <c r="F7559" s="359" t="s">
        <v>14420</v>
      </c>
      <c r="G7559" s="359" t="s">
        <v>14459</v>
      </c>
      <c r="H7559" s="359" t="s">
        <v>14332</v>
      </c>
      <c r="I7559" s="359" t="s">
        <v>14459</v>
      </c>
      <c r="J7559" s="365"/>
      <c r="K7559" s="365"/>
      <c r="L7559" s="365"/>
    </row>
    <row r="7560" spans="2:12">
      <c r="B7560" s="367"/>
      <c r="C7560" s="360"/>
      <c r="D7560" s="367"/>
      <c r="E7560" s="367"/>
      <c r="F7560" s="360"/>
      <c r="G7560" s="360"/>
      <c r="H7560" s="360"/>
      <c r="I7560" s="360"/>
      <c r="J7560" s="365"/>
      <c r="K7560" s="365"/>
      <c r="L7560" s="365"/>
    </row>
    <row r="7561" spans="2:12">
      <c r="B7561" s="367"/>
      <c r="C7561" s="360"/>
      <c r="D7561" s="367"/>
      <c r="E7561" s="367"/>
      <c r="F7561" s="359" t="s">
        <v>14420</v>
      </c>
      <c r="G7561" s="359" t="s">
        <v>14429</v>
      </c>
      <c r="H7561" s="360"/>
      <c r="I7561" s="359" t="s">
        <v>14429</v>
      </c>
      <c r="J7561" s="365"/>
      <c r="K7561" s="365"/>
      <c r="L7561" s="365"/>
    </row>
    <row r="7562" spans="2:12">
      <c r="B7562" s="367"/>
      <c r="C7562" s="360"/>
      <c r="D7562" s="367"/>
      <c r="E7562" s="367"/>
      <c r="F7562" s="360"/>
      <c r="G7562" s="360"/>
      <c r="H7562" s="360"/>
      <c r="I7562" s="360"/>
      <c r="J7562" s="365"/>
      <c r="K7562" s="365"/>
      <c r="L7562" s="365"/>
    </row>
    <row r="7563" spans="2:12" ht="28.5">
      <c r="B7563" s="368"/>
      <c r="C7563" s="362"/>
      <c r="D7563" s="368"/>
      <c r="E7563" s="368"/>
      <c r="F7563" s="361" t="s">
        <v>14472</v>
      </c>
      <c r="G7563" s="361" t="s">
        <v>14473</v>
      </c>
      <c r="H7563" s="362"/>
      <c r="I7563" s="361" t="s">
        <v>14473</v>
      </c>
      <c r="J7563" s="366"/>
      <c r="K7563" s="366"/>
      <c r="L7563" s="366"/>
    </row>
    <row r="7564" spans="2:12">
      <c r="B7564" s="358" t="s">
        <v>18022</v>
      </c>
      <c r="C7564" s="358" t="s">
        <v>18023</v>
      </c>
      <c r="D7564" s="358" t="s">
        <v>18024</v>
      </c>
      <c r="E7564" s="358" t="s">
        <v>18025</v>
      </c>
      <c r="F7564" s="358" t="s">
        <v>14420</v>
      </c>
      <c r="G7564" s="358" t="s">
        <v>14429</v>
      </c>
      <c r="H7564" s="358" t="s">
        <v>14367</v>
      </c>
      <c r="I7564" s="358" t="s">
        <v>14429</v>
      </c>
      <c r="J7564" s="358"/>
      <c r="K7564" s="358"/>
      <c r="L7564" s="358"/>
    </row>
    <row r="7565" spans="2:12">
      <c r="B7565" s="367"/>
      <c r="C7565" s="367"/>
      <c r="D7565" s="367"/>
      <c r="E7565" s="367"/>
      <c r="F7565" s="360"/>
      <c r="G7565" s="360"/>
      <c r="H7565" s="360"/>
      <c r="I7565" s="360"/>
      <c r="J7565" s="365"/>
      <c r="K7565" s="365"/>
      <c r="L7565" s="365"/>
    </row>
    <row r="7566" spans="2:12">
      <c r="B7566" s="367"/>
      <c r="C7566" s="367"/>
      <c r="D7566" s="367"/>
      <c r="E7566" s="367"/>
      <c r="F7566" s="359" t="s">
        <v>14389</v>
      </c>
      <c r="G7566" s="359" t="s">
        <v>14390</v>
      </c>
      <c r="H7566" s="359" t="s">
        <v>14370</v>
      </c>
      <c r="I7566" s="359" t="s">
        <v>14390</v>
      </c>
      <c r="J7566" s="365"/>
      <c r="K7566" s="365"/>
      <c r="L7566" s="365"/>
    </row>
    <row r="7567" spans="2:12">
      <c r="B7567" s="367"/>
      <c r="C7567" s="367"/>
      <c r="D7567" s="367"/>
      <c r="E7567" s="367"/>
      <c r="F7567" s="360"/>
      <c r="G7567" s="360"/>
      <c r="H7567" s="360"/>
      <c r="I7567" s="360"/>
      <c r="J7567" s="365"/>
      <c r="K7567" s="365"/>
      <c r="L7567" s="365"/>
    </row>
    <row r="7568" spans="2:12">
      <c r="B7568" s="367"/>
      <c r="C7568" s="367"/>
      <c r="D7568" s="367"/>
      <c r="E7568" s="367"/>
      <c r="F7568" s="359" t="s">
        <v>14371</v>
      </c>
      <c r="G7568" s="359" t="s">
        <v>14372</v>
      </c>
      <c r="H7568" s="359" t="s">
        <v>14422</v>
      </c>
      <c r="I7568" s="359" t="s">
        <v>14373</v>
      </c>
      <c r="J7568" s="365"/>
      <c r="K7568" s="365"/>
      <c r="L7568" s="365"/>
    </row>
    <row r="7569" spans="2:12">
      <c r="B7569" s="367"/>
      <c r="C7569" s="367"/>
      <c r="D7569" s="367"/>
      <c r="E7569" s="367"/>
      <c r="F7569" s="360"/>
      <c r="G7569" s="360"/>
      <c r="H7569" s="360"/>
      <c r="I7569" s="360"/>
      <c r="J7569" s="365"/>
      <c r="K7569" s="365"/>
      <c r="L7569" s="365"/>
    </row>
    <row r="7570" spans="2:12" ht="28.5">
      <c r="B7570" s="368"/>
      <c r="C7570" s="368"/>
      <c r="D7570" s="368"/>
      <c r="E7570" s="368"/>
      <c r="F7570" s="361" t="s">
        <v>14374</v>
      </c>
      <c r="G7570" s="361" t="s">
        <v>14373</v>
      </c>
      <c r="H7570" s="362"/>
      <c r="I7570" s="362"/>
      <c r="J7570" s="366"/>
      <c r="K7570" s="366"/>
      <c r="L7570" s="366"/>
    </row>
    <row r="7571" spans="2:12">
      <c r="B7571" s="358" t="s">
        <v>18026</v>
      </c>
      <c r="C7571" s="358" t="s">
        <v>18027</v>
      </c>
      <c r="D7571" s="358" t="s">
        <v>18028</v>
      </c>
      <c r="E7571" s="358" t="s">
        <v>18029</v>
      </c>
      <c r="F7571" s="358" t="s">
        <v>14389</v>
      </c>
      <c r="G7571" s="358" t="s">
        <v>14390</v>
      </c>
      <c r="H7571" s="358" t="s">
        <v>14367</v>
      </c>
      <c r="I7571" s="358" t="s">
        <v>14390</v>
      </c>
      <c r="J7571" s="358"/>
      <c r="K7571" s="358"/>
      <c r="L7571" s="358"/>
    </row>
    <row r="7572" spans="2:12">
      <c r="B7572" s="367"/>
      <c r="C7572" s="367"/>
      <c r="D7572" s="367"/>
      <c r="E7572" s="367"/>
      <c r="F7572" s="360"/>
      <c r="G7572" s="360"/>
      <c r="H7572" s="360"/>
      <c r="I7572" s="360"/>
      <c r="J7572" s="365"/>
      <c r="K7572" s="365"/>
      <c r="L7572" s="365"/>
    </row>
    <row r="7573" spans="2:12" ht="28.5">
      <c r="B7573" s="367"/>
      <c r="C7573" s="367"/>
      <c r="D7573" s="367"/>
      <c r="E7573" s="367"/>
      <c r="F7573" s="359" t="s">
        <v>14394</v>
      </c>
      <c r="G7573" s="359" t="s">
        <v>14395</v>
      </c>
      <c r="H7573" s="359" t="s">
        <v>14370</v>
      </c>
      <c r="I7573" s="359" t="s">
        <v>14395</v>
      </c>
      <c r="J7573" s="365"/>
      <c r="K7573" s="365"/>
      <c r="L7573" s="365"/>
    </row>
    <row r="7574" spans="2:12">
      <c r="B7574" s="367"/>
      <c r="C7574" s="367"/>
      <c r="D7574" s="367"/>
      <c r="E7574" s="367"/>
      <c r="F7574" s="360"/>
      <c r="G7574" s="360"/>
      <c r="H7574" s="360"/>
      <c r="I7574" s="360"/>
      <c r="J7574" s="365"/>
      <c r="K7574" s="365"/>
      <c r="L7574" s="365"/>
    </row>
    <row r="7575" spans="2:12">
      <c r="B7575" s="368"/>
      <c r="C7575" s="368"/>
      <c r="D7575" s="368"/>
      <c r="E7575" s="368"/>
      <c r="F7575" s="362"/>
      <c r="G7575" s="362"/>
      <c r="H7575" s="361" t="s">
        <v>14422</v>
      </c>
      <c r="I7575" s="362"/>
      <c r="J7575" s="366"/>
      <c r="K7575" s="366"/>
      <c r="L7575" s="366"/>
    </row>
    <row r="7576" spans="2:12">
      <c r="B7576" s="358" t="s">
        <v>18030</v>
      </c>
      <c r="C7576" s="358" t="s">
        <v>18031</v>
      </c>
      <c r="D7576" s="358" t="s">
        <v>18032</v>
      </c>
      <c r="E7576" s="358" t="s">
        <v>18033</v>
      </c>
      <c r="F7576" s="358" t="s">
        <v>14420</v>
      </c>
      <c r="G7576" s="358" t="s">
        <v>14429</v>
      </c>
      <c r="H7576" s="358" t="s">
        <v>14381</v>
      </c>
      <c r="I7576" s="358" t="s">
        <v>14429</v>
      </c>
      <c r="J7576" s="358"/>
      <c r="K7576" s="358"/>
      <c r="L7576" s="358"/>
    </row>
    <row r="7577" spans="2:12">
      <c r="B7577" s="367"/>
      <c r="C7577" s="367"/>
      <c r="D7577" s="367"/>
      <c r="E7577" s="367"/>
      <c r="F7577" s="360"/>
      <c r="G7577" s="360"/>
      <c r="H7577" s="360"/>
      <c r="I7577" s="360"/>
      <c r="J7577" s="365"/>
      <c r="K7577" s="365"/>
      <c r="L7577" s="365"/>
    </row>
    <row r="7578" spans="2:12" ht="28.5">
      <c r="B7578" s="367"/>
      <c r="C7578" s="367"/>
      <c r="D7578" s="367"/>
      <c r="E7578" s="367"/>
      <c r="F7578" s="359" t="s">
        <v>14460</v>
      </c>
      <c r="G7578" s="359" t="s">
        <v>14519</v>
      </c>
      <c r="H7578" s="359" t="s">
        <v>14367</v>
      </c>
      <c r="I7578" s="359" t="s">
        <v>28851</v>
      </c>
      <c r="J7578" s="365"/>
      <c r="K7578" s="365"/>
      <c r="L7578" s="365"/>
    </row>
    <row r="7579" spans="2:12">
      <c r="B7579" s="367"/>
      <c r="C7579" s="367"/>
      <c r="D7579" s="367"/>
      <c r="E7579" s="367"/>
      <c r="F7579" s="360"/>
      <c r="G7579" s="360"/>
      <c r="H7579" s="360"/>
      <c r="I7579" s="360"/>
      <c r="J7579" s="365"/>
      <c r="K7579" s="365"/>
      <c r="L7579" s="365"/>
    </row>
    <row r="7580" spans="2:12">
      <c r="B7580" s="367"/>
      <c r="C7580" s="367"/>
      <c r="D7580" s="367"/>
      <c r="E7580" s="367"/>
      <c r="F7580" s="359" t="s">
        <v>14389</v>
      </c>
      <c r="G7580" s="359" t="s">
        <v>14390</v>
      </c>
      <c r="H7580" s="359" t="s">
        <v>14422</v>
      </c>
      <c r="I7580" s="359" t="s">
        <v>14395</v>
      </c>
      <c r="J7580" s="365"/>
      <c r="K7580" s="365"/>
      <c r="L7580" s="365"/>
    </row>
    <row r="7581" spans="2:12">
      <c r="B7581" s="367"/>
      <c r="C7581" s="367"/>
      <c r="D7581" s="367"/>
      <c r="E7581" s="367"/>
      <c r="F7581" s="360"/>
      <c r="G7581" s="360"/>
      <c r="H7581" s="360"/>
      <c r="I7581" s="360"/>
      <c r="J7581" s="365"/>
      <c r="K7581" s="365"/>
      <c r="L7581" s="365"/>
    </row>
    <row r="7582" spans="2:12">
      <c r="B7582" s="368"/>
      <c r="C7582" s="368"/>
      <c r="D7582" s="368"/>
      <c r="E7582" s="368"/>
      <c r="F7582" s="362"/>
      <c r="G7582" s="361" t="s">
        <v>14395</v>
      </c>
      <c r="H7582" s="362"/>
      <c r="I7582" s="362"/>
      <c r="J7582" s="366"/>
      <c r="K7582" s="366"/>
      <c r="L7582" s="366"/>
    </row>
    <row r="7583" spans="2:12">
      <c r="B7583" s="358" t="s">
        <v>18034</v>
      </c>
      <c r="C7583" s="358" t="s">
        <v>18035</v>
      </c>
      <c r="D7583" s="358" t="s">
        <v>18036</v>
      </c>
      <c r="E7583" s="358" t="s">
        <v>18037</v>
      </c>
      <c r="F7583" s="358" t="s">
        <v>14418</v>
      </c>
      <c r="G7583" s="358" t="s">
        <v>14419</v>
      </c>
      <c r="H7583" s="358" t="s">
        <v>14328</v>
      </c>
      <c r="I7583" s="358" t="s">
        <v>14419</v>
      </c>
      <c r="J7583" s="358"/>
      <c r="K7583" s="358"/>
      <c r="L7583" s="358"/>
    </row>
    <row r="7584" spans="2:12">
      <c r="B7584" s="367"/>
      <c r="C7584" s="367"/>
      <c r="D7584" s="367"/>
      <c r="E7584" s="367"/>
      <c r="F7584" s="360"/>
      <c r="G7584" s="360"/>
      <c r="H7584" s="360"/>
      <c r="I7584" s="360"/>
      <c r="J7584" s="365"/>
      <c r="K7584" s="365"/>
      <c r="L7584" s="365"/>
    </row>
    <row r="7585" spans="2:12">
      <c r="B7585" s="367"/>
      <c r="C7585" s="367"/>
      <c r="D7585" s="367"/>
      <c r="E7585" s="367"/>
      <c r="F7585" s="359" t="s">
        <v>14443</v>
      </c>
      <c r="G7585" s="359" t="s">
        <v>14444</v>
      </c>
      <c r="H7585" s="359" t="s">
        <v>14381</v>
      </c>
      <c r="I7585" s="359" t="s">
        <v>14444</v>
      </c>
      <c r="J7585" s="365"/>
      <c r="K7585" s="365"/>
      <c r="L7585" s="365"/>
    </row>
    <row r="7586" spans="2:12">
      <c r="B7586" s="367"/>
      <c r="C7586" s="367"/>
      <c r="D7586" s="367"/>
      <c r="E7586" s="367"/>
      <c r="F7586" s="360"/>
      <c r="G7586" s="360"/>
      <c r="H7586" s="360"/>
      <c r="I7586" s="360"/>
      <c r="J7586" s="365"/>
      <c r="K7586" s="365"/>
      <c r="L7586" s="365"/>
    </row>
    <row r="7587" spans="2:12">
      <c r="B7587" s="367"/>
      <c r="C7587" s="367"/>
      <c r="D7587" s="367"/>
      <c r="E7587" s="367"/>
      <c r="F7587" s="359" t="s">
        <v>14389</v>
      </c>
      <c r="G7587" s="359" t="s">
        <v>14390</v>
      </c>
      <c r="H7587" s="359" t="s">
        <v>14341</v>
      </c>
      <c r="I7587" s="359" t="s">
        <v>14390</v>
      </c>
      <c r="J7587" s="365"/>
      <c r="K7587" s="365"/>
      <c r="L7587" s="365"/>
    </row>
    <row r="7588" spans="2:12">
      <c r="B7588" s="367"/>
      <c r="C7588" s="367"/>
      <c r="D7588" s="367"/>
      <c r="E7588" s="367"/>
      <c r="F7588" s="360"/>
      <c r="G7588" s="360"/>
      <c r="H7588" s="360"/>
      <c r="I7588" s="360"/>
      <c r="J7588" s="365"/>
      <c r="K7588" s="365"/>
      <c r="L7588" s="365"/>
    </row>
    <row r="7589" spans="2:12">
      <c r="B7589" s="367"/>
      <c r="C7589" s="367"/>
      <c r="D7589" s="367"/>
      <c r="E7589" s="367"/>
      <c r="F7589" s="359" t="s">
        <v>14430</v>
      </c>
      <c r="G7589" s="359" t="s">
        <v>14431</v>
      </c>
      <c r="H7589" s="359" t="s">
        <v>14370</v>
      </c>
      <c r="I7589" s="359" t="s">
        <v>14431</v>
      </c>
      <c r="J7589" s="365"/>
      <c r="K7589" s="365"/>
      <c r="L7589" s="365"/>
    </row>
    <row r="7590" spans="2:12">
      <c r="B7590" s="367"/>
      <c r="C7590" s="367"/>
      <c r="D7590" s="367"/>
      <c r="E7590" s="367"/>
      <c r="F7590" s="360"/>
      <c r="G7590" s="360"/>
      <c r="H7590" s="360"/>
      <c r="I7590" s="360"/>
      <c r="J7590" s="365"/>
      <c r="K7590" s="365"/>
      <c r="L7590" s="365"/>
    </row>
    <row r="7591" spans="2:12" ht="28.5">
      <c r="B7591" s="368"/>
      <c r="C7591" s="368"/>
      <c r="D7591" s="368"/>
      <c r="E7591" s="368"/>
      <c r="F7591" s="361" t="s">
        <v>14394</v>
      </c>
      <c r="G7591" s="361" t="s">
        <v>14395</v>
      </c>
      <c r="H7591" s="361" t="s">
        <v>14332</v>
      </c>
      <c r="I7591" s="361" t="s">
        <v>14395</v>
      </c>
      <c r="J7591" s="366"/>
      <c r="K7591" s="366"/>
      <c r="L7591" s="366"/>
    </row>
    <row r="7592" spans="2:12">
      <c r="B7592" s="358" t="s">
        <v>10335</v>
      </c>
      <c r="C7592" s="358" t="s">
        <v>28902</v>
      </c>
      <c r="D7592" s="358" t="s">
        <v>10336</v>
      </c>
      <c r="E7592" s="358" t="s">
        <v>10337</v>
      </c>
      <c r="F7592" s="358" t="s">
        <v>28653</v>
      </c>
      <c r="G7592" s="358" t="s">
        <v>14669</v>
      </c>
      <c r="H7592" s="358" t="s">
        <v>14381</v>
      </c>
      <c r="I7592" s="358" t="s">
        <v>14669</v>
      </c>
      <c r="J7592" s="358"/>
      <c r="K7592" s="358"/>
      <c r="L7592" s="358"/>
    </row>
    <row r="7593" spans="2:12">
      <c r="B7593" s="367"/>
      <c r="C7593" s="360"/>
      <c r="D7593" s="367"/>
      <c r="E7593" s="367"/>
      <c r="F7593" s="360"/>
      <c r="G7593" s="360"/>
      <c r="H7593" s="360"/>
      <c r="I7593" s="360"/>
      <c r="J7593" s="365"/>
      <c r="K7593" s="365"/>
      <c r="L7593" s="365"/>
    </row>
    <row r="7594" spans="2:12" ht="42.75">
      <c r="B7594" s="367"/>
      <c r="C7594" s="359" t="s">
        <v>27550</v>
      </c>
      <c r="D7594" s="367"/>
      <c r="E7594" s="367"/>
      <c r="F7594" s="359" t="s">
        <v>14384</v>
      </c>
      <c r="G7594" s="359" t="s">
        <v>28903</v>
      </c>
      <c r="H7594" s="359" t="s">
        <v>14367</v>
      </c>
      <c r="I7594" s="359" t="s">
        <v>28904</v>
      </c>
      <c r="J7594" s="365"/>
      <c r="K7594" s="365"/>
      <c r="L7594" s="365"/>
    </row>
    <row r="7595" spans="2:12">
      <c r="B7595" s="367"/>
      <c r="C7595" s="360"/>
      <c r="D7595" s="367"/>
      <c r="E7595" s="367"/>
      <c r="F7595" s="360"/>
      <c r="G7595" s="360"/>
      <c r="H7595" s="360"/>
      <c r="I7595" s="360"/>
      <c r="J7595" s="365"/>
      <c r="K7595" s="365"/>
      <c r="L7595" s="365"/>
    </row>
    <row r="7596" spans="2:12">
      <c r="B7596" s="367"/>
      <c r="C7596" s="360"/>
      <c r="D7596" s="367"/>
      <c r="E7596" s="367"/>
      <c r="F7596" s="359" t="s">
        <v>14420</v>
      </c>
      <c r="G7596" s="359" t="s">
        <v>14421</v>
      </c>
      <c r="H7596" s="359" t="s">
        <v>14332</v>
      </c>
      <c r="I7596" s="359" t="s">
        <v>14429</v>
      </c>
      <c r="J7596" s="365"/>
      <c r="K7596" s="365"/>
      <c r="L7596" s="365"/>
    </row>
    <row r="7597" spans="2:12">
      <c r="B7597" s="367"/>
      <c r="C7597" s="360"/>
      <c r="D7597" s="367"/>
      <c r="E7597" s="367"/>
      <c r="F7597" s="360"/>
      <c r="G7597" s="360"/>
      <c r="H7597" s="360"/>
      <c r="I7597" s="360"/>
      <c r="J7597" s="365"/>
      <c r="K7597" s="365"/>
      <c r="L7597" s="365"/>
    </row>
    <row r="7598" spans="2:12">
      <c r="B7598" s="367"/>
      <c r="C7598" s="360"/>
      <c r="D7598" s="367"/>
      <c r="E7598" s="367"/>
      <c r="F7598" s="359" t="s">
        <v>14420</v>
      </c>
      <c r="G7598" s="359" t="s">
        <v>14429</v>
      </c>
      <c r="H7598" s="360"/>
      <c r="I7598" s="359" t="s">
        <v>14388</v>
      </c>
      <c r="J7598" s="365"/>
      <c r="K7598" s="365"/>
      <c r="L7598" s="365"/>
    </row>
    <row r="7599" spans="2:12">
      <c r="B7599" s="367"/>
      <c r="C7599" s="360"/>
      <c r="D7599" s="367"/>
      <c r="E7599" s="367"/>
      <c r="F7599" s="360"/>
      <c r="G7599" s="360"/>
      <c r="H7599" s="360"/>
      <c r="I7599" s="360"/>
      <c r="J7599" s="365"/>
      <c r="K7599" s="365"/>
      <c r="L7599" s="365"/>
    </row>
    <row r="7600" spans="2:12">
      <c r="B7600" s="367"/>
      <c r="C7600" s="360"/>
      <c r="D7600" s="367"/>
      <c r="E7600" s="367"/>
      <c r="F7600" s="359" t="s">
        <v>14368</v>
      </c>
      <c r="G7600" s="359" t="s">
        <v>14388</v>
      </c>
      <c r="H7600" s="360"/>
      <c r="I7600" s="359" t="s">
        <v>14390</v>
      </c>
      <c r="J7600" s="365"/>
      <c r="K7600" s="365"/>
      <c r="L7600" s="365"/>
    </row>
    <row r="7601" spans="2:12">
      <c r="B7601" s="367"/>
      <c r="C7601" s="360"/>
      <c r="D7601" s="367"/>
      <c r="E7601" s="367"/>
      <c r="F7601" s="360"/>
      <c r="G7601" s="360"/>
      <c r="H7601" s="360"/>
      <c r="I7601" s="360"/>
      <c r="J7601" s="365"/>
      <c r="K7601" s="365"/>
      <c r="L7601" s="365"/>
    </row>
    <row r="7602" spans="2:12">
      <c r="B7602" s="368"/>
      <c r="C7602" s="362"/>
      <c r="D7602" s="368"/>
      <c r="E7602" s="368"/>
      <c r="F7602" s="361" t="s">
        <v>14389</v>
      </c>
      <c r="G7602" s="361" t="s">
        <v>14390</v>
      </c>
      <c r="H7602" s="362"/>
      <c r="I7602" s="362"/>
      <c r="J7602" s="366"/>
      <c r="K7602" s="366"/>
      <c r="L7602" s="366"/>
    </row>
    <row r="7603" spans="2:12">
      <c r="B7603" s="358" t="s">
        <v>13045</v>
      </c>
      <c r="C7603" s="358" t="s">
        <v>28905</v>
      </c>
      <c r="D7603" s="358" t="s">
        <v>13046</v>
      </c>
      <c r="E7603" s="358" t="s">
        <v>6356</v>
      </c>
      <c r="F7603" s="358" t="s">
        <v>14424</v>
      </c>
      <c r="G7603" s="358" t="s">
        <v>14481</v>
      </c>
      <c r="H7603" s="358" t="s">
        <v>14381</v>
      </c>
      <c r="I7603" s="358" t="s">
        <v>14481</v>
      </c>
      <c r="J7603" s="358"/>
      <c r="K7603" s="358"/>
      <c r="L7603" s="358"/>
    </row>
    <row r="7604" spans="2:12">
      <c r="B7604" s="367"/>
      <c r="C7604" s="360"/>
      <c r="D7604" s="367"/>
      <c r="E7604" s="367"/>
      <c r="F7604" s="367"/>
      <c r="G7604" s="367"/>
      <c r="H7604" s="360"/>
      <c r="I7604" s="367"/>
      <c r="J7604" s="365"/>
      <c r="K7604" s="365"/>
      <c r="L7604" s="365"/>
    </row>
    <row r="7605" spans="2:12">
      <c r="B7605" s="368"/>
      <c r="C7605" s="361" t="s">
        <v>28906</v>
      </c>
      <c r="D7605" s="368"/>
      <c r="E7605" s="368"/>
      <c r="F7605" s="368"/>
      <c r="G7605" s="368"/>
      <c r="H7605" s="361" t="s">
        <v>14332</v>
      </c>
      <c r="I7605" s="368"/>
      <c r="J7605" s="366"/>
      <c r="K7605" s="366"/>
      <c r="L7605" s="366"/>
    </row>
    <row r="7606" spans="2:12">
      <c r="B7606" s="358" t="s">
        <v>18038</v>
      </c>
      <c r="C7606" s="358" t="s">
        <v>27551</v>
      </c>
      <c r="D7606" s="358" t="s">
        <v>18039</v>
      </c>
      <c r="E7606" s="358" t="s">
        <v>2271</v>
      </c>
      <c r="F7606" s="358" t="s">
        <v>17277</v>
      </c>
      <c r="G7606" s="358" t="s">
        <v>17278</v>
      </c>
      <c r="H7606" s="358" t="s">
        <v>14370</v>
      </c>
      <c r="I7606" s="358" t="s">
        <v>17278</v>
      </c>
      <c r="J7606" s="358" t="s">
        <v>17309</v>
      </c>
      <c r="K7606" s="358"/>
      <c r="L7606" s="358"/>
    </row>
    <row r="7607" spans="2:12">
      <c r="B7607" s="367"/>
      <c r="C7607" s="360"/>
      <c r="D7607" s="367"/>
      <c r="E7607" s="367"/>
      <c r="F7607" s="360"/>
      <c r="G7607" s="360"/>
      <c r="H7607" s="360"/>
      <c r="I7607" s="360"/>
      <c r="J7607" s="367"/>
      <c r="K7607" s="365"/>
      <c r="L7607" s="365"/>
    </row>
    <row r="7608" spans="2:12">
      <c r="B7608" s="367"/>
      <c r="C7608" s="359" t="s">
        <v>27552</v>
      </c>
      <c r="D7608" s="367"/>
      <c r="E7608" s="367"/>
      <c r="F7608" s="359" t="s">
        <v>14371</v>
      </c>
      <c r="G7608" s="359" t="s">
        <v>14372</v>
      </c>
      <c r="H7608" s="359" t="s">
        <v>14422</v>
      </c>
      <c r="I7608" s="359" t="s">
        <v>14373</v>
      </c>
      <c r="J7608" s="367"/>
      <c r="K7608" s="365"/>
      <c r="L7608" s="365"/>
    </row>
    <row r="7609" spans="2:12">
      <c r="B7609" s="367"/>
      <c r="C7609" s="360"/>
      <c r="D7609" s="367"/>
      <c r="E7609" s="367"/>
      <c r="F7609" s="360"/>
      <c r="G7609" s="360"/>
      <c r="H7609" s="360"/>
      <c r="I7609" s="360"/>
      <c r="J7609" s="367"/>
      <c r="K7609" s="365"/>
      <c r="L7609" s="365"/>
    </row>
    <row r="7610" spans="2:12" ht="28.5">
      <c r="B7610" s="368"/>
      <c r="C7610" s="362"/>
      <c r="D7610" s="368"/>
      <c r="E7610" s="368"/>
      <c r="F7610" s="361" t="s">
        <v>14374</v>
      </c>
      <c r="G7610" s="361" t="s">
        <v>14373</v>
      </c>
      <c r="H7610" s="362"/>
      <c r="I7610" s="362"/>
      <c r="J7610" s="368"/>
      <c r="K7610" s="366"/>
      <c r="L7610" s="366"/>
    </row>
    <row r="7611" spans="2:12" ht="28.5">
      <c r="B7611" s="358" t="s">
        <v>18040</v>
      </c>
      <c r="C7611" s="358" t="s">
        <v>18041</v>
      </c>
      <c r="D7611" s="358" t="s">
        <v>18042</v>
      </c>
      <c r="E7611" s="358" t="s">
        <v>18043</v>
      </c>
      <c r="F7611" s="358" t="s">
        <v>14507</v>
      </c>
      <c r="G7611" s="358" t="s">
        <v>28907</v>
      </c>
      <c r="H7611" s="358" t="s">
        <v>14381</v>
      </c>
      <c r="I7611" s="358" t="s">
        <v>28907</v>
      </c>
      <c r="J7611" s="358"/>
      <c r="K7611" s="358"/>
      <c r="L7611" s="358"/>
    </row>
    <row r="7612" spans="2:12">
      <c r="B7612" s="367"/>
      <c r="C7612" s="360"/>
      <c r="D7612" s="360"/>
      <c r="E7612" s="360"/>
      <c r="F7612" s="360"/>
      <c r="G7612" s="360"/>
      <c r="H7612" s="360"/>
      <c r="I7612" s="360"/>
      <c r="J7612" s="365"/>
      <c r="K7612" s="365"/>
      <c r="L7612" s="365"/>
    </row>
    <row r="7613" spans="2:12" ht="28.5">
      <c r="B7613" s="367"/>
      <c r="C7613" s="359" t="s">
        <v>18044</v>
      </c>
      <c r="D7613" s="359" t="s">
        <v>18045</v>
      </c>
      <c r="E7613" s="359" t="s">
        <v>18046</v>
      </c>
      <c r="F7613" s="359" t="s">
        <v>14420</v>
      </c>
      <c r="G7613" s="359" t="s">
        <v>14431</v>
      </c>
      <c r="H7613" s="359" t="s">
        <v>14341</v>
      </c>
      <c r="I7613" s="359" t="s">
        <v>14431</v>
      </c>
      <c r="J7613" s="365"/>
      <c r="K7613" s="365"/>
      <c r="L7613" s="365"/>
    </row>
    <row r="7614" spans="2:12">
      <c r="B7614" s="367"/>
      <c r="C7614" s="360"/>
      <c r="D7614" s="360"/>
      <c r="E7614" s="360"/>
      <c r="F7614" s="360"/>
      <c r="G7614" s="360"/>
      <c r="H7614" s="360"/>
      <c r="I7614" s="360"/>
      <c r="J7614" s="365"/>
      <c r="K7614" s="365"/>
      <c r="L7614" s="365"/>
    </row>
    <row r="7615" spans="2:12">
      <c r="B7615" s="367"/>
      <c r="C7615" s="360"/>
      <c r="D7615" s="360"/>
      <c r="E7615" s="360"/>
      <c r="F7615" s="359" t="s">
        <v>14430</v>
      </c>
      <c r="G7615" s="359" t="s">
        <v>14372</v>
      </c>
      <c r="H7615" s="359" t="s">
        <v>14367</v>
      </c>
      <c r="I7615" s="359" t="s">
        <v>14373</v>
      </c>
      <c r="J7615" s="365"/>
      <c r="K7615" s="365"/>
      <c r="L7615" s="365"/>
    </row>
    <row r="7616" spans="2:12">
      <c r="B7616" s="367"/>
      <c r="C7616" s="360"/>
      <c r="D7616" s="360"/>
      <c r="E7616" s="360"/>
      <c r="F7616" s="360"/>
      <c r="G7616" s="360"/>
      <c r="H7616" s="360"/>
      <c r="I7616" s="360"/>
      <c r="J7616" s="365"/>
      <c r="K7616" s="365"/>
      <c r="L7616" s="365"/>
    </row>
    <row r="7617" spans="2:12">
      <c r="B7617" s="367"/>
      <c r="C7617" s="360"/>
      <c r="D7617" s="360"/>
      <c r="E7617" s="360"/>
      <c r="F7617" s="359" t="s">
        <v>14371</v>
      </c>
      <c r="G7617" s="359" t="s">
        <v>14373</v>
      </c>
      <c r="H7617" s="359" t="s">
        <v>14370</v>
      </c>
      <c r="I7617" s="360"/>
      <c r="J7617" s="365"/>
      <c r="K7617" s="365"/>
      <c r="L7617" s="365"/>
    </row>
    <row r="7618" spans="2:12">
      <c r="B7618" s="367"/>
      <c r="C7618" s="360"/>
      <c r="D7618" s="360"/>
      <c r="E7618" s="360"/>
      <c r="F7618" s="360"/>
      <c r="G7618" s="360"/>
      <c r="H7618" s="360"/>
      <c r="I7618" s="360"/>
      <c r="J7618" s="365"/>
      <c r="K7618" s="365"/>
      <c r="L7618" s="365"/>
    </row>
    <row r="7619" spans="2:12" ht="28.5">
      <c r="B7619" s="368"/>
      <c r="C7619" s="362"/>
      <c r="D7619" s="362"/>
      <c r="E7619" s="362"/>
      <c r="F7619" s="361" t="s">
        <v>14374</v>
      </c>
      <c r="G7619" s="362"/>
      <c r="H7619" s="361" t="s">
        <v>14332</v>
      </c>
      <c r="I7619" s="362"/>
      <c r="J7619" s="366"/>
      <c r="K7619" s="366"/>
      <c r="L7619" s="366"/>
    </row>
    <row r="7620" spans="2:12">
      <c r="B7620" s="358" t="s">
        <v>18047</v>
      </c>
      <c r="C7620" s="358" t="s">
        <v>18048</v>
      </c>
      <c r="D7620" s="358" t="s">
        <v>18049</v>
      </c>
      <c r="E7620" s="358" t="s">
        <v>18050</v>
      </c>
      <c r="F7620" s="358" t="s">
        <v>14391</v>
      </c>
      <c r="G7620" s="358" t="s">
        <v>14392</v>
      </c>
      <c r="H7620" s="358" t="s">
        <v>14367</v>
      </c>
      <c r="I7620" s="358" t="s">
        <v>14392</v>
      </c>
      <c r="J7620" s="358"/>
      <c r="K7620" s="358"/>
      <c r="L7620" s="358"/>
    </row>
    <row r="7621" spans="2:12">
      <c r="B7621" s="367"/>
      <c r="C7621" s="367"/>
      <c r="D7621" s="367"/>
      <c r="E7621" s="367"/>
      <c r="F7621" s="360"/>
      <c r="G7621" s="360"/>
      <c r="H7621" s="360"/>
      <c r="I7621" s="360"/>
      <c r="J7621" s="365"/>
      <c r="K7621" s="365"/>
      <c r="L7621" s="365"/>
    </row>
    <row r="7622" spans="2:12">
      <c r="B7622" s="367"/>
      <c r="C7622" s="367"/>
      <c r="D7622" s="367"/>
      <c r="E7622" s="367"/>
      <c r="F7622" s="359" t="s">
        <v>14371</v>
      </c>
      <c r="G7622" s="359" t="s">
        <v>14372</v>
      </c>
      <c r="H7622" s="359" t="s">
        <v>14370</v>
      </c>
      <c r="I7622" s="359" t="s">
        <v>14373</v>
      </c>
      <c r="J7622" s="365"/>
      <c r="K7622" s="365"/>
      <c r="L7622" s="365"/>
    </row>
    <row r="7623" spans="2:12">
      <c r="B7623" s="367"/>
      <c r="C7623" s="367"/>
      <c r="D7623" s="367"/>
      <c r="E7623" s="367"/>
      <c r="F7623" s="360"/>
      <c r="G7623" s="360"/>
      <c r="H7623" s="360"/>
      <c r="I7623" s="360"/>
      <c r="J7623" s="365"/>
      <c r="K7623" s="365"/>
      <c r="L7623" s="365"/>
    </row>
    <row r="7624" spans="2:12" ht="28.5">
      <c r="B7624" s="368"/>
      <c r="C7624" s="368"/>
      <c r="D7624" s="368"/>
      <c r="E7624" s="368"/>
      <c r="F7624" s="361" t="s">
        <v>14374</v>
      </c>
      <c r="G7624" s="361" t="s">
        <v>14373</v>
      </c>
      <c r="H7624" s="361" t="s">
        <v>14422</v>
      </c>
      <c r="I7624" s="362"/>
      <c r="J7624" s="366"/>
      <c r="K7624" s="366"/>
      <c r="L7624" s="366"/>
    </row>
    <row r="7625" spans="2:12">
      <c r="B7625" s="358" t="s">
        <v>18051</v>
      </c>
      <c r="C7625" s="358" t="s">
        <v>27553</v>
      </c>
      <c r="D7625" s="358" t="s">
        <v>18052</v>
      </c>
      <c r="E7625" s="358" t="s">
        <v>18053</v>
      </c>
      <c r="F7625" s="358" t="s">
        <v>14391</v>
      </c>
      <c r="G7625" s="358" t="s">
        <v>14392</v>
      </c>
      <c r="H7625" s="358" t="s">
        <v>14367</v>
      </c>
      <c r="I7625" s="358" t="s">
        <v>14392</v>
      </c>
      <c r="J7625" s="358"/>
      <c r="K7625" s="358"/>
      <c r="L7625" s="358"/>
    </row>
    <row r="7626" spans="2:12">
      <c r="B7626" s="367"/>
      <c r="C7626" s="367"/>
      <c r="D7626" s="367"/>
      <c r="E7626" s="367"/>
      <c r="F7626" s="360"/>
      <c r="G7626" s="360"/>
      <c r="H7626" s="360"/>
      <c r="I7626" s="360"/>
      <c r="J7626" s="365"/>
      <c r="K7626" s="365"/>
      <c r="L7626" s="365"/>
    </row>
    <row r="7627" spans="2:12" ht="28.5">
      <c r="B7627" s="367"/>
      <c r="C7627" s="367"/>
      <c r="D7627" s="367"/>
      <c r="E7627" s="367"/>
      <c r="F7627" s="359" t="s">
        <v>14394</v>
      </c>
      <c r="G7627" s="359" t="s">
        <v>14395</v>
      </c>
      <c r="H7627" s="359" t="s">
        <v>14370</v>
      </c>
      <c r="I7627" s="359" t="s">
        <v>14395</v>
      </c>
      <c r="J7627" s="365"/>
      <c r="K7627" s="365"/>
      <c r="L7627" s="365"/>
    </row>
    <row r="7628" spans="2:12">
      <c r="B7628" s="367"/>
      <c r="C7628" s="367"/>
      <c r="D7628" s="367"/>
      <c r="E7628" s="367"/>
      <c r="F7628" s="360"/>
      <c r="G7628" s="360"/>
      <c r="H7628" s="360"/>
      <c r="I7628" s="360"/>
      <c r="J7628" s="365"/>
      <c r="K7628" s="365"/>
      <c r="L7628" s="365"/>
    </row>
    <row r="7629" spans="2:12">
      <c r="B7629" s="368"/>
      <c r="C7629" s="368"/>
      <c r="D7629" s="368"/>
      <c r="E7629" s="368"/>
      <c r="F7629" s="362"/>
      <c r="G7629" s="362"/>
      <c r="H7629" s="361" t="s">
        <v>14422</v>
      </c>
      <c r="I7629" s="362"/>
      <c r="J7629" s="366"/>
      <c r="K7629" s="366"/>
      <c r="L7629" s="366"/>
    </row>
    <row r="7630" spans="2:12">
      <c r="B7630" s="358" t="s">
        <v>18054</v>
      </c>
      <c r="C7630" s="358" t="s">
        <v>18055</v>
      </c>
      <c r="D7630" s="358" t="s">
        <v>18056</v>
      </c>
      <c r="E7630" s="358" t="s">
        <v>8356</v>
      </c>
      <c r="F7630" s="358" t="s">
        <v>14339</v>
      </c>
      <c r="G7630" s="358" t="s">
        <v>14340</v>
      </c>
      <c r="H7630" s="358" t="s">
        <v>14341</v>
      </c>
      <c r="I7630" s="358" t="s">
        <v>14340</v>
      </c>
      <c r="J7630" s="358" t="s">
        <v>14355</v>
      </c>
      <c r="K7630" s="358"/>
      <c r="L7630" s="358"/>
    </row>
    <row r="7631" spans="2:12">
      <c r="B7631" s="367"/>
      <c r="C7631" s="367"/>
      <c r="D7631" s="367"/>
      <c r="E7631" s="367"/>
      <c r="F7631" s="360"/>
      <c r="G7631" s="360"/>
      <c r="H7631" s="360"/>
      <c r="I7631" s="360"/>
      <c r="J7631" s="360"/>
      <c r="K7631" s="365"/>
      <c r="L7631" s="365"/>
    </row>
    <row r="7632" spans="2:12">
      <c r="B7632" s="367"/>
      <c r="C7632" s="367"/>
      <c r="D7632" s="367"/>
      <c r="E7632" s="367"/>
      <c r="F7632" s="359" t="s">
        <v>14420</v>
      </c>
      <c r="G7632" s="359" t="s">
        <v>14429</v>
      </c>
      <c r="H7632" s="359" t="s">
        <v>14367</v>
      </c>
      <c r="I7632" s="359" t="s">
        <v>14429</v>
      </c>
      <c r="J7632" s="359" t="s">
        <v>15176</v>
      </c>
      <c r="K7632" s="365"/>
      <c r="L7632" s="365"/>
    </row>
    <row r="7633" spans="2:12">
      <c r="B7633" s="367"/>
      <c r="C7633" s="367"/>
      <c r="D7633" s="367"/>
      <c r="E7633" s="367"/>
      <c r="F7633" s="360"/>
      <c r="G7633" s="360"/>
      <c r="H7633" s="360"/>
      <c r="I7633" s="360"/>
      <c r="J7633" s="360"/>
      <c r="K7633" s="365"/>
      <c r="L7633" s="365"/>
    </row>
    <row r="7634" spans="2:12" ht="28.5">
      <c r="B7634" s="368"/>
      <c r="C7634" s="368"/>
      <c r="D7634" s="368"/>
      <c r="E7634" s="368"/>
      <c r="F7634" s="361" t="s">
        <v>14472</v>
      </c>
      <c r="G7634" s="361" t="s">
        <v>14473</v>
      </c>
      <c r="H7634" s="361" t="s">
        <v>14332</v>
      </c>
      <c r="I7634" s="361" t="s">
        <v>14473</v>
      </c>
      <c r="J7634" s="362"/>
      <c r="K7634" s="366"/>
      <c r="L7634" s="366"/>
    </row>
    <row r="7635" spans="2:12" ht="28.5">
      <c r="B7635" s="358" t="s">
        <v>18057</v>
      </c>
      <c r="C7635" s="358" t="s">
        <v>30118</v>
      </c>
      <c r="D7635" s="358" t="s">
        <v>18058</v>
      </c>
      <c r="E7635" s="358" t="s">
        <v>8356</v>
      </c>
      <c r="F7635" s="358" t="s">
        <v>14472</v>
      </c>
      <c r="G7635" s="358" t="s">
        <v>14473</v>
      </c>
      <c r="H7635" s="358" t="s">
        <v>8356</v>
      </c>
      <c r="I7635" s="358" t="s">
        <v>14473</v>
      </c>
      <c r="J7635" s="358"/>
      <c r="K7635" s="358"/>
      <c r="L7635" s="358"/>
    </row>
    <row r="7636" spans="2:12">
      <c r="B7636" s="367"/>
      <c r="C7636" s="360"/>
      <c r="D7636" s="367"/>
      <c r="E7636" s="367"/>
      <c r="F7636" s="367"/>
      <c r="G7636" s="367"/>
      <c r="H7636" s="367"/>
      <c r="I7636" s="367"/>
      <c r="J7636" s="365"/>
      <c r="K7636" s="365"/>
      <c r="L7636" s="365"/>
    </row>
    <row r="7637" spans="2:12">
      <c r="B7637" s="368"/>
      <c r="C7637" s="361" t="s">
        <v>30119</v>
      </c>
      <c r="D7637" s="368"/>
      <c r="E7637" s="368"/>
      <c r="F7637" s="368"/>
      <c r="G7637" s="368"/>
      <c r="H7637" s="368"/>
      <c r="I7637" s="368"/>
      <c r="J7637" s="366"/>
      <c r="K7637" s="366"/>
      <c r="L7637" s="366"/>
    </row>
    <row r="7638" spans="2:12">
      <c r="B7638" s="358" t="s">
        <v>18059</v>
      </c>
      <c r="C7638" s="358" t="s">
        <v>28908</v>
      </c>
      <c r="D7638" s="358" t="s">
        <v>18060</v>
      </c>
      <c r="E7638" s="358" t="s">
        <v>18061</v>
      </c>
      <c r="F7638" s="358" t="s">
        <v>14460</v>
      </c>
      <c r="G7638" s="358" t="s">
        <v>14461</v>
      </c>
      <c r="H7638" s="358" t="s">
        <v>14381</v>
      </c>
      <c r="I7638" s="358" t="s">
        <v>14461</v>
      </c>
      <c r="J7638" s="358"/>
      <c r="K7638" s="358"/>
      <c r="L7638" s="358"/>
    </row>
    <row r="7639" spans="2:12">
      <c r="B7639" s="367"/>
      <c r="C7639" s="367"/>
      <c r="D7639" s="367"/>
      <c r="E7639" s="367"/>
      <c r="F7639" s="360"/>
      <c r="G7639" s="360"/>
      <c r="H7639" s="360"/>
      <c r="I7639" s="360"/>
      <c r="J7639" s="365"/>
      <c r="K7639" s="365"/>
      <c r="L7639" s="365"/>
    </row>
    <row r="7640" spans="2:12">
      <c r="B7640" s="367"/>
      <c r="C7640" s="367"/>
      <c r="D7640" s="367"/>
      <c r="E7640" s="367"/>
      <c r="F7640" s="359" t="s">
        <v>14391</v>
      </c>
      <c r="G7640" s="359" t="s">
        <v>14392</v>
      </c>
      <c r="H7640" s="359" t="s">
        <v>14367</v>
      </c>
      <c r="I7640" s="359" t="s">
        <v>14392</v>
      </c>
      <c r="J7640" s="365"/>
      <c r="K7640" s="365"/>
      <c r="L7640" s="365"/>
    </row>
    <row r="7641" spans="2:12">
      <c r="B7641" s="367"/>
      <c r="C7641" s="367"/>
      <c r="D7641" s="367"/>
      <c r="E7641" s="367"/>
      <c r="F7641" s="360"/>
      <c r="G7641" s="360"/>
      <c r="H7641" s="360"/>
      <c r="I7641" s="360"/>
      <c r="J7641" s="365"/>
      <c r="K7641" s="365"/>
      <c r="L7641" s="365"/>
    </row>
    <row r="7642" spans="2:12">
      <c r="B7642" s="367"/>
      <c r="C7642" s="367"/>
      <c r="D7642" s="367"/>
      <c r="E7642" s="367"/>
      <c r="F7642" s="359" t="s">
        <v>14371</v>
      </c>
      <c r="G7642" s="359" t="s">
        <v>14372</v>
      </c>
      <c r="H7642" s="359" t="s">
        <v>14370</v>
      </c>
      <c r="I7642" s="359" t="s">
        <v>14373</v>
      </c>
      <c r="J7642" s="365"/>
      <c r="K7642" s="365"/>
      <c r="L7642" s="365"/>
    </row>
    <row r="7643" spans="2:12">
      <c r="B7643" s="367"/>
      <c r="C7643" s="367"/>
      <c r="D7643" s="367"/>
      <c r="E7643" s="367"/>
      <c r="F7643" s="360"/>
      <c r="G7643" s="360"/>
      <c r="H7643" s="360"/>
      <c r="I7643" s="360"/>
      <c r="J7643" s="365"/>
      <c r="K7643" s="365"/>
      <c r="L7643" s="365"/>
    </row>
    <row r="7644" spans="2:12" ht="28.5">
      <c r="B7644" s="368"/>
      <c r="C7644" s="368"/>
      <c r="D7644" s="368"/>
      <c r="E7644" s="368"/>
      <c r="F7644" s="361" t="s">
        <v>14374</v>
      </c>
      <c r="G7644" s="361" t="s">
        <v>14373</v>
      </c>
      <c r="H7644" s="361" t="s">
        <v>14422</v>
      </c>
      <c r="I7644" s="362"/>
      <c r="J7644" s="366"/>
      <c r="K7644" s="366"/>
      <c r="L7644" s="366"/>
    </row>
    <row r="7645" spans="2:12">
      <c r="B7645" s="358" t="s">
        <v>18062</v>
      </c>
      <c r="C7645" s="358" t="s">
        <v>18063</v>
      </c>
      <c r="D7645" s="358" t="s">
        <v>18064</v>
      </c>
      <c r="E7645" s="358" t="s">
        <v>3906</v>
      </c>
      <c r="F7645" s="358" t="s">
        <v>14505</v>
      </c>
      <c r="G7645" s="358" t="s">
        <v>14506</v>
      </c>
      <c r="H7645" s="358" t="s">
        <v>14328</v>
      </c>
      <c r="I7645" s="358" t="s">
        <v>14506</v>
      </c>
      <c r="J7645" s="358"/>
      <c r="K7645" s="358"/>
      <c r="L7645" s="358"/>
    </row>
    <row r="7646" spans="2:12">
      <c r="B7646" s="367"/>
      <c r="C7646" s="367"/>
      <c r="D7646" s="367"/>
      <c r="E7646" s="367"/>
      <c r="F7646" s="367"/>
      <c r="G7646" s="367"/>
      <c r="H7646" s="360"/>
      <c r="I7646" s="367"/>
      <c r="J7646" s="365"/>
      <c r="K7646" s="365"/>
      <c r="L7646" s="365"/>
    </row>
    <row r="7647" spans="2:12">
      <c r="B7647" s="368"/>
      <c r="C7647" s="368"/>
      <c r="D7647" s="368"/>
      <c r="E7647" s="368"/>
      <c r="F7647" s="368"/>
      <c r="G7647" s="368"/>
      <c r="H7647" s="361" t="s">
        <v>14332</v>
      </c>
      <c r="I7647" s="368"/>
      <c r="J7647" s="366"/>
      <c r="K7647" s="366"/>
      <c r="L7647" s="366"/>
    </row>
    <row r="7648" spans="2:12">
      <c r="B7648" s="358" t="s">
        <v>18065</v>
      </c>
      <c r="C7648" s="358" t="s">
        <v>18066</v>
      </c>
      <c r="D7648" s="358" t="s">
        <v>18067</v>
      </c>
      <c r="E7648" s="358" t="s">
        <v>18068</v>
      </c>
      <c r="F7648" s="358" t="s">
        <v>14389</v>
      </c>
      <c r="G7648" s="358" t="s">
        <v>14390</v>
      </c>
      <c r="H7648" s="358" t="s">
        <v>14367</v>
      </c>
      <c r="I7648" s="358" t="s">
        <v>14390</v>
      </c>
      <c r="J7648" s="358"/>
      <c r="K7648" s="358"/>
      <c r="L7648" s="358"/>
    </row>
    <row r="7649" spans="2:12">
      <c r="B7649" s="367"/>
      <c r="C7649" s="367"/>
      <c r="D7649" s="367"/>
      <c r="E7649" s="367"/>
      <c r="F7649" s="360"/>
      <c r="G7649" s="360"/>
      <c r="H7649" s="360"/>
      <c r="I7649" s="360"/>
      <c r="J7649" s="365"/>
      <c r="K7649" s="365"/>
      <c r="L7649" s="365"/>
    </row>
    <row r="7650" spans="2:12">
      <c r="B7650" s="367"/>
      <c r="C7650" s="367"/>
      <c r="D7650" s="367"/>
      <c r="E7650" s="367"/>
      <c r="F7650" s="359" t="s">
        <v>14371</v>
      </c>
      <c r="G7650" s="359" t="s">
        <v>14372</v>
      </c>
      <c r="H7650" s="359" t="s">
        <v>14370</v>
      </c>
      <c r="I7650" s="359" t="s">
        <v>14373</v>
      </c>
      <c r="J7650" s="365"/>
      <c r="K7650" s="365"/>
      <c r="L7650" s="365"/>
    </row>
    <row r="7651" spans="2:12">
      <c r="B7651" s="367"/>
      <c r="C7651" s="367"/>
      <c r="D7651" s="367"/>
      <c r="E7651" s="367"/>
      <c r="F7651" s="360"/>
      <c r="G7651" s="360"/>
      <c r="H7651" s="360"/>
      <c r="I7651" s="360"/>
      <c r="J7651" s="365"/>
      <c r="K7651" s="365"/>
      <c r="L7651" s="365"/>
    </row>
    <row r="7652" spans="2:12" ht="28.5">
      <c r="B7652" s="368"/>
      <c r="C7652" s="368"/>
      <c r="D7652" s="368"/>
      <c r="E7652" s="368"/>
      <c r="F7652" s="361" t="s">
        <v>14374</v>
      </c>
      <c r="G7652" s="361" t="s">
        <v>14373</v>
      </c>
      <c r="H7652" s="361" t="s">
        <v>14422</v>
      </c>
      <c r="I7652" s="362"/>
      <c r="J7652" s="366"/>
      <c r="K7652" s="366"/>
      <c r="L7652" s="366"/>
    </row>
    <row r="7653" spans="2:12" ht="28.5">
      <c r="B7653" s="358" t="s">
        <v>18069</v>
      </c>
      <c r="C7653" s="358" t="s">
        <v>18070</v>
      </c>
      <c r="D7653" s="358" t="s">
        <v>18071</v>
      </c>
      <c r="E7653" s="358" t="s">
        <v>18072</v>
      </c>
      <c r="F7653" s="358" t="s">
        <v>14472</v>
      </c>
      <c r="G7653" s="358" t="s">
        <v>14473</v>
      </c>
      <c r="H7653" s="358" t="s">
        <v>8356</v>
      </c>
      <c r="I7653" s="358" t="s">
        <v>14473</v>
      </c>
      <c r="J7653" s="358"/>
      <c r="K7653" s="358"/>
      <c r="L7653" s="358"/>
    </row>
    <row r="7654" spans="2:12">
      <c r="B7654" s="368"/>
      <c r="C7654" s="368"/>
      <c r="D7654" s="368"/>
      <c r="E7654" s="368"/>
      <c r="F7654" s="368"/>
      <c r="G7654" s="368"/>
      <c r="H7654" s="368"/>
      <c r="I7654" s="368"/>
      <c r="J7654" s="366"/>
      <c r="K7654" s="366"/>
      <c r="L7654" s="366"/>
    </row>
    <row r="7655" spans="2:12">
      <c r="B7655" s="358" t="s">
        <v>18073</v>
      </c>
      <c r="C7655" s="358" t="s">
        <v>18074</v>
      </c>
      <c r="D7655" s="358" t="s">
        <v>18075</v>
      </c>
      <c r="E7655" s="358" t="s">
        <v>18076</v>
      </c>
      <c r="F7655" s="358" t="s">
        <v>14430</v>
      </c>
      <c r="G7655" s="358" t="s">
        <v>14431</v>
      </c>
      <c r="H7655" s="358" t="s">
        <v>14341</v>
      </c>
      <c r="I7655" s="358" t="s">
        <v>14431</v>
      </c>
      <c r="J7655" s="358"/>
      <c r="K7655" s="358"/>
      <c r="L7655" s="358"/>
    </row>
    <row r="7656" spans="2:12">
      <c r="B7656" s="367"/>
      <c r="C7656" s="367"/>
      <c r="D7656" s="367"/>
      <c r="E7656" s="367"/>
      <c r="F7656" s="360"/>
      <c r="G7656" s="360"/>
      <c r="H7656" s="360"/>
      <c r="I7656" s="360"/>
      <c r="J7656" s="365"/>
      <c r="K7656" s="365"/>
      <c r="L7656" s="365"/>
    </row>
    <row r="7657" spans="2:12">
      <c r="B7657" s="367"/>
      <c r="C7657" s="367"/>
      <c r="D7657" s="367"/>
      <c r="E7657" s="367"/>
      <c r="F7657" s="359" t="s">
        <v>14391</v>
      </c>
      <c r="G7657" s="359" t="s">
        <v>14392</v>
      </c>
      <c r="H7657" s="359" t="s">
        <v>14367</v>
      </c>
      <c r="I7657" s="359" t="s">
        <v>14392</v>
      </c>
      <c r="J7657" s="365"/>
      <c r="K7657" s="365"/>
      <c r="L7657" s="365"/>
    </row>
    <row r="7658" spans="2:12">
      <c r="B7658" s="367"/>
      <c r="C7658" s="367"/>
      <c r="D7658" s="367"/>
      <c r="E7658" s="367"/>
      <c r="F7658" s="360"/>
      <c r="G7658" s="360"/>
      <c r="H7658" s="360"/>
      <c r="I7658" s="360"/>
      <c r="J7658" s="365"/>
      <c r="K7658" s="365"/>
      <c r="L7658" s="365"/>
    </row>
    <row r="7659" spans="2:12">
      <c r="B7659" s="368"/>
      <c r="C7659" s="368"/>
      <c r="D7659" s="368"/>
      <c r="E7659" s="368"/>
      <c r="F7659" s="362"/>
      <c r="G7659" s="362"/>
      <c r="H7659" s="361" t="s">
        <v>14332</v>
      </c>
      <c r="I7659" s="362"/>
      <c r="J7659" s="366"/>
      <c r="K7659" s="366"/>
      <c r="L7659" s="366"/>
    </row>
    <row r="7660" spans="2:12">
      <c r="B7660" s="358" t="s">
        <v>18077</v>
      </c>
      <c r="C7660" s="358" t="s">
        <v>18078</v>
      </c>
      <c r="D7660" s="358" t="s">
        <v>18079</v>
      </c>
      <c r="E7660" s="358" t="s">
        <v>18080</v>
      </c>
      <c r="F7660" s="358" t="s">
        <v>14420</v>
      </c>
      <c r="G7660" s="358" t="s">
        <v>14429</v>
      </c>
      <c r="H7660" s="358" t="s">
        <v>14367</v>
      </c>
      <c r="I7660" s="358" t="s">
        <v>14429</v>
      </c>
      <c r="J7660" s="358"/>
      <c r="K7660" s="358"/>
      <c r="L7660" s="358"/>
    </row>
    <row r="7661" spans="2:12">
      <c r="B7661" s="367"/>
      <c r="C7661" s="367"/>
      <c r="D7661" s="367"/>
      <c r="E7661" s="367"/>
      <c r="F7661" s="360"/>
      <c r="G7661" s="360"/>
      <c r="H7661" s="360"/>
      <c r="I7661" s="360"/>
      <c r="J7661" s="365"/>
      <c r="K7661" s="365"/>
      <c r="L7661" s="365"/>
    </row>
    <row r="7662" spans="2:12" ht="28.5">
      <c r="B7662" s="367"/>
      <c r="C7662" s="367"/>
      <c r="D7662" s="367"/>
      <c r="E7662" s="367"/>
      <c r="F7662" s="359" t="s">
        <v>14394</v>
      </c>
      <c r="G7662" s="359" t="s">
        <v>14395</v>
      </c>
      <c r="H7662" s="359" t="s">
        <v>14370</v>
      </c>
      <c r="I7662" s="359" t="s">
        <v>14395</v>
      </c>
      <c r="J7662" s="365"/>
      <c r="K7662" s="365"/>
      <c r="L7662" s="365"/>
    </row>
    <row r="7663" spans="2:12">
      <c r="B7663" s="367"/>
      <c r="C7663" s="367"/>
      <c r="D7663" s="367"/>
      <c r="E7663" s="367"/>
      <c r="F7663" s="360"/>
      <c r="G7663" s="360"/>
      <c r="H7663" s="360"/>
      <c r="I7663" s="360"/>
      <c r="J7663" s="365"/>
      <c r="K7663" s="365"/>
      <c r="L7663" s="365"/>
    </row>
    <row r="7664" spans="2:12">
      <c r="B7664" s="368"/>
      <c r="C7664" s="368"/>
      <c r="D7664" s="368"/>
      <c r="E7664" s="368"/>
      <c r="F7664" s="362"/>
      <c r="G7664" s="362"/>
      <c r="H7664" s="361" t="s">
        <v>14422</v>
      </c>
      <c r="I7664" s="362"/>
      <c r="J7664" s="366"/>
      <c r="K7664" s="366"/>
      <c r="L7664" s="366"/>
    </row>
    <row r="7665" spans="2:12">
      <c r="B7665" s="358" t="s">
        <v>18081</v>
      </c>
      <c r="C7665" s="358" t="s">
        <v>18082</v>
      </c>
      <c r="D7665" s="358" t="s">
        <v>18083</v>
      </c>
      <c r="E7665" s="358" t="s">
        <v>18084</v>
      </c>
      <c r="F7665" s="358" t="s">
        <v>14420</v>
      </c>
      <c r="G7665" s="358" t="s">
        <v>14429</v>
      </c>
      <c r="H7665" s="358" t="s">
        <v>14367</v>
      </c>
      <c r="I7665" s="358" t="s">
        <v>14429</v>
      </c>
      <c r="J7665" s="358"/>
      <c r="K7665" s="358"/>
      <c r="L7665" s="358"/>
    </row>
    <row r="7666" spans="2:12">
      <c r="B7666" s="367"/>
      <c r="C7666" s="367"/>
      <c r="D7666" s="367"/>
      <c r="E7666" s="367"/>
      <c r="F7666" s="360"/>
      <c r="G7666" s="360"/>
      <c r="H7666" s="360"/>
      <c r="I7666" s="360"/>
      <c r="J7666" s="365"/>
      <c r="K7666" s="365"/>
      <c r="L7666" s="365"/>
    </row>
    <row r="7667" spans="2:12">
      <c r="B7667" s="367"/>
      <c r="C7667" s="367"/>
      <c r="D7667" s="367"/>
      <c r="E7667" s="367"/>
      <c r="F7667" s="359" t="s">
        <v>14389</v>
      </c>
      <c r="G7667" s="359" t="s">
        <v>14390</v>
      </c>
      <c r="H7667" s="359" t="s">
        <v>14370</v>
      </c>
      <c r="I7667" s="359" t="s">
        <v>14390</v>
      </c>
      <c r="J7667" s="365"/>
      <c r="K7667" s="365"/>
      <c r="L7667" s="365"/>
    </row>
    <row r="7668" spans="2:12">
      <c r="B7668" s="367"/>
      <c r="C7668" s="367"/>
      <c r="D7668" s="367"/>
      <c r="E7668" s="367"/>
      <c r="F7668" s="360"/>
      <c r="G7668" s="360"/>
      <c r="H7668" s="360"/>
      <c r="I7668" s="360"/>
      <c r="J7668" s="365"/>
      <c r="K7668" s="365"/>
      <c r="L7668" s="365"/>
    </row>
    <row r="7669" spans="2:12" ht="28.5">
      <c r="B7669" s="368"/>
      <c r="C7669" s="368"/>
      <c r="D7669" s="368"/>
      <c r="E7669" s="368"/>
      <c r="F7669" s="361" t="s">
        <v>14394</v>
      </c>
      <c r="G7669" s="361" t="s">
        <v>14395</v>
      </c>
      <c r="H7669" s="361" t="s">
        <v>14422</v>
      </c>
      <c r="I7669" s="361" t="s">
        <v>14395</v>
      </c>
      <c r="J7669" s="366"/>
      <c r="K7669" s="366"/>
      <c r="L7669" s="366"/>
    </row>
    <row r="7670" spans="2:12">
      <c r="B7670" s="358" t="s">
        <v>18085</v>
      </c>
      <c r="C7670" s="358" t="s">
        <v>18086</v>
      </c>
      <c r="D7670" s="358" t="s">
        <v>18087</v>
      </c>
      <c r="E7670" s="358" t="s">
        <v>18088</v>
      </c>
      <c r="F7670" s="358" t="s">
        <v>14420</v>
      </c>
      <c r="G7670" s="358" t="s">
        <v>14429</v>
      </c>
      <c r="H7670" s="358" t="s">
        <v>14367</v>
      </c>
      <c r="I7670" s="358" t="s">
        <v>14429</v>
      </c>
      <c r="J7670" s="358"/>
      <c r="K7670" s="358"/>
      <c r="L7670" s="358"/>
    </row>
    <row r="7671" spans="2:12">
      <c r="B7671" s="367"/>
      <c r="C7671" s="367"/>
      <c r="D7671" s="367"/>
      <c r="E7671" s="367"/>
      <c r="F7671" s="360"/>
      <c r="G7671" s="360"/>
      <c r="H7671" s="360"/>
      <c r="I7671" s="360"/>
      <c r="J7671" s="365"/>
      <c r="K7671" s="365"/>
      <c r="L7671" s="365"/>
    </row>
    <row r="7672" spans="2:12">
      <c r="B7672" s="367"/>
      <c r="C7672" s="367"/>
      <c r="D7672" s="367"/>
      <c r="E7672" s="367"/>
      <c r="F7672" s="359" t="s">
        <v>14386</v>
      </c>
      <c r="G7672" s="359" t="s">
        <v>14387</v>
      </c>
      <c r="H7672" s="359" t="s">
        <v>14422</v>
      </c>
      <c r="I7672" s="359" t="s">
        <v>14387</v>
      </c>
      <c r="J7672" s="365"/>
      <c r="K7672" s="365"/>
      <c r="L7672" s="365"/>
    </row>
    <row r="7673" spans="2:12">
      <c r="B7673" s="367"/>
      <c r="C7673" s="367"/>
      <c r="D7673" s="367"/>
      <c r="E7673" s="367"/>
      <c r="F7673" s="360"/>
      <c r="G7673" s="360"/>
      <c r="H7673" s="360"/>
      <c r="I7673" s="360"/>
      <c r="J7673" s="365"/>
      <c r="K7673" s="365"/>
      <c r="L7673" s="365"/>
    </row>
    <row r="7674" spans="2:12">
      <c r="B7674" s="368"/>
      <c r="C7674" s="368"/>
      <c r="D7674" s="368"/>
      <c r="E7674" s="368"/>
      <c r="F7674" s="361" t="s">
        <v>14391</v>
      </c>
      <c r="G7674" s="361" t="s">
        <v>14392</v>
      </c>
      <c r="H7674" s="362"/>
      <c r="I7674" s="361" t="s">
        <v>14392</v>
      </c>
      <c r="J7674" s="366"/>
      <c r="K7674" s="366"/>
      <c r="L7674" s="366"/>
    </row>
    <row r="7675" spans="2:12" ht="28.5">
      <c r="B7675" s="358" t="s">
        <v>18089</v>
      </c>
      <c r="C7675" s="358" t="s">
        <v>28909</v>
      </c>
      <c r="D7675" s="358" t="s">
        <v>18090</v>
      </c>
      <c r="E7675" s="358" t="s">
        <v>18091</v>
      </c>
      <c r="F7675" s="358" t="s">
        <v>14507</v>
      </c>
      <c r="G7675" s="358" t="s">
        <v>18092</v>
      </c>
      <c r="H7675" s="358" t="s">
        <v>14381</v>
      </c>
      <c r="I7675" s="358" t="s">
        <v>18092</v>
      </c>
      <c r="J7675" s="358"/>
      <c r="K7675" s="358"/>
      <c r="L7675" s="358"/>
    </row>
    <row r="7676" spans="2:12">
      <c r="B7676" s="367"/>
      <c r="C7676" s="360"/>
      <c r="D7676" s="360"/>
      <c r="E7676" s="360"/>
      <c r="F7676" s="360"/>
      <c r="G7676" s="360"/>
      <c r="H7676" s="360"/>
      <c r="I7676" s="360"/>
      <c r="J7676" s="365"/>
      <c r="K7676" s="365"/>
      <c r="L7676" s="365"/>
    </row>
    <row r="7677" spans="2:12">
      <c r="B7677" s="368"/>
      <c r="C7677" s="361" t="s">
        <v>18093</v>
      </c>
      <c r="D7677" s="361" t="s">
        <v>18094</v>
      </c>
      <c r="E7677" s="361" t="s">
        <v>18095</v>
      </c>
      <c r="F7677" s="361" t="s">
        <v>17277</v>
      </c>
      <c r="G7677" s="361" t="s">
        <v>17278</v>
      </c>
      <c r="H7677" s="361" t="s">
        <v>14422</v>
      </c>
      <c r="I7677" s="361" t="s">
        <v>17278</v>
      </c>
      <c r="J7677" s="366"/>
      <c r="K7677" s="366"/>
      <c r="L7677" s="366"/>
    </row>
    <row r="7678" spans="2:12">
      <c r="B7678" s="358" t="s">
        <v>18096</v>
      </c>
      <c r="C7678" s="358" t="s">
        <v>18097</v>
      </c>
      <c r="D7678" s="358" t="s">
        <v>18098</v>
      </c>
      <c r="E7678" s="358" t="s">
        <v>5132</v>
      </c>
      <c r="F7678" s="358" t="s">
        <v>14505</v>
      </c>
      <c r="G7678" s="358" t="s">
        <v>14506</v>
      </c>
      <c r="H7678" s="358" t="s">
        <v>14328</v>
      </c>
      <c r="I7678" s="358" t="s">
        <v>14506</v>
      </c>
      <c r="J7678" s="358"/>
      <c r="K7678" s="358" t="s">
        <v>14929</v>
      </c>
      <c r="L7678" s="358"/>
    </row>
    <row r="7679" spans="2:12">
      <c r="B7679" s="367"/>
      <c r="C7679" s="367"/>
      <c r="D7679" s="367"/>
      <c r="E7679" s="367"/>
      <c r="F7679" s="360"/>
      <c r="G7679" s="360"/>
      <c r="H7679" s="360"/>
      <c r="I7679" s="360"/>
      <c r="J7679" s="365"/>
      <c r="K7679" s="360"/>
      <c r="L7679" s="365"/>
    </row>
    <row r="7680" spans="2:12" ht="42.75">
      <c r="B7680" s="367"/>
      <c r="C7680" s="367"/>
      <c r="D7680" s="367"/>
      <c r="E7680" s="367"/>
      <c r="F7680" s="359" t="s">
        <v>14382</v>
      </c>
      <c r="G7680" s="359" t="s">
        <v>14483</v>
      </c>
      <c r="H7680" s="359" t="s">
        <v>14378</v>
      </c>
      <c r="I7680" s="359" t="s">
        <v>14483</v>
      </c>
      <c r="J7680" s="365"/>
      <c r="K7680" s="359" t="s">
        <v>28910</v>
      </c>
      <c r="L7680" s="365"/>
    </row>
    <row r="7681" spans="2:12">
      <c r="B7681" s="367"/>
      <c r="C7681" s="367"/>
      <c r="D7681" s="367"/>
      <c r="E7681" s="367"/>
      <c r="F7681" s="360"/>
      <c r="G7681" s="360"/>
      <c r="H7681" s="360"/>
      <c r="I7681" s="360"/>
      <c r="J7681" s="365"/>
      <c r="K7681" s="360"/>
      <c r="L7681" s="365"/>
    </row>
    <row r="7682" spans="2:12" ht="42.75">
      <c r="B7682" s="367"/>
      <c r="C7682" s="367"/>
      <c r="D7682" s="367"/>
      <c r="E7682" s="367"/>
      <c r="F7682" s="359" t="s">
        <v>14382</v>
      </c>
      <c r="G7682" s="359" t="s">
        <v>14579</v>
      </c>
      <c r="H7682" s="359" t="s">
        <v>14381</v>
      </c>
      <c r="I7682" s="359" t="s">
        <v>14579</v>
      </c>
      <c r="J7682" s="365"/>
      <c r="K7682" s="359" t="s">
        <v>28911</v>
      </c>
      <c r="L7682" s="365"/>
    </row>
    <row r="7683" spans="2:12">
      <c r="B7683" s="367"/>
      <c r="C7683" s="367"/>
      <c r="D7683" s="367"/>
      <c r="E7683" s="367"/>
      <c r="F7683" s="360"/>
      <c r="G7683" s="360"/>
      <c r="H7683" s="360"/>
      <c r="I7683" s="360"/>
      <c r="J7683" s="365"/>
      <c r="K7683" s="360"/>
      <c r="L7683" s="365"/>
    </row>
    <row r="7684" spans="2:12">
      <c r="B7684" s="367"/>
      <c r="C7684" s="367"/>
      <c r="D7684" s="367"/>
      <c r="E7684" s="367"/>
      <c r="F7684" s="359" t="s">
        <v>14382</v>
      </c>
      <c r="G7684" s="359" t="s">
        <v>14383</v>
      </c>
      <c r="H7684" s="359" t="s">
        <v>14332</v>
      </c>
      <c r="I7684" s="359" t="s">
        <v>14383</v>
      </c>
      <c r="J7684" s="365"/>
      <c r="K7684" s="360"/>
      <c r="L7684" s="365"/>
    </row>
    <row r="7685" spans="2:12">
      <c r="B7685" s="367"/>
      <c r="C7685" s="367"/>
      <c r="D7685" s="367"/>
      <c r="E7685" s="367"/>
      <c r="F7685" s="360"/>
      <c r="G7685" s="360"/>
      <c r="H7685" s="360"/>
      <c r="I7685" s="360"/>
      <c r="J7685" s="365"/>
      <c r="K7685" s="360"/>
      <c r="L7685" s="365"/>
    </row>
    <row r="7686" spans="2:12">
      <c r="B7686" s="368"/>
      <c r="C7686" s="368"/>
      <c r="D7686" s="368"/>
      <c r="E7686" s="368"/>
      <c r="F7686" s="361" t="s">
        <v>15246</v>
      </c>
      <c r="G7686" s="361" t="s">
        <v>15247</v>
      </c>
      <c r="H7686" s="362"/>
      <c r="I7686" s="361" t="s">
        <v>15247</v>
      </c>
      <c r="J7686" s="366"/>
      <c r="K7686" s="362"/>
      <c r="L7686" s="366"/>
    </row>
    <row r="7687" spans="2:12">
      <c r="B7687" s="358" t="s">
        <v>18099</v>
      </c>
      <c r="C7687" s="358" t="s">
        <v>18100</v>
      </c>
      <c r="D7687" s="358" t="s">
        <v>18101</v>
      </c>
      <c r="E7687" s="358" t="s">
        <v>18102</v>
      </c>
      <c r="F7687" s="358" t="s">
        <v>14505</v>
      </c>
      <c r="G7687" s="358" t="s">
        <v>14506</v>
      </c>
      <c r="H7687" s="358" t="s">
        <v>14328</v>
      </c>
      <c r="I7687" s="358" t="s">
        <v>14506</v>
      </c>
      <c r="J7687" s="358"/>
      <c r="K7687" s="358"/>
      <c r="L7687" s="358"/>
    </row>
    <row r="7688" spans="2:12">
      <c r="B7688" s="367"/>
      <c r="C7688" s="360"/>
      <c r="D7688" s="367"/>
      <c r="E7688" s="367"/>
      <c r="F7688" s="367"/>
      <c r="G7688" s="367"/>
      <c r="H7688" s="360"/>
      <c r="I7688" s="367"/>
      <c r="J7688" s="365"/>
      <c r="K7688" s="365"/>
      <c r="L7688" s="365"/>
    </row>
    <row r="7689" spans="2:12">
      <c r="B7689" s="368"/>
      <c r="C7689" s="361" t="s">
        <v>18103</v>
      </c>
      <c r="D7689" s="368"/>
      <c r="E7689" s="368"/>
      <c r="F7689" s="368"/>
      <c r="G7689" s="368"/>
      <c r="H7689" s="361" t="s">
        <v>14332</v>
      </c>
      <c r="I7689" s="368"/>
      <c r="J7689" s="366"/>
      <c r="K7689" s="366"/>
      <c r="L7689" s="366"/>
    </row>
    <row r="7690" spans="2:12">
      <c r="B7690" s="358" t="s">
        <v>18104</v>
      </c>
      <c r="C7690" s="358" t="s">
        <v>18105</v>
      </c>
      <c r="D7690" s="358" t="s">
        <v>18106</v>
      </c>
      <c r="E7690" s="358" t="s">
        <v>18107</v>
      </c>
      <c r="F7690" s="358" t="s">
        <v>14505</v>
      </c>
      <c r="G7690" s="358" t="s">
        <v>14506</v>
      </c>
      <c r="H7690" s="358" t="s">
        <v>14328</v>
      </c>
      <c r="I7690" s="358" t="s">
        <v>14506</v>
      </c>
      <c r="J7690" s="358"/>
      <c r="K7690" s="358"/>
      <c r="L7690" s="358"/>
    </row>
    <row r="7691" spans="2:12">
      <c r="B7691" s="367"/>
      <c r="C7691" s="360"/>
      <c r="D7691" s="367"/>
      <c r="E7691" s="367"/>
      <c r="F7691" s="360"/>
      <c r="G7691" s="360"/>
      <c r="H7691" s="360"/>
      <c r="I7691" s="360"/>
      <c r="J7691" s="365"/>
      <c r="K7691" s="365"/>
      <c r="L7691" s="365"/>
    </row>
    <row r="7692" spans="2:12">
      <c r="B7692" s="367"/>
      <c r="C7692" s="359" t="s">
        <v>27554</v>
      </c>
      <c r="D7692" s="367"/>
      <c r="E7692" s="367"/>
      <c r="F7692" s="359" t="s">
        <v>14430</v>
      </c>
      <c r="G7692" s="359" t="s">
        <v>14431</v>
      </c>
      <c r="H7692" s="359" t="s">
        <v>14341</v>
      </c>
      <c r="I7692" s="359" t="s">
        <v>14431</v>
      </c>
      <c r="J7692" s="365"/>
      <c r="K7692" s="365"/>
      <c r="L7692" s="365"/>
    </row>
    <row r="7693" spans="2:12">
      <c r="B7693" s="367"/>
      <c r="C7693" s="360"/>
      <c r="D7693" s="367"/>
      <c r="E7693" s="367"/>
      <c r="F7693" s="360"/>
      <c r="G7693" s="360"/>
      <c r="H7693" s="360"/>
      <c r="I7693" s="360"/>
      <c r="J7693" s="365"/>
      <c r="K7693" s="365"/>
      <c r="L7693" s="365"/>
    </row>
    <row r="7694" spans="2:12">
      <c r="B7694" s="367"/>
      <c r="C7694" s="360"/>
      <c r="D7694" s="367"/>
      <c r="E7694" s="367"/>
      <c r="F7694" s="359" t="s">
        <v>14368</v>
      </c>
      <c r="G7694" s="359" t="s">
        <v>14369</v>
      </c>
      <c r="H7694" s="359" t="s">
        <v>14367</v>
      </c>
      <c r="I7694" s="359" t="s">
        <v>14369</v>
      </c>
      <c r="J7694" s="365"/>
      <c r="K7694" s="365"/>
      <c r="L7694" s="365"/>
    </row>
    <row r="7695" spans="2:12">
      <c r="B7695" s="367"/>
      <c r="C7695" s="360"/>
      <c r="D7695" s="367"/>
      <c r="E7695" s="367"/>
      <c r="F7695" s="360"/>
      <c r="G7695" s="360"/>
      <c r="H7695" s="360"/>
      <c r="I7695" s="360"/>
      <c r="J7695" s="365"/>
      <c r="K7695" s="365"/>
      <c r="L7695" s="365"/>
    </row>
    <row r="7696" spans="2:12">
      <c r="B7696" s="368"/>
      <c r="C7696" s="362"/>
      <c r="D7696" s="368"/>
      <c r="E7696" s="368"/>
      <c r="F7696" s="362"/>
      <c r="G7696" s="362"/>
      <c r="H7696" s="361" t="s">
        <v>14332</v>
      </c>
      <c r="I7696" s="362"/>
      <c r="J7696" s="366"/>
      <c r="K7696" s="366"/>
      <c r="L7696" s="366"/>
    </row>
    <row r="7697" spans="2:12">
      <c r="B7697" s="358" t="s">
        <v>18108</v>
      </c>
      <c r="C7697" s="358" t="s">
        <v>18109</v>
      </c>
      <c r="D7697" s="358" t="s">
        <v>18110</v>
      </c>
      <c r="E7697" s="358" t="s">
        <v>18111</v>
      </c>
      <c r="F7697" s="358" t="s">
        <v>14418</v>
      </c>
      <c r="G7697" s="358" t="s">
        <v>14419</v>
      </c>
      <c r="H7697" s="358" t="s">
        <v>14328</v>
      </c>
      <c r="I7697" s="358" t="s">
        <v>14419</v>
      </c>
      <c r="J7697" s="358"/>
      <c r="K7697" s="358"/>
      <c r="L7697" s="358"/>
    </row>
    <row r="7698" spans="2:12">
      <c r="B7698" s="367"/>
      <c r="C7698" s="360"/>
      <c r="D7698" s="367"/>
      <c r="E7698" s="367"/>
      <c r="F7698" s="360"/>
      <c r="G7698" s="360"/>
      <c r="H7698" s="360"/>
      <c r="I7698" s="360"/>
      <c r="J7698" s="365"/>
      <c r="K7698" s="365"/>
      <c r="L7698" s="365"/>
    </row>
    <row r="7699" spans="2:12">
      <c r="B7699" s="367"/>
      <c r="C7699" s="359" t="s">
        <v>27555</v>
      </c>
      <c r="D7699" s="367"/>
      <c r="E7699" s="367"/>
      <c r="F7699" s="359" t="s">
        <v>14420</v>
      </c>
      <c r="G7699" s="359" t="s">
        <v>14429</v>
      </c>
      <c r="H7699" s="359" t="s">
        <v>14341</v>
      </c>
      <c r="I7699" s="359" t="s">
        <v>14429</v>
      </c>
      <c r="J7699" s="365"/>
      <c r="K7699" s="365"/>
      <c r="L7699" s="365"/>
    </row>
    <row r="7700" spans="2:12">
      <c r="B7700" s="367"/>
      <c r="C7700" s="360"/>
      <c r="D7700" s="367"/>
      <c r="E7700" s="367"/>
      <c r="F7700" s="360"/>
      <c r="G7700" s="360"/>
      <c r="H7700" s="360"/>
      <c r="I7700" s="360"/>
      <c r="J7700" s="365"/>
      <c r="K7700" s="365"/>
      <c r="L7700" s="365"/>
    </row>
    <row r="7701" spans="2:12">
      <c r="B7701" s="367"/>
      <c r="C7701" s="360"/>
      <c r="D7701" s="367"/>
      <c r="E7701" s="367"/>
      <c r="F7701" s="359" t="s">
        <v>14368</v>
      </c>
      <c r="G7701" s="359" t="s">
        <v>14388</v>
      </c>
      <c r="H7701" s="359" t="s">
        <v>14367</v>
      </c>
      <c r="I7701" s="359" t="s">
        <v>14388</v>
      </c>
      <c r="J7701" s="365"/>
      <c r="K7701" s="365"/>
      <c r="L7701" s="365"/>
    </row>
    <row r="7702" spans="2:12">
      <c r="B7702" s="367"/>
      <c r="C7702" s="360"/>
      <c r="D7702" s="367"/>
      <c r="E7702" s="367"/>
      <c r="F7702" s="360"/>
      <c r="G7702" s="360"/>
      <c r="H7702" s="360"/>
      <c r="I7702" s="360"/>
      <c r="J7702" s="365"/>
      <c r="K7702" s="365"/>
      <c r="L7702" s="365"/>
    </row>
    <row r="7703" spans="2:12">
      <c r="B7703" s="367"/>
      <c r="C7703" s="360"/>
      <c r="D7703" s="367"/>
      <c r="E7703" s="367"/>
      <c r="F7703" s="359" t="s">
        <v>14389</v>
      </c>
      <c r="G7703" s="359" t="s">
        <v>14390</v>
      </c>
      <c r="H7703" s="359" t="s">
        <v>14332</v>
      </c>
      <c r="I7703" s="359" t="s">
        <v>14390</v>
      </c>
      <c r="J7703" s="365"/>
      <c r="K7703" s="365"/>
      <c r="L7703" s="365"/>
    </row>
    <row r="7704" spans="2:12">
      <c r="B7704" s="367"/>
      <c r="C7704" s="360"/>
      <c r="D7704" s="367"/>
      <c r="E7704" s="367"/>
      <c r="F7704" s="360"/>
      <c r="G7704" s="360"/>
      <c r="H7704" s="360"/>
      <c r="I7704" s="360"/>
      <c r="J7704" s="365"/>
      <c r="K7704" s="365"/>
      <c r="L7704" s="365"/>
    </row>
    <row r="7705" spans="2:12">
      <c r="B7705" s="367"/>
      <c r="C7705" s="360"/>
      <c r="D7705" s="367"/>
      <c r="E7705" s="367"/>
      <c r="F7705" s="359" t="s">
        <v>14430</v>
      </c>
      <c r="G7705" s="359" t="s">
        <v>14431</v>
      </c>
      <c r="H7705" s="360"/>
      <c r="I7705" s="359" t="s">
        <v>14431</v>
      </c>
      <c r="J7705" s="365"/>
      <c r="K7705" s="365"/>
      <c r="L7705" s="365"/>
    </row>
    <row r="7706" spans="2:12">
      <c r="B7706" s="367"/>
      <c r="C7706" s="360"/>
      <c r="D7706" s="367"/>
      <c r="E7706" s="367"/>
      <c r="F7706" s="360"/>
      <c r="G7706" s="360"/>
      <c r="H7706" s="360"/>
      <c r="I7706" s="360"/>
      <c r="J7706" s="365"/>
      <c r="K7706" s="365"/>
      <c r="L7706" s="365"/>
    </row>
    <row r="7707" spans="2:12">
      <c r="B7707" s="368"/>
      <c r="C7707" s="362"/>
      <c r="D7707" s="368"/>
      <c r="E7707" s="368"/>
      <c r="F7707" s="361" t="s">
        <v>14368</v>
      </c>
      <c r="G7707" s="361" t="s">
        <v>14369</v>
      </c>
      <c r="H7707" s="362"/>
      <c r="I7707" s="361" t="s">
        <v>14369</v>
      </c>
      <c r="J7707" s="366"/>
      <c r="K7707" s="366"/>
      <c r="L7707" s="366"/>
    </row>
    <row r="7708" spans="2:12">
      <c r="B7708" s="358" t="s">
        <v>18112</v>
      </c>
      <c r="C7708" s="358" t="s">
        <v>18113</v>
      </c>
      <c r="D7708" s="358" t="s">
        <v>18114</v>
      </c>
      <c r="E7708" s="358" t="s">
        <v>18115</v>
      </c>
      <c r="F7708" s="358" t="s">
        <v>14505</v>
      </c>
      <c r="G7708" s="358" t="s">
        <v>14506</v>
      </c>
      <c r="H7708" s="358" t="s">
        <v>14328</v>
      </c>
      <c r="I7708" s="358" t="s">
        <v>14506</v>
      </c>
      <c r="J7708" s="358"/>
      <c r="K7708" s="358"/>
      <c r="L7708" s="358"/>
    </row>
    <row r="7709" spans="2:12">
      <c r="B7709" s="367"/>
      <c r="C7709" s="360"/>
      <c r="D7709" s="367"/>
      <c r="E7709" s="367"/>
      <c r="F7709" s="360"/>
      <c r="G7709" s="360"/>
      <c r="H7709" s="360"/>
      <c r="I7709" s="360"/>
      <c r="J7709" s="365"/>
      <c r="K7709" s="365"/>
      <c r="L7709" s="365"/>
    </row>
    <row r="7710" spans="2:12">
      <c r="B7710" s="367"/>
      <c r="C7710" s="359" t="s">
        <v>27556</v>
      </c>
      <c r="D7710" s="367"/>
      <c r="E7710" s="367"/>
      <c r="F7710" s="359" t="s">
        <v>14420</v>
      </c>
      <c r="G7710" s="359" t="s">
        <v>14459</v>
      </c>
      <c r="H7710" s="359" t="s">
        <v>14367</v>
      </c>
      <c r="I7710" s="359" t="s">
        <v>14459</v>
      </c>
      <c r="J7710" s="365"/>
      <c r="K7710" s="365"/>
      <c r="L7710" s="365"/>
    </row>
    <row r="7711" spans="2:12">
      <c r="B7711" s="367"/>
      <c r="C7711" s="360"/>
      <c r="D7711" s="367"/>
      <c r="E7711" s="367"/>
      <c r="F7711" s="360"/>
      <c r="G7711" s="360"/>
      <c r="H7711" s="360"/>
      <c r="I7711" s="360"/>
      <c r="J7711" s="365"/>
      <c r="K7711" s="365"/>
      <c r="L7711" s="365"/>
    </row>
    <row r="7712" spans="2:12">
      <c r="B7712" s="367"/>
      <c r="C7712" s="360"/>
      <c r="D7712" s="367"/>
      <c r="E7712" s="367"/>
      <c r="F7712" s="359" t="s">
        <v>14386</v>
      </c>
      <c r="G7712" s="359" t="s">
        <v>14387</v>
      </c>
      <c r="H7712" s="359" t="s">
        <v>14332</v>
      </c>
      <c r="I7712" s="359" t="s">
        <v>14387</v>
      </c>
      <c r="J7712" s="365"/>
      <c r="K7712" s="365"/>
      <c r="L7712" s="365"/>
    </row>
    <row r="7713" spans="2:12">
      <c r="B7713" s="367"/>
      <c r="C7713" s="360"/>
      <c r="D7713" s="367"/>
      <c r="E7713" s="367"/>
      <c r="F7713" s="360"/>
      <c r="G7713" s="360"/>
      <c r="H7713" s="360"/>
      <c r="I7713" s="360"/>
      <c r="J7713" s="365"/>
      <c r="K7713" s="365"/>
      <c r="L7713" s="365"/>
    </row>
    <row r="7714" spans="2:12">
      <c r="B7714" s="368"/>
      <c r="C7714" s="362"/>
      <c r="D7714" s="368"/>
      <c r="E7714" s="368"/>
      <c r="F7714" s="361" t="s">
        <v>14368</v>
      </c>
      <c r="G7714" s="361" t="s">
        <v>14388</v>
      </c>
      <c r="H7714" s="362"/>
      <c r="I7714" s="361" t="s">
        <v>14388</v>
      </c>
      <c r="J7714" s="366"/>
      <c r="K7714" s="366"/>
      <c r="L7714" s="366"/>
    </row>
    <row r="7715" spans="2:12" ht="28.5">
      <c r="B7715" s="358" t="s">
        <v>18116</v>
      </c>
      <c r="C7715" s="358" t="s">
        <v>28912</v>
      </c>
      <c r="D7715" s="358" t="s">
        <v>18117</v>
      </c>
      <c r="E7715" s="358"/>
      <c r="F7715" s="358" t="s">
        <v>14418</v>
      </c>
      <c r="G7715" s="358" t="s">
        <v>14419</v>
      </c>
      <c r="H7715" s="358" t="s">
        <v>14328</v>
      </c>
      <c r="I7715" s="358" t="s">
        <v>14419</v>
      </c>
      <c r="J7715" s="358" t="s">
        <v>17309</v>
      </c>
      <c r="K7715" s="358"/>
      <c r="L7715" s="358" t="s">
        <v>14611</v>
      </c>
    </row>
    <row r="7716" spans="2:12">
      <c r="B7716" s="367"/>
      <c r="C7716" s="367"/>
      <c r="D7716" s="367"/>
      <c r="E7716" s="365"/>
      <c r="F7716" s="360"/>
      <c r="G7716" s="360"/>
      <c r="H7716" s="360"/>
      <c r="I7716" s="360"/>
      <c r="J7716" s="367"/>
      <c r="K7716" s="365"/>
      <c r="L7716" s="367"/>
    </row>
    <row r="7717" spans="2:12" ht="28.5">
      <c r="B7717" s="367"/>
      <c r="C7717" s="367"/>
      <c r="D7717" s="367"/>
      <c r="E7717" s="365"/>
      <c r="F7717" s="359" t="s">
        <v>28913</v>
      </c>
      <c r="G7717" s="359" t="s">
        <v>14459</v>
      </c>
      <c r="H7717" s="359" t="s">
        <v>14367</v>
      </c>
      <c r="I7717" s="359" t="s">
        <v>14459</v>
      </c>
      <c r="J7717" s="367"/>
      <c r="K7717" s="365"/>
      <c r="L7717" s="367"/>
    </row>
    <row r="7718" spans="2:12">
      <c r="B7718" s="367"/>
      <c r="C7718" s="367"/>
      <c r="D7718" s="367"/>
      <c r="E7718" s="365"/>
      <c r="F7718" s="360"/>
      <c r="G7718" s="360"/>
      <c r="H7718" s="360"/>
      <c r="I7718" s="360"/>
      <c r="J7718" s="367"/>
      <c r="K7718" s="365"/>
      <c r="L7718" s="367"/>
    </row>
    <row r="7719" spans="2:12">
      <c r="B7719" s="368"/>
      <c r="C7719" s="368"/>
      <c r="D7719" s="368"/>
      <c r="E7719" s="366"/>
      <c r="F7719" s="362"/>
      <c r="G7719" s="361" t="s">
        <v>14388</v>
      </c>
      <c r="H7719" s="361" t="s">
        <v>14422</v>
      </c>
      <c r="I7719" s="361" t="s">
        <v>14388</v>
      </c>
      <c r="J7719" s="368"/>
      <c r="K7719" s="366"/>
      <c r="L7719" s="368"/>
    </row>
    <row r="7720" spans="2:12">
      <c r="B7720" s="358" t="s">
        <v>18118</v>
      </c>
      <c r="C7720" s="358" t="s">
        <v>18119</v>
      </c>
      <c r="D7720" s="358" t="s">
        <v>18120</v>
      </c>
      <c r="E7720" s="358" t="s">
        <v>18121</v>
      </c>
      <c r="F7720" s="358" t="s">
        <v>14505</v>
      </c>
      <c r="G7720" s="358" t="s">
        <v>14506</v>
      </c>
      <c r="H7720" s="358" t="s">
        <v>14328</v>
      </c>
      <c r="I7720" s="358" t="s">
        <v>14506</v>
      </c>
      <c r="J7720" s="358"/>
      <c r="K7720" s="358"/>
      <c r="L7720" s="358"/>
    </row>
    <row r="7721" spans="2:12">
      <c r="B7721" s="367"/>
      <c r="C7721" s="360"/>
      <c r="D7721" s="367"/>
      <c r="E7721" s="367"/>
      <c r="F7721" s="360"/>
      <c r="G7721" s="360"/>
      <c r="H7721" s="360"/>
      <c r="I7721" s="360"/>
      <c r="J7721" s="365"/>
      <c r="K7721" s="365"/>
      <c r="L7721" s="365"/>
    </row>
    <row r="7722" spans="2:12">
      <c r="B7722" s="367"/>
      <c r="C7722" s="359" t="s">
        <v>27557</v>
      </c>
      <c r="D7722" s="367"/>
      <c r="E7722" s="367"/>
      <c r="F7722" s="359" t="s">
        <v>14420</v>
      </c>
      <c r="G7722" s="359" t="s">
        <v>14459</v>
      </c>
      <c r="H7722" s="359" t="s">
        <v>14367</v>
      </c>
      <c r="I7722" s="359" t="s">
        <v>14459</v>
      </c>
      <c r="J7722" s="365"/>
      <c r="K7722" s="365"/>
      <c r="L7722" s="365"/>
    </row>
    <row r="7723" spans="2:12">
      <c r="B7723" s="367"/>
      <c r="C7723" s="360"/>
      <c r="D7723" s="367"/>
      <c r="E7723" s="367"/>
      <c r="F7723" s="360"/>
      <c r="G7723" s="360"/>
      <c r="H7723" s="360"/>
      <c r="I7723" s="360"/>
      <c r="J7723" s="365"/>
      <c r="K7723" s="365"/>
      <c r="L7723" s="365"/>
    </row>
    <row r="7724" spans="2:12">
      <c r="B7724" s="367"/>
      <c r="C7724" s="360"/>
      <c r="D7724" s="367"/>
      <c r="E7724" s="367"/>
      <c r="F7724" s="359" t="s">
        <v>14368</v>
      </c>
      <c r="G7724" s="359" t="s">
        <v>14388</v>
      </c>
      <c r="H7724" s="359" t="s">
        <v>14332</v>
      </c>
      <c r="I7724" s="359" t="s">
        <v>14388</v>
      </c>
      <c r="J7724" s="365"/>
      <c r="K7724" s="365"/>
      <c r="L7724" s="365"/>
    </row>
    <row r="7725" spans="2:12">
      <c r="B7725" s="367"/>
      <c r="C7725" s="360"/>
      <c r="D7725" s="367"/>
      <c r="E7725" s="367"/>
      <c r="F7725" s="360"/>
      <c r="G7725" s="360"/>
      <c r="H7725" s="360"/>
      <c r="I7725" s="360"/>
      <c r="J7725" s="365"/>
      <c r="K7725" s="365"/>
      <c r="L7725" s="365"/>
    </row>
    <row r="7726" spans="2:12">
      <c r="B7726" s="368"/>
      <c r="C7726" s="362"/>
      <c r="D7726" s="368"/>
      <c r="E7726" s="368"/>
      <c r="F7726" s="361" t="s">
        <v>14389</v>
      </c>
      <c r="G7726" s="361" t="s">
        <v>14390</v>
      </c>
      <c r="H7726" s="362"/>
      <c r="I7726" s="361" t="s">
        <v>14390</v>
      </c>
      <c r="J7726" s="366"/>
      <c r="K7726" s="366"/>
      <c r="L7726" s="366"/>
    </row>
    <row r="7727" spans="2:12" ht="42.75">
      <c r="B7727" s="358" t="s">
        <v>18122</v>
      </c>
      <c r="C7727" s="358" t="s">
        <v>18123</v>
      </c>
      <c r="D7727" s="358" t="s">
        <v>18124</v>
      </c>
      <c r="E7727" s="358" t="s">
        <v>18125</v>
      </c>
      <c r="F7727" s="358" t="s">
        <v>14418</v>
      </c>
      <c r="G7727" s="358" t="s">
        <v>14419</v>
      </c>
      <c r="H7727" s="358" t="s">
        <v>14328</v>
      </c>
      <c r="I7727" s="358" t="s">
        <v>14419</v>
      </c>
      <c r="J7727" s="358"/>
      <c r="K7727" s="358" t="s">
        <v>28864</v>
      </c>
      <c r="L7727" s="358"/>
    </row>
    <row r="7728" spans="2:12">
      <c r="B7728" s="367"/>
      <c r="C7728" s="360"/>
      <c r="D7728" s="367"/>
      <c r="E7728" s="367"/>
      <c r="F7728" s="360"/>
      <c r="G7728" s="360"/>
      <c r="H7728" s="360"/>
      <c r="I7728" s="360"/>
      <c r="J7728" s="365"/>
      <c r="K7728" s="367"/>
      <c r="L7728" s="365"/>
    </row>
    <row r="7729" spans="2:12">
      <c r="B7729" s="367"/>
      <c r="C7729" s="359" t="s">
        <v>18126</v>
      </c>
      <c r="D7729" s="367"/>
      <c r="E7729" s="367"/>
      <c r="F7729" s="359" t="s">
        <v>14368</v>
      </c>
      <c r="G7729" s="359" t="s">
        <v>14388</v>
      </c>
      <c r="H7729" s="359" t="s">
        <v>14367</v>
      </c>
      <c r="I7729" s="359" t="s">
        <v>14388</v>
      </c>
      <c r="J7729" s="365"/>
      <c r="K7729" s="367"/>
      <c r="L7729" s="365"/>
    </row>
    <row r="7730" spans="2:12">
      <c r="B7730" s="367"/>
      <c r="C7730" s="360"/>
      <c r="D7730" s="367"/>
      <c r="E7730" s="367"/>
      <c r="F7730" s="360"/>
      <c r="G7730" s="360"/>
      <c r="H7730" s="360"/>
      <c r="I7730" s="360"/>
      <c r="J7730" s="365"/>
      <c r="K7730" s="367"/>
      <c r="L7730" s="365"/>
    </row>
    <row r="7731" spans="2:12">
      <c r="B7731" s="368"/>
      <c r="C7731" s="362"/>
      <c r="D7731" s="368"/>
      <c r="E7731" s="368"/>
      <c r="F7731" s="362"/>
      <c r="G7731" s="362"/>
      <c r="H7731" s="361" t="s">
        <v>14422</v>
      </c>
      <c r="I7731" s="362"/>
      <c r="J7731" s="366"/>
      <c r="K7731" s="368"/>
      <c r="L7731" s="366"/>
    </row>
    <row r="7732" spans="2:12">
      <c r="B7732" s="358" t="s">
        <v>18127</v>
      </c>
      <c r="C7732" s="358" t="s">
        <v>18128</v>
      </c>
      <c r="D7732" s="358" t="s">
        <v>18129</v>
      </c>
      <c r="E7732" s="358" t="s">
        <v>18130</v>
      </c>
      <c r="F7732" s="358" t="s">
        <v>14420</v>
      </c>
      <c r="G7732" s="358" t="s">
        <v>14459</v>
      </c>
      <c r="H7732" s="358" t="s">
        <v>14367</v>
      </c>
      <c r="I7732" s="358" t="s">
        <v>14459</v>
      </c>
      <c r="J7732" s="358"/>
      <c r="K7732" s="358"/>
      <c r="L7732" s="358"/>
    </row>
    <row r="7733" spans="2:12">
      <c r="B7733" s="367"/>
      <c r="C7733" s="367"/>
      <c r="D7733" s="367"/>
      <c r="E7733" s="367"/>
      <c r="F7733" s="360"/>
      <c r="G7733" s="360"/>
      <c r="H7733" s="360"/>
      <c r="I7733" s="360"/>
      <c r="J7733" s="365"/>
      <c r="K7733" s="365"/>
      <c r="L7733" s="365"/>
    </row>
    <row r="7734" spans="2:12">
      <c r="B7734" s="367"/>
      <c r="C7734" s="367"/>
      <c r="D7734" s="367"/>
      <c r="E7734" s="367"/>
      <c r="F7734" s="359" t="s">
        <v>14420</v>
      </c>
      <c r="G7734" s="359" t="s">
        <v>14429</v>
      </c>
      <c r="H7734" s="359" t="s">
        <v>14422</v>
      </c>
      <c r="I7734" s="359" t="s">
        <v>14429</v>
      </c>
      <c r="J7734" s="365"/>
      <c r="K7734" s="365"/>
      <c r="L7734" s="365"/>
    </row>
    <row r="7735" spans="2:12">
      <c r="B7735" s="367"/>
      <c r="C7735" s="367"/>
      <c r="D7735" s="367"/>
      <c r="E7735" s="367"/>
      <c r="F7735" s="360"/>
      <c r="G7735" s="360"/>
      <c r="H7735" s="360"/>
      <c r="I7735" s="360"/>
      <c r="J7735" s="365"/>
      <c r="K7735" s="365"/>
      <c r="L7735" s="365"/>
    </row>
    <row r="7736" spans="2:12">
      <c r="B7736" s="367"/>
      <c r="C7736" s="367"/>
      <c r="D7736" s="367"/>
      <c r="E7736" s="367"/>
      <c r="F7736" s="359" t="s">
        <v>14368</v>
      </c>
      <c r="G7736" s="359" t="s">
        <v>14388</v>
      </c>
      <c r="H7736" s="360"/>
      <c r="I7736" s="359" t="s">
        <v>14388</v>
      </c>
      <c r="J7736" s="365"/>
      <c r="K7736" s="365"/>
      <c r="L7736" s="365"/>
    </row>
    <row r="7737" spans="2:12">
      <c r="B7737" s="367"/>
      <c r="C7737" s="367"/>
      <c r="D7737" s="367"/>
      <c r="E7737" s="367"/>
      <c r="F7737" s="360"/>
      <c r="G7737" s="360"/>
      <c r="H7737" s="360"/>
      <c r="I7737" s="360"/>
      <c r="J7737" s="365"/>
      <c r="K7737" s="365"/>
      <c r="L7737" s="365"/>
    </row>
    <row r="7738" spans="2:12">
      <c r="B7738" s="368"/>
      <c r="C7738" s="368"/>
      <c r="D7738" s="368"/>
      <c r="E7738" s="368"/>
      <c r="F7738" s="361" t="s">
        <v>14389</v>
      </c>
      <c r="G7738" s="361" t="s">
        <v>14390</v>
      </c>
      <c r="H7738" s="362"/>
      <c r="I7738" s="361" t="s">
        <v>14390</v>
      </c>
      <c r="J7738" s="366"/>
      <c r="K7738" s="366"/>
      <c r="L7738" s="366"/>
    </row>
    <row r="7739" spans="2:12">
      <c r="B7739" s="358" t="s">
        <v>18131</v>
      </c>
      <c r="C7739" s="358" t="s">
        <v>18132</v>
      </c>
      <c r="D7739" s="358" t="s">
        <v>18133</v>
      </c>
      <c r="E7739" s="358" t="s">
        <v>18134</v>
      </c>
      <c r="F7739" s="358" t="s">
        <v>14420</v>
      </c>
      <c r="G7739" s="358" t="s">
        <v>14459</v>
      </c>
      <c r="H7739" s="358" t="s">
        <v>14367</v>
      </c>
      <c r="I7739" s="358" t="s">
        <v>14459</v>
      </c>
      <c r="J7739" s="358"/>
      <c r="K7739" s="358"/>
      <c r="L7739" s="358" t="s">
        <v>14611</v>
      </c>
    </row>
    <row r="7740" spans="2:12">
      <c r="B7740" s="367"/>
      <c r="C7740" s="360"/>
      <c r="D7740" s="360"/>
      <c r="E7740" s="360"/>
      <c r="F7740" s="367"/>
      <c r="G7740" s="367"/>
      <c r="H7740" s="360"/>
      <c r="I7740" s="367"/>
      <c r="J7740" s="365"/>
      <c r="K7740" s="365"/>
      <c r="L7740" s="367"/>
    </row>
    <row r="7741" spans="2:12" ht="28.5">
      <c r="B7741" s="367"/>
      <c r="C7741" s="359" t="s">
        <v>27558</v>
      </c>
      <c r="D7741" s="359" t="s">
        <v>18135</v>
      </c>
      <c r="E7741" s="359" t="s">
        <v>18136</v>
      </c>
      <c r="F7741" s="367"/>
      <c r="G7741" s="367"/>
      <c r="H7741" s="359" t="s">
        <v>14422</v>
      </c>
      <c r="I7741" s="367"/>
      <c r="J7741" s="365"/>
      <c r="K7741" s="365"/>
      <c r="L7741" s="367"/>
    </row>
    <row r="7742" spans="2:12">
      <c r="B7742" s="367"/>
      <c r="C7742" s="360"/>
      <c r="D7742" s="360"/>
      <c r="E7742" s="360"/>
      <c r="F7742" s="367"/>
      <c r="G7742" s="367"/>
      <c r="H7742" s="360"/>
      <c r="I7742" s="367"/>
      <c r="J7742" s="365"/>
      <c r="K7742" s="365"/>
      <c r="L7742" s="367"/>
    </row>
    <row r="7743" spans="2:12" ht="28.5">
      <c r="B7743" s="368"/>
      <c r="C7743" s="361" t="s">
        <v>27559</v>
      </c>
      <c r="D7743" s="361" t="s">
        <v>18137</v>
      </c>
      <c r="E7743" s="361" t="s">
        <v>18138</v>
      </c>
      <c r="F7743" s="368"/>
      <c r="G7743" s="368"/>
      <c r="H7743" s="362"/>
      <c r="I7743" s="368"/>
      <c r="J7743" s="366"/>
      <c r="K7743" s="366"/>
      <c r="L7743" s="368"/>
    </row>
    <row r="7744" spans="2:12">
      <c r="B7744" s="358" t="s">
        <v>13048</v>
      </c>
      <c r="C7744" s="358" t="s">
        <v>18139</v>
      </c>
      <c r="D7744" s="358" t="s">
        <v>448</v>
      </c>
      <c r="E7744" s="358" t="s">
        <v>449</v>
      </c>
      <c r="F7744" s="358" t="s">
        <v>14418</v>
      </c>
      <c r="G7744" s="358" t="s">
        <v>14419</v>
      </c>
      <c r="H7744" s="358" t="s">
        <v>14328</v>
      </c>
      <c r="I7744" s="358" t="s">
        <v>14419</v>
      </c>
      <c r="J7744" s="358"/>
      <c r="K7744" s="358"/>
      <c r="L7744" s="358"/>
    </row>
    <row r="7745" spans="2:12">
      <c r="B7745" s="367"/>
      <c r="C7745" s="360"/>
      <c r="D7745" s="367"/>
      <c r="E7745" s="367"/>
      <c r="F7745" s="360"/>
      <c r="G7745" s="360"/>
      <c r="H7745" s="360"/>
      <c r="I7745" s="360"/>
      <c r="J7745" s="365"/>
      <c r="K7745" s="365"/>
      <c r="L7745" s="365"/>
    </row>
    <row r="7746" spans="2:12" ht="28.5">
      <c r="B7746" s="367"/>
      <c r="C7746" s="359" t="s">
        <v>18140</v>
      </c>
      <c r="D7746" s="367"/>
      <c r="E7746" s="367"/>
      <c r="F7746" s="359" t="s">
        <v>14424</v>
      </c>
      <c r="G7746" s="359" t="s">
        <v>14425</v>
      </c>
      <c r="H7746" s="359" t="s">
        <v>14381</v>
      </c>
      <c r="I7746" s="359" t="s">
        <v>28914</v>
      </c>
      <c r="J7746" s="365"/>
      <c r="K7746" s="365"/>
      <c r="L7746" s="365"/>
    </row>
    <row r="7747" spans="2:12">
      <c r="B7747" s="367"/>
      <c r="C7747" s="360"/>
      <c r="D7747" s="367"/>
      <c r="E7747" s="367"/>
      <c r="F7747" s="360"/>
      <c r="G7747" s="360"/>
      <c r="H7747" s="360"/>
      <c r="I7747" s="360"/>
      <c r="J7747" s="365"/>
      <c r="K7747" s="365"/>
      <c r="L7747" s="365"/>
    </row>
    <row r="7748" spans="2:12">
      <c r="B7748" s="367"/>
      <c r="C7748" s="360"/>
      <c r="D7748" s="367"/>
      <c r="E7748" s="367"/>
      <c r="F7748" s="359" t="s">
        <v>14420</v>
      </c>
      <c r="G7748" s="359" t="s">
        <v>14459</v>
      </c>
      <c r="H7748" s="359" t="s">
        <v>14367</v>
      </c>
      <c r="I7748" s="359" t="s">
        <v>14421</v>
      </c>
      <c r="J7748" s="365"/>
      <c r="K7748" s="365"/>
      <c r="L7748" s="365"/>
    </row>
    <row r="7749" spans="2:12">
      <c r="B7749" s="367"/>
      <c r="C7749" s="360"/>
      <c r="D7749" s="367"/>
      <c r="E7749" s="367"/>
      <c r="F7749" s="360"/>
      <c r="G7749" s="360"/>
      <c r="H7749" s="360"/>
      <c r="I7749" s="360"/>
      <c r="J7749" s="365"/>
      <c r="K7749" s="365"/>
      <c r="L7749" s="365"/>
    </row>
    <row r="7750" spans="2:12">
      <c r="B7750" s="367"/>
      <c r="C7750" s="360"/>
      <c r="D7750" s="367"/>
      <c r="E7750" s="367"/>
      <c r="F7750" s="359" t="s">
        <v>14420</v>
      </c>
      <c r="G7750" s="359" t="s">
        <v>14421</v>
      </c>
      <c r="H7750" s="359" t="s">
        <v>14332</v>
      </c>
      <c r="I7750" s="359" t="s">
        <v>14429</v>
      </c>
      <c r="J7750" s="365"/>
      <c r="K7750" s="365"/>
      <c r="L7750" s="365"/>
    </row>
    <row r="7751" spans="2:12">
      <c r="B7751" s="367"/>
      <c r="C7751" s="360"/>
      <c r="D7751" s="367"/>
      <c r="E7751" s="367"/>
      <c r="F7751" s="360"/>
      <c r="G7751" s="360"/>
      <c r="H7751" s="360"/>
      <c r="I7751" s="360"/>
      <c r="J7751" s="365"/>
      <c r="K7751" s="365"/>
      <c r="L7751" s="365"/>
    </row>
    <row r="7752" spans="2:12">
      <c r="B7752" s="368"/>
      <c r="C7752" s="362"/>
      <c r="D7752" s="368"/>
      <c r="E7752" s="368"/>
      <c r="F7752" s="361" t="s">
        <v>14420</v>
      </c>
      <c r="G7752" s="361" t="s">
        <v>14429</v>
      </c>
      <c r="H7752" s="362"/>
      <c r="I7752" s="362"/>
      <c r="J7752" s="366"/>
      <c r="K7752" s="366"/>
      <c r="L7752" s="366"/>
    </row>
    <row r="7753" spans="2:12">
      <c r="B7753" s="358" t="s">
        <v>13050</v>
      </c>
      <c r="C7753" s="358" t="s">
        <v>18141</v>
      </c>
      <c r="D7753" s="358" t="s">
        <v>444</v>
      </c>
      <c r="E7753" s="358" t="s">
        <v>445</v>
      </c>
      <c r="F7753" s="358" t="s">
        <v>14418</v>
      </c>
      <c r="G7753" s="358" t="s">
        <v>14419</v>
      </c>
      <c r="H7753" s="358" t="s">
        <v>14328</v>
      </c>
      <c r="I7753" s="358" t="s">
        <v>14419</v>
      </c>
      <c r="J7753" s="358"/>
      <c r="K7753" s="358"/>
      <c r="L7753" s="358"/>
    </row>
    <row r="7754" spans="2:12">
      <c r="B7754" s="367"/>
      <c r="C7754" s="360"/>
      <c r="D7754" s="367"/>
      <c r="E7754" s="367"/>
      <c r="F7754" s="360"/>
      <c r="G7754" s="360"/>
      <c r="H7754" s="360"/>
      <c r="I7754" s="360"/>
      <c r="J7754" s="365"/>
      <c r="K7754" s="365"/>
      <c r="L7754" s="365"/>
    </row>
    <row r="7755" spans="2:12" ht="28.5">
      <c r="B7755" s="367"/>
      <c r="C7755" s="359" t="s">
        <v>18142</v>
      </c>
      <c r="D7755" s="367"/>
      <c r="E7755" s="367"/>
      <c r="F7755" s="359" t="s">
        <v>14424</v>
      </c>
      <c r="G7755" s="359" t="s">
        <v>14425</v>
      </c>
      <c r="H7755" s="359" t="s">
        <v>14381</v>
      </c>
      <c r="I7755" s="359" t="s">
        <v>28915</v>
      </c>
      <c r="J7755" s="365"/>
      <c r="K7755" s="365"/>
      <c r="L7755" s="365"/>
    </row>
    <row r="7756" spans="2:12">
      <c r="B7756" s="367"/>
      <c r="C7756" s="360"/>
      <c r="D7756" s="367"/>
      <c r="E7756" s="367"/>
      <c r="F7756" s="360"/>
      <c r="G7756" s="360"/>
      <c r="H7756" s="360"/>
      <c r="I7756" s="360"/>
      <c r="J7756" s="365"/>
      <c r="K7756" s="365"/>
      <c r="L7756" s="365"/>
    </row>
    <row r="7757" spans="2:12">
      <c r="B7757" s="367"/>
      <c r="C7757" s="360"/>
      <c r="D7757" s="367"/>
      <c r="E7757" s="367"/>
      <c r="F7757" s="359" t="s">
        <v>14656</v>
      </c>
      <c r="G7757" s="359" t="s">
        <v>14483</v>
      </c>
      <c r="H7757" s="359" t="s">
        <v>14378</v>
      </c>
      <c r="I7757" s="359" t="s">
        <v>14429</v>
      </c>
      <c r="J7757" s="365"/>
      <c r="K7757" s="365"/>
      <c r="L7757" s="365"/>
    </row>
    <row r="7758" spans="2:12">
      <c r="B7758" s="367"/>
      <c r="C7758" s="360"/>
      <c r="D7758" s="367"/>
      <c r="E7758" s="367"/>
      <c r="F7758" s="360"/>
      <c r="G7758" s="360"/>
      <c r="H7758" s="360"/>
      <c r="I7758" s="360"/>
      <c r="J7758" s="365"/>
      <c r="K7758" s="365"/>
      <c r="L7758" s="365"/>
    </row>
    <row r="7759" spans="2:12">
      <c r="B7759" s="368"/>
      <c r="C7759" s="362"/>
      <c r="D7759" s="368"/>
      <c r="E7759" s="368"/>
      <c r="F7759" s="361" t="s">
        <v>15089</v>
      </c>
      <c r="G7759" s="361" t="s">
        <v>14429</v>
      </c>
      <c r="H7759" s="361" t="s">
        <v>14332</v>
      </c>
      <c r="I7759" s="362"/>
      <c r="J7759" s="366"/>
      <c r="K7759" s="366"/>
      <c r="L7759" s="366"/>
    </row>
    <row r="7760" spans="2:12">
      <c r="B7760" s="358" t="s">
        <v>18143</v>
      </c>
      <c r="C7760" s="358" t="s">
        <v>18144</v>
      </c>
      <c r="D7760" s="358" t="s">
        <v>18145</v>
      </c>
      <c r="E7760" s="358" t="s">
        <v>18146</v>
      </c>
      <c r="F7760" s="358" t="s">
        <v>14420</v>
      </c>
      <c r="G7760" s="358" t="s">
        <v>14459</v>
      </c>
      <c r="H7760" s="358" t="s">
        <v>14367</v>
      </c>
      <c r="I7760" s="358" t="s">
        <v>14459</v>
      </c>
      <c r="J7760" s="358"/>
      <c r="K7760" s="358"/>
      <c r="L7760" s="358"/>
    </row>
    <row r="7761" spans="2:12">
      <c r="B7761" s="367"/>
      <c r="C7761" s="360"/>
      <c r="D7761" s="367"/>
      <c r="E7761" s="367"/>
      <c r="F7761" s="360"/>
      <c r="G7761" s="360"/>
      <c r="H7761" s="360"/>
      <c r="I7761" s="360"/>
      <c r="J7761" s="365"/>
      <c r="K7761" s="365"/>
      <c r="L7761" s="365"/>
    </row>
    <row r="7762" spans="2:12">
      <c r="B7762" s="367"/>
      <c r="C7762" s="359" t="s">
        <v>18147</v>
      </c>
      <c r="D7762" s="367"/>
      <c r="E7762" s="367"/>
      <c r="F7762" s="359" t="s">
        <v>14420</v>
      </c>
      <c r="G7762" s="359" t="s">
        <v>14421</v>
      </c>
      <c r="H7762" s="359" t="s">
        <v>14422</v>
      </c>
      <c r="I7762" s="359" t="s">
        <v>14421</v>
      </c>
      <c r="J7762" s="365"/>
      <c r="K7762" s="365"/>
      <c r="L7762" s="365"/>
    </row>
    <row r="7763" spans="2:12">
      <c r="B7763" s="367"/>
      <c r="C7763" s="360"/>
      <c r="D7763" s="367"/>
      <c r="E7763" s="367"/>
      <c r="F7763" s="360"/>
      <c r="G7763" s="360"/>
      <c r="H7763" s="360"/>
      <c r="I7763" s="360"/>
      <c r="J7763" s="365"/>
      <c r="K7763" s="365"/>
      <c r="L7763" s="365"/>
    </row>
    <row r="7764" spans="2:12">
      <c r="B7764" s="368"/>
      <c r="C7764" s="362"/>
      <c r="D7764" s="368"/>
      <c r="E7764" s="368"/>
      <c r="F7764" s="361" t="s">
        <v>14386</v>
      </c>
      <c r="G7764" s="361" t="s">
        <v>14387</v>
      </c>
      <c r="H7764" s="362"/>
      <c r="I7764" s="361" t="s">
        <v>14387</v>
      </c>
      <c r="J7764" s="366"/>
      <c r="K7764" s="366"/>
      <c r="L7764" s="366"/>
    </row>
    <row r="7765" spans="2:12">
      <c r="B7765" s="358" t="s">
        <v>18148</v>
      </c>
      <c r="C7765" s="358" t="s">
        <v>18149</v>
      </c>
      <c r="D7765" s="358" t="s">
        <v>18150</v>
      </c>
      <c r="E7765" s="358" t="s">
        <v>18151</v>
      </c>
      <c r="F7765" s="358" t="s">
        <v>14420</v>
      </c>
      <c r="G7765" s="358" t="s">
        <v>14459</v>
      </c>
      <c r="H7765" s="358" t="s">
        <v>14367</v>
      </c>
      <c r="I7765" s="358" t="s">
        <v>14459</v>
      </c>
      <c r="J7765" s="358"/>
      <c r="K7765" s="358"/>
      <c r="L7765" s="358"/>
    </row>
    <row r="7766" spans="2:12">
      <c r="B7766" s="367"/>
      <c r="C7766" s="360"/>
      <c r="D7766" s="367"/>
      <c r="E7766" s="367"/>
      <c r="F7766" s="360"/>
      <c r="G7766" s="360"/>
      <c r="H7766" s="360"/>
      <c r="I7766" s="360"/>
      <c r="J7766" s="365"/>
      <c r="K7766" s="365"/>
      <c r="L7766" s="365"/>
    </row>
    <row r="7767" spans="2:12">
      <c r="B7767" s="367"/>
      <c r="C7767" s="359" t="s">
        <v>28916</v>
      </c>
      <c r="D7767" s="367"/>
      <c r="E7767" s="367"/>
      <c r="F7767" s="359" t="s">
        <v>14420</v>
      </c>
      <c r="G7767" s="359" t="s">
        <v>14421</v>
      </c>
      <c r="H7767" s="359" t="s">
        <v>14422</v>
      </c>
      <c r="I7767" s="359" t="s">
        <v>14421</v>
      </c>
      <c r="J7767" s="365"/>
      <c r="K7767" s="365"/>
      <c r="L7767" s="365"/>
    </row>
    <row r="7768" spans="2:12">
      <c r="B7768" s="367"/>
      <c r="C7768" s="360"/>
      <c r="D7768" s="367"/>
      <c r="E7768" s="367"/>
      <c r="F7768" s="360"/>
      <c r="G7768" s="360"/>
      <c r="H7768" s="360"/>
      <c r="I7768" s="360"/>
      <c r="J7768" s="365"/>
      <c r="K7768" s="365"/>
      <c r="L7768" s="365"/>
    </row>
    <row r="7769" spans="2:12">
      <c r="B7769" s="367"/>
      <c r="C7769" s="359" t="s">
        <v>18152</v>
      </c>
      <c r="D7769" s="367"/>
      <c r="E7769" s="367"/>
      <c r="F7769" s="359" t="s">
        <v>14420</v>
      </c>
      <c r="G7769" s="359" t="s">
        <v>14429</v>
      </c>
      <c r="H7769" s="360"/>
      <c r="I7769" s="359" t="s">
        <v>14429</v>
      </c>
      <c r="J7769" s="365"/>
      <c r="K7769" s="365"/>
      <c r="L7769" s="365"/>
    </row>
    <row r="7770" spans="2:12">
      <c r="B7770" s="367"/>
      <c r="C7770" s="360"/>
      <c r="D7770" s="367"/>
      <c r="E7770" s="367"/>
      <c r="F7770" s="360"/>
      <c r="G7770" s="360"/>
      <c r="H7770" s="360"/>
      <c r="I7770" s="360"/>
      <c r="J7770" s="365"/>
      <c r="K7770" s="365"/>
      <c r="L7770" s="365"/>
    </row>
    <row r="7771" spans="2:12">
      <c r="B7771" s="367"/>
      <c r="C7771" s="360"/>
      <c r="D7771" s="367"/>
      <c r="E7771" s="367"/>
      <c r="F7771" s="359" t="s">
        <v>14386</v>
      </c>
      <c r="G7771" s="359" t="s">
        <v>14387</v>
      </c>
      <c r="H7771" s="360"/>
      <c r="I7771" s="359" t="s">
        <v>14387</v>
      </c>
      <c r="J7771" s="365"/>
      <c r="K7771" s="365"/>
      <c r="L7771" s="365"/>
    </row>
    <row r="7772" spans="2:12">
      <c r="B7772" s="367"/>
      <c r="C7772" s="360"/>
      <c r="D7772" s="367"/>
      <c r="E7772" s="367"/>
      <c r="F7772" s="360"/>
      <c r="G7772" s="360"/>
      <c r="H7772" s="360"/>
      <c r="I7772" s="360"/>
      <c r="J7772" s="365"/>
      <c r="K7772" s="365"/>
      <c r="L7772" s="365"/>
    </row>
    <row r="7773" spans="2:12">
      <c r="B7773" s="368"/>
      <c r="C7773" s="362"/>
      <c r="D7773" s="368"/>
      <c r="E7773" s="368"/>
      <c r="F7773" s="361" t="s">
        <v>14389</v>
      </c>
      <c r="G7773" s="361" t="s">
        <v>14390</v>
      </c>
      <c r="H7773" s="362"/>
      <c r="I7773" s="361" t="s">
        <v>14390</v>
      </c>
      <c r="J7773" s="366"/>
      <c r="K7773" s="366"/>
      <c r="L7773" s="366"/>
    </row>
    <row r="7774" spans="2:12">
      <c r="B7774" s="358" t="s">
        <v>18153</v>
      </c>
      <c r="C7774" s="358" t="s">
        <v>18154</v>
      </c>
      <c r="D7774" s="358" t="s">
        <v>18155</v>
      </c>
      <c r="E7774" s="358" t="s">
        <v>18156</v>
      </c>
      <c r="F7774" s="358" t="s">
        <v>14505</v>
      </c>
      <c r="G7774" s="358" t="s">
        <v>14506</v>
      </c>
      <c r="H7774" s="358" t="s">
        <v>14328</v>
      </c>
      <c r="I7774" s="358" t="s">
        <v>14506</v>
      </c>
      <c r="J7774" s="358"/>
      <c r="K7774" s="358"/>
      <c r="L7774" s="358"/>
    </row>
    <row r="7775" spans="2:12">
      <c r="B7775" s="367"/>
      <c r="C7775" s="367"/>
      <c r="D7775" s="367"/>
      <c r="E7775" s="367"/>
      <c r="F7775" s="360"/>
      <c r="G7775" s="360"/>
      <c r="H7775" s="360"/>
      <c r="I7775" s="360"/>
      <c r="J7775" s="365"/>
      <c r="K7775" s="365"/>
      <c r="L7775" s="365"/>
    </row>
    <row r="7776" spans="2:12">
      <c r="B7776" s="367"/>
      <c r="C7776" s="367"/>
      <c r="D7776" s="367"/>
      <c r="E7776" s="367"/>
      <c r="F7776" s="359" t="s">
        <v>14382</v>
      </c>
      <c r="G7776" s="359" t="s">
        <v>14483</v>
      </c>
      <c r="H7776" s="359" t="s">
        <v>14378</v>
      </c>
      <c r="I7776" s="359" t="s">
        <v>14483</v>
      </c>
      <c r="J7776" s="365"/>
      <c r="K7776" s="365"/>
      <c r="L7776" s="365"/>
    </row>
    <row r="7777" spans="2:12">
      <c r="B7777" s="367"/>
      <c r="C7777" s="367"/>
      <c r="D7777" s="367"/>
      <c r="E7777" s="367"/>
      <c r="F7777" s="360"/>
      <c r="G7777" s="360"/>
      <c r="H7777" s="360"/>
      <c r="I7777" s="360"/>
      <c r="J7777" s="365"/>
      <c r="K7777" s="365"/>
      <c r="L7777" s="365"/>
    </row>
    <row r="7778" spans="2:12">
      <c r="B7778" s="367"/>
      <c r="C7778" s="367"/>
      <c r="D7778" s="367"/>
      <c r="E7778" s="367"/>
      <c r="F7778" s="359" t="s">
        <v>14382</v>
      </c>
      <c r="G7778" s="359" t="s">
        <v>14579</v>
      </c>
      <c r="H7778" s="359" t="s">
        <v>14370</v>
      </c>
      <c r="I7778" s="359" t="s">
        <v>14579</v>
      </c>
      <c r="J7778" s="365"/>
      <c r="K7778" s="365"/>
      <c r="L7778" s="365"/>
    </row>
    <row r="7779" spans="2:12">
      <c r="B7779" s="367"/>
      <c r="C7779" s="367"/>
      <c r="D7779" s="367"/>
      <c r="E7779" s="367"/>
      <c r="F7779" s="360"/>
      <c r="G7779" s="360"/>
      <c r="H7779" s="360"/>
      <c r="I7779" s="360"/>
      <c r="J7779" s="365"/>
      <c r="K7779" s="365"/>
      <c r="L7779" s="365"/>
    </row>
    <row r="7780" spans="2:12">
      <c r="B7780" s="367"/>
      <c r="C7780" s="367"/>
      <c r="D7780" s="367"/>
      <c r="E7780" s="367"/>
      <c r="F7780" s="359" t="s">
        <v>14382</v>
      </c>
      <c r="G7780" s="359" t="s">
        <v>14383</v>
      </c>
      <c r="H7780" s="359" t="s">
        <v>14332</v>
      </c>
      <c r="I7780" s="359" t="s">
        <v>14383</v>
      </c>
      <c r="J7780" s="365"/>
      <c r="K7780" s="365"/>
      <c r="L7780" s="365"/>
    </row>
    <row r="7781" spans="2:12">
      <c r="B7781" s="367"/>
      <c r="C7781" s="367"/>
      <c r="D7781" s="367"/>
      <c r="E7781" s="367"/>
      <c r="F7781" s="360"/>
      <c r="G7781" s="360"/>
      <c r="H7781" s="360"/>
      <c r="I7781" s="360"/>
      <c r="J7781" s="365"/>
      <c r="K7781" s="365"/>
      <c r="L7781" s="365"/>
    </row>
    <row r="7782" spans="2:12">
      <c r="B7782" s="367"/>
      <c r="C7782" s="367"/>
      <c r="D7782" s="367"/>
      <c r="E7782" s="367"/>
      <c r="F7782" s="359" t="s">
        <v>14386</v>
      </c>
      <c r="G7782" s="359" t="s">
        <v>14387</v>
      </c>
      <c r="H7782" s="360"/>
      <c r="I7782" s="359" t="s">
        <v>14387</v>
      </c>
      <c r="J7782" s="365"/>
      <c r="K7782" s="365"/>
      <c r="L7782" s="365"/>
    </row>
    <row r="7783" spans="2:12">
      <c r="B7783" s="367"/>
      <c r="C7783" s="367"/>
      <c r="D7783" s="367"/>
      <c r="E7783" s="367"/>
      <c r="F7783" s="360"/>
      <c r="G7783" s="360"/>
      <c r="H7783" s="360"/>
      <c r="I7783" s="360"/>
      <c r="J7783" s="365"/>
      <c r="K7783" s="365"/>
      <c r="L7783" s="365"/>
    </row>
    <row r="7784" spans="2:12">
      <c r="B7784" s="367"/>
      <c r="C7784" s="367"/>
      <c r="D7784" s="367"/>
      <c r="E7784" s="367"/>
      <c r="F7784" s="359" t="s">
        <v>14368</v>
      </c>
      <c r="G7784" s="359" t="s">
        <v>14388</v>
      </c>
      <c r="H7784" s="360"/>
      <c r="I7784" s="359" t="s">
        <v>14388</v>
      </c>
      <c r="J7784" s="365"/>
      <c r="K7784" s="365"/>
      <c r="L7784" s="365"/>
    </row>
    <row r="7785" spans="2:12">
      <c r="B7785" s="367"/>
      <c r="C7785" s="367"/>
      <c r="D7785" s="367"/>
      <c r="E7785" s="367"/>
      <c r="F7785" s="360"/>
      <c r="G7785" s="360"/>
      <c r="H7785" s="360"/>
      <c r="I7785" s="360"/>
      <c r="J7785" s="365"/>
      <c r="K7785" s="365"/>
      <c r="L7785" s="365"/>
    </row>
    <row r="7786" spans="2:12">
      <c r="B7786" s="367"/>
      <c r="C7786" s="367"/>
      <c r="D7786" s="367"/>
      <c r="E7786" s="367"/>
      <c r="F7786" s="359" t="s">
        <v>14389</v>
      </c>
      <c r="G7786" s="359" t="s">
        <v>14390</v>
      </c>
      <c r="H7786" s="360"/>
      <c r="I7786" s="359" t="s">
        <v>14390</v>
      </c>
      <c r="J7786" s="365"/>
      <c r="K7786" s="365"/>
      <c r="L7786" s="365"/>
    </row>
    <row r="7787" spans="2:12">
      <c r="B7787" s="367"/>
      <c r="C7787" s="367"/>
      <c r="D7787" s="367"/>
      <c r="E7787" s="367"/>
      <c r="F7787" s="360"/>
      <c r="G7787" s="360"/>
      <c r="H7787" s="360"/>
      <c r="I7787" s="360"/>
      <c r="J7787" s="365"/>
      <c r="K7787" s="365"/>
      <c r="L7787" s="365"/>
    </row>
    <row r="7788" spans="2:12">
      <c r="B7788" s="368"/>
      <c r="C7788" s="368"/>
      <c r="D7788" s="368"/>
      <c r="E7788" s="368"/>
      <c r="F7788" s="361" t="s">
        <v>14371</v>
      </c>
      <c r="G7788" s="361" t="s">
        <v>14372</v>
      </c>
      <c r="H7788" s="362"/>
      <c r="I7788" s="361" t="s">
        <v>14372</v>
      </c>
      <c r="J7788" s="366"/>
      <c r="K7788" s="366"/>
      <c r="L7788" s="366"/>
    </row>
    <row r="7789" spans="2:12" ht="42.75">
      <c r="B7789" s="358" t="s">
        <v>18157</v>
      </c>
      <c r="C7789" s="358" t="s">
        <v>28917</v>
      </c>
      <c r="D7789" s="358" t="s">
        <v>18158</v>
      </c>
      <c r="E7789" s="358" t="s">
        <v>18159</v>
      </c>
      <c r="F7789" s="358" t="s">
        <v>14386</v>
      </c>
      <c r="G7789" s="358" t="s">
        <v>14387</v>
      </c>
      <c r="H7789" s="358" t="s">
        <v>14367</v>
      </c>
      <c r="I7789" s="358" t="s">
        <v>14387</v>
      </c>
      <c r="J7789" s="358"/>
      <c r="K7789" s="358" t="s">
        <v>28918</v>
      </c>
      <c r="L7789" s="358"/>
    </row>
    <row r="7790" spans="2:12">
      <c r="B7790" s="367"/>
      <c r="C7790" s="367"/>
      <c r="D7790" s="367"/>
      <c r="E7790" s="367"/>
      <c r="F7790" s="367"/>
      <c r="G7790" s="367"/>
      <c r="H7790" s="360"/>
      <c r="I7790" s="367"/>
      <c r="J7790" s="365"/>
      <c r="K7790" s="367"/>
      <c r="L7790" s="365"/>
    </row>
    <row r="7791" spans="2:12">
      <c r="B7791" s="368"/>
      <c r="C7791" s="368"/>
      <c r="D7791" s="368"/>
      <c r="E7791" s="368"/>
      <c r="F7791" s="368"/>
      <c r="G7791" s="368"/>
      <c r="H7791" s="361" t="s">
        <v>14422</v>
      </c>
      <c r="I7791" s="368"/>
      <c r="J7791" s="366"/>
      <c r="K7791" s="368"/>
      <c r="L7791" s="366"/>
    </row>
    <row r="7792" spans="2:12">
      <c r="B7792" s="358" t="s">
        <v>18160</v>
      </c>
      <c r="C7792" s="358" t="s">
        <v>18161</v>
      </c>
      <c r="D7792" s="358" t="s">
        <v>18162</v>
      </c>
      <c r="E7792" s="358" t="s">
        <v>18163</v>
      </c>
      <c r="F7792" s="358" t="s">
        <v>14443</v>
      </c>
      <c r="G7792" s="358" t="s">
        <v>14444</v>
      </c>
      <c r="H7792" s="358" t="s">
        <v>14378</v>
      </c>
      <c r="I7792" s="358" t="s">
        <v>14444</v>
      </c>
      <c r="J7792" s="358"/>
      <c r="K7792" s="358"/>
      <c r="L7792" s="358"/>
    </row>
    <row r="7793" spans="2:12">
      <c r="B7793" s="367"/>
      <c r="C7793" s="367"/>
      <c r="D7793" s="367"/>
      <c r="E7793" s="367"/>
      <c r="F7793" s="360"/>
      <c r="G7793" s="360"/>
      <c r="H7793" s="360"/>
      <c r="I7793" s="360"/>
      <c r="J7793" s="365"/>
      <c r="K7793" s="365"/>
      <c r="L7793" s="365"/>
    </row>
    <row r="7794" spans="2:12">
      <c r="B7794" s="367"/>
      <c r="C7794" s="367"/>
      <c r="D7794" s="367"/>
      <c r="E7794" s="367"/>
      <c r="F7794" s="359" t="s">
        <v>14382</v>
      </c>
      <c r="G7794" s="359" t="s">
        <v>14483</v>
      </c>
      <c r="H7794" s="359" t="s">
        <v>14381</v>
      </c>
      <c r="I7794" s="359" t="s">
        <v>14483</v>
      </c>
      <c r="J7794" s="365"/>
      <c r="K7794" s="365"/>
      <c r="L7794" s="365"/>
    </row>
    <row r="7795" spans="2:12">
      <c r="B7795" s="367"/>
      <c r="C7795" s="367"/>
      <c r="D7795" s="367"/>
      <c r="E7795" s="367"/>
      <c r="F7795" s="360"/>
      <c r="G7795" s="360"/>
      <c r="H7795" s="360"/>
      <c r="I7795" s="360"/>
      <c r="J7795" s="365"/>
      <c r="K7795" s="365"/>
      <c r="L7795" s="365"/>
    </row>
    <row r="7796" spans="2:12">
      <c r="B7796" s="367"/>
      <c r="C7796" s="367"/>
      <c r="D7796" s="367"/>
      <c r="E7796" s="367"/>
      <c r="F7796" s="359" t="s">
        <v>14420</v>
      </c>
      <c r="G7796" s="359" t="s">
        <v>14421</v>
      </c>
      <c r="H7796" s="359" t="s">
        <v>14332</v>
      </c>
      <c r="I7796" s="359" t="s">
        <v>14421</v>
      </c>
      <c r="J7796" s="365"/>
      <c r="K7796" s="365"/>
      <c r="L7796" s="365"/>
    </row>
    <row r="7797" spans="2:12">
      <c r="B7797" s="367"/>
      <c r="C7797" s="367"/>
      <c r="D7797" s="367"/>
      <c r="E7797" s="367"/>
      <c r="F7797" s="360"/>
      <c r="G7797" s="360"/>
      <c r="H7797" s="360"/>
      <c r="I7797" s="360"/>
      <c r="J7797" s="365"/>
      <c r="K7797" s="365"/>
      <c r="L7797" s="365"/>
    </row>
    <row r="7798" spans="2:12">
      <c r="B7798" s="367"/>
      <c r="C7798" s="367"/>
      <c r="D7798" s="367"/>
      <c r="E7798" s="367"/>
      <c r="F7798" s="359" t="s">
        <v>14420</v>
      </c>
      <c r="G7798" s="359" t="s">
        <v>14429</v>
      </c>
      <c r="H7798" s="360"/>
      <c r="I7798" s="359" t="s">
        <v>14429</v>
      </c>
      <c r="J7798" s="365"/>
      <c r="K7798" s="365"/>
      <c r="L7798" s="365"/>
    </row>
    <row r="7799" spans="2:12">
      <c r="B7799" s="367"/>
      <c r="C7799" s="367"/>
      <c r="D7799" s="367"/>
      <c r="E7799" s="367"/>
      <c r="F7799" s="360"/>
      <c r="G7799" s="360"/>
      <c r="H7799" s="360"/>
      <c r="I7799" s="360"/>
      <c r="J7799" s="365"/>
      <c r="K7799" s="365"/>
      <c r="L7799" s="365"/>
    </row>
    <row r="7800" spans="2:12">
      <c r="B7800" s="367"/>
      <c r="C7800" s="367"/>
      <c r="D7800" s="367"/>
      <c r="E7800" s="367"/>
      <c r="F7800" s="359" t="s">
        <v>14460</v>
      </c>
      <c r="G7800" s="359" t="s">
        <v>14461</v>
      </c>
      <c r="H7800" s="360"/>
      <c r="I7800" s="359" t="s">
        <v>14461</v>
      </c>
      <c r="J7800" s="365"/>
      <c r="K7800" s="365"/>
      <c r="L7800" s="365"/>
    </row>
    <row r="7801" spans="2:12">
      <c r="B7801" s="367"/>
      <c r="C7801" s="367"/>
      <c r="D7801" s="367"/>
      <c r="E7801" s="367"/>
      <c r="F7801" s="360"/>
      <c r="G7801" s="360"/>
      <c r="H7801" s="360"/>
      <c r="I7801" s="360"/>
      <c r="J7801" s="365"/>
      <c r="K7801" s="365"/>
      <c r="L7801" s="365"/>
    </row>
    <row r="7802" spans="2:12">
      <c r="B7802" s="367"/>
      <c r="C7802" s="367"/>
      <c r="D7802" s="367"/>
      <c r="E7802" s="367"/>
      <c r="F7802" s="359" t="s">
        <v>14386</v>
      </c>
      <c r="G7802" s="359" t="s">
        <v>14387</v>
      </c>
      <c r="H7802" s="360"/>
      <c r="I7802" s="359" t="s">
        <v>14387</v>
      </c>
      <c r="J7802" s="365"/>
      <c r="K7802" s="365"/>
      <c r="L7802" s="365"/>
    </row>
    <row r="7803" spans="2:12">
      <c r="B7803" s="367"/>
      <c r="C7803" s="367"/>
      <c r="D7803" s="367"/>
      <c r="E7803" s="367"/>
      <c r="F7803" s="360"/>
      <c r="G7803" s="360"/>
      <c r="H7803" s="360"/>
      <c r="I7803" s="360"/>
      <c r="J7803" s="365"/>
      <c r="K7803" s="365"/>
      <c r="L7803" s="365"/>
    </row>
    <row r="7804" spans="2:12">
      <c r="B7804" s="368"/>
      <c r="C7804" s="368"/>
      <c r="D7804" s="368"/>
      <c r="E7804" s="368"/>
      <c r="F7804" s="361" t="s">
        <v>14368</v>
      </c>
      <c r="G7804" s="361" t="s">
        <v>14388</v>
      </c>
      <c r="H7804" s="362"/>
      <c r="I7804" s="361" t="s">
        <v>14388</v>
      </c>
      <c r="J7804" s="366"/>
      <c r="K7804" s="366"/>
      <c r="L7804" s="366"/>
    </row>
    <row r="7805" spans="2:12">
      <c r="B7805" s="358" t="s">
        <v>18164</v>
      </c>
      <c r="C7805" s="358" t="s">
        <v>18165</v>
      </c>
      <c r="D7805" s="358" t="s">
        <v>18166</v>
      </c>
      <c r="E7805" s="358" t="s">
        <v>18167</v>
      </c>
      <c r="F7805" s="358" t="s">
        <v>14326</v>
      </c>
      <c r="G7805" s="358" t="s">
        <v>14327</v>
      </c>
      <c r="H7805" s="358" t="s">
        <v>14328</v>
      </c>
      <c r="I7805" s="358" t="s">
        <v>14327</v>
      </c>
      <c r="J7805" s="358"/>
      <c r="K7805" s="358"/>
      <c r="L7805" s="358" t="s">
        <v>14329</v>
      </c>
    </row>
    <row r="7806" spans="2:12">
      <c r="B7806" s="367"/>
      <c r="C7806" s="367"/>
      <c r="D7806" s="367"/>
      <c r="E7806" s="367"/>
      <c r="F7806" s="360"/>
      <c r="G7806" s="367"/>
      <c r="H7806" s="360"/>
      <c r="I7806" s="367"/>
      <c r="J7806" s="365"/>
      <c r="K7806" s="365"/>
      <c r="L7806" s="367"/>
    </row>
    <row r="7807" spans="2:12">
      <c r="B7807" s="367"/>
      <c r="C7807" s="367"/>
      <c r="D7807" s="367"/>
      <c r="E7807" s="367"/>
      <c r="F7807" s="359" t="s">
        <v>14330</v>
      </c>
      <c r="G7807" s="367"/>
      <c r="H7807" s="359" t="s">
        <v>14331</v>
      </c>
      <c r="I7807" s="367"/>
      <c r="J7807" s="365"/>
      <c r="K7807" s="365"/>
      <c r="L7807" s="367"/>
    </row>
    <row r="7808" spans="2:12">
      <c r="B7808" s="367"/>
      <c r="C7808" s="367"/>
      <c r="D7808" s="367"/>
      <c r="E7808" s="367"/>
      <c r="F7808" s="360"/>
      <c r="G7808" s="367"/>
      <c r="H7808" s="360"/>
      <c r="I7808" s="367"/>
      <c r="J7808" s="365"/>
      <c r="K7808" s="365"/>
      <c r="L7808" s="367"/>
    </row>
    <row r="7809" spans="2:12">
      <c r="B7809" s="368"/>
      <c r="C7809" s="368"/>
      <c r="D7809" s="368"/>
      <c r="E7809" s="368"/>
      <c r="F7809" s="362"/>
      <c r="G7809" s="368"/>
      <c r="H7809" s="361" t="s">
        <v>14332</v>
      </c>
      <c r="I7809" s="368"/>
      <c r="J7809" s="366"/>
      <c r="K7809" s="366"/>
      <c r="L7809" s="368"/>
    </row>
    <row r="7810" spans="2:12">
      <c r="B7810" s="358" t="s">
        <v>18168</v>
      </c>
      <c r="C7810" s="358" t="s">
        <v>18169</v>
      </c>
      <c r="D7810" s="358" t="s">
        <v>8356</v>
      </c>
      <c r="E7810" s="358" t="s">
        <v>18170</v>
      </c>
      <c r="F7810" s="358" t="s">
        <v>14326</v>
      </c>
      <c r="G7810" s="358" t="s">
        <v>14327</v>
      </c>
      <c r="H7810" s="358" t="s">
        <v>14328</v>
      </c>
      <c r="I7810" s="358" t="s">
        <v>14327</v>
      </c>
      <c r="J7810" s="358"/>
      <c r="K7810" s="358"/>
      <c r="L7810" s="358" t="s">
        <v>14329</v>
      </c>
    </row>
    <row r="7811" spans="2:12">
      <c r="B7811" s="367"/>
      <c r="C7811" s="367"/>
      <c r="D7811" s="367"/>
      <c r="E7811" s="367"/>
      <c r="F7811" s="360"/>
      <c r="G7811" s="367"/>
      <c r="H7811" s="360"/>
      <c r="I7811" s="367"/>
      <c r="J7811" s="365"/>
      <c r="K7811" s="365"/>
      <c r="L7811" s="367"/>
    </row>
    <row r="7812" spans="2:12">
      <c r="B7812" s="367"/>
      <c r="C7812" s="367"/>
      <c r="D7812" s="367"/>
      <c r="E7812" s="367"/>
      <c r="F7812" s="359" t="s">
        <v>14330</v>
      </c>
      <c r="G7812" s="367"/>
      <c r="H7812" s="359" t="s">
        <v>14331</v>
      </c>
      <c r="I7812" s="367"/>
      <c r="J7812" s="365"/>
      <c r="K7812" s="365"/>
      <c r="L7812" s="367"/>
    </row>
    <row r="7813" spans="2:12">
      <c r="B7813" s="367"/>
      <c r="C7813" s="367"/>
      <c r="D7813" s="367"/>
      <c r="E7813" s="367"/>
      <c r="F7813" s="360"/>
      <c r="G7813" s="367"/>
      <c r="H7813" s="360"/>
      <c r="I7813" s="367"/>
      <c r="J7813" s="365"/>
      <c r="K7813" s="365"/>
      <c r="L7813" s="367"/>
    </row>
    <row r="7814" spans="2:12">
      <c r="B7814" s="368"/>
      <c r="C7814" s="368"/>
      <c r="D7814" s="368"/>
      <c r="E7814" s="368"/>
      <c r="F7814" s="362"/>
      <c r="G7814" s="368"/>
      <c r="H7814" s="361" t="s">
        <v>14332</v>
      </c>
      <c r="I7814" s="368"/>
      <c r="J7814" s="366"/>
      <c r="K7814" s="366"/>
      <c r="L7814" s="368"/>
    </row>
    <row r="7815" spans="2:12">
      <c r="B7815" s="358" t="s">
        <v>18171</v>
      </c>
      <c r="C7815" s="358" t="s">
        <v>18172</v>
      </c>
      <c r="D7815" s="358" t="s">
        <v>18173</v>
      </c>
      <c r="E7815" s="358" t="s">
        <v>18174</v>
      </c>
      <c r="F7815" s="358" t="s">
        <v>14326</v>
      </c>
      <c r="G7815" s="358" t="s">
        <v>14327</v>
      </c>
      <c r="H7815" s="358" t="s">
        <v>14328</v>
      </c>
      <c r="I7815" s="358" t="s">
        <v>14327</v>
      </c>
      <c r="J7815" s="358"/>
      <c r="K7815" s="358"/>
      <c r="L7815" s="358" t="s">
        <v>17435</v>
      </c>
    </row>
    <row r="7816" spans="2:12">
      <c r="B7816" s="367"/>
      <c r="C7816" s="367"/>
      <c r="D7816" s="367"/>
      <c r="E7816" s="367"/>
      <c r="F7816" s="360"/>
      <c r="G7816" s="367"/>
      <c r="H7816" s="360"/>
      <c r="I7816" s="367"/>
      <c r="J7816" s="365"/>
      <c r="K7816" s="365"/>
      <c r="L7816" s="367"/>
    </row>
    <row r="7817" spans="2:12">
      <c r="B7817" s="367"/>
      <c r="C7817" s="367"/>
      <c r="D7817" s="367"/>
      <c r="E7817" s="367"/>
      <c r="F7817" s="359" t="s">
        <v>14330</v>
      </c>
      <c r="G7817" s="367"/>
      <c r="H7817" s="359" t="s">
        <v>14331</v>
      </c>
      <c r="I7817" s="367"/>
      <c r="J7817" s="365"/>
      <c r="K7817" s="365"/>
      <c r="L7817" s="367"/>
    </row>
    <row r="7818" spans="2:12">
      <c r="B7818" s="367"/>
      <c r="C7818" s="367"/>
      <c r="D7818" s="367"/>
      <c r="E7818" s="367"/>
      <c r="F7818" s="360"/>
      <c r="G7818" s="367"/>
      <c r="H7818" s="360"/>
      <c r="I7818" s="367"/>
      <c r="J7818" s="365"/>
      <c r="K7818" s="365"/>
      <c r="L7818" s="367"/>
    </row>
    <row r="7819" spans="2:12">
      <c r="B7819" s="368"/>
      <c r="C7819" s="368"/>
      <c r="D7819" s="368"/>
      <c r="E7819" s="368"/>
      <c r="F7819" s="362"/>
      <c r="G7819" s="368"/>
      <c r="H7819" s="361" t="s">
        <v>14332</v>
      </c>
      <c r="I7819" s="368"/>
      <c r="J7819" s="366"/>
      <c r="K7819" s="366"/>
      <c r="L7819" s="368"/>
    </row>
    <row r="7820" spans="2:12">
      <c r="B7820" s="358" t="s">
        <v>18175</v>
      </c>
      <c r="C7820" s="358" t="s">
        <v>18176</v>
      </c>
      <c r="D7820" s="358" t="s">
        <v>18177</v>
      </c>
      <c r="E7820" s="358" t="s">
        <v>18178</v>
      </c>
      <c r="F7820" s="358" t="s">
        <v>14524</v>
      </c>
      <c r="G7820" s="358" t="s">
        <v>14525</v>
      </c>
      <c r="H7820" s="358" t="s">
        <v>14328</v>
      </c>
      <c r="I7820" s="358" t="s">
        <v>14525</v>
      </c>
      <c r="J7820" s="358" t="s">
        <v>17546</v>
      </c>
      <c r="K7820" s="358"/>
      <c r="L7820" s="358"/>
    </row>
    <row r="7821" spans="2:12">
      <c r="B7821" s="367"/>
      <c r="C7821" s="360"/>
      <c r="D7821" s="367"/>
      <c r="E7821" s="367"/>
      <c r="F7821" s="360"/>
      <c r="G7821" s="360"/>
      <c r="H7821" s="360"/>
      <c r="I7821" s="360"/>
      <c r="J7821" s="360"/>
      <c r="K7821" s="365"/>
      <c r="L7821" s="365"/>
    </row>
    <row r="7822" spans="2:12">
      <c r="B7822" s="367"/>
      <c r="C7822" s="359" t="s">
        <v>18179</v>
      </c>
      <c r="D7822" s="367"/>
      <c r="E7822" s="367"/>
      <c r="F7822" s="359" t="s">
        <v>14420</v>
      </c>
      <c r="G7822" s="359" t="s">
        <v>14429</v>
      </c>
      <c r="H7822" s="359" t="s">
        <v>14367</v>
      </c>
      <c r="I7822" s="359" t="s">
        <v>14429</v>
      </c>
      <c r="J7822" s="359" t="s">
        <v>17309</v>
      </c>
      <c r="K7822" s="365"/>
      <c r="L7822" s="365"/>
    </row>
    <row r="7823" spans="2:12">
      <c r="B7823" s="367"/>
      <c r="C7823" s="360"/>
      <c r="D7823" s="367"/>
      <c r="E7823" s="367"/>
      <c r="F7823" s="360"/>
      <c r="G7823" s="360"/>
      <c r="H7823" s="360"/>
      <c r="I7823" s="360"/>
      <c r="J7823" s="360"/>
      <c r="K7823" s="365"/>
      <c r="L7823" s="365"/>
    </row>
    <row r="7824" spans="2:12">
      <c r="B7824" s="368"/>
      <c r="C7824" s="362"/>
      <c r="D7824" s="368"/>
      <c r="E7824" s="368"/>
      <c r="F7824" s="361" t="s">
        <v>14368</v>
      </c>
      <c r="G7824" s="361" t="s">
        <v>14369</v>
      </c>
      <c r="H7824" s="361" t="s">
        <v>14332</v>
      </c>
      <c r="I7824" s="361" t="s">
        <v>14369</v>
      </c>
      <c r="J7824" s="362"/>
      <c r="K7824" s="366"/>
      <c r="L7824" s="366"/>
    </row>
    <row r="7825" spans="2:12">
      <c r="B7825" s="358" t="s">
        <v>10339</v>
      </c>
      <c r="C7825" s="358" t="s">
        <v>18180</v>
      </c>
      <c r="D7825" s="358" t="s">
        <v>10340</v>
      </c>
      <c r="E7825" s="358" t="s">
        <v>10341</v>
      </c>
      <c r="F7825" s="358" t="s">
        <v>14330</v>
      </c>
      <c r="G7825" s="358" t="s">
        <v>14327</v>
      </c>
      <c r="H7825" s="358" t="s">
        <v>14328</v>
      </c>
      <c r="I7825" s="358" t="s">
        <v>14327</v>
      </c>
      <c r="J7825" s="358"/>
      <c r="K7825" s="358"/>
      <c r="L7825" s="358" t="s">
        <v>14329</v>
      </c>
    </row>
    <row r="7826" spans="2:12">
      <c r="B7826" s="367"/>
      <c r="C7826" s="360"/>
      <c r="D7826" s="367"/>
      <c r="E7826" s="367"/>
      <c r="F7826" s="360"/>
      <c r="G7826" s="360"/>
      <c r="H7826" s="360"/>
      <c r="I7826" s="360"/>
      <c r="J7826" s="365"/>
      <c r="K7826" s="365"/>
      <c r="L7826" s="367"/>
    </row>
    <row r="7827" spans="2:12">
      <c r="B7827" s="367"/>
      <c r="C7827" s="359" t="s">
        <v>18181</v>
      </c>
      <c r="D7827" s="367"/>
      <c r="E7827" s="367"/>
      <c r="F7827" s="359" t="s">
        <v>14326</v>
      </c>
      <c r="G7827" s="359" t="s">
        <v>14669</v>
      </c>
      <c r="H7827" s="359" t="s">
        <v>14331</v>
      </c>
      <c r="I7827" s="359" t="s">
        <v>14669</v>
      </c>
      <c r="J7827" s="365"/>
      <c r="K7827" s="365"/>
      <c r="L7827" s="367"/>
    </row>
    <row r="7828" spans="2:12">
      <c r="B7828" s="367"/>
      <c r="C7828" s="360"/>
      <c r="D7828" s="367"/>
      <c r="E7828" s="367"/>
      <c r="F7828" s="360"/>
      <c r="G7828" s="360"/>
      <c r="H7828" s="360"/>
      <c r="I7828" s="360"/>
      <c r="J7828" s="365"/>
      <c r="K7828" s="365"/>
      <c r="L7828" s="367"/>
    </row>
    <row r="7829" spans="2:12">
      <c r="B7829" s="367"/>
      <c r="C7829" s="360"/>
      <c r="D7829" s="367"/>
      <c r="E7829" s="367"/>
      <c r="F7829" s="359" t="s">
        <v>14376</v>
      </c>
      <c r="G7829" s="359" t="s">
        <v>14890</v>
      </c>
      <c r="H7829" s="359" t="s">
        <v>14378</v>
      </c>
      <c r="I7829" s="359" t="s">
        <v>14890</v>
      </c>
      <c r="J7829" s="365"/>
      <c r="K7829" s="365"/>
      <c r="L7829" s="367"/>
    </row>
    <row r="7830" spans="2:12">
      <c r="B7830" s="367"/>
      <c r="C7830" s="360"/>
      <c r="D7830" s="367"/>
      <c r="E7830" s="367"/>
      <c r="F7830" s="360"/>
      <c r="G7830" s="360"/>
      <c r="H7830" s="360"/>
      <c r="I7830" s="360"/>
      <c r="J7830" s="365"/>
      <c r="K7830" s="365"/>
      <c r="L7830" s="367"/>
    </row>
    <row r="7831" spans="2:12">
      <c r="B7831" s="367"/>
      <c r="C7831" s="360"/>
      <c r="D7831" s="367"/>
      <c r="E7831" s="367"/>
      <c r="F7831" s="359" t="s">
        <v>14889</v>
      </c>
      <c r="G7831" s="359" t="s">
        <v>14483</v>
      </c>
      <c r="H7831" s="359" t="s">
        <v>14381</v>
      </c>
      <c r="I7831" s="359" t="s">
        <v>14483</v>
      </c>
      <c r="J7831" s="365"/>
      <c r="K7831" s="365"/>
      <c r="L7831" s="367"/>
    </row>
    <row r="7832" spans="2:12">
      <c r="B7832" s="367"/>
      <c r="C7832" s="360"/>
      <c r="D7832" s="367"/>
      <c r="E7832" s="367"/>
      <c r="F7832" s="360"/>
      <c r="G7832" s="360"/>
      <c r="H7832" s="360"/>
      <c r="I7832" s="360"/>
      <c r="J7832" s="365"/>
      <c r="K7832" s="365"/>
      <c r="L7832" s="367"/>
    </row>
    <row r="7833" spans="2:12">
      <c r="B7833" s="367"/>
      <c r="C7833" s="360"/>
      <c r="D7833" s="367"/>
      <c r="E7833" s="367"/>
      <c r="F7833" s="359" t="s">
        <v>14382</v>
      </c>
      <c r="G7833" s="359" t="s">
        <v>14387</v>
      </c>
      <c r="H7833" s="359" t="s">
        <v>14332</v>
      </c>
      <c r="I7833" s="359" t="s">
        <v>14387</v>
      </c>
      <c r="J7833" s="365"/>
      <c r="K7833" s="365"/>
      <c r="L7833" s="367"/>
    </row>
    <row r="7834" spans="2:12">
      <c r="B7834" s="367"/>
      <c r="C7834" s="360"/>
      <c r="D7834" s="367"/>
      <c r="E7834" s="367"/>
      <c r="F7834" s="360"/>
      <c r="G7834" s="360"/>
      <c r="H7834" s="360"/>
      <c r="I7834" s="360"/>
      <c r="J7834" s="365"/>
      <c r="K7834" s="365"/>
      <c r="L7834" s="367"/>
    </row>
    <row r="7835" spans="2:12">
      <c r="B7835" s="367"/>
      <c r="C7835" s="360"/>
      <c r="D7835" s="367"/>
      <c r="E7835" s="367"/>
      <c r="F7835" s="359" t="s">
        <v>14386</v>
      </c>
      <c r="G7835" s="359" t="s">
        <v>14388</v>
      </c>
      <c r="H7835" s="360"/>
      <c r="I7835" s="359" t="s">
        <v>14388</v>
      </c>
      <c r="J7835" s="365"/>
      <c r="K7835" s="365"/>
      <c r="L7835" s="367"/>
    </row>
    <row r="7836" spans="2:12">
      <c r="B7836" s="367"/>
      <c r="C7836" s="360"/>
      <c r="D7836" s="367"/>
      <c r="E7836" s="367"/>
      <c r="F7836" s="360"/>
      <c r="G7836" s="360"/>
      <c r="H7836" s="360"/>
      <c r="I7836" s="360"/>
      <c r="J7836" s="365"/>
      <c r="K7836" s="365"/>
      <c r="L7836" s="367"/>
    </row>
    <row r="7837" spans="2:12">
      <c r="B7837" s="367"/>
      <c r="C7837" s="360"/>
      <c r="D7837" s="367"/>
      <c r="E7837" s="367"/>
      <c r="F7837" s="359" t="s">
        <v>14368</v>
      </c>
      <c r="G7837" s="359" t="s">
        <v>14390</v>
      </c>
      <c r="H7837" s="360"/>
      <c r="I7837" s="359" t="s">
        <v>14390</v>
      </c>
      <c r="J7837" s="365"/>
      <c r="K7837" s="365"/>
      <c r="L7837" s="367"/>
    </row>
    <row r="7838" spans="2:12">
      <c r="B7838" s="367"/>
      <c r="C7838" s="360"/>
      <c r="D7838" s="367"/>
      <c r="E7838" s="367"/>
      <c r="F7838" s="360"/>
      <c r="G7838" s="360"/>
      <c r="H7838" s="360"/>
      <c r="I7838" s="360"/>
      <c r="J7838" s="365"/>
      <c r="K7838" s="365"/>
      <c r="L7838" s="367"/>
    </row>
    <row r="7839" spans="2:12">
      <c r="B7839" s="368"/>
      <c r="C7839" s="362"/>
      <c r="D7839" s="368"/>
      <c r="E7839" s="368"/>
      <c r="F7839" s="361" t="s">
        <v>14389</v>
      </c>
      <c r="G7839" s="362"/>
      <c r="H7839" s="362"/>
      <c r="I7839" s="362"/>
      <c r="J7839" s="366"/>
      <c r="K7839" s="366"/>
      <c r="L7839" s="368"/>
    </row>
    <row r="7840" spans="2:12">
      <c r="B7840" s="358" t="s">
        <v>18182</v>
      </c>
      <c r="C7840" s="358" t="s">
        <v>18183</v>
      </c>
      <c r="D7840" s="358" t="s">
        <v>18184</v>
      </c>
      <c r="E7840" s="358" t="s">
        <v>18185</v>
      </c>
      <c r="F7840" s="358" t="s">
        <v>14505</v>
      </c>
      <c r="G7840" s="358" t="s">
        <v>14506</v>
      </c>
      <c r="H7840" s="358" t="s">
        <v>14328</v>
      </c>
      <c r="I7840" s="358" t="s">
        <v>14506</v>
      </c>
      <c r="J7840" s="358" t="s">
        <v>17546</v>
      </c>
      <c r="K7840" s="358"/>
      <c r="L7840" s="358" t="s">
        <v>595</v>
      </c>
    </row>
    <row r="7841" spans="2:12">
      <c r="B7841" s="367"/>
      <c r="C7841" s="367"/>
      <c r="D7841" s="367"/>
      <c r="E7841" s="367"/>
      <c r="F7841" s="360"/>
      <c r="G7841" s="360"/>
      <c r="H7841" s="360"/>
      <c r="I7841" s="360"/>
      <c r="J7841" s="360"/>
      <c r="K7841" s="365"/>
      <c r="L7841" s="367"/>
    </row>
    <row r="7842" spans="2:12">
      <c r="B7842" s="367"/>
      <c r="C7842" s="367"/>
      <c r="D7842" s="367"/>
      <c r="E7842" s="367"/>
      <c r="F7842" s="359" t="s">
        <v>14443</v>
      </c>
      <c r="G7842" s="359" t="s">
        <v>14444</v>
      </c>
      <c r="H7842" s="359" t="s">
        <v>14381</v>
      </c>
      <c r="I7842" s="359" t="s">
        <v>14444</v>
      </c>
      <c r="J7842" s="359" t="s">
        <v>17309</v>
      </c>
      <c r="K7842" s="365"/>
      <c r="L7842" s="367"/>
    </row>
    <row r="7843" spans="2:12">
      <c r="B7843" s="367"/>
      <c r="C7843" s="367"/>
      <c r="D7843" s="367"/>
      <c r="E7843" s="367"/>
      <c r="F7843" s="360"/>
      <c r="G7843" s="360"/>
      <c r="H7843" s="360"/>
      <c r="I7843" s="360"/>
      <c r="J7843" s="360"/>
      <c r="K7843" s="365"/>
      <c r="L7843" s="367"/>
    </row>
    <row r="7844" spans="2:12">
      <c r="B7844" s="367"/>
      <c r="C7844" s="367"/>
      <c r="D7844" s="367"/>
      <c r="E7844" s="367"/>
      <c r="F7844" s="359" t="s">
        <v>14386</v>
      </c>
      <c r="G7844" s="359" t="s">
        <v>14387</v>
      </c>
      <c r="H7844" s="359" t="s">
        <v>14367</v>
      </c>
      <c r="I7844" s="359" t="s">
        <v>14387</v>
      </c>
      <c r="J7844" s="360"/>
      <c r="K7844" s="365"/>
      <c r="L7844" s="367"/>
    </row>
    <row r="7845" spans="2:12">
      <c r="B7845" s="367"/>
      <c r="C7845" s="367"/>
      <c r="D7845" s="367"/>
      <c r="E7845" s="367"/>
      <c r="F7845" s="360"/>
      <c r="G7845" s="360"/>
      <c r="H7845" s="360"/>
      <c r="I7845" s="360"/>
      <c r="J7845" s="360"/>
      <c r="K7845" s="365"/>
      <c r="L7845" s="367"/>
    </row>
    <row r="7846" spans="2:12">
      <c r="B7846" s="368"/>
      <c r="C7846" s="368"/>
      <c r="D7846" s="368"/>
      <c r="E7846" s="368"/>
      <c r="F7846" s="361" t="s">
        <v>14368</v>
      </c>
      <c r="G7846" s="361" t="s">
        <v>14388</v>
      </c>
      <c r="H7846" s="361" t="s">
        <v>14332</v>
      </c>
      <c r="I7846" s="361" t="s">
        <v>14388</v>
      </c>
      <c r="J7846" s="362"/>
      <c r="K7846" s="366"/>
      <c r="L7846" s="368"/>
    </row>
    <row r="7847" spans="2:12" ht="42.75">
      <c r="B7847" s="358" t="s">
        <v>18186</v>
      </c>
      <c r="C7847" s="358" t="s">
        <v>18187</v>
      </c>
      <c r="D7847" s="358" t="s">
        <v>18188</v>
      </c>
      <c r="E7847" s="358" t="s">
        <v>18189</v>
      </c>
      <c r="F7847" s="358" t="s">
        <v>14505</v>
      </c>
      <c r="G7847" s="358" t="s">
        <v>14506</v>
      </c>
      <c r="H7847" s="358" t="s">
        <v>14328</v>
      </c>
      <c r="I7847" s="358" t="s">
        <v>14506</v>
      </c>
      <c r="J7847" s="358" t="s">
        <v>17546</v>
      </c>
      <c r="K7847" s="358" t="s">
        <v>28919</v>
      </c>
      <c r="L7847" s="358"/>
    </row>
    <row r="7848" spans="2:12">
      <c r="B7848" s="367"/>
      <c r="C7848" s="367"/>
      <c r="D7848" s="367"/>
      <c r="E7848" s="367"/>
      <c r="F7848" s="360"/>
      <c r="G7848" s="360"/>
      <c r="H7848" s="360"/>
      <c r="I7848" s="360"/>
      <c r="J7848" s="367"/>
      <c r="K7848" s="360"/>
      <c r="L7848" s="365"/>
    </row>
    <row r="7849" spans="2:12" ht="28.5">
      <c r="B7849" s="367"/>
      <c r="C7849" s="367"/>
      <c r="D7849" s="367"/>
      <c r="E7849" s="367"/>
      <c r="F7849" s="359" t="s">
        <v>14443</v>
      </c>
      <c r="G7849" s="359" t="s">
        <v>14444</v>
      </c>
      <c r="H7849" s="359" t="s">
        <v>14367</v>
      </c>
      <c r="I7849" s="359" t="s">
        <v>14444</v>
      </c>
      <c r="J7849" s="367"/>
      <c r="K7849" s="359" t="s">
        <v>28920</v>
      </c>
      <c r="L7849" s="365"/>
    </row>
    <row r="7850" spans="2:12">
      <c r="B7850" s="367"/>
      <c r="C7850" s="367"/>
      <c r="D7850" s="367"/>
      <c r="E7850" s="367"/>
      <c r="F7850" s="360"/>
      <c r="G7850" s="360"/>
      <c r="H7850" s="360"/>
      <c r="I7850" s="360"/>
      <c r="J7850" s="367"/>
      <c r="K7850" s="360"/>
      <c r="L7850" s="365"/>
    </row>
    <row r="7851" spans="2:12">
      <c r="B7851" s="367"/>
      <c r="C7851" s="367"/>
      <c r="D7851" s="367"/>
      <c r="E7851" s="367"/>
      <c r="F7851" s="359" t="s">
        <v>14386</v>
      </c>
      <c r="G7851" s="359" t="s">
        <v>14387</v>
      </c>
      <c r="H7851" s="359" t="s">
        <v>14381</v>
      </c>
      <c r="I7851" s="359" t="s">
        <v>14387</v>
      </c>
      <c r="J7851" s="367"/>
      <c r="K7851" s="360"/>
      <c r="L7851" s="365"/>
    </row>
    <row r="7852" spans="2:12">
      <c r="B7852" s="367"/>
      <c r="C7852" s="367"/>
      <c r="D7852" s="367"/>
      <c r="E7852" s="367"/>
      <c r="F7852" s="360"/>
      <c r="G7852" s="360"/>
      <c r="H7852" s="360"/>
      <c r="I7852" s="360"/>
      <c r="J7852" s="367"/>
      <c r="K7852" s="360"/>
      <c r="L7852" s="365"/>
    </row>
    <row r="7853" spans="2:12">
      <c r="B7853" s="368"/>
      <c r="C7853" s="368"/>
      <c r="D7853" s="368"/>
      <c r="E7853" s="368"/>
      <c r="F7853" s="361" t="s">
        <v>14368</v>
      </c>
      <c r="G7853" s="361" t="s">
        <v>14388</v>
      </c>
      <c r="H7853" s="361" t="s">
        <v>14332</v>
      </c>
      <c r="I7853" s="361" t="s">
        <v>14388</v>
      </c>
      <c r="J7853" s="368"/>
      <c r="K7853" s="362"/>
      <c r="L7853" s="366"/>
    </row>
    <row r="7854" spans="2:12">
      <c r="B7854" s="358" t="s">
        <v>10343</v>
      </c>
      <c r="C7854" s="358" t="s">
        <v>28921</v>
      </c>
      <c r="D7854" s="358" t="s">
        <v>10344</v>
      </c>
      <c r="E7854" s="358" t="s">
        <v>3510</v>
      </c>
      <c r="F7854" s="358" t="s">
        <v>14418</v>
      </c>
      <c r="G7854" s="358" t="s">
        <v>14419</v>
      </c>
      <c r="H7854" s="358" t="s">
        <v>14328</v>
      </c>
      <c r="I7854" s="358" t="s">
        <v>14419</v>
      </c>
      <c r="J7854" s="358"/>
      <c r="K7854" s="358" t="s">
        <v>14929</v>
      </c>
      <c r="L7854" s="358"/>
    </row>
    <row r="7855" spans="2:12">
      <c r="B7855" s="367"/>
      <c r="C7855" s="367"/>
      <c r="D7855" s="367"/>
      <c r="E7855" s="367"/>
      <c r="F7855" s="360"/>
      <c r="G7855" s="360"/>
      <c r="H7855" s="360"/>
      <c r="I7855" s="360"/>
      <c r="J7855" s="365"/>
      <c r="K7855" s="367"/>
      <c r="L7855" s="365"/>
    </row>
    <row r="7856" spans="2:12">
      <c r="B7856" s="367"/>
      <c r="C7856" s="367"/>
      <c r="D7856" s="367"/>
      <c r="E7856" s="367"/>
      <c r="F7856" s="359" t="s">
        <v>14376</v>
      </c>
      <c r="G7856" s="359" t="s">
        <v>14669</v>
      </c>
      <c r="H7856" s="359" t="s">
        <v>14378</v>
      </c>
      <c r="I7856" s="359" t="s">
        <v>14669</v>
      </c>
      <c r="J7856" s="365"/>
      <c r="K7856" s="367"/>
      <c r="L7856" s="365"/>
    </row>
    <row r="7857" spans="2:12">
      <c r="B7857" s="367"/>
      <c r="C7857" s="367"/>
      <c r="D7857" s="367"/>
      <c r="E7857" s="367"/>
      <c r="F7857" s="360"/>
      <c r="G7857" s="360"/>
      <c r="H7857" s="360"/>
      <c r="I7857" s="360"/>
      <c r="J7857" s="365"/>
      <c r="K7857" s="367"/>
      <c r="L7857" s="365"/>
    </row>
    <row r="7858" spans="2:12">
      <c r="B7858" s="367"/>
      <c r="C7858" s="367"/>
      <c r="D7858" s="367"/>
      <c r="E7858" s="367"/>
      <c r="F7858" s="359" t="s">
        <v>14382</v>
      </c>
      <c r="G7858" s="359" t="s">
        <v>14483</v>
      </c>
      <c r="H7858" s="359" t="s">
        <v>14381</v>
      </c>
      <c r="I7858" s="359" t="s">
        <v>14483</v>
      </c>
      <c r="J7858" s="365"/>
      <c r="K7858" s="367"/>
      <c r="L7858" s="365"/>
    </row>
    <row r="7859" spans="2:12">
      <c r="B7859" s="367"/>
      <c r="C7859" s="367"/>
      <c r="D7859" s="367"/>
      <c r="E7859" s="367"/>
      <c r="F7859" s="360"/>
      <c r="G7859" s="360"/>
      <c r="H7859" s="360"/>
      <c r="I7859" s="360"/>
      <c r="J7859" s="365"/>
      <c r="K7859" s="367"/>
      <c r="L7859" s="365"/>
    </row>
    <row r="7860" spans="2:12">
      <c r="B7860" s="367"/>
      <c r="C7860" s="367"/>
      <c r="D7860" s="367"/>
      <c r="E7860" s="367"/>
      <c r="F7860" s="359" t="s">
        <v>14382</v>
      </c>
      <c r="G7860" s="359" t="s">
        <v>14579</v>
      </c>
      <c r="H7860" s="359" t="s">
        <v>14341</v>
      </c>
      <c r="I7860" s="359" t="s">
        <v>14579</v>
      </c>
      <c r="J7860" s="365"/>
      <c r="K7860" s="367"/>
      <c r="L7860" s="365"/>
    </row>
    <row r="7861" spans="2:12">
      <c r="B7861" s="367"/>
      <c r="C7861" s="367"/>
      <c r="D7861" s="367"/>
      <c r="E7861" s="367"/>
      <c r="F7861" s="360"/>
      <c r="G7861" s="360"/>
      <c r="H7861" s="360"/>
      <c r="I7861" s="360"/>
      <c r="J7861" s="365"/>
      <c r="K7861" s="367"/>
      <c r="L7861" s="365"/>
    </row>
    <row r="7862" spans="2:12">
      <c r="B7862" s="367"/>
      <c r="C7862" s="367"/>
      <c r="D7862" s="367"/>
      <c r="E7862" s="367"/>
      <c r="F7862" s="359" t="s">
        <v>14382</v>
      </c>
      <c r="G7862" s="359" t="s">
        <v>14383</v>
      </c>
      <c r="H7862" s="359" t="s">
        <v>14332</v>
      </c>
      <c r="I7862" s="359" t="s">
        <v>14383</v>
      </c>
      <c r="J7862" s="365"/>
      <c r="K7862" s="367"/>
      <c r="L7862" s="365"/>
    </row>
    <row r="7863" spans="2:12">
      <c r="B7863" s="367"/>
      <c r="C7863" s="367"/>
      <c r="D7863" s="367"/>
      <c r="E7863" s="367"/>
      <c r="F7863" s="360"/>
      <c r="G7863" s="360"/>
      <c r="H7863" s="360"/>
      <c r="I7863" s="360"/>
      <c r="J7863" s="365"/>
      <c r="K7863" s="367"/>
      <c r="L7863" s="365"/>
    </row>
    <row r="7864" spans="2:12">
      <c r="B7864" s="367"/>
      <c r="C7864" s="367"/>
      <c r="D7864" s="367"/>
      <c r="E7864" s="367"/>
      <c r="F7864" s="359" t="s">
        <v>14356</v>
      </c>
      <c r="G7864" s="359" t="s">
        <v>14340</v>
      </c>
      <c r="H7864" s="360"/>
      <c r="I7864" s="359" t="s">
        <v>14340</v>
      </c>
      <c r="J7864" s="365"/>
      <c r="K7864" s="367"/>
      <c r="L7864" s="365"/>
    </row>
    <row r="7865" spans="2:12">
      <c r="B7865" s="367"/>
      <c r="C7865" s="367"/>
      <c r="D7865" s="367"/>
      <c r="E7865" s="367"/>
      <c r="F7865" s="360"/>
      <c r="G7865" s="360"/>
      <c r="H7865" s="360"/>
      <c r="I7865" s="360"/>
      <c r="J7865" s="365"/>
      <c r="K7865" s="367"/>
      <c r="L7865" s="365"/>
    </row>
    <row r="7866" spans="2:12">
      <c r="B7866" s="368"/>
      <c r="C7866" s="368"/>
      <c r="D7866" s="368"/>
      <c r="E7866" s="368"/>
      <c r="F7866" s="361" t="s">
        <v>14391</v>
      </c>
      <c r="G7866" s="361" t="s">
        <v>14392</v>
      </c>
      <c r="H7866" s="362"/>
      <c r="I7866" s="361" t="s">
        <v>14392</v>
      </c>
      <c r="J7866" s="366"/>
      <c r="K7866" s="368"/>
      <c r="L7866" s="366"/>
    </row>
    <row r="7867" spans="2:12">
      <c r="B7867" s="358" t="s">
        <v>18191</v>
      </c>
      <c r="C7867" s="358" t="s">
        <v>18192</v>
      </c>
      <c r="D7867" s="358" t="s">
        <v>18193</v>
      </c>
      <c r="E7867" s="358" t="s">
        <v>18194</v>
      </c>
      <c r="F7867" s="358" t="s">
        <v>14420</v>
      </c>
      <c r="G7867" s="358" t="s">
        <v>14429</v>
      </c>
      <c r="H7867" s="358" t="s">
        <v>14367</v>
      </c>
      <c r="I7867" s="358" t="s">
        <v>14429</v>
      </c>
      <c r="J7867" s="358"/>
      <c r="K7867" s="358"/>
      <c r="L7867" s="358"/>
    </row>
    <row r="7868" spans="2:12">
      <c r="B7868" s="367"/>
      <c r="C7868" s="360"/>
      <c r="D7868" s="367"/>
      <c r="E7868" s="367"/>
      <c r="F7868" s="367"/>
      <c r="G7868" s="367"/>
      <c r="H7868" s="360"/>
      <c r="I7868" s="367"/>
      <c r="J7868" s="365"/>
      <c r="K7868" s="365"/>
      <c r="L7868" s="365"/>
    </row>
    <row r="7869" spans="2:12">
      <c r="B7869" s="368"/>
      <c r="C7869" s="361" t="s">
        <v>18195</v>
      </c>
      <c r="D7869" s="368"/>
      <c r="E7869" s="368"/>
      <c r="F7869" s="368"/>
      <c r="G7869" s="368"/>
      <c r="H7869" s="361" t="s">
        <v>14422</v>
      </c>
      <c r="I7869" s="368"/>
      <c r="J7869" s="366"/>
      <c r="K7869" s="366"/>
      <c r="L7869" s="366"/>
    </row>
    <row r="7870" spans="2:12">
      <c r="B7870" s="358" t="s">
        <v>18196</v>
      </c>
      <c r="C7870" s="358" t="s">
        <v>18197</v>
      </c>
      <c r="D7870" s="358" t="s">
        <v>18198</v>
      </c>
      <c r="E7870" s="358" t="s">
        <v>18199</v>
      </c>
      <c r="F7870" s="358" t="s">
        <v>14379</v>
      </c>
      <c r="G7870" s="358" t="s">
        <v>14380</v>
      </c>
      <c r="H7870" s="358" t="s">
        <v>14378</v>
      </c>
      <c r="I7870" s="358" t="s">
        <v>14380</v>
      </c>
      <c r="J7870" s="358"/>
      <c r="K7870" s="358"/>
      <c r="L7870" s="358"/>
    </row>
    <row r="7871" spans="2:12">
      <c r="B7871" s="367"/>
      <c r="C7871" s="360"/>
      <c r="D7871" s="367"/>
      <c r="E7871" s="367"/>
      <c r="F7871" s="360"/>
      <c r="G7871" s="360"/>
      <c r="H7871" s="360"/>
      <c r="I7871" s="360"/>
      <c r="J7871" s="365"/>
      <c r="K7871" s="365"/>
      <c r="L7871" s="365"/>
    </row>
    <row r="7872" spans="2:12">
      <c r="B7872" s="367"/>
      <c r="C7872" s="359" t="s">
        <v>18200</v>
      </c>
      <c r="D7872" s="367"/>
      <c r="E7872" s="367"/>
      <c r="F7872" s="359" t="s">
        <v>14530</v>
      </c>
      <c r="G7872" s="359" t="s">
        <v>14531</v>
      </c>
      <c r="H7872" s="359" t="s">
        <v>14332</v>
      </c>
      <c r="I7872" s="359" t="s">
        <v>14531</v>
      </c>
      <c r="J7872" s="365"/>
      <c r="K7872" s="365"/>
      <c r="L7872" s="365"/>
    </row>
    <row r="7873" spans="2:12">
      <c r="B7873" s="367"/>
      <c r="C7873" s="360"/>
      <c r="D7873" s="367"/>
      <c r="E7873" s="367"/>
      <c r="F7873" s="360"/>
      <c r="G7873" s="360"/>
      <c r="H7873" s="360"/>
      <c r="I7873" s="360"/>
      <c r="J7873" s="365"/>
      <c r="K7873" s="365"/>
      <c r="L7873" s="365"/>
    </row>
    <row r="7874" spans="2:12">
      <c r="B7874" s="368"/>
      <c r="C7874" s="362"/>
      <c r="D7874" s="368"/>
      <c r="E7874" s="368"/>
      <c r="F7874" s="361" t="s">
        <v>14379</v>
      </c>
      <c r="G7874" s="361" t="s">
        <v>14405</v>
      </c>
      <c r="H7874" s="362"/>
      <c r="I7874" s="361" t="s">
        <v>14405</v>
      </c>
      <c r="J7874" s="366"/>
      <c r="K7874" s="366"/>
      <c r="L7874" s="366"/>
    </row>
    <row r="7875" spans="2:12">
      <c r="B7875" s="358" t="s">
        <v>18201</v>
      </c>
      <c r="C7875" s="358" t="s">
        <v>18202</v>
      </c>
      <c r="D7875" s="358" t="s">
        <v>18203</v>
      </c>
      <c r="E7875" s="358" t="s">
        <v>18204</v>
      </c>
      <c r="F7875" s="358" t="s">
        <v>14443</v>
      </c>
      <c r="G7875" s="358" t="s">
        <v>14444</v>
      </c>
      <c r="H7875" s="358" t="s">
        <v>14378</v>
      </c>
      <c r="I7875" s="358" t="s">
        <v>14444</v>
      </c>
      <c r="J7875" s="358"/>
      <c r="K7875" s="358"/>
      <c r="L7875" s="358"/>
    </row>
    <row r="7876" spans="2:12">
      <c r="B7876" s="367"/>
      <c r="C7876" s="367"/>
      <c r="D7876" s="367"/>
      <c r="E7876" s="367"/>
      <c r="F7876" s="360"/>
      <c r="G7876" s="360"/>
      <c r="H7876" s="360"/>
      <c r="I7876" s="360"/>
      <c r="J7876" s="365"/>
      <c r="K7876" s="365"/>
      <c r="L7876" s="365"/>
    </row>
    <row r="7877" spans="2:12">
      <c r="B7877" s="367"/>
      <c r="C7877" s="367"/>
      <c r="D7877" s="367"/>
      <c r="E7877" s="367"/>
      <c r="F7877" s="359" t="s">
        <v>14379</v>
      </c>
      <c r="G7877" s="359" t="s">
        <v>14380</v>
      </c>
      <c r="H7877" s="359" t="s">
        <v>14381</v>
      </c>
      <c r="I7877" s="359" t="s">
        <v>14380</v>
      </c>
      <c r="J7877" s="365"/>
      <c r="K7877" s="365"/>
      <c r="L7877" s="365"/>
    </row>
    <row r="7878" spans="2:12">
      <c r="B7878" s="367"/>
      <c r="C7878" s="367"/>
      <c r="D7878" s="367"/>
      <c r="E7878" s="367"/>
      <c r="F7878" s="360"/>
      <c r="G7878" s="360"/>
      <c r="H7878" s="360"/>
      <c r="I7878" s="360"/>
      <c r="J7878" s="365"/>
      <c r="K7878" s="365"/>
      <c r="L7878" s="365"/>
    </row>
    <row r="7879" spans="2:12">
      <c r="B7879" s="367"/>
      <c r="C7879" s="367"/>
      <c r="D7879" s="367"/>
      <c r="E7879" s="367"/>
      <c r="F7879" s="359" t="s">
        <v>14530</v>
      </c>
      <c r="G7879" s="359" t="s">
        <v>14531</v>
      </c>
      <c r="H7879" s="359" t="s">
        <v>14332</v>
      </c>
      <c r="I7879" s="359" t="s">
        <v>14531</v>
      </c>
      <c r="J7879" s="365"/>
      <c r="K7879" s="365"/>
      <c r="L7879" s="365"/>
    </row>
    <row r="7880" spans="2:12">
      <c r="B7880" s="367"/>
      <c r="C7880" s="367"/>
      <c r="D7880" s="367"/>
      <c r="E7880" s="367"/>
      <c r="F7880" s="360"/>
      <c r="G7880" s="360"/>
      <c r="H7880" s="360"/>
      <c r="I7880" s="360"/>
      <c r="J7880" s="365"/>
      <c r="K7880" s="365"/>
      <c r="L7880" s="365"/>
    </row>
    <row r="7881" spans="2:12">
      <c r="B7881" s="368"/>
      <c r="C7881" s="368"/>
      <c r="D7881" s="368"/>
      <c r="E7881" s="368"/>
      <c r="F7881" s="361" t="s">
        <v>14379</v>
      </c>
      <c r="G7881" s="361" t="s">
        <v>14405</v>
      </c>
      <c r="H7881" s="362"/>
      <c r="I7881" s="361" t="s">
        <v>14405</v>
      </c>
      <c r="J7881" s="366"/>
      <c r="K7881" s="366"/>
      <c r="L7881" s="366"/>
    </row>
    <row r="7882" spans="2:12" ht="42.75">
      <c r="B7882" s="358" t="s">
        <v>18205</v>
      </c>
      <c r="C7882" s="358" t="s">
        <v>18206</v>
      </c>
      <c r="D7882" s="358" t="s">
        <v>18207</v>
      </c>
      <c r="E7882" s="358" t="s">
        <v>18208</v>
      </c>
      <c r="F7882" s="358" t="s">
        <v>14420</v>
      </c>
      <c r="G7882" s="358" t="s">
        <v>14459</v>
      </c>
      <c r="H7882" s="358" t="s">
        <v>14341</v>
      </c>
      <c r="I7882" s="358" t="s">
        <v>14459</v>
      </c>
      <c r="J7882" s="358"/>
      <c r="K7882" s="358" t="s">
        <v>28582</v>
      </c>
      <c r="L7882" s="358"/>
    </row>
    <row r="7883" spans="2:12">
      <c r="B7883" s="367"/>
      <c r="C7883" s="360"/>
      <c r="D7883" s="367"/>
      <c r="E7883" s="367"/>
      <c r="F7883" s="360"/>
      <c r="G7883" s="360"/>
      <c r="H7883" s="360"/>
      <c r="I7883" s="360"/>
      <c r="J7883" s="365"/>
      <c r="K7883" s="367"/>
      <c r="L7883" s="365"/>
    </row>
    <row r="7884" spans="2:12">
      <c r="B7884" s="367"/>
      <c r="C7884" s="359" t="s">
        <v>18209</v>
      </c>
      <c r="D7884" s="367"/>
      <c r="E7884" s="367"/>
      <c r="F7884" s="359" t="s">
        <v>14420</v>
      </c>
      <c r="G7884" s="359" t="s">
        <v>14421</v>
      </c>
      <c r="H7884" s="359" t="s">
        <v>14367</v>
      </c>
      <c r="I7884" s="359" t="s">
        <v>14421</v>
      </c>
      <c r="J7884" s="365"/>
      <c r="K7884" s="367"/>
      <c r="L7884" s="365"/>
    </row>
    <row r="7885" spans="2:12">
      <c r="B7885" s="367"/>
      <c r="C7885" s="360"/>
      <c r="D7885" s="367"/>
      <c r="E7885" s="367"/>
      <c r="F7885" s="360"/>
      <c r="G7885" s="360"/>
      <c r="H7885" s="360"/>
      <c r="I7885" s="360"/>
      <c r="J7885" s="365"/>
      <c r="K7885" s="367"/>
      <c r="L7885" s="365"/>
    </row>
    <row r="7886" spans="2:12">
      <c r="B7886" s="367"/>
      <c r="C7886" s="360"/>
      <c r="D7886" s="367"/>
      <c r="E7886" s="367"/>
      <c r="F7886" s="359" t="s">
        <v>14420</v>
      </c>
      <c r="G7886" s="359" t="s">
        <v>14429</v>
      </c>
      <c r="H7886" s="359" t="s">
        <v>14332</v>
      </c>
      <c r="I7886" s="359" t="s">
        <v>14429</v>
      </c>
      <c r="J7886" s="365"/>
      <c r="K7886" s="367"/>
      <c r="L7886" s="365"/>
    </row>
    <row r="7887" spans="2:12">
      <c r="B7887" s="367"/>
      <c r="C7887" s="360"/>
      <c r="D7887" s="367"/>
      <c r="E7887" s="367"/>
      <c r="F7887" s="360"/>
      <c r="G7887" s="360"/>
      <c r="H7887" s="360"/>
      <c r="I7887" s="360"/>
      <c r="J7887" s="365"/>
      <c r="K7887" s="367"/>
      <c r="L7887" s="365"/>
    </row>
    <row r="7888" spans="2:12">
      <c r="B7888" s="368"/>
      <c r="C7888" s="362"/>
      <c r="D7888" s="368"/>
      <c r="E7888" s="368"/>
      <c r="F7888" s="361" t="s">
        <v>14356</v>
      </c>
      <c r="G7888" s="361" t="s">
        <v>14340</v>
      </c>
      <c r="H7888" s="362"/>
      <c r="I7888" s="361" t="s">
        <v>14340</v>
      </c>
      <c r="J7888" s="366"/>
      <c r="K7888" s="368"/>
      <c r="L7888" s="366"/>
    </row>
    <row r="7889" spans="2:12">
      <c r="B7889" s="358" t="s">
        <v>13053</v>
      </c>
      <c r="C7889" s="358" t="s">
        <v>18210</v>
      </c>
      <c r="D7889" s="358" t="s">
        <v>330</v>
      </c>
      <c r="E7889" s="358" t="s">
        <v>331</v>
      </c>
      <c r="F7889" s="358" t="s">
        <v>14505</v>
      </c>
      <c r="G7889" s="358" t="s">
        <v>14506</v>
      </c>
      <c r="H7889" s="358" t="s">
        <v>14328</v>
      </c>
      <c r="I7889" s="358" t="s">
        <v>14506</v>
      </c>
      <c r="J7889" s="358" t="s">
        <v>17546</v>
      </c>
      <c r="K7889" s="358"/>
      <c r="L7889" s="358"/>
    </row>
    <row r="7890" spans="2:12">
      <c r="B7890" s="367"/>
      <c r="C7890" s="360"/>
      <c r="D7890" s="367"/>
      <c r="E7890" s="367"/>
      <c r="F7890" s="360"/>
      <c r="G7890" s="360"/>
      <c r="H7890" s="360"/>
      <c r="I7890" s="360"/>
      <c r="J7890" s="367"/>
      <c r="K7890" s="365"/>
      <c r="L7890" s="365"/>
    </row>
    <row r="7891" spans="2:12" ht="28.5">
      <c r="B7891" s="367"/>
      <c r="C7891" s="359" t="s">
        <v>18211</v>
      </c>
      <c r="D7891" s="367"/>
      <c r="E7891" s="367"/>
      <c r="F7891" s="359" t="s">
        <v>14424</v>
      </c>
      <c r="G7891" s="359" t="s">
        <v>14425</v>
      </c>
      <c r="H7891" s="359" t="s">
        <v>14381</v>
      </c>
      <c r="I7891" s="359" t="s">
        <v>28914</v>
      </c>
      <c r="J7891" s="367"/>
      <c r="K7891" s="365"/>
      <c r="L7891" s="365"/>
    </row>
    <row r="7892" spans="2:12">
      <c r="B7892" s="367"/>
      <c r="C7892" s="360"/>
      <c r="D7892" s="367"/>
      <c r="E7892" s="367"/>
      <c r="F7892" s="360"/>
      <c r="G7892" s="360"/>
      <c r="H7892" s="360"/>
      <c r="I7892" s="360"/>
      <c r="J7892" s="367"/>
      <c r="K7892" s="365"/>
      <c r="L7892" s="365"/>
    </row>
    <row r="7893" spans="2:12">
      <c r="B7893" s="367"/>
      <c r="C7893" s="359" t="s">
        <v>3529</v>
      </c>
      <c r="D7893" s="367"/>
      <c r="E7893" s="367"/>
      <c r="F7893" s="359" t="s">
        <v>14420</v>
      </c>
      <c r="G7893" s="359" t="s">
        <v>14459</v>
      </c>
      <c r="H7893" s="359" t="s">
        <v>14367</v>
      </c>
      <c r="I7893" s="360"/>
      <c r="J7893" s="367"/>
      <c r="K7893" s="365"/>
      <c r="L7893" s="365"/>
    </row>
    <row r="7894" spans="2:12">
      <c r="B7894" s="367"/>
      <c r="C7894" s="360"/>
      <c r="D7894" s="367"/>
      <c r="E7894" s="367"/>
      <c r="F7894" s="360"/>
      <c r="G7894" s="360"/>
      <c r="H7894" s="360"/>
      <c r="I7894" s="360"/>
      <c r="J7894" s="367"/>
      <c r="K7894" s="365"/>
      <c r="L7894" s="365"/>
    </row>
    <row r="7895" spans="2:12">
      <c r="B7895" s="368"/>
      <c r="C7895" s="362"/>
      <c r="D7895" s="368"/>
      <c r="E7895" s="368"/>
      <c r="F7895" s="362"/>
      <c r="G7895" s="362"/>
      <c r="H7895" s="361" t="s">
        <v>14332</v>
      </c>
      <c r="I7895" s="362"/>
      <c r="J7895" s="368"/>
      <c r="K7895" s="366"/>
      <c r="L7895" s="366"/>
    </row>
    <row r="7896" spans="2:12">
      <c r="B7896" s="358" t="s">
        <v>18212</v>
      </c>
      <c r="C7896" s="358" t="s">
        <v>18213</v>
      </c>
      <c r="D7896" s="358" t="s">
        <v>18214</v>
      </c>
      <c r="E7896" s="358" t="s">
        <v>18215</v>
      </c>
      <c r="F7896" s="358" t="s">
        <v>14952</v>
      </c>
      <c r="G7896" s="358" t="s">
        <v>14953</v>
      </c>
      <c r="H7896" s="358" t="s">
        <v>14954</v>
      </c>
      <c r="I7896" s="358" t="s">
        <v>14953</v>
      </c>
      <c r="J7896" s="358"/>
      <c r="K7896" s="358"/>
      <c r="L7896" s="358"/>
    </row>
    <row r="7897" spans="2:12">
      <c r="B7897" s="367"/>
      <c r="C7897" s="360"/>
      <c r="D7897" s="367"/>
      <c r="E7897" s="367"/>
      <c r="F7897" s="360"/>
      <c r="G7897" s="360"/>
      <c r="H7897" s="360"/>
      <c r="I7897" s="360"/>
      <c r="J7897" s="365"/>
      <c r="K7897" s="365"/>
      <c r="L7897" s="365"/>
    </row>
    <row r="7898" spans="2:12">
      <c r="B7898" s="367"/>
      <c r="C7898" s="359" t="s">
        <v>18216</v>
      </c>
      <c r="D7898" s="367"/>
      <c r="E7898" s="367"/>
      <c r="F7898" s="359" t="s">
        <v>14379</v>
      </c>
      <c r="G7898" s="359" t="s">
        <v>14380</v>
      </c>
      <c r="H7898" s="359" t="s">
        <v>14378</v>
      </c>
      <c r="I7898" s="359" t="s">
        <v>14380</v>
      </c>
      <c r="J7898" s="365"/>
      <c r="K7898" s="365"/>
      <c r="L7898" s="365"/>
    </row>
    <row r="7899" spans="2:12">
      <c r="B7899" s="367"/>
      <c r="C7899" s="360"/>
      <c r="D7899" s="367"/>
      <c r="E7899" s="367"/>
      <c r="F7899" s="360"/>
      <c r="G7899" s="360"/>
      <c r="H7899" s="360"/>
      <c r="I7899" s="360"/>
      <c r="J7899" s="365"/>
      <c r="K7899" s="365"/>
      <c r="L7899" s="365"/>
    </row>
    <row r="7900" spans="2:12">
      <c r="B7900" s="367"/>
      <c r="C7900" s="360"/>
      <c r="D7900" s="367"/>
      <c r="E7900" s="367"/>
      <c r="F7900" s="359" t="s">
        <v>14530</v>
      </c>
      <c r="G7900" s="359" t="s">
        <v>14531</v>
      </c>
      <c r="H7900" s="359" t="s">
        <v>14381</v>
      </c>
      <c r="I7900" s="359" t="s">
        <v>14531</v>
      </c>
      <c r="J7900" s="365"/>
      <c r="K7900" s="365"/>
      <c r="L7900" s="365"/>
    </row>
    <row r="7901" spans="2:12">
      <c r="B7901" s="367"/>
      <c r="C7901" s="360"/>
      <c r="D7901" s="367"/>
      <c r="E7901" s="367"/>
      <c r="F7901" s="360"/>
      <c r="G7901" s="360"/>
      <c r="H7901" s="360"/>
      <c r="I7901" s="360"/>
      <c r="J7901" s="365"/>
      <c r="K7901" s="365"/>
      <c r="L7901" s="365"/>
    </row>
    <row r="7902" spans="2:12">
      <c r="B7902" s="367"/>
      <c r="C7902" s="360"/>
      <c r="D7902" s="367"/>
      <c r="E7902" s="367"/>
      <c r="F7902" s="359" t="s">
        <v>14379</v>
      </c>
      <c r="G7902" s="359" t="s">
        <v>14405</v>
      </c>
      <c r="H7902" s="359" t="s">
        <v>14332</v>
      </c>
      <c r="I7902" s="359" t="s">
        <v>14405</v>
      </c>
      <c r="J7902" s="365"/>
      <c r="K7902" s="365"/>
      <c r="L7902" s="365"/>
    </row>
    <row r="7903" spans="2:12">
      <c r="B7903" s="367"/>
      <c r="C7903" s="360"/>
      <c r="D7903" s="367"/>
      <c r="E7903" s="367"/>
      <c r="F7903" s="360"/>
      <c r="G7903" s="360"/>
      <c r="H7903" s="360"/>
      <c r="I7903" s="360"/>
      <c r="J7903" s="365"/>
      <c r="K7903" s="365"/>
      <c r="L7903" s="365"/>
    </row>
    <row r="7904" spans="2:12">
      <c r="B7904" s="368"/>
      <c r="C7904" s="362"/>
      <c r="D7904" s="368"/>
      <c r="E7904" s="368"/>
      <c r="F7904" s="361" t="s">
        <v>16919</v>
      </c>
      <c r="G7904" s="361" t="s">
        <v>14461</v>
      </c>
      <c r="H7904" s="362"/>
      <c r="I7904" s="361" t="s">
        <v>14461</v>
      </c>
      <c r="J7904" s="366"/>
      <c r="K7904" s="366"/>
      <c r="L7904" s="366"/>
    </row>
    <row r="7905" spans="2:12">
      <c r="B7905" s="358" t="s">
        <v>18217</v>
      </c>
      <c r="C7905" s="358" t="s">
        <v>18218</v>
      </c>
      <c r="D7905" s="358" t="s">
        <v>18219</v>
      </c>
      <c r="E7905" s="358" t="s">
        <v>18220</v>
      </c>
      <c r="F7905" s="358" t="s">
        <v>18221</v>
      </c>
      <c r="G7905" s="358" t="s">
        <v>14953</v>
      </c>
      <c r="H7905" s="358" t="s">
        <v>14954</v>
      </c>
      <c r="I7905" s="358" t="s">
        <v>14953</v>
      </c>
      <c r="J7905" s="358"/>
      <c r="K7905" s="358"/>
      <c r="L7905" s="358"/>
    </row>
    <row r="7906" spans="2:12">
      <c r="B7906" s="367"/>
      <c r="C7906" s="360"/>
      <c r="D7906" s="367"/>
      <c r="E7906" s="367"/>
      <c r="F7906" s="360"/>
      <c r="G7906" s="360"/>
      <c r="H7906" s="360"/>
      <c r="I7906" s="360"/>
      <c r="J7906" s="365"/>
      <c r="K7906" s="365"/>
      <c r="L7906" s="365"/>
    </row>
    <row r="7907" spans="2:12">
      <c r="B7907" s="367"/>
      <c r="C7907" s="359" t="s">
        <v>18222</v>
      </c>
      <c r="D7907" s="367"/>
      <c r="E7907" s="367"/>
      <c r="F7907" s="359" t="s">
        <v>14379</v>
      </c>
      <c r="G7907" s="359" t="s">
        <v>14380</v>
      </c>
      <c r="H7907" s="359" t="s">
        <v>14378</v>
      </c>
      <c r="I7907" s="359" t="s">
        <v>14380</v>
      </c>
      <c r="J7907" s="365"/>
      <c r="K7907" s="365"/>
      <c r="L7907" s="365"/>
    </row>
    <row r="7908" spans="2:12">
      <c r="B7908" s="367"/>
      <c r="C7908" s="360"/>
      <c r="D7908" s="367"/>
      <c r="E7908" s="367"/>
      <c r="F7908" s="360"/>
      <c r="G7908" s="360"/>
      <c r="H7908" s="360"/>
      <c r="I7908" s="360"/>
      <c r="J7908" s="365"/>
      <c r="K7908" s="365"/>
      <c r="L7908" s="365"/>
    </row>
    <row r="7909" spans="2:12">
      <c r="B7909" s="367"/>
      <c r="C7909" s="359" t="s">
        <v>18223</v>
      </c>
      <c r="D7909" s="367"/>
      <c r="E7909" s="367"/>
      <c r="F7909" s="359" t="s">
        <v>14530</v>
      </c>
      <c r="G7909" s="359" t="s">
        <v>14531</v>
      </c>
      <c r="H7909" s="359" t="s">
        <v>14381</v>
      </c>
      <c r="I7909" s="359" t="s">
        <v>14531</v>
      </c>
      <c r="J7909" s="365"/>
      <c r="K7909" s="365"/>
      <c r="L7909" s="365"/>
    </row>
    <row r="7910" spans="2:12">
      <c r="B7910" s="367"/>
      <c r="C7910" s="360"/>
      <c r="D7910" s="367"/>
      <c r="E7910" s="367"/>
      <c r="F7910" s="360"/>
      <c r="G7910" s="360"/>
      <c r="H7910" s="360"/>
      <c r="I7910" s="360"/>
      <c r="J7910" s="365"/>
      <c r="K7910" s="365"/>
      <c r="L7910" s="365"/>
    </row>
    <row r="7911" spans="2:12">
      <c r="B7911" s="367"/>
      <c r="C7911" s="360"/>
      <c r="D7911" s="367"/>
      <c r="E7911" s="367"/>
      <c r="F7911" s="359" t="s">
        <v>14379</v>
      </c>
      <c r="G7911" s="359" t="s">
        <v>14405</v>
      </c>
      <c r="H7911" s="359" t="s">
        <v>14332</v>
      </c>
      <c r="I7911" s="359" t="s">
        <v>14405</v>
      </c>
      <c r="J7911" s="365"/>
      <c r="K7911" s="365"/>
      <c r="L7911" s="365"/>
    </row>
    <row r="7912" spans="2:12">
      <c r="B7912" s="367"/>
      <c r="C7912" s="360"/>
      <c r="D7912" s="367"/>
      <c r="E7912" s="367"/>
      <c r="F7912" s="360"/>
      <c r="G7912" s="360"/>
      <c r="H7912" s="360"/>
      <c r="I7912" s="360"/>
      <c r="J7912" s="365"/>
      <c r="K7912" s="365"/>
      <c r="L7912" s="365"/>
    </row>
    <row r="7913" spans="2:12">
      <c r="B7913" s="367"/>
      <c r="C7913" s="360"/>
      <c r="D7913" s="367"/>
      <c r="E7913" s="367"/>
      <c r="F7913" s="359" t="s">
        <v>14460</v>
      </c>
      <c r="G7913" s="359" t="s">
        <v>14519</v>
      </c>
      <c r="H7913" s="360"/>
      <c r="I7913" s="359" t="s">
        <v>14519</v>
      </c>
      <c r="J7913" s="365"/>
      <c r="K7913" s="365"/>
      <c r="L7913" s="365"/>
    </row>
    <row r="7914" spans="2:12">
      <c r="B7914" s="367"/>
      <c r="C7914" s="360"/>
      <c r="D7914" s="367"/>
      <c r="E7914" s="367"/>
      <c r="F7914" s="360"/>
      <c r="G7914" s="360"/>
      <c r="H7914" s="360"/>
      <c r="I7914" s="360"/>
      <c r="J7914" s="365"/>
      <c r="K7914" s="365"/>
      <c r="L7914" s="365"/>
    </row>
    <row r="7915" spans="2:12" ht="28.5">
      <c r="B7915" s="368"/>
      <c r="C7915" s="362"/>
      <c r="D7915" s="368"/>
      <c r="E7915" s="368"/>
      <c r="F7915" s="361" t="s">
        <v>14472</v>
      </c>
      <c r="G7915" s="361" t="s">
        <v>14473</v>
      </c>
      <c r="H7915" s="362"/>
      <c r="I7915" s="361" t="s">
        <v>14473</v>
      </c>
      <c r="J7915" s="366"/>
      <c r="K7915" s="366"/>
      <c r="L7915" s="366"/>
    </row>
    <row r="7916" spans="2:12">
      <c r="B7916" s="358" t="s">
        <v>18224</v>
      </c>
      <c r="C7916" s="358" t="s">
        <v>18218</v>
      </c>
      <c r="D7916" s="358" t="s">
        <v>18219</v>
      </c>
      <c r="E7916" s="358" t="s">
        <v>18220</v>
      </c>
      <c r="F7916" s="358" t="s">
        <v>16426</v>
      </c>
      <c r="G7916" s="358" t="s">
        <v>15011</v>
      </c>
      <c r="H7916" s="358" t="s">
        <v>14954</v>
      </c>
      <c r="I7916" s="358" t="s">
        <v>15011</v>
      </c>
      <c r="J7916" s="358"/>
      <c r="K7916" s="358"/>
      <c r="L7916" s="358"/>
    </row>
    <row r="7917" spans="2:12">
      <c r="B7917" s="367"/>
      <c r="C7917" s="360"/>
      <c r="D7917" s="367"/>
      <c r="E7917" s="367"/>
      <c r="F7917" s="360"/>
      <c r="G7917" s="360"/>
      <c r="H7917" s="360"/>
      <c r="I7917" s="360"/>
      <c r="J7917" s="365"/>
      <c r="K7917" s="365"/>
      <c r="L7917" s="365"/>
    </row>
    <row r="7918" spans="2:12">
      <c r="B7918" s="367"/>
      <c r="C7918" s="359" t="s">
        <v>18222</v>
      </c>
      <c r="D7918" s="367"/>
      <c r="E7918" s="367"/>
      <c r="F7918" s="359" t="s">
        <v>14379</v>
      </c>
      <c r="G7918" s="359" t="s">
        <v>14380</v>
      </c>
      <c r="H7918" s="359" t="s">
        <v>14378</v>
      </c>
      <c r="I7918" s="359" t="s">
        <v>14380</v>
      </c>
      <c r="J7918" s="365"/>
      <c r="K7918" s="365"/>
      <c r="L7918" s="365"/>
    </row>
    <row r="7919" spans="2:12">
      <c r="B7919" s="367"/>
      <c r="C7919" s="360"/>
      <c r="D7919" s="367"/>
      <c r="E7919" s="367"/>
      <c r="F7919" s="360"/>
      <c r="G7919" s="360"/>
      <c r="H7919" s="360"/>
      <c r="I7919" s="360"/>
      <c r="J7919" s="365"/>
      <c r="K7919" s="365"/>
      <c r="L7919" s="365"/>
    </row>
    <row r="7920" spans="2:12">
      <c r="B7920" s="367"/>
      <c r="C7920" s="359" t="s">
        <v>18225</v>
      </c>
      <c r="D7920" s="367"/>
      <c r="E7920" s="367"/>
      <c r="F7920" s="359" t="s">
        <v>14530</v>
      </c>
      <c r="G7920" s="359" t="s">
        <v>14531</v>
      </c>
      <c r="H7920" s="359" t="s">
        <v>14381</v>
      </c>
      <c r="I7920" s="359" t="s">
        <v>14531</v>
      </c>
      <c r="J7920" s="365"/>
      <c r="K7920" s="365"/>
      <c r="L7920" s="365"/>
    </row>
    <row r="7921" spans="2:12">
      <c r="B7921" s="367"/>
      <c r="C7921" s="360"/>
      <c r="D7921" s="367"/>
      <c r="E7921" s="367"/>
      <c r="F7921" s="360"/>
      <c r="G7921" s="360"/>
      <c r="H7921" s="360"/>
      <c r="I7921" s="360"/>
      <c r="J7921" s="365"/>
      <c r="K7921" s="365"/>
      <c r="L7921" s="365"/>
    </row>
    <row r="7922" spans="2:12">
      <c r="B7922" s="367"/>
      <c r="C7922" s="359" t="s">
        <v>28922</v>
      </c>
      <c r="D7922" s="367"/>
      <c r="E7922" s="367"/>
      <c r="F7922" s="359" t="s">
        <v>14379</v>
      </c>
      <c r="G7922" s="359" t="s">
        <v>14405</v>
      </c>
      <c r="H7922" s="359" t="s">
        <v>14332</v>
      </c>
      <c r="I7922" s="359" t="s">
        <v>14405</v>
      </c>
      <c r="J7922" s="365"/>
      <c r="K7922" s="365"/>
      <c r="L7922" s="365"/>
    </row>
    <row r="7923" spans="2:12">
      <c r="B7923" s="367"/>
      <c r="C7923" s="360"/>
      <c r="D7923" s="367"/>
      <c r="E7923" s="367"/>
      <c r="F7923" s="360"/>
      <c r="G7923" s="360"/>
      <c r="H7923" s="360"/>
      <c r="I7923" s="360"/>
      <c r="J7923" s="365"/>
      <c r="K7923" s="365"/>
      <c r="L7923" s="365"/>
    </row>
    <row r="7924" spans="2:12" ht="28.5">
      <c r="B7924" s="367"/>
      <c r="C7924" s="360"/>
      <c r="D7924" s="367"/>
      <c r="E7924" s="367"/>
      <c r="F7924" s="359" t="s">
        <v>14460</v>
      </c>
      <c r="G7924" s="359" t="s">
        <v>14519</v>
      </c>
      <c r="H7924" s="360"/>
      <c r="I7924" s="359" t="s">
        <v>28885</v>
      </c>
      <c r="J7924" s="365"/>
      <c r="K7924" s="365"/>
      <c r="L7924" s="365"/>
    </row>
    <row r="7925" spans="2:12">
      <c r="B7925" s="367"/>
      <c r="C7925" s="360"/>
      <c r="D7925" s="367"/>
      <c r="E7925" s="367"/>
      <c r="F7925" s="360"/>
      <c r="G7925" s="360"/>
      <c r="H7925" s="360"/>
      <c r="I7925" s="360"/>
      <c r="J7925" s="365"/>
      <c r="K7925" s="365"/>
      <c r="L7925" s="365"/>
    </row>
    <row r="7926" spans="2:12" ht="28.5">
      <c r="B7926" s="368"/>
      <c r="C7926" s="362"/>
      <c r="D7926" s="368"/>
      <c r="E7926" s="368"/>
      <c r="F7926" s="361" t="s">
        <v>14472</v>
      </c>
      <c r="G7926" s="361" t="s">
        <v>14473</v>
      </c>
      <c r="H7926" s="362"/>
      <c r="I7926" s="362"/>
      <c r="J7926" s="366"/>
      <c r="K7926" s="366"/>
      <c r="L7926" s="366"/>
    </row>
    <row r="7927" spans="2:12">
      <c r="B7927" s="358" t="s">
        <v>18226</v>
      </c>
      <c r="C7927" s="358" t="s">
        <v>28923</v>
      </c>
      <c r="D7927" s="358" t="s">
        <v>18227</v>
      </c>
      <c r="E7927" s="358" t="s">
        <v>18228</v>
      </c>
      <c r="F7927" s="358" t="s">
        <v>14952</v>
      </c>
      <c r="G7927" s="358" t="s">
        <v>14953</v>
      </c>
      <c r="H7927" s="358" t="s">
        <v>14954</v>
      </c>
      <c r="I7927" s="358" t="s">
        <v>14953</v>
      </c>
      <c r="J7927" s="358"/>
      <c r="K7927" s="358"/>
      <c r="L7927" s="358"/>
    </row>
    <row r="7928" spans="2:12">
      <c r="B7928" s="367"/>
      <c r="C7928" s="367"/>
      <c r="D7928" s="367"/>
      <c r="E7928" s="367"/>
      <c r="F7928" s="360"/>
      <c r="G7928" s="360"/>
      <c r="H7928" s="360"/>
      <c r="I7928" s="360"/>
      <c r="J7928" s="365"/>
      <c r="K7928" s="365"/>
      <c r="L7928" s="365"/>
    </row>
    <row r="7929" spans="2:12" ht="28.5">
      <c r="B7929" s="367"/>
      <c r="C7929" s="367"/>
      <c r="D7929" s="367"/>
      <c r="E7929" s="367"/>
      <c r="F7929" s="359" t="s">
        <v>28924</v>
      </c>
      <c r="G7929" s="359" t="s">
        <v>14380</v>
      </c>
      <c r="H7929" s="359" t="s">
        <v>14378</v>
      </c>
      <c r="I7929" s="359" t="s">
        <v>14380</v>
      </c>
      <c r="J7929" s="365"/>
      <c r="K7929" s="365"/>
      <c r="L7929" s="365"/>
    </row>
    <row r="7930" spans="2:12">
      <c r="B7930" s="367"/>
      <c r="C7930" s="367"/>
      <c r="D7930" s="367"/>
      <c r="E7930" s="367"/>
      <c r="F7930" s="360"/>
      <c r="G7930" s="360"/>
      <c r="H7930" s="360"/>
      <c r="I7930" s="360"/>
      <c r="J7930" s="365"/>
      <c r="K7930" s="365"/>
      <c r="L7930" s="365"/>
    </row>
    <row r="7931" spans="2:12">
      <c r="B7931" s="367"/>
      <c r="C7931" s="367"/>
      <c r="D7931" s="367"/>
      <c r="E7931" s="367"/>
      <c r="F7931" s="359" t="s">
        <v>14379</v>
      </c>
      <c r="G7931" s="359" t="s">
        <v>14531</v>
      </c>
      <c r="H7931" s="359" t="s">
        <v>14381</v>
      </c>
      <c r="I7931" s="359" t="s">
        <v>14531</v>
      </c>
      <c r="J7931" s="365"/>
      <c r="K7931" s="365"/>
      <c r="L7931" s="365"/>
    </row>
    <row r="7932" spans="2:12">
      <c r="B7932" s="367"/>
      <c r="C7932" s="367"/>
      <c r="D7932" s="367"/>
      <c r="E7932" s="367"/>
      <c r="F7932" s="360"/>
      <c r="G7932" s="360"/>
      <c r="H7932" s="360"/>
      <c r="I7932" s="360"/>
      <c r="J7932" s="365"/>
      <c r="K7932" s="365"/>
      <c r="L7932" s="365"/>
    </row>
    <row r="7933" spans="2:12">
      <c r="B7933" s="367"/>
      <c r="C7933" s="367"/>
      <c r="D7933" s="367"/>
      <c r="E7933" s="367"/>
      <c r="F7933" s="359" t="s">
        <v>14460</v>
      </c>
      <c r="G7933" s="359" t="s">
        <v>14405</v>
      </c>
      <c r="H7933" s="359" t="s">
        <v>14370</v>
      </c>
      <c r="I7933" s="359" t="s">
        <v>14405</v>
      </c>
      <c r="J7933" s="365"/>
      <c r="K7933" s="365"/>
      <c r="L7933" s="365"/>
    </row>
    <row r="7934" spans="2:12">
      <c r="B7934" s="367"/>
      <c r="C7934" s="367"/>
      <c r="D7934" s="367"/>
      <c r="E7934" s="367"/>
      <c r="F7934" s="360"/>
      <c r="G7934" s="360"/>
      <c r="H7934" s="360"/>
      <c r="I7934" s="360"/>
      <c r="J7934" s="365"/>
      <c r="K7934" s="365"/>
      <c r="L7934" s="365"/>
    </row>
    <row r="7935" spans="2:12" ht="28.5">
      <c r="B7935" s="368"/>
      <c r="C7935" s="368"/>
      <c r="D7935" s="368"/>
      <c r="E7935" s="368"/>
      <c r="F7935" s="361" t="s">
        <v>14394</v>
      </c>
      <c r="G7935" s="361" t="s">
        <v>28724</v>
      </c>
      <c r="H7935" s="361" t="s">
        <v>14332</v>
      </c>
      <c r="I7935" s="361" t="s">
        <v>28724</v>
      </c>
      <c r="J7935" s="366"/>
      <c r="K7935" s="366"/>
      <c r="L7935" s="366"/>
    </row>
    <row r="7936" spans="2:12">
      <c r="B7936" s="358" t="s">
        <v>18229</v>
      </c>
      <c r="C7936" s="358" t="s">
        <v>28925</v>
      </c>
      <c r="D7936" s="358" t="s">
        <v>18227</v>
      </c>
      <c r="E7936" s="358" t="s">
        <v>18228</v>
      </c>
      <c r="F7936" s="358" t="s">
        <v>16426</v>
      </c>
      <c r="G7936" s="358" t="s">
        <v>15011</v>
      </c>
      <c r="H7936" s="358" t="s">
        <v>14954</v>
      </c>
      <c r="I7936" s="358" t="s">
        <v>15011</v>
      </c>
      <c r="J7936" s="358"/>
      <c r="K7936" s="358"/>
      <c r="L7936" s="358"/>
    </row>
    <row r="7937" spans="2:12">
      <c r="B7937" s="367"/>
      <c r="C7937" s="367"/>
      <c r="D7937" s="367"/>
      <c r="E7937" s="367"/>
      <c r="F7937" s="360"/>
      <c r="G7937" s="360"/>
      <c r="H7937" s="360"/>
      <c r="I7937" s="360"/>
      <c r="J7937" s="365"/>
      <c r="K7937" s="365"/>
      <c r="L7937" s="365"/>
    </row>
    <row r="7938" spans="2:12" ht="28.5">
      <c r="B7938" s="367"/>
      <c r="C7938" s="367"/>
      <c r="D7938" s="367"/>
      <c r="E7938" s="367"/>
      <c r="F7938" s="359" t="s">
        <v>28924</v>
      </c>
      <c r="G7938" s="359" t="s">
        <v>14380</v>
      </c>
      <c r="H7938" s="359" t="s">
        <v>14378</v>
      </c>
      <c r="I7938" s="359" t="s">
        <v>14380</v>
      </c>
      <c r="J7938" s="365"/>
      <c r="K7938" s="365"/>
      <c r="L7938" s="365"/>
    </row>
    <row r="7939" spans="2:12">
      <c r="B7939" s="367"/>
      <c r="C7939" s="367"/>
      <c r="D7939" s="367"/>
      <c r="E7939" s="367"/>
      <c r="F7939" s="360"/>
      <c r="G7939" s="360"/>
      <c r="H7939" s="360"/>
      <c r="I7939" s="360"/>
      <c r="J7939" s="365"/>
      <c r="K7939" s="365"/>
      <c r="L7939" s="365"/>
    </row>
    <row r="7940" spans="2:12">
      <c r="B7940" s="367"/>
      <c r="C7940" s="367"/>
      <c r="D7940" s="367"/>
      <c r="E7940" s="367"/>
      <c r="F7940" s="359" t="s">
        <v>14379</v>
      </c>
      <c r="G7940" s="359" t="s">
        <v>14531</v>
      </c>
      <c r="H7940" s="359" t="s">
        <v>14381</v>
      </c>
      <c r="I7940" s="359" t="s">
        <v>14531</v>
      </c>
      <c r="J7940" s="365"/>
      <c r="K7940" s="365"/>
      <c r="L7940" s="365"/>
    </row>
    <row r="7941" spans="2:12">
      <c r="B7941" s="367"/>
      <c r="C7941" s="367"/>
      <c r="D7941" s="367"/>
      <c r="E7941" s="367"/>
      <c r="F7941" s="360"/>
      <c r="G7941" s="360"/>
      <c r="H7941" s="360"/>
      <c r="I7941" s="360"/>
      <c r="J7941" s="365"/>
      <c r="K7941" s="365"/>
      <c r="L7941" s="365"/>
    </row>
    <row r="7942" spans="2:12">
      <c r="B7942" s="367"/>
      <c r="C7942" s="367"/>
      <c r="D7942" s="367"/>
      <c r="E7942" s="367"/>
      <c r="F7942" s="359" t="s">
        <v>14460</v>
      </c>
      <c r="G7942" s="359" t="s">
        <v>14405</v>
      </c>
      <c r="H7942" s="359" t="s">
        <v>14370</v>
      </c>
      <c r="I7942" s="359" t="s">
        <v>14405</v>
      </c>
      <c r="J7942" s="365"/>
      <c r="K7942" s="365"/>
      <c r="L7942" s="365"/>
    </row>
    <row r="7943" spans="2:12">
      <c r="B7943" s="367"/>
      <c r="C7943" s="367"/>
      <c r="D7943" s="367"/>
      <c r="E7943" s="367"/>
      <c r="F7943" s="360"/>
      <c r="G7943" s="360"/>
      <c r="H7943" s="360"/>
      <c r="I7943" s="360"/>
      <c r="J7943" s="365"/>
      <c r="K7943" s="365"/>
      <c r="L7943" s="365"/>
    </row>
    <row r="7944" spans="2:12" ht="28.5">
      <c r="B7944" s="368"/>
      <c r="C7944" s="368"/>
      <c r="D7944" s="368"/>
      <c r="E7944" s="368"/>
      <c r="F7944" s="361" t="s">
        <v>14394</v>
      </c>
      <c r="G7944" s="361" t="s">
        <v>28724</v>
      </c>
      <c r="H7944" s="361" t="s">
        <v>14332</v>
      </c>
      <c r="I7944" s="361" t="s">
        <v>28724</v>
      </c>
      <c r="J7944" s="366"/>
      <c r="K7944" s="366"/>
      <c r="L7944" s="366"/>
    </row>
    <row r="7945" spans="2:12" ht="28.5">
      <c r="B7945" s="358" t="s">
        <v>18230</v>
      </c>
      <c r="C7945" s="358" t="s">
        <v>28926</v>
      </c>
      <c r="D7945" s="358" t="s">
        <v>18231</v>
      </c>
      <c r="E7945" s="358" t="s">
        <v>18232</v>
      </c>
      <c r="F7945" s="358" t="s">
        <v>14952</v>
      </c>
      <c r="G7945" s="358" t="s">
        <v>14953</v>
      </c>
      <c r="H7945" s="358" t="s">
        <v>14954</v>
      </c>
      <c r="I7945" s="358" t="s">
        <v>14953</v>
      </c>
      <c r="J7945" s="358"/>
      <c r="K7945" s="358"/>
      <c r="L7945" s="358"/>
    </row>
    <row r="7946" spans="2:12">
      <c r="B7946" s="367"/>
      <c r="C7946" s="367"/>
      <c r="D7946" s="367"/>
      <c r="E7946" s="367"/>
      <c r="F7946" s="367"/>
      <c r="G7946" s="367"/>
      <c r="H7946" s="360"/>
      <c r="I7946" s="367"/>
      <c r="J7946" s="365"/>
      <c r="K7946" s="365"/>
      <c r="L7946" s="365"/>
    </row>
    <row r="7947" spans="2:12">
      <c r="B7947" s="368"/>
      <c r="C7947" s="368"/>
      <c r="D7947" s="368"/>
      <c r="E7947" s="368"/>
      <c r="F7947" s="368"/>
      <c r="G7947" s="368"/>
      <c r="H7947" s="361" t="s">
        <v>14332</v>
      </c>
      <c r="I7947" s="368"/>
      <c r="J7947" s="366"/>
      <c r="K7947" s="366"/>
      <c r="L7947" s="366"/>
    </row>
    <row r="7948" spans="2:12" ht="28.5">
      <c r="B7948" s="358" t="s">
        <v>18233</v>
      </c>
      <c r="C7948" s="358" t="s">
        <v>28927</v>
      </c>
      <c r="D7948" s="358" t="s">
        <v>18231</v>
      </c>
      <c r="E7948" s="358" t="s">
        <v>18232</v>
      </c>
      <c r="F7948" s="358" t="s">
        <v>16426</v>
      </c>
      <c r="G7948" s="358" t="s">
        <v>15011</v>
      </c>
      <c r="H7948" s="358" t="s">
        <v>14954</v>
      </c>
      <c r="I7948" s="358" t="s">
        <v>15011</v>
      </c>
      <c r="J7948" s="358"/>
      <c r="K7948" s="358"/>
      <c r="L7948" s="358" t="s">
        <v>14513</v>
      </c>
    </row>
    <row r="7949" spans="2:12">
      <c r="B7949" s="367"/>
      <c r="C7949" s="367"/>
      <c r="D7949" s="367"/>
      <c r="E7949" s="367"/>
      <c r="F7949" s="367"/>
      <c r="G7949" s="367"/>
      <c r="H7949" s="360"/>
      <c r="I7949" s="367"/>
      <c r="J7949" s="365"/>
      <c r="K7949" s="365"/>
      <c r="L7949" s="367"/>
    </row>
    <row r="7950" spans="2:12">
      <c r="B7950" s="368"/>
      <c r="C7950" s="368"/>
      <c r="D7950" s="368"/>
      <c r="E7950" s="368"/>
      <c r="F7950" s="368"/>
      <c r="G7950" s="368"/>
      <c r="H7950" s="361" t="s">
        <v>14332</v>
      </c>
      <c r="I7950" s="368"/>
      <c r="J7950" s="366"/>
      <c r="K7950" s="366"/>
      <c r="L7950" s="368"/>
    </row>
    <row r="7951" spans="2:12">
      <c r="B7951" s="358" t="s">
        <v>18234</v>
      </c>
      <c r="C7951" s="358" t="s">
        <v>28928</v>
      </c>
      <c r="D7951" s="358" t="s">
        <v>18235</v>
      </c>
      <c r="E7951" s="358" t="s">
        <v>18236</v>
      </c>
      <c r="F7951" s="358" t="s">
        <v>14952</v>
      </c>
      <c r="G7951" s="358" t="s">
        <v>14953</v>
      </c>
      <c r="H7951" s="358" t="s">
        <v>14954</v>
      </c>
      <c r="I7951" s="358" t="s">
        <v>14953</v>
      </c>
      <c r="J7951" s="358"/>
      <c r="K7951" s="358"/>
      <c r="L7951" s="358"/>
    </row>
    <row r="7952" spans="2:12">
      <c r="B7952" s="367"/>
      <c r="C7952" s="367"/>
      <c r="D7952" s="367"/>
      <c r="E7952" s="367"/>
      <c r="F7952" s="367"/>
      <c r="G7952" s="367"/>
      <c r="H7952" s="360"/>
      <c r="I7952" s="367"/>
      <c r="J7952" s="365"/>
      <c r="K7952" s="365"/>
      <c r="L7952" s="365"/>
    </row>
    <row r="7953" spans="2:12">
      <c r="B7953" s="368"/>
      <c r="C7953" s="368"/>
      <c r="D7953" s="368"/>
      <c r="E7953" s="368"/>
      <c r="F7953" s="368"/>
      <c r="G7953" s="368"/>
      <c r="H7953" s="361" t="s">
        <v>14332</v>
      </c>
      <c r="I7953" s="368"/>
      <c r="J7953" s="366"/>
      <c r="K7953" s="366"/>
      <c r="L7953" s="366"/>
    </row>
    <row r="7954" spans="2:12" ht="28.5">
      <c r="B7954" s="358" t="s">
        <v>18237</v>
      </c>
      <c r="C7954" s="358" t="s">
        <v>30120</v>
      </c>
      <c r="D7954" s="358" t="s">
        <v>18235</v>
      </c>
      <c r="E7954" s="358" t="s">
        <v>18236</v>
      </c>
      <c r="F7954" s="358" t="s">
        <v>16426</v>
      </c>
      <c r="G7954" s="358" t="s">
        <v>15011</v>
      </c>
      <c r="H7954" s="358" t="s">
        <v>14954</v>
      </c>
      <c r="I7954" s="358" t="s">
        <v>15011</v>
      </c>
      <c r="J7954" s="358"/>
      <c r="K7954" s="358"/>
      <c r="L7954" s="358"/>
    </row>
    <row r="7955" spans="2:12">
      <c r="B7955" s="367"/>
      <c r="C7955" s="367"/>
      <c r="D7955" s="367"/>
      <c r="E7955" s="367"/>
      <c r="F7955" s="367"/>
      <c r="G7955" s="367"/>
      <c r="H7955" s="360"/>
      <c r="I7955" s="367"/>
      <c r="J7955" s="365"/>
      <c r="K7955" s="365"/>
      <c r="L7955" s="365"/>
    </row>
    <row r="7956" spans="2:12">
      <c r="B7956" s="368"/>
      <c r="C7956" s="368"/>
      <c r="D7956" s="368"/>
      <c r="E7956" s="368"/>
      <c r="F7956" s="368"/>
      <c r="G7956" s="368"/>
      <c r="H7956" s="361" t="s">
        <v>14332</v>
      </c>
      <c r="I7956" s="368"/>
      <c r="J7956" s="366"/>
      <c r="K7956" s="366"/>
      <c r="L7956" s="366"/>
    </row>
    <row r="7957" spans="2:12">
      <c r="B7957" s="358" t="s">
        <v>18238</v>
      </c>
      <c r="C7957" s="358" t="s">
        <v>28929</v>
      </c>
      <c r="D7957" s="358" t="s">
        <v>8356</v>
      </c>
      <c r="E7957" s="358" t="s">
        <v>8356</v>
      </c>
      <c r="F7957" s="358" t="s">
        <v>16426</v>
      </c>
      <c r="G7957" s="358" t="s">
        <v>15011</v>
      </c>
      <c r="H7957" s="358" t="s">
        <v>14954</v>
      </c>
      <c r="I7957" s="358" t="s">
        <v>15011</v>
      </c>
      <c r="J7957" s="358"/>
      <c r="K7957" s="358"/>
      <c r="L7957" s="358" t="s">
        <v>14513</v>
      </c>
    </row>
    <row r="7958" spans="2:12">
      <c r="B7958" s="367"/>
      <c r="C7958" s="367"/>
      <c r="D7958" s="367"/>
      <c r="E7958" s="367"/>
      <c r="F7958" s="367"/>
      <c r="G7958" s="367"/>
      <c r="H7958" s="360"/>
      <c r="I7958" s="367"/>
      <c r="J7958" s="365"/>
      <c r="K7958" s="365"/>
      <c r="L7958" s="367"/>
    </row>
    <row r="7959" spans="2:12">
      <c r="B7959" s="368"/>
      <c r="C7959" s="368"/>
      <c r="D7959" s="368"/>
      <c r="E7959" s="368"/>
      <c r="F7959" s="368"/>
      <c r="G7959" s="368"/>
      <c r="H7959" s="361" t="s">
        <v>14332</v>
      </c>
      <c r="I7959" s="368"/>
      <c r="J7959" s="366"/>
      <c r="K7959" s="366"/>
      <c r="L7959" s="368"/>
    </row>
    <row r="7960" spans="2:12" ht="28.5">
      <c r="B7960" s="358" t="s">
        <v>18239</v>
      </c>
      <c r="C7960" s="358" t="s">
        <v>28930</v>
      </c>
      <c r="D7960" s="358" t="s">
        <v>18240</v>
      </c>
      <c r="E7960" s="358" t="s">
        <v>18241</v>
      </c>
      <c r="F7960" s="358" t="s">
        <v>14418</v>
      </c>
      <c r="G7960" s="358" t="s">
        <v>14419</v>
      </c>
      <c r="H7960" s="358" t="s">
        <v>14328</v>
      </c>
      <c r="I7960" s="358" t="s">
        <v>14419</v>
      </c>
      <c r="J7960" s="358"/>
      <c r="K7960" s="358"/>
      <c r="L7960" s="358"/>
    </row>
    <row r="7961" spans="2:12">
      <c r="B7961" s="367"/>
      <c r="C7961" s="367"/>
      <c r="D7961" s="367"/>
      <c r="E7961" s="367"/>
      <c r="F7961" s="360"/>
      <c r="G7961" s="360"/>
      <c r="H7961" s="360"/>
      <c r="I7961" s="360"/>
      <c r="J7961" s="365"/>
      <c r="K7961" s="365"/>
      <c r="L7961" s="365"/>
    </row>
    <row r="7962" spans="2:12">
      <c r="B7962" s="367"/>
      <c r="C7962" s="367"/>
      <c r="D7962" s="367"/>
      <c r="E7962" s="367"/>
      <c r="F7962" s="359" t="s">
        <v>14443</v>
      </c>
      <c r="G7962" s="359" t="s">
        <v>14444</v>
      </c>
      <c r="H7962" s="359" t="s">
        <v>14381</v>
      </c>
      <c r="I7962" s="359" t="s">
        <v>14444</v>
      </c>
      <c r="J7962" s="365"/>
      <c r="K7962" s="365"/>
      <c r="L7962" s="365"/>
    </row>
    <row r="7963" spans="2:12">
      <c r="B7963" s="367"/>
      <c r="C7963" s="367"/>
      <c r="D7963" s="367"/>
      <c r="E7963" s="367"/>
      <c r="F7963" s="360"/>
      <c r="G7963" s="360"/>
      <c r="H7963" s="360"/>
      <c r="I7963" s="360"/>
      <c r="J7963" s="365"/>
      <c r="K7963" s="365"/>
      <c r="L7963" s="365"/>
    </row>
    <row r="7964" spans="2:12">
      <c r="B7964" s="367"/>
      <c r="C7964" s="367"/>
      <c r="D7964" s="367"/>
      <c r="E7964" s="367"/>
      <c r="F7964" s="359" t="s">
        <v>14426</v>
      </c>
      <c r="G7964" s="359" t="s">
        <v>14427</v>
      </c>
      <c r="H7964" s="359" t="s">
        <v>14341</v>
      </c>
      <c r="I7964" s="359" t="s">
        <v>14427</v>
      </c>
      <c r="J7964" s="365"/>
      <c r="K7964" s="365"/>
      <c r="L7964" s="365"/>
    </row>
    <row r="7965" spans="2:12">
      <c r="B7965" s="367"/>
      <c r="C7965" s="367"/>
      <c r="D7965" s="367"/>
      <c r="E7965" s="367"/>
      <c r="F7965" s="360"/>
      <c r="G7965" s="360"/>
      <c r="H7965" s="360"/>
      <c r="I7965" s="360"/>
      <c r="J7965" s="365"/>
      <c r="K7965" s="365"/>
      <c r="L7965" s="365"/>
    </row>
    <row r="7966" spans="2:12" ht="28.5">
      <c r="B7966" s="367"/>
      <c r="C7966" s="367"/>
      <c r="D7966" s="367"/>
      <c r="E7966" s="367"/>
      <c r="F7966" s="359" t="s">
        <v>14507</v>
      </c>
      <c r="G7966" s="359" t="s">
        <v>28932</v>
      </c>
      <c r="H7966" s="359" t="s">
        <v>14367</v>
      </c>
      <c r="I7966" s="359" t="s">
        <v>28932</v>
      </c>
      <c r="J7966" s="365"/>
      <c r="K7966" s="365"/>
      <c r="L7966" s="365"/>
    </row>
    <row r="7967" spans="2:12">
      <c r="B7967" s="367"/>
      <c r="C7967" s="367"/>
      <c r="D7967" s="367"/>
      <c r="E7967" s="367"/>
      <c r="F7967" s="360"/>
      <c r="G7967" s="360"/>
      <c r="H7967" s="360"/>
      <c r="I7967" s="360"/>
      <c r="J7967" s="365"/>
      <c r="K7967" s="365"/>
      <c r="L7967" s="365"/>
    </row>
    <row r="7968" spans="2:12" ht="42.75">
      <c r="B7968" s="367"/>
      <c r="C7968" s="367"/>
      <c r="D7968" s="367"/>
      <c r="E7968" s="367"/>
      <c r="F7968" s="359" t="s">
        <v>28931</v>
      </c>
      <c r="G7968" s="359" t="s">
        <v>14429</v>
      </c>
      <c r="H7968" s="359" t="s">
        <v>14332</v>
      </c>
      <c r="I7968" s="359" t="s">
        <v>14429</v>
      </c>
      <c r="J7968" s="365"/>
      <c r="K7968" s="365"/>
      <c r="L7968" s="365"/>
    </row>
    <row r="7969" spans="2:12">
      <c r="B7969" s="367"/>
      <c r="C7969" s="367"/>
      <c r="D7969" s="367"/>
      <c r="E7969" s="367"/>
      <c r="F7969" s="360"/>
      <c r="G7969" s="360"/>
      <c r="H7969" s="360"/>
      <c r="I7969" s="360"/>
      <c r="J7969" s="365"/>
      <c r="K7969" s="365"/>
      <c r="L7969" s="365"/>
    </row>
    <row r="7970" spans="2:12">
      <c r="B7970" s="367"/>
      <c r="C7970" s="367"/>
      <c r="D7970" s="367"/>
      <c r="E7970" s="367"/>
      <c r="F7970" s="359" t="s">
        <v>14389</v>
      </c>
      <c r="G7970" s="359" t="s">
        <v>14388</v>
      </c>
      <c r="H7970" s="360"/>
      <c r="I7970" s="359" t="s">
        <v>14388</v>
      </c>
      <c r="J7970" s="365"/>
      <c r="K7970" s="365"/>
      <c r="L7970" s="365"/>
    </row>
    <row r="7971" spans="2:12">
      <c r="B7971" s="367"/>
      <c r="C7971" s="367"/>
      <c r="D7971" s="367"/>
      <c r="E7971" s="367"/>
      <c r="F7971" s="360"/>
      <c r="G7971" s="360"/>
      <c r="H7971" s="360"/>
      <c r="I7971" s="360"/>
      <c r="J7971" s="365"/>
      <c r="K7971" s="365"/>
      <c r="L7971" s="365"/>
    </row>
    <row r="7972" spans="2:12">
      <c r="B7972" s="367"/>
      <c r="C7972" s="367"/>
      <c r="D7972" s="367"/>
      <c r="E7972" s="367"/>
      <c r="F7972" s="359" t="s">
        <v>14430</v>
      </c>
      <c r="G7972" s="359" t="s">
        <v>14390</v>
      </c>
      <c r="H7972" s="360"/>
      <c r="I7972" s="359" t="s">
        <v>14390</v>
      </c>
      <c r="J7972" s="365"/>
      <c r="K7972" s="365"/>
      <c r="L7972" s="365"/>
    </row>
    <row r="7973" spans="2:12">
      <c r="B7973" s="367"/>
      <c r="C7973" s="367"/>
      <c r="D7973" s="367"/>
      <c r="E7973" s="367"/>
      <c r="F7973" s="360"/>
      <c r="G7973" s="360"/>
      <c r="H7973" s="360"/>
      <c r="I7973" s="360"/>
      <c r="J7973" s="365"/>
      <c r="K7973" s="365"/>
      <c r="L7973" s="365"/>
    </row>
    <row r="7974" spans="2:12">
      <c r="B7974" s="367"/>
      <c r="C7974" s="367"/>
      <c r="D7974" s="367"/>
      <c r="E7974" s="367"/>
      <c r="F7974" s="359" t="s">
        <v>14391</v>
      </c>
      <c r="G7974" s="359" t="s">
        <v>14431</v>
      </c>
      <c r="H7974" s="360"/>
      <c r="I7974" s="359" t="s">
        <v>14431</v>
      </c>
      <c r="J7974" s="365"/>
      <c r="K7974" s="365"/>
      <c r="L7974" s="365"/>
    </row>
    <row r="7975" spans="2:12">
      <c r="B7975" s="367"/>
      <c r="C7975" s="367"/>
      <c r="D7975" s="367"/>
      <c r="E7975" s="367"/>
      <c r="F7975" s="360"/>
      <c r="G7975" s="360"/>
      <c r="H7975" s="360"/>
      <c r="I7975" s="360"/>
      <c r="J7975" s="365"/>
      <c r="K7975" s="365"/>
      <c r="L7975" s="365"/>
    </row>
    <row r="7976" spans="2:12" ht="28.5">
      <c r="B7976" s="367"/>
      <c r="C7976" s="367"/>
      <c r="D7976" s="367"/>
      <c r="E7976" s="367"/>
      <c r="F7976" s="359" t="s">
        <v>14472</v>
      </c>
      <c r="G7976" s="359" t="s">
        <v>14392</v>
      </c>
      <c r="H7976" s="360"/>
      <c r="I7976" s="359" t="s">
        <v>14392</v>
      </c>
      <c r="J7976" s="365"/>
      <c r="K7976" s="365"/>
      <c r="L7976" s="365"/>
    </row>
    <row r="7977" spans="2:12">
      <c r="B7977" s="367"/>
      <c r="C7977" s="367"/>
      <c r="D7977" s="367"/>
      <c r="E7977" s="367"/>
      <c r="F7977" s="360"/>
      <c r="G7977" s="360"/>
      <c r="H7977" s="360"/>
      <c r="I7977" s="360"/>
      <c r="J7977" s="365"/>
      <c r="K7977" s="365"/>
      <c r="L7977" s="365"/>
    </row>
    <row r="7978" spans="2:12">
      <c r="B7978" s="368"/>
      <c r="C7978" s="368"/>
      <c r="D7978" s="368"/>
      <c r="E7978" s="368"/>
      <c r="F7978" s="362"/>
      <c r="G7978" s="361" t="s">
        <v>14473</v>
      </c>
      <c r="H7978" s="362"/>
      <c r="I7978" s="361" t="s">
        <v>14473</v>
      </c>
      <c r="J7978" s="366"/>
      <c r="K7978" s="366"/>
      <c r="L7978" s="366"/>
    </row>
    <row r="7979" spans="2:12">
      <c r="B7979" s="358" t="s">
        <v>18242</v>
      </c>
      <c r="C7979" s="358" t="s">
        <v>28933</v>
      </c>
      <c r="D7979" s="358" t="s">
        <v>18243</v>
      </c>
      <c r="E7979" s="358" t="s">
        <v>18244</v>
      </c>
      <c r="F7979" s="358" t="s">
        <v>14418</v>
      </c>
      <c r="G7979" s="358" t="s">
        <v>14419</v>
      </c>
      <c r="H7979" s="358" t="s">
        <v>14328</v>
      </c>
      <c r="I7979" s="358" t="s">
        <v>14419</v>
      </c>
      <c r="J7979" s="358"/>
      <c r="K7979" s="358"/>
      <c r="L7979" s="358"/>
    </row>
    <row r="7980" spans="2:12">
      <c r="B7980" s="367"/>
      <c r="C7980" s="367"/>
      <c r="D7980" s="367"/>
      <c r="E7980" s="367"/>
      <c r="F7980" s="360"/>
      <c r="G7980" s="360"/>
      <c r="H7980" s="360"/>
      <c r="I7980" s="360"/>
      <c r="J7980" s="365"/>
      <c r="K7980" s="365"/>
      <c r="L7980" s="365"/>
    </row>
    <row r="7981" spans="2:12">
      <c r="B7981" s="367"/>
      <c r="C7981" s="367"/>
      <c r="D7981" s="367"/>
      <c r="E7981" s="367"/>
      <c r="F7981" s="359" t="s">
        <v>14443</v>
      </c>
      <c r="G7981" s="359" t="s">
        <v>14444</v>
      </c>
      <c r="H7981" s="359" t="s">
        <v>14381</v>
      </c>
      <c r="I7981" s="359" t="s">
        <v>14444</v>
      </c>
      <c r="J7981" s="365"/>
      <c r="K7981" s="365"/>
      <c r="L7981" s="365"/>
    </row>
    <row r="7982" spans="2:12">
      <c r="B7982" s="367"/>
      <c r="C7982" s="367"/>
      <c r="D7982" s="367"/>
      <c r="E7982" s="367"/>
      <c r="F7982" s="360"/>
      <c r="G7982" s="360"/>
      <c r="H7982" s="360"/>
      <c r="I7982" s="360"/>
      <c r="J7982" s="365"/>
      <c r="K7982" s="365"/>
      <c r="L7982" s="365"/>
    </row>
    <row r="7983" spans="2:12">
      <c r="B7983" s="367"/>
      <c r="C7983" s="367"/>
      <c r="D7983" s="367"/>
      <c r="E7983" s="367"/>
      <c r="F7983" s="359" t="s">
        <v>14426</v>
      </c>
      <c r="G7983" s="359" t="s">
        <v>14427</v>
      </c>
      <c r="H7983" s="359" t="s">
        <v>14367</v>
      </c>
      <c r="I7983" s="359" t="s">
        <v>14427</v>
      </c>
      <c r="J7983" s="365"/>
      <c r="K7983" s="365"/>
      <c r="L7983" s="365"/>
    </row>
    <row r="7984" spans="2:12">
      <c r="B7984" s="367"/>
      <c r="C7984" s="367"/>
      <c r="D7984" s="367"/>
      <c r="E7984" s="367"/>
      <c r="F7984" s="360"/>
      <c r="G7984" s="360"/>
      <c r="H7984" s="360"/>
      <c r="I7984" s="360"/>
      <c r="J7984" s="365"/>
      <c r="K7984" s="365"/>
      <c r="L7984" s="365"/>
    </row>
    <row r="7985" spans="2:12" ht="42.75">
      <c r="B7985" s="367"/>
      <c r="C7985" s="367"/>
      <c r="D7985" s="367"/>
      <c r="E7985" s="367"/>
      <c r="F7985" s="359" t="s">
        <v>28931</v>
      </c>
      <c r="G7985" s="359" t="s">
        <v>14459</v>
      </c>
      <c r="H7985" s="359" t="s">
        <v>14422</v>
      </c>
      <c r="I7985" s="359" t="s">
        <v>14459</v>
      </c>
      <c r="J7985" s="365"/>
      <c r="K7985" s="365"/>
      <c r="L7985" s="365"/>
    </row>
    <row r="7986" spans="2:12">
      <c r="B7986" s="367"/>
      <c r="C7986" s="367"/>
      <c r="D7986" s="367"/>
      <c r="E7986" s="367"/>
      <c r="F7986" s="360"/>
      <c r="G7986" s="360"/>
      <c r="H7986" s="360"/>
      <c r="I7986" s="360"/>
      <c r="J7986" s="365"/>
      <c r="K7986" s="365"/>
      <c r="L7986" s="365"/>
    </row>
    <row r="7987" spans="2:12">
      <c r="B7987" s="367"/>
      <c r="C7987" s="367"/>
      <c r="D7987" s="367"/>
      <c r="E7987" s="367"/>
      <c r="F7987" s="359" t="s">
        <v>14391</v>
      </c>
      <c r="G7987" s="359" t="s">
        <v>14429</v>
      </c>
      <c r="H7987" s="360"/>
      <c r="I7987" s="359" t="s">
        <v>14429</v>
      </c>
      <c r="J7987" s="365"/>
      <c r="K7987" s="365"/>
      <c r="L7987" s="365"/>
    </row>
    <row r="7988" spans="2:12">
      <c r="B7988" s="367"/>
      <c r="C7988" s="367"/>
      <c r="D7988" s="367"/>
      <c r="E7988" s="367"/>
      <c r="F7988" s="360"/>
      <c r="G7988" s="360"/>
      <c r="H7988" s="360"/>
      <c r="I7988" s="360"/>
      <c r="J7988" s="365"/>
      <c r="K7988" s="365"/>
      <c r="L7988" s="365"/>
    </row>
    <row r="7989" spans="2:12" ht="28.5">
      <c r="B7989" s="367"/>
      <c r="C7989" s="367"/>
      <c r="D7989" s="367"/>
      <c r="E7989" s="367"/>
      <c r="F7989" s="359" t="s">
        <v>14472</v>
      </c>
      <c r="G7989" s="359" t="s">
        <v>14388</v>
      </c>
      <c r="H7989" s="360"/>
      <c r="I7989" s="359" t="s">
        <v>14388</v>
      </c>
      <c r="J7989" s="365"/>
      <c r="K7989" s="365"/>
      <c r="L7989" s="365"/>
    </row>
    <row r="7990" spans="2:12">
      <c r="B7990" s="367"/>
      <c r="C7990" s="367"/>
      <c r="D7990" s="367"/>
      <c r="E7990" s="367"/>
      <c r="F7990" s="360"/>
      <c r="G7990" s="360"/>
      <c r="H7990" s="360"/>
      <c r="I7990" s="360"/>
      <c r="J7990" s="365"/>
      <c r="K7990" s="365"/>
      <c r="L7990" s="365"/>
    </row>
    <row r="7991" spans="2:12">
      <c r="B7991" s="367"/>
      <c r="C7991" s="367"/>
      <c r="D7991" s="367"/>
      <c r="E7991" s="367"/>
      <c r="F7991" s="360"/>
      <c r="G7991" s="359" t="s">
        <v>14392</v>
      </c>
      <c r="H7991" s="360"/>
      <c r="I7991" s="359" t="s">
        <v>14392</v>
      </c>
      <c r="J7991" s="365"/>
      <c r="K7991" s="365"/>
      <c r="L7991" s="365"/>
    </row>
    <row r="7992" spans="2:12">
      <c r="B7992" s="367"/>
      <c r="C7992" s="367"/>
      <c r="D7992" s="367"/>
      <c r="E7992" s="367"/>
      <c r="F7992" s="360"/>
      <c r="G7992" s="360"/>
      <c r="H7992" s="360"/>
      <c r="I7992" s="360"/>
      <c r="J7992" s="365"/>
      <c r="K7992" s="365"/>
      <c r="L7992" s="365"/>
    </row>
    <row r="7993" spans="2:12">
      <c r="B7993" s="368"/>
      <c r="C7993" s="368"/>
      <c r="D7993" s="368"/>
      <c r="E7993" s="368"/>
      <c r="F7993" s="362"/>
      <c r="G7993" s="361" t="s">
        <v>14473</v>
      </c>
      <c r="H7993" s="362"/>
      <c r="I7993" s="361" t="s">
        <v>14473</v>
      </c>
      <c r="J7993" s="366"/>
      <c r="K7993" s="366"/>
      <c r="L7993" s="366"/>
    </row>
    <row r="7994" spans="2:12" ht="42.75">
      <c r="B7994" s="358" t="s">
        <v>18245</v>
      </c>
      <c r="C7994" s="358" t="s">
        <v>28934</v>
      </c>
      <c r="D7994" s="358" t="s">
        <v>18246</v>
      </c>
      <c r="E7994" s="358" t="s">
        <v>18247</v>
      </c>
      <c r="F7994" s="358" t="s">
        <v>18248</v>
      </c>
      <c r="G7994" s="358" t="s">
        <v>16167</v>
      </c>
      <c r="H7994" s="358" t="s">
        <v>14328</v>
      </c>
      <c r="I7994" s="358" t="s">
        <v>16167</v>
      </c>
      <c r="J7994" s="358" t="s">
        <v>14355</v>
      </c>
      <c r="K7994" s="358"/>
      <c r="L7994" s="358" t="s">
        <v>14513</v>
      </c>
    </row>
    <row r="7995" spans="2:12">
      <c r="B7995" s="367"/>
      <c r="C7995" s="367"/>
      <c r="D7995" s="360"/>
      <c r="E7995" s="360"/>
      <c r="F7995" s="360"/>
      <c r="G7995" s="360"/>
      <c r="H7995" s="360"/>
      <c r="I7995" s="360"/>
      <c r="J7995" s="367"/>
      <c r="K7995" s="365"/>
      <c r="L7995" s="367"/>
    </row>
    <row r="7996" spans="2:12">
      <c r="B7996" s="367"/>
      <c r="C7996" s="367"/>
      <c r="D7996" s="359" t="s">
        <v>18249</v>
      </c>
      <c r="E7996" s="359" t="s">
        <v>18250</v>
      </c>
      <c r="F7996" s="359" t="s">
        <v>14356</v>
      </c>
      <c r="G7996" s="359" t="s">
        <v>14340</v>
      </c>
      <c r="H7996" s="359" t="s">
        <v>14341</v>
      </c>
      <c r="I7996" s="359" t="s">
        <v>14340</v>
      </c>
      <c r="J7996" s="367"/>
      <c r="K7996" s="365"/>
      <c r="L7996" s="367"/>
    </row>
    <row r="7997" spans="2:12">
      <c r="B7997" s="367"/>
      <c r="C7997" s="367"/>
      <c r="D7997" s="360"/>
      <c r="E7997" s="360"/>
      <c r="F7997" s="360"/>
      <c r="G7997" s="360"/>
      <c r="H7997" s="360"/>
      <c r="I7997" s="360"/>
      <c r="J7997" s="367"/>
      <c r="K7997" s="365"/>
      <c r="L7997" s="367"/>
    </row>
    <row r="7998" spans="2:12">
      <c r="B7998" s="368"/>
      <c r="C7998" s="368"/>
      <c r="D7998" s="361" t="s">
        <v>18251</v>
      </c>
      <c r="E7998" s="361" t="s">
        <v>18252</v>
      </c>
      <c r="F7998" s="362"/>
      <c r="G7998" s="362"/>
      <c r="H7998" s="361" t="s">
        <v>14332</v>
      </c>
      <c r="I7998" s="362"/>
      <c r="J7998" s="368"/>
      <c r="K7998" s="366"/>
      <c r="L7998" s="368"/>
    </row>
    <row r="7999" spans="2:12" ht="28.5">
      <c r="B7999" s="358" t="s">
        <v>18253</v>
      </c>
      <c r="C7999" s="358" t="s">
        <v>28935</v>
      </c>
      <c r="D7999" s="358" t="s">
        <v>18254</v>
      </c>
      <c r="E7999" s="358" t="s">
        <v>18255</v>
      </c>
      <c r="F7999" s="358" t="s">
        <v>18248</v>
      </c>
      <c r="G7999" s="358" t="s">
        <v>16167</v>
      </c>
      <c r="H7999" s="358" t="s">
        <v>14328</v>
      </c>
      <c r="I7999" s="358" t="s">
        <v>16167</v>
      </c>
      <c r="J7999" s="358" t="s">
        <v>14355</v>
      </c>
      <c r="K7999" s="358"/>
      <c r="L7999" s="358" t="s">
        <v>14513</v>
      </c>
    </row>
    <row r="8000" spans="2:12">
      <c r="B8000" s="367"/>
      <c r="C8000" s="367"/>
      <c r="D8000" s="360"/>
      <c r="E8000" s="360"/>
      <c r="F8000" s="360"/>
      <c r="G8000" s="360"/>
      <c r="H8000" s="360"/>
      <c r="I8000" s="360"/>
      <c r="J8000" s="367"/>
      <c r="K8000" s="365"/>
      <c r="L8000" s="367"/>
    </row>
    <row r="8001" spans="2:12">
      <c r="B8001" s="367"/>
      <c r="C8001" s="367"/>
      <c r="D8001" s="359" t="s">
        <v>18256</v>
      </c>
      <c r="E8001" s="359" t="s">
        <v>18257</v>
      </c>
      <c r="F8001" s="359" t="s">
        <v>14356</v>
      </c>
      <c r="G8001" s="359" t="s">
        <v>14340</v>
      </c>
      <c r="H8001" s="359" t="s">
        <v>14341</v>
      </c>
      <c r="I8001" s="359" t="s">
        <v>14340</v>
      </c>
      <c r="J8001" s="367"/>
      <c r="K8001" s="365"/>
      <c r="L8001" s="367"/>
    </row>
    <row r="8002" spans="2:12">
      <c r="B8002" s="367"/>
      <c r="C8002" s="367"/>
      <c r="D8002" s="360"/>
      <c r="E8002" s="360"/>
      <c r="F8002" s="360"/>
      <c r="G8002" s="360"/>
      <c r="H8002" s="360"/>
      <c r="I8002" s="360"/>
      <c r="J8002" s="367"/>
      <c r="K8002" s="365"/>
      <c r="L8002" s="367"/>
    </row>
    <row r="8003" spans="2:12">
      <c r="B8003" s="368"/>
      <c r="C8003" s="368"/>
      <c r="D8003" s="362"/>
      <c r="E8003" s="362"/>
      <c r="F8003" s="362"/>
      <c r="G8003" s="362"/>
      <c r="H8003" s="361" t="s">
        <v>14332</v>
      </c>
      <c r="I8003" s="362"/>
      <c r="J8003" s="368"/>
      <c r="K8003" s="366"/>
      <c r="L8003" s="368"/>
    </row>
    <row r="8004" spans="2:12">
      <c r="B8004" s="358" t="s">
        <v>18258</v>
      </c>
      <c r="C8004" s="358" t="s">
        <v>18259</v>
      </c>
      <c r="D8004" s="358" t="s">
        <v>18260</v>
      </c>
      <c r="E8004" s="358" t="s">
        <v>18261</v>
      </c>
      <c r="F8004" s="358" t="s">
        <v>15096</v>
      </c>
      <c r="G8004" s="358" t="s">
        <v>15097</v>
      </c>
      <c r="H8004" s="358" t="s">
        <v>14328</v>
      </c>
      <c r="I8004" s="358" t="s">
        <v>15097</v>
      </c>
      <c r="J8004" s="358"/>
      <c r="K8004" s="358"/>
      <c r="L8004" s="358" t="s">
        <v>14513</v>
      </c>
    </row>
    <row r="8005" spans="2:12">
      <c r="B8005" s="367"/>
      <c r="C8005" s="367"/>
      <c r="D8005" s="367"/>
      <c r="E8005" s="367"/>
      <c r="F8005" s="367"/>
      <c r="G8005" s="367"/>
      <c r="H8005" s="360"/>
      <c r="I8005" s="367"/>
      <c r="J8005" s="365"/>
      <c r="K8005" s="365"/>
      <c r="L8005" s="367"/>
    </row>
    <row r="8006" spans="2:12">
      <c r="B8006" s="368"/>
      <c r="C8006" s="368"/>
      <c r="D8006" s="368"/>
      <c r="E8006" s="368"/>
      <c r="F8006" s="368"/>
      <c r="G8006" s="368"/>
      <c r="H8006" s="361" t="s">
        <v>14332</v>
      </c>
      <c r="I8006" s="368"/>
      <c r="J8006" s="366"/>
      <c r="K8006" s="366"/>
      <c r="L8006" s="368"/>
    </row>
    <row r="8007" spans="2:12" ht="28.5">
      <c r="B8007" s="358" t="s">
        <v>18262</v>
      </c>
      <c r="C8007" s="358" t="s">
        <v>28936</v>
      </c>
      <c r="D8007" s="358" t="s">
        <v>8356</v>
      </c>
      <c r="E8007" s="358" t="s">
        <v>18263</v>
      </c>
      <c r="F8007" s="358" t="s">
        <v>14420</v>
      </c>
      <c r="G8007" s="358" t="s">
        <v>14429</v>
      </c>
      <c r="H8007" s="358" t="s">
        <v>14367</v>
      </c>
      <c r="I8007" s="358" t="s">
        <v>14429</v>
      </c>
      <c r="J8007" s="358"/>
      <c r="K8007" s="358"/>
      <c r="L8007" s="358"/>
    </row>
    <row r="8008" spans="2:12">
      <c r="B8008" s="367"/>
      <c r="C8008" s="367"/>
      <c r="D8008" s="367"/>
      <c r="E8008" s="367"/>
      <c r="F8008" s="367"/>
      <c r="G8008" s="367"/>
      <c r="H8008" s="360"/>
      <c r="I8008" s="367"/>
      <c r="J8008" s="365"/>
      <c r="K8008" s="365"/>
      <c r="L8008" s="365"/>
    </row>
    <row r="8009" spans="2:12">
      <c r="B8009" s="368"/>
      <c r="C8009" s="368"/>
      <c r="D8009" s="368"/>
      <c r="E8009" s="368"/>
      <c r="F8009" s="368"/>
      <c r="G8009" s="368"/>
      <c r="H8009" s="361" t="s">
        <v>14422</v>
      </c>
      <c r="I8009" s="368"/>
      <c r="J8009" s="366"/>
      <c r="K8009" s="366"/>
      <c r="L8009" s="366"/>
    </row>
    <row r="8010" spans="2:12" ht="28.5">
      <c r="B8010" s="358" t="s">
        <v>18264</v>
      </c>
      <c r="C8010" s="358" t="s">
        <v>28937</v>
      </c>
      <c r="D8010" s="358" t="s">
        <v>18265</v>
      </c>
      <c r="E8010" s="358" t="s">
        <v>18266</v>
      </c>
      <c r="F8010" s="358" t="s">
        <v>28938</v>
      </c>
      <c r="G8010" s="358" t="s">
        <v>14421</v>
      </c>
      <c r="H8010" s="358" t="s">
        <v>14367</v>
      </c>
      <c r="I8010" s="358" t="s">
        <v>14421</v>
      </c>
      <c r="J8010" s="358"/>
      <c r="K8010" s="358"/>
      <c r="L8010" s="358"/>
    </row>
    <row r="8011" spans="2:12">
      <c r="B8011" s="367"/>
      <c r="C8011" s="367"/>
      <c r="D8011" s="367"/>
      <c r="E8011" s="367"/>
      <c r="F8011" s="360"/>
      <c r="G8011" s="360"/>
      <c r="H8011" s="360"/>
      <c r="I8011" s="360"/>
      <c r="J8011" s="365"/>
      <c r="K8011" s="365"/>
      <c r="L8011" s="365"/>
    </row>
    <row r="8012" spans="2:12">
      <c r="B8012" s="367"/>
      <c r="C8012" s="367"/>
      <c r="D8012" s="367"/>
      <c r="E8012" s="367"/>
      <c r="F8012" s="359" t="s">
        <v>14389</v>
      </c>
      <c r="G8012" s="359" t="s">
        <v>14429</v>
      </c>
      <c r="H8012" s="359" t="s">
        <v>14370</v>
      </c>
      <c r="I8012" s="359" t="s">
        <v>14429</v>
      </c>
      <c r="J8012" s="365"/>
      <c r="K8012" s="365"/>
      <c r="L8012" s="365"/>
    </row>
    <row r="8013" spans="2:12">
      <c r="B8013" s="367"/>
      <c r="C8013" s="367"/>
      <c r="D8013" s="367"/>
      <c r="E8013" s="367"/>
      <c r="F8013" s="360"/>
      <c r="G8013" s="360"/>
      <c r="H8013" s="360"/>
      <c r="I8013" s="360"/>
      <c r="J8013" s="365"/>
      <c r="K8013" s="365"/>
      <c r="L8013" s="365"/>
    </row>
    <row r="8014" spans="2:12">
      <c r="B8014" s="367"/>
      <c r="C8014" s="367"/>
      <c r="D8014" s="367"/>
      <c r="E8014" s="367"/>
      <c r="F8014" s="359" t="s">
        <v>14391</v>
      </c>
      <c r="G8014" s="359" t="s">
        <v>14390</v>
      </c>
      <c r="H8014" s="359" t="s">
        <v>14422</v>
      </c>
      <c r="I8014" s="359" t="s">
        <v>14390</v>
      </c>
      <c r="J8014" s="365"/>
      <c r="K8014" s="365"/>
      <c r="L8014" s="365"/>
    </row>
    <row r="8015" spans="2:12">
      <c r="B8015" s="367"/>
      <c r="C8015" s="367"/>
      <c r="D8015" s="367"/>
      <c r="E8015" s="367"/>
      <c r="F8015" s="360"/>
      <c r="G8015" s="360"/>
      <c r="H8015" s="360"/>
      <c r="I8015" s="360"/>
      <c r="J8015" s="365"/>
      <c r="K8015" s="365"/>
      <c r="L8015" s="365"/>
    </row>
    <row r="8016" spans="2:12">
      <c r="B8016" s="367"/>
      <c r="C8016" s="367"/>
      <c r="D8016" s="367"/>
      <c r="E8016" s="367"/>
      <c r="F8016" s="359" t="s">
        <v>14371</v>
      </c>
      <c r="G8016" s="359" t="s">
        <v>14392</v>
      </c>
      <c r="H8016" s="360"/>
      <c r="I8016" s="359" t="s">
        <v>14392</v>
      </c>
      <c r="J8016" s="365"/>
      <c r="K8016" s="365"/>
      <c r="L8016" s="365"/>
    </row>
    <row r="8017" spans="2:12">
      <c r="B8017" s="367"/>
      <c r="C8017" s="367"/>
      <c r="D8017" s="367"/>
      <c r="E8017" s="367"/>
      <c r="F8017" s="360"/>
      <c r="G8017" s="360"/>
      <c r="H8017" s="360"/>
      <c r="I8017" s="360"/>
      <c r="J8017" s="365"/>
      <c r="K8017" s="365"/>
      <c r="L8017" s="365"/>
    </row>
    <row r="8018" spans="2:12" ht="28.5">
      <c r="B8018" s="367"/>
      <c r="C8018" s="367"/>
      <c r="D8018" s="367"/>
      <c r="E8018" s="367"/>
      <c r="F8018" s="359" t="s">
        <v>14374</v>
      </c>
      <c r="G8018" s="359" t="s">
        <v>14372</v>
      </c>
      <c r="H8018" s="360"/>
      <c r="I8018" s="359" t="s">
        <v>14373</v>
      </c>
      <c r="J8018" s="365"/>
      <c r="K8018" s="365"/>
      <c r="L8018" s="365"/>
    </row>
    <row r="8019" spans="2:12">
      <c r="B8019" s="367"/>
      <c r="C8019" s="367"/>
      <c r="D8019" s="367"/>
      <c r="E8019" s="367"/>
      <c r="F8019" s="360"/>
      <c r="G8019" s="360"/>
      <c r="H8019" s="360"/>
      <c r="I8019" s="360"/>
      <c r="J8019" s="365"/>
      <c r="K8019" s="365"/>
      <c r="L8019" s="365"/>
    </row>
    <row r="8020" spans="2:12">
      <c r="B8020" s="368"/>
      <c r="C8020" s="368"/>
      <c r="D8020" s="368"/>
      <c r="E8020" s="368"/>
      <c r="F8020" s="362"/>
      <c r="G8020" s="361" t="s">
        <v>14373</v>
      </c>
      <c r="H8020" s="362"/>
      <c r="I8020" s="362"/>
      <c r="J8020" s="366"/>
      <c r="K8020" s="366"/>
      <c r="L8020" s="366"/>
    </row>
    <row r="8021" spans="2:12">
      <c r="B8021" s="358" t="s">
        <v>18267</v>
      </c>
      <c r="C8021" s="358" t="s">
        <v>28939</v>
      </c>
      <c r="D8021" s="358" t="s">
        <v>18268</v>
      </c>
      <c r="E8021" s="358" t="s">
        <v>18269</v>
      </c>
      <c r="F8021" s="358" t="s">
        <v>14505</v>
      </c>
      <c r="G8021" s="358" t="s">
        <v>14506</v>
      </c>
      <c r="H8021" s="358" t="s">
        <v>14328</v>
      </c>
      <c r="I8021" s="358" t="s">
        <v>14506</v>
      </c>
      <c r="J8021" s="358" t="s">
        <v>17546</v>
      </c>
      <c r="K8021" s="358"/>
      <c r="L8021" s="358" t="s">
        <v>14611</v>
      </c>
    </row>
    <row r="8022" spans="2:12">
      <c r="B8022" s="367"/>
      <c r="C8022" s="367"/>
      <c r="D8022" s="360"/>
      <c r="E8022" s="360"/>
      <c r="F8022" s="360"/>
      <c r="G8022" s="360"/>
      <c r="H8022" s="360"/>
      <c r="I8022" s="360"/>
      <c r="J8022" s="360"/>
      <c r="K8022" s="365"/>
      <c r="L8022" s="367"/>
    </row>
    <row r="8023" spans="2:12">
      <c r="B8023" s="367"/>
      <c r="C8023" s="367"/>
      <c r="D8023" s="359" t="s">
        <v>18270</v>
      </c>
      <c r="E8023" s="359" t="s">
        <v>18271</v>
      </c>
      <c r="F8023" s="359" t="s">
        <v>14368</v>
      </c>
      <c r="G8023" s="359" t="s">
        <v>14369</v>
      </c>
      <c r="H8023" s="359" t="s">
        <v>14367</v>
      </c>
      <c r="I8023" s="359" t="s">
        <v>14369</v>
      </c>
      <c r="J8023" s="359" t="s">
        <v>17309</v>
      </c>
      <c r="K8023" s="365"/>
      <c r="L8023" s="367"/>
    </row>
    <row r="8024" spans="2:12">
      <c r="B8024" s="367"/>
      <c r="C8024" s="367"/>
      <c r="D8024" s="360"/>
      <c r="E8024" s="360"/>
      <c r="F8024" s="360"/>
      <c r="G8024" s="360"/>
      <c r="H8024" s="360"/>
      <c r="I8024" s="360"/>
      <c r="J8024" s="360"/>
      <c r="K8024" s="365"/>
      <c r="L8024" s="367"/>
    </row>
    <row r="8025" spans="2:12">
      <c r="B8025" s="368"/>
      <c r="C8025" s="368"/>
      <c r="D8025" s="362"/>
      <c r="E8025" s="362"/>
      <c r="F8025" s="362"/>
      <c r="G8025" s="362"/>
      <c r="H8025" s="361" t="s">
        <v>14332</v>
      </c>
      <c r="I8025" s="362"/>
      <c r="J8025" s="362"/>
      <c r="K8025" s="366"/>
      <c r="L8025" s="368"/>
    </row>
    <row r="8026" spans="2:12" ht="42.75">
      <c r="B8026" s="358" t="s">
        <v>9509</v>
      </c>
      <c r="C8026" s="358" t="s">
        <v>28940</v>
      </c>
      <c r="D8026" s="358" t="s">
        <v>9510</v>
      </c>
      <c r="E8026" s="358" t="s">
        <v>2024</v>
      </c>
      <c r="F8026" s="358" t="s">
        <v>14505</v>
      </c>
      <c r="G8026" s="358" t="s">
        <v>14506</v>
      </c>
      <c r="H8026" s="358" t="s">
        <v>14328</v>
      </c>
      <c r="I8026" s="358" t="s">
        <v>14506</v>
      </c>
      <c r="J8026" s="358"/>
      <c r="K8026" s="358" t="s">
        <v>28942</v>
      </c>
      <c r="L8026" s="358"/>
    </row>
    <row r="8027" spans="2:12">
      <c r="B8027" s="367"/>
      <c r="C8027" s="367"/>
      <c r="D8027" s="367"/>
      <c r="E8027" s="367"/>
      <c r="F8027" s="360"/>
      <c r="G8027" s="360"/>
      <c r="H8027" s="360"/>
      <c r="I8027" s="360"/>
      <c r="J8027" s="365"/>
      <c r="K8027" s="367"/>
      <c r="L8027" s="365"/>
    </row>
    <row r="8028" spans="2:12">
      <c r="B8028" s="367"/>
      <c r="C8028" s="367"/>
      <c r="D8028" s="367"/>
      <c r="E8028" s="367"/>
      <c r="F8028" s="359" t="s">
        <v>16528</v>
      </c>
      <c r="G8028" s="359" t="s">
        <v>14669</v>
      </c>
      <c r="H8028" s="359" t="s">
        <v>14378</v>
      </c>
      <c r="I8028" s="359" t="s">
        <v>14669</v>
      </c>
      <c r="J8028" s="365"/>
      <c r="K8028" s="367"/>
      <c r="L8028" s="365"/>
    </row>
    <row r="8029" spans="2:12">
      <c r="B8029" s="367"/>
      <c r="C8029" s="367"/>
      <c r="D8029" s="367"/>
      <c r="E8029" s="367"/>
      <c r="F8029" s="360"/>
      <c r="G8029" s="360"/>
      <c r="H8029" s="360"/>
      <c r="I8029" s="360"/>
      <c r="J8029" s="365"/>
      <c r="K8029" s="367"/>
      <c r="L8029" s="365"/>
    </row>
    <row r="8030" spans="2:12" ht="42.75">
      <c r="B8030" s="367"/>
      <c r="C8030" s="367"/>
      <c r="D8030" s="367"/>
      <c r="E8030" s="367"/>
      <c r="F8030" s="359" t="s">
        <v>28941</v>
      </c>
      <c r="G8030" s="359" t="s">
        <v>14380</v>
      </c>
      <c r="H8030" s="359" t="s">
        <v>14381</v>
      </c>
      <c r="I8030" s="359" t="s">
        <v>14380</v>
      </c>
      <c r="J8030" s="365"/>
      <c r="K8030" s="367"/>
      <c r="L8030" s="365"/>
    </row>
    <row r="8031" spans="2:12">
      <c r="B8031" s="367"/>
      <c r="C8031" s="367"/>
      <c r="D8031" s="367"/>
      <c r="E8031" s="367"/>
      <c r="F8031" s="360"/>
      <c r="G8031" s="360"/>
      <c r="H8031" s="360"/>
      <c r="I8031" s="360"/>
      <c r="J8031" s="365"/>
      <c r="K8031" s="367"/>
      <c r="L8031" s="365"/>
    </row>
    <row r="8032" spans="2:12">
      <c r="B8032" s="367"/>
      <c r="C8032" s="367"/>
      <c r="D8032" s="367"/>
      <c r="E8032" s="367"/>
      <c r="F8032" s="360"/>
      <c r="G8032" s="359" t="s">
        <v>14579</v>
      </c>
      <c r="H8032" s="359" t="s">
        <v>14332</v>
      </c>
      <c r="I8032" s="359" t="s">
        <v>14579</v>
      </c>
      <c r="J8032" s="365"/>
      <c r="K8032" s="367"/>
      <c r="L8032" s="365"/>
    </row>
    <row r="8033" spans="2:12">
      <c r="B8033" s="367"/>
      <c r="C8033" s="367"/>
      <c r="D8033" s="367"/>
      <c r="E8033" s="367"/>
      <c r="F8033" s="360"/>
      <c r="G8033" s="360"/>
      <c r="H8033" s="360"/>
      <c r="I8033" s="360"/>
      <c r="J8033" s="365"/>
      <c r="K8033" s="367"/>
      <c r="L8033" s="365"/>
    </row>
    <row r="8034" spans="2:12">
      <c r="B8034" s="368"/>
      <c r="C8034" s="368"/>
      <c r="D8034" s="368"/>
      <c r="E8034" s="368"/>
      <c r="F8034" s="362"/>
      <c r="G8034" s="361" t="s">
        <v>14429</v>
      </c>
      <c r="H8034" s="362"/>
      <c r="I8034" s="361" t="s">
        <v>14429</v>
      </c>
      <c r="J8034" s="366"/>
      <c r="K8034" s="368"/>
      <c r="L8034" s="366"/>
    </row>
    <row r="8035" spans="2:12" ht="28.5">
      <c r="B8035" s="358" t="s">
        <v>18272</v>
      </c>
      <c r="C8035" s="358" t="s">
        <v>30121</v>
      </c>
      <c r="D8035" s="358" t="s">
        <v>18273</v>
      </c>
      <c r="E8035" s="358" t="s">
        <v>18274</v>
      </c>
      <c r="F8035" s="358" t="s">
        <v>14418</v>
      </c>
      <c r="G8035" s="358" t="s">
        <v>14419</v>
      </c>
      <c r="H8035" s="358" t="s">
        <v>14328</v>
      </c>
      <c r="I8035" s="358" t="s">
        <v>14419</v>
      </c>
      <c r="J8035" s="358"/>
      <c r="K8035" s="358" t="s">
        <v>28944</v>
      </c>
      <c r="L8035" s="358"/>
    </row>
    <row r="8036" spans="2:12">
      <c r="B8036" s="367"/>
      <c r="C8036" s="367"/>
      <c r="D8036" s="367"/>
      <c r="E8036" s="367"/>
      <c r="F8036" s="360"/>
      <c r="G8036" s="360"/>
      <c r="H8036" s="360"/>
      <c r="I8036" s="360"/>
      <c r="J8036" s="365"/>
      <c r="K8036" s="367"/>
      <c r="L8036" s="365"/>
    </row>
    <row r="8037" spans="2:12" ht="42.75">
      <c r="B8037" s="367"/>
      <c r="C8037" s="367"/>
      <c r="D8037" s="367"/>
      <c r="E8037" s="367"/>
      <c r="F8037" s="359" t="s">
        <v>28943</v>
      </c>
      <c r="G8037" s="359" t="s">
        <v>14459</v>
      </c>
      <c r="H8037" s="359" t="s">
        <v>14341</v>
      </c>
      <c r="I8037" s="359" t="s">
        <v>14459</v>
      </c>
      <c r="J8037" s="365"/>
      <c r="K8037" s="367"/>
      <c r="L8037" s="365"/>
    </row>
    <row r="8038" spans="2:12">
      <c r="B8038" s="367"/>
      <c r="C8038" s="367"/>
      <c r="D8038" s="367"/>
      <c r="E8038" s="367"/>
      <c r="F8038" s="360"/>
      <c r="G8038" s="360"/>
      <c r="H8038" s="360"/>
      <c r="I8038" s="360"/>
      <c r="J8038" s="365"/>
      <c r="K8038" s="367"/>
      <c r="L8038" s="365"/>
    </row>
    <row r="8039" spans="2:12">
      <c r="B8039" s="367"/>
      <c r="C8039" s="367"/>
      <c r="D8039" s="367"/>
      <c r="E8039" s="367"/>
      <c r="F8039" s="359" t="s">
        <v>14356</v>
      </c>
      <c r="G8039" s="359" t="s">
        <v>14421</v>
      </c>
      <c r="H8039" s="359" t="s">
        <v>14367</v>
      </c>
      <c r="I8039" s="359" t="s">
        <v>14421</v>
      </c>
      <c r="J8039" s="365"/>
      <c r="K8039" s="367"/>
      <c r="L8039" s="365"/>
    </row>
    <row r="8040" spans="2:12">
      <c r="B8040" s="367"/>
      <c r="C8040" s="367"/>
      <c r="D8040" s="367"/>
      <c r="E8040" s="367"/>
      <c r="F8040" s="360"/>
      <c r="G8040" s="360"/>
      <c r="H8040" s="360"/>
      <c r="I8040" s="360"/>
      <c r="J8040" s="365"/>
      <c r="K8040" s="367"/>
      <c r="L8040" s="365"/>
    </row>
    <row r="8041" spans="2:12">
      <c r="B8041" s="367"/>
      <c r="C8041" s="367"/>
      <c r="D8041" s="367"/>
      <c r="E8041" s="367"/>
      <c r="F8041" s="360"/>
      <c r="G8041" s="359" t="s">
        <v>14429</v>
      </c>
      <c r="H8041" s="359" t="s">
        <v>14332</v>
      </c>
      <c r="I8041" s="359" t="s">
        <v>14429</v>
      </c>
      <c r="J8041" s="365"/>
      <c r="K8041" s="367"/>
      <c r="L8041" s="365"/>
    </row>
    <row r="8042" spans="2:12">
      <c r="B8042" s="367"/>
      <c r="C8042" s="367"/>
      <c r="D8042" s="367"/>
      <c r="E8042" s="367"/>
      <c r="F8042" s="360"/>
      <c r="G8042" s="360"/>
      <c r="H8042" s="360"/>
      <c r="I8042" s="360"/>
      <c r="J8042" s="365"/>
      <c r="K8042" s="367"/>
      <c r="L8042" s="365"/>
    </row>
    <row r="8043" spans="2:12">
      <c r="B8043" s="368"/>
      <c r="C8043" s="368"/>
      <c r="D8043" s="368"/>
      <c r="E8043" s="368"/>
      <c r="F8043" s="362"/>
      <c r="G8043" s="361" t="s">
        <v>14340</v>
      </c>
      <c r="H8043" s="362"/>
      <c r="I8043" s="361" t="s">
        <v>14340</v>
      </c>
      <c r="J8043" s="366"/>
      <c r="K8043" s="368"/>
      <c r="L8043" s="366"/>
    </row>
    <row r="8044" spans="2:12" ht="28.5">
      <c r="B8044" s="358" t="s">
        <v>18275</v>
      </c>
      <c r="C8044" s="358" t="s">
        <v>30122</v>
      </c>
      <c r="D8044" s="358" t="s">
        <v>18276</v>
      </c>
      <c r="E8044" s="358" t="s">
        <v>18277</v>
      </c>
      <c r="F8044" s="358" t="s">
        <v>14418</v>
      </c>
      <c r="G8044" s="358" t="s">
        <v>14419</v>
      </c>
      <c r="H8044" s="358" t="s">
        <v>14328</v>
      </c>
      <c r="I8044" s="358" t="s">
        <v>14419</v>
      </c>
      <c r="J8044" s="358"/>
      <c r="K8044" s="358" t="s">
        <v>28944</v>
      </c>
      <c r="L8044" s="358"/>
    </row>
    <row r="8045" spans="2:12">
      <c r="B8045" s="367"/>
      <c r="C8045" s="367"/>
      <c r="D8045" s="367"/>
      <c r="E8045" s="367"/>
      <c r="F8045" s="360"/>
      <c r="G8045" s="360"/>
      <c r="H8045" s="360"/>
      <c r="I8045" s="360"/>
      <c r="J8045" s="365"/>
      <c r="K8045" s="367"/>
      <c r="L8045" s="365"/>
    </row>
    <row r="8046" spans="2:12" ht="42.75">
      <c r="B8046" s="367"/>
      <c r="C8046" s="367"/>
      <c r="D8046" s="367"/>
      <c r="E8046" s="367"/>
      <c r="F8046" s="359" t="s">
        <v>28943</v>
      </c>
      <c r="G8046" s="359" t="s">
        <v>14459</v>
      </c>
      <c r="H8046" s="359" t="s">
        <v>14341</v>
      </c>
      <c r="I8046" s="359" t="s">
        <v>14459</v>
      </c>
      <c r="J8046" s="365"/>
      <c r="K8046" s="367"/>
      <c r="L8046" s="365"/>
    </row>
    <row r="8047" spans="2:12">
      <c r="B8047" s="367"/>
      <c r="C8047" s="367"/>
      <c r="D8047" s="367"/>
      <c r="E8047" s="367"/>
      <c r="F8047" s="360"/>
      <c r="G8047" s="360"/>
      <c r="H8047" s="360"/>
      <c r="I8047" s="360"/>
      <c r="J8047" s="365"/>
      <c r="K8047" s="367"/>
      <c r="L8047" s="365"/>
    </row>
    <row r="8048" spans="2:12">
      <c r="B8048" s="367"/>
      <c r="C8048" s="367"/>
      <c r="D8048" s="367"/>
      <c r="E8048" s="367"/>
      <c r="F8048" s="359" t="s">
        <v>14356</v>
      </c>
      <c r="G8048" s="359" t="s">
        <v>14421</v>
      </c>
      <c r="H8048" s="359" t="s">
        <v>14367</v>
      </c>
      <c r="I8048" s="359" t="s">
        <v>14421</v>
      </c>
      <c r="J8048" s="365"/>
      <c r="K8048" s="367"/>
      <c r="L8048" s="365"/>
    </row>
    <row r="8049" spans="2:12">
      <c r="B8049" s="367"/>
      <c r="C8049" s="367"/>
      <c r="D8049" s="367"/>
      <c r="E8049" s="367"/>
      <c r="F8049" s="360"/>
      <c r="G8049" s="360"/>
      <c r="H8049" s="360"/>
      <c r="I8049" s="360"/>
      <c r="J8049" s="365"/>
      <c r="K8049" s="367"/>
      <c r="L8049" s="365"/>
    </row>
    <row r="8050" spans="2:12">
      <c r="B8050" s="367"/>
      <c r="C8050" s="367"/>
      <c r="D8050" s="367"/>
      <c r="E8050" s="367"/>
      <c r="F8050" s="360"/>
      <c r="G8050" s="359" t="s">
        <v>14429</v>
      </c>
      <c r="H8050" s="359" t="s">
        <v>14370</v>
      </c>
      <c r="I8050" s="359" t="s">
        <v>14429</v>
      </c>
      <c r="J8050" s="365"/>
      <c r="K8050" s="367"/>
      <c r="L8050" s="365"/>
    </row>
    <row r="8051" spans="2:12">
      <c r="B8051" s="367"/>
      <c r="C8051" s="367"/>
      <c r="D8051" s="367"/>
      <c r="E8051" s="367"/>
      <c r="F8051" s="360"/>
      <c r="G8051" s="360"/>
      <c r="H8051" s="360"/>
      <c r="I8051" s="360"/>
      <c r="J8051" s="365"/>
      <c r="K8051" s="367"/>
      <c r="L8051" s="365"/>
    </row>
    <row r="8052" spans="2:12">
      <c r="B8052" s="368"/>
      <c r="C8052" s="368"/>
      <c r="D8052" s="368"/>
      <c r="E8052" s="368"/>
      <c r="F8052" s="362"/>
      <c r="G8052" s="361" t="s">
        <v>14340</v>
      </c>
      <c r="H8052" s="361" t="s">
        <v>14332</v>
      </c>
      <c r="I8052" s="361" t="s">
        <v>14340</v>
      </c>
      <c r="J8052" s="366"/>
      <c r="K8052" s="368"/>
      <c r="L8052" s="366"/>
    </row>
    <row r="8053" spans="2:12">
      <c r="B8053" s="358" t="s">
        <v>18278</v>
      </c>
      <c r="C8053" s="358" t="s">
        <v>28945</v>
      </c>
      <c r="D8053" s="358" t="s">
        <v>18279</v>
      </c>
      <c r="E8053" s="358" t="s">
        <v>18280</v>
      </c>
      <c r="F8053" s="358" t="s">
        <v>14420</v>
      </c>
      <c r="G8053" s="358" t="s">
        <v>14429</v>
      </c>
      <c r="H8053" s="358" t="s">
        <v>14367</v>
      </c>
      <c r="I8053" s="358" t="s">
        <v>14429</v>
      </c>
      <c r="J8053" s="358"/>
      <c r="K8053" s="358"/>
      <c r="L8053" s="358"/>
    </row>
    <row r="8054" spans="2:12">
      <c r="B8054" s="367"/>
      <c r="C8054" s="367"/>
      <c r="D8054" s="367"/>
      <c r="E8054" s="367"/>
      <c r="F8054" s="360"/>
      <c r="G8054" s="360"/>
      <c r="H8054" s="360"/>
      <c r="I8054" s="360"/>
      <c r="J8054" s="365"/>
      <c r="K8054" s="365"/>
      <c r="L8054" s="365"/>
    </row>
    <row r="8055" spans="2:12" ht="28.5">
      <c r="B8055" s="367"/>
      <c r="C8055" s="367"/>
      <c r="D8055" s="367"/>
      <c r="E8055" s="367"/>
      <c r="F8055" s="359" t="s">
        <v>14394</v>
      </c>
      <c r="G8055" s="359" t="s">
        <v>14395</v>
      </c>
      <c r="H8055" s="359" t="s">
        <v>14370</v>
      </c>
      <c r="I8055" s="359" t="s">
        <v>14395</v>
      </c>
      <c r="J8055" s="365"/>
      <c r="K8055" s="365"/>
      <c r="L8055" s="365"/>
    </row>
    <row r="8056" spans="2:12">
      <c r="B8056" s="367"/>
      <c r="C8056" s="367"/>
      <c r="D8056" s="367"/>
      <c r="E8056" s="367"/>
      <c r="F8056" s="360"/>
      <c r="G8056" s="360"/>
      <c r="H8056" s="360"/>
      <c r="I8056" s="360"/>
      <c r="J8056" s="365"/>
      <c r="K8056" s="365"/>
      <c r="L8056" s="365"/>
    </row>
    <row r="8057" spans="2:12">
      <c r="B8057" s="368"/>
      <c r="C8057" s="368"/>
      <c r="D8057" s="368"/>
      <c r="E8057" s="368"/>
      <c r="F8057" s="362"/>
      <c r="G8057" s="362"/>
      <c r="H8057" s="361" t="s">
        <v>14422</v>
      </c>
      <c r="I8057" s="362"/>
      <c r="J8057" s="366"/>
      <c r="K8057" s="366"/>
      <c r="L8057" s="366"/>
    </row>
    <row r="8058" spans="2:12" ht="28.5">
      <c r="B8058" s="358" t="s">
        <v>18281</v>
      </c>
      <c r="C8058" s="358" t="s">
        <v>18282</v>
      </c>
      <c r="D8058" s="358" t="s">
        <v>18283</v>
      </c>
      <c r="E8058" s="358" t="s">
        <v>18284</v>
      </c>
      <c r="F8058" s="358" t="s">
        <v>28938</v>
      </c>
      <c r="G8058" s="358" t="s">
        <v>14421</v>
      </c>
      <c r="H8058" s="358" t="s">
        <v>14367</v>
      </c>
      <c r="I8058" s="358" t="s">
        <v>14421</v>
      </c>
      <c r="J8058" s="358"/>
      <c r="K8058" s="358"/>
      <c r="L8058" s="358"/>
    </row>
    <row r="8059" spans="2:12">
      <c r="B8059" s="367"/>
      <c r="C8059" s="367"/>
      <c r="D8059" s="367"/>
      <c r="E8059" s="367"/>
      <c r="F8059" s="367"/>
      <c r="G8059" s="360"/>
      <c r="H8059" s="360"/>
      <c r="I8059" s="360"/>
      <c r="J8059" s="365"/>
      <c r="K8059" s="365"/>
      <c r="L8059" s="365"/>
    </row>
    <row r="8060" spans="2:12">
      <c r="B8060" s="368"/>
      <c r="C8060" s="368"/>
      <c r="D8060" s="368"/>
      <c r="E8060" s="368"/>
      <c r="F8060" s="368"/>
      <c r="G8060" s="361" t="s">
        <v>14429</v>
      </c>
      <c r="H8060" s="361" t="s">
        <v>14422</v>
      </c>
      <c r="I8060" s="361" t="s">
        <v>14429</v>
      </c>
      <c r="J8060" s="366"/>
      <c r="K8060" s="366"/>
      <c r="L8060" s="366"/>
    </row>
    <row r="8061" spans="2:12" ht="28.5">
      <c r="B8061" s="358" t="s">
        <v>18285</v>
      </c>
      <c r="C8061" s="358" t="s">
        <v>18286</v>
      </c>
      <c r="D8061" s="358" t="s">
        <v>18287</v>
      </c>
      <c r="E8061" s="358" t="s">
        <v>18288</v>
      </c>
      <c r="F8061" s="358" t="s">
        <v>28938</v>
      </c>
      <c r="G8061" s="358" t="s">
        <v>14421</v>
      </c>
      <c r="H8061" s="358" t="s">
        <v>14367</v>
      </c>
      <c r="I8061" s="358" t="s">
        <v>14421</v>
      </c>
      <c r="J8061" s="358"/>
      <c r="K8061" s="358"/>
      <c r="L8061" s="358"/>
    </row>
    <row r="8062" spans="2:12">
      <c r="B8062" s="367"/>
      <c r="C8062" s="367"/>
      <c r="D8062" s="367"/>
      <c r="E8062" s="367"/>
      <c r="F8062" s="367"/>
      <c r="G8062" s="360"/>
      <c r="H8062" s="360"/>
      <c r="I8062" s="360"/>
      <c r="J8062" s="365"/>
      <c r="K8062" s="365"/>
      <c r="L8062" s="365"/>
    </row>
    <row r="8063" spans="2:12">
      <c r="B8063" s="368"/>
      <c r="C8063" s="368"/>
      <c r="D8063" s="368"/>
      <c r="E8063" s="368"/>
      <c r="F8063" s="368"/>
      <c r="G8063" s="361" t="s">
        <v>14429</v>
      </c>
      <c r="H8063" s="361" t="s">
        <v>14422</v>
      </c>
      <c r="I8063" s="361" t="s">
        <v>14429</v>
      </c>
      <c r="J8063" s="366"/>
      <c r="K8063" s="366"/>
      <c r="L8063" s="366"/>
    </row>
    <row r="8064" spans="2:12">
      <c r="B8064" s="358" t="s">
        <v>18289</v>
      </c>
      <c r="C8064" s="358" t="s">
        <v>28946</v>
      </c>
      <c r="D8064" s="358" t="s">
        <v>18290</v>
      </c>
      <c r="E8064" s="358" t="s">
        <v>18291</v>
      </c>
      <c r="F8064" s="358" t="s">
        <v>14386</v>
      </c>
      <c r="G8064" s="358" t="s">
        <v>14387</v>
      </c>
      <c r="H8064" s="358" t="s">
        <v>14367</v>
      </c>
      <c r="I8064" s="358" t="s">
        <v>14387</v>
      </c>
      <c r="J8064" s="358"/>
      <c r="K8064" s="358"/>
      <c r="L8064" s="358"/>
    </row>
    <row r="8065" spans="2:12">
      <c r="B8065" s="367"/>
      <c r="C8065" s="367"/>
      <c r="D8065" s="367"/>
      <c r="E8065" s="367"/>
      <c r="F8065" s="360"/>
      <c r="G8065" s="360"/>
      <c r="H8065" s="360"/>
      <c r="I8065" s="360"/>
      <c r="J8065" s="365"/>
      <c r="K8065" s="365"/>
      <c r="L8065" s="365"/>
    </row>
    <row r="8066" spans="2:12">
      <c r="B8066" s="368"/>
      <c r="C8066" s="368"/>
      <c r="D8066" s="368"/>
      <c r="E8066" s="368"/>
      <c r="F8066" s="361" t="s">
        <v>14389</v>
      </c>
      <c r="G8066" s="361" t="s">
        <v>14390</v>
      </c>
      <c r="H8066" s="361" t="s">
        <v>14422</v>
      </c>
      <c r="I8066" s="361" t="s">
        <v>14390</v>
      </c>
      <c r="J8066" s="366"/>
      <c r="K8066" s="366"/>
      <c r="L8066" s="366"/>
    </row>
    <row r="8067" spans="2:12">
      <c r="B8067" s="358" t="s">
        <v>18292</v>
      </c>
      <c r="C8067" s="358" t="s">
        <v>18293</v>
      </c>
      <c r="D8067" s="358" t="s">
        <v>18294</v>
      </c>
      <c r="E8067" s="358" t="s">
        <v>18295</v>
      </c>
      <c r="F8067" s="358" t="s">
        <v>14386</v>
      </c>
      <c r="G8067" s="358" t="s">
        <v>14387</v>
      </c>
      <c r="H8067" s="358" t="s">
        <v>14367</v>
      </c>
      <c r="I8067" s="358" t="s">
        <v>14387</v>
      </c>
      <c r="J8067" s="358"/>
      <c r="K8067" s="358"/>
      <c r="L8067" s="358"/>
    </row>
    <row r="8068" spans="2:12">
      <c r="B8068" s="367"/>
      <c r="C8068" s="367"/>
      <c r="D8068" s="367"/>
      <c r="E8068" s="367"/>
      <c r="F8068" s="360"/>
      <c r="G8068" s="360"/>
      <c r="H8068" s="360"/>
      <c r="I8068" s="360"/>
      <c r="J8068" s="365"/>
      <c r="K8068" s="365"/>
      <c r="L8068" s="365"/>
    </row>
    <row r="8069" spans="2:12">
      <c r="B8069" s="368"/>
      <c r="C8069" s="368"/>
      <c r="D8069" s="368"/>
      <c r="E8069" s="368"/>
      <c r="F8069" s="361" t="s">
        <v>14389</v>
      </c>
      <c r="G8069" s="361" t="s">
        <v>14390</v>
      </c>
      <c r="H8069" s="361" t="s">
        <v>14422</v>
      </c>
      <c r="I8069" s="361" t="s">
        <v>14390</v>
      </c>
      <c r="J8069" s="366"/>
      <c r="K8069" s="366"/>
      <c r="L8069" s="366"/>
    </row>
    <row r="8070" spans="2:12" ht="42.75">
      <c r="B8070" s="358" t="s">
        <v>18296</v>
      </c>
      <c r="C8070" s="358" t="s">
        <v>30123</v>
      </c>
      <c r="D8070" s="358" t="s">
        <v>18297</v>
      </c>
      <c r="E8070" s="358" t="s">
        <v>18298</v>
      </c>
      <c r="F8070" s="358" t="s">
        <v>14418</v>
      </c>
      <c r="G8070" s="358" t="s">
        <v>14419</v>
      </c>
      <c r="H8070" s="358" t="s">
        <v>14328</v>
      </c>
      <c r="I8070" s="358" t="s">
        <v>14419</v>
      </c>
      <c r="J8070" s="358"/>
      <c r="K8070" s="358" t="s">
        <v>28947</v>
      </c>
      <c r="L8070" s="358"/>
    </row>
    <row r="8071" spans="2:12">
      <c r="B8071" s="367"/>
      <c r="C8071" s="367"/>
      <c r="D8071" s="367"/>
      <c r="E8071" s="367"/>
      <c r="F8071" s="360"/>
      <c r="G8071" s="360"/>
      <c r="H8071" s="360"/>
      <c r="I8071" s="360"/>
      <c r="J8071" s="365"/>
      <c r="K8071" s="367"/>
      <c r="L8071" s="365"/>
    </row>
    <row r="8072" spans="2:12">
      <c r="B8072" s="367"/>
      <c r="C8072" s="367"/>
      <c r="D8072" s="367"/>
      <c r="E8072" s="367"/>
      <c r="F8072" s="359" t="s">
        <v>14386</v>
      </c>
      <c r="G8072" s="359" t="s">
        <v>14387</v>
      </c>
      <c r="H8072" s="359" t="s">
        <v>14367</v>
      </c>
      <c r="I8072" s="359" t="s">
        <v>14387</v>
      </c>
      <c r="J8072" s="365"/>
      <c r="K8072" s="367"/>
      <c r="L8072" s="365"/>
    </row>
    <row r="8073" spans="2:12">
      <c r="B8073" s="367"/>
      <c r="C8073" s="367"/>
      <c r="D8073" s="367"/>
      <c r="E8073" s="367"/>
      <c r="F8073" s="360"/>
      <c r="G8073" s="360"/>
      <c r="H8073" s="360"/>
      <c r="I8073" s="360"/>
      <c r="J8073" s="365"/>
      <c r="K8073" s="367"/>
      <c r="L8073" s="365"/>
    </row>
    <row r="8074" spans="2:12">
      <c r="B8074" s="367"/>
      <c r="C8074" s="367"/>
      <c r="D8074" s="367"/>
      <c r="E8074" s="367"/>
      <c r="F8074" s="359" t="s">
        <v>14368</v>
      </c>
      <c r="G8074" s="359" t="s">
        <v>14388</v>
      </c>
      <c r="H8074" s="359" t="s">
        <v>14422</v>
      </c>
      <c r="I8074" s="359" t="s">
        <v>14388</v>
      </c>
      <c r="J8074" s="365"/>
      <c r="K8074" s="367"/>
      <c r="L8074" s="365"/>
    </row>
    <row r="8075" spans="2:12">
      <c r="B8075" s="367"/>
      <c r="C8075" s="367"/>
      <c r="D8075" s="367"/>
      <c r="E8075" s="367"/>
      <c r="F8075" s="360"/>
      <c r="G8075" s="360"/>
      <c r="H8075" s="360"/>
      <c r="I8075" s="360"/>
      <c r="J8075" s="365"/>
      <c r="K8075" s="367"/>
      <c r="L8075" s="365"/>
    </row>
    <row r="8076" spans="2:12">
      <c r="B8076" s="367"/>
      <c r="C8076" s="367"/>
      <c r="D8076" s="367"/>
      <c r="E8076" s="367"/>
      <c r="F8076" s="359" t="s">
        <v>14389</v>
      </c>
      <c r="G8076" s="359" t="s">
        <v>14390</v>
      </c>
      <c r="H8076" s="360"/>
      <c r="I8076" s="359" t="s">
        <v>14390</v>
      </c>
      <c r="J8076" s="365"/>
      <c r="K8076" s="367"/>
      <c r="L8076" s="365"/>
    </row>
    <row r="8077" spans="2:12">
      <c r="B8077" s="367"/>
      <c r="C8077" s="367"/>
      <c r="D8077" s="367"/>
      <c r="E8077" s="367"/>
      <c r="F8077" s="360"/>
      <c r="G8077" s="360"/>
      <c r="H8077" s="360"/>
      <c r="I8077" s="360"/>
      <c r="J8077" s="365"/>
      <c r="K8077" s="367"/>
      <c r="L8077" s="365"/>
    </row>
    <row r="8078" spans="2:12" ht="28.5">
      <c r="B8078" s="368"/>
      <c r="C8078" s="368"/>
      <c r="D8078" s="368"/>
      <c r="E8078" s="368"/>
      <c r="F8078" s="361" t="s">
        <v>14472</v>
      </c>
      <c r="G8078" s="361" t="s">
        <v>14473</v>
      </c>
      <c r="H8078" s="362"/>
      <c r="I8078" s="361" t="s">
        <v>14473</v>
      </c>
      <c r="J8078" s="366"/>
      <c r="K8078" s="368"/>
      <c r="L8078" s="366"/>
    </row>
    <row r="8079" spans="2:12">
      <c r="B8079" s="354" t="s">
        <v>14492</v>
      </c>
      <c r="C8079" s="369"/>
      <c r="D8079" s="369"/>
      <c r="E8079" s="369"/>
      <c r="F8079" s="369"/>
      <c r="G8079" s="369"/>
      <c r="H8079" s="369"/>
      <c r="I8079" s="369"/>
      <c r="J8079" s="369"/>
      <c r="K8079" s="369"/>
      <c r="L8079" s="370"/>
    </row>
    <row r="8080" spans="2:12">
      <c r="B8080" s="358" t="s">
        <v>10346</v>
      </c>
      <c r="C8080" s="358" t="s">
        <v>18299</v>
      </c>
      <c r="D8080" s="358" t="s">
        <v>275</v>
      </c>
      <c r="E8080" s="358" t="s">
        <v>276</v>
      </c>
      <c r="F8080" s="358" t="s">
        <v>14524</v>
      </c>
      <c r="G8080" s="358" t="s">
        <v>14525</v>
      </c>
      <c r="H8080" s="358" t="s">
        <v>14328</v>
      </c>
      <c r="I8080" s="358" t="s">
        <v>14525</v>
      </c>
      <c r="J8080" s="358"/>
      <c r="K8080" s="358"/>
      <c r="L8080" s="358"/>
    </row>
    <row r="8081" spans="2:12">
      <c r="B8081" s="367"/>
      <c r="C8081" s="360"/>
      <c r="D8081" s="367"/>
      <c r="E8081" s="367"/>
      <c r="F8081" s="360"/>
      <c r="G8081" s="360"/>
      <c r="H8081" s="360"/>
      <c r="I8081" s="360"/>
      <c r="J8081" s="365"/>
      <c r="K8081" s="365"/>
      <c r="L8081" s="365"/>
    </row>
    <row r="8082" spans="2:12">
      <c r="B8082" s="367"/>
      <c r="C8082" s="359" t="s">
        <v>18300</v>
      </c>
      <c r="D8082" s="367"/>
      <c r="E8082" s="367"/>
      <c r="F8082" s="359" t="s">
        <v>14376</v>
      </c>
      <c r="G8082" s="359" t="s">
        <v>14669</v>
      </c>
      <c r="H8082" s="359" t="s">
        <v>14381</v>
      </c>
      <c r="I8082" s="359" t="s">
        <v>14669</v>
      </c>
      <c r="J8082" s="365"/>
      <c r="K8082" s="365"/>
      <c r="L8082" s="365"/>
    </row>
    <row r="8083" spans="2:12">
      <c r="B8083" s="367"/>
      <c r="C8083" s="360"/>
      <c r="D8083" s="367"/>
      <c r="E8083" s="367"/>
      <c r="F8083" s="360"/>
      <c r="G8083" s="360"/>
      <c r="H8083" s="360"/>
      <c r="I8083" s="360"/>
      <c r="J8083" s="365"/>
      <c r="K8083" s="365"/>
      <c r="L8083" s="365"/>
    </row>
    <row r="8084" spans="2:12">
      <c r="B8084" s="367"/>
      <c r="C8084" s="360"/>
      <c r="D8084" s="367"/>
      <c r="E8084" s="367"/>
      <c r="F8084" s="359" t="s">
        <v>14889</v>
      </c>
      <c r="G8084" s="359" t="s">
        <v>14890</v>
      </c>
      <c r="H8084" s="359" t="s">
        <v>14378</v>
      </c>
      <c r="I8084" s="359" t="s">
        <v>14890</v>
      </c>
      <c r="J8084" s="365"/>
      <c r="K8084" s="365"/>
      <c r="L8084" s="365"/>
    </row>
    <row r="8085" spans="2:12">
      <c r="B8085" s="367"/>
      <c r="C8085" s="360"/>
      <c r="D8085" s="367"/>
      <c r="E8085" s="367"/>
      <c r="F8085" s="360"/>
      <c r="G8085" s="360"/>
      <c r="H8085" s="360"/>
      <c r="I8085" s="360"/>
      <c r="J8085" s="365"/>
      <c r="K8085" s="365"/>
      <c r="L8085" s="365"/>
    </row>
    <row r="8086" spans="2:12">
      <c r="B8086" s="367"/>
      <c r="C8086" s="360"/>
      <c r="D8086" s="367"/>
      <c r="E8086" s="367"/>
      <c r="F8086" s="359" t="s">
        <v>14656</v>
      </c>
      <c r="G8086" s="359" t="s">
        <v>14483</v>
      </c>
      <c r="H8086" s="359" t="s">
        <v>14332</v>
      </c>
      <c r="I8086" s="359" t="s">
        <v>14483</v>
      </c>
      <c r="J8086" s="365"/>
      <c r="K8086" s="365"/>
      <c r="L8086" s="365"/>
    </row>
    <row r="8087" spans="2:12">
      <c r="B8087" s="367"/>
      <c r="C8087" s="360"/>
      <c r="D8087" s="367"/>
      <c r="E8087" s="367"/>
      <c r="F8087" s="360"/>
      <c r="G8087" s="360"/>
      <c r="H8087" s="360"/>
      <c r="I8087" s="360"/>
      <c r="J8087" s="365"/>
      <c r="K8087" s="365"/>
      <c r="L8087" s="365"/>
    </row>
    <row r="8088" spans="2:12">
      <c r="B8088" s="367"/>
      <c r="C8088" s="360"/>
      <c r="D8088" s="367"/>
      <c r="E8088" s="367"/>
      <c r="F8088" s="359" t="s">
        <v>14656</v>
      </c>
      <c r="G8088" s="359" t="s">
        <v>14579</v>
      </c>
      <c r="H8088" s="360"/>
      <c r="I8088" s="359" t="s">
        <v>14579</v>
      </c>
      <c r="J8088" s="365"/>
      <c r="K8088" s="365"/>
      <c r="L8088" s="365"/>
    </row>
    <row r="8089" spans="2:12">
      <c r="B8089" s="367"/>
      <c r="C8089" s="360"/>
      <c r="D8089" s="367"/>
      <c r="E8089" s="367"/>
      <c r="F8089" s="360"/>
      <c r="G8089" s="360"/>
      <c r="H8089" s="360"/>
      <c r="I8089" s="360"/>
      <c r="J8089" s="365"/>
      <c r="K8089" s="365"/>
      <c r="L8089" s="365"/>
    </row>
    <row r="8090" spans="2:12">
      <c r="B8090" s="367"/>
      <c r="C8090" s="360"/>
      <c r="D8090" s="367"/>
      <c r="E8090" s="367"/>
      <c r="F8090" s="359" t="s">
        <v>15089</v>
      </c>
      <c r="G8090" s="359" t="s">
        <v>14429</v>
      </c>
      <c r="H8090" s="360"/>
      <c r="I8090" s="359" t="s">
        <v>14429</v>
      </c>
      <c r="J8090" s="365"/>
      <c r="K8090" s="365"/>
      <c r="L8090" s="365"/>
    </row>
    <row r="8091" spans="2:12">
      <c r="B8091" s="367"/>
      <c r="C8091" s="360"/>
      <c r="D8091" s="367"/>
      <c r="E8091" s="367"/>
      <c r="F8091" s="360"/>
      <c r="G8091" s="360"/>
      <c r="H8091" s="360"/>
      <c r="I8091" s="360"/>
      <c r="J8091" s="365"/>
      <c r="K8091" s="365"/>
      <c r="L8091" s="365"/>
    </row>
    <row r="8092" spans="2:12">
      <c r="B8092" s="367"/>
      <c r="C8092" s="360"/>
      <c r="D8092" s="367"/>
      <c r="E8092" s="367"/>
      <c r="F8092" s="359" t="s">
        <v>14368</v>
      </c>
      <c r="G8092" s="359" t="s">
        <v>14388</v>
      </c>
      <c r="H8092" s="360"/>
      <c r="I8092" s="359" t="s">
        <v>14388</v>
      </c>
      <c r="J8092" s="365"/>
      <c r="K8092" s="365"/>
      <c r="L8092" s="365"/>
    </row>
    <row r="8093" spans="2:12">
      <c r="B8093" s="367"/>
      <c r="C8093" s="360"/>
      <c r="D8093" s="367"/>
      <c r="E8093" s="367"/>
      <c r="F8093" s="360"/>
      <c r="G8093" s="360"/>
      <c r="H8093" s="360"/>
      <c r="I8093" s="360"/>
      <c r="J8093" s="365"/>
      <c r="K8093" s="365"/>
      <c r="L8093" s="365"/>
    </row>
    <row r="8094" spans="2:12">
      <c r="B8094" s="368"/>
      <c r="C8094" s="362"/>
      <c r="D8094" s="368"/>
      <c r="E8094" s="368"/>
      <c r="F8094" s="361" t="s">
        <v>14386</v>
      </c>
      <c r="G8094" s="361" t="s">
        <v>14387</v>
      </c>
      <c r="H8094" s="362"/>
      <c r="I8094" s="361" t="s">
        <v>14387</v>
      </c>
      <c r="J8094" s="366"/>
      <c r="K8094" s="366"/>
      <c r="L8094" s="366"/>
    </row>
    <row r="8095" spans="2:12">
      <c r="B8095" s="354" t="s">
        <v>28528</v>
      </c>
      <c r="C8095" s="369"/>
      <c r="D8095" s="369"/>
      <c r="E8095" s="369"/>
      <c r="F8095" s="369"/>
      <c r="G8095" s="369"/>
      <c r="H8095" s="369"/>
      <c r="I8095" s="369"/>
      <c r="J8095" s="369"/>
      <c r="K8095" s="369"/>
      <c r="L8095" s="370"/>
    </row>
    <row r="8096" spans="2:12" ht="57">
      <c r="B8096" s="358" t="s">
        <v>18301</v>
      </c>
      <c r="C8096" s="358" t="s">
        <v>30124</v>
      </c>
      <c r="D8096" s="358" t="s">
        <v>18302</v>
      </c>
      <c r="E8096" s="358" t="s">
        <v>18303</v>
      </c>
      <c r="F8096" s="358" t="s">
        <v>14426</v>
      </c>
      <c r="G8096" s="358" t="s">
        <v>14427</v>
      </c>
      <c r="H8096" s="358" t="s">
        <v>14381</v>
      </c>
      <c r="I8096" s="358" t="s">
        <v>14427</v>
      </c>
      <c r="J8096" s="358"/>
      <c r="K8096" s="358"/>
      <c r="L8096" s="358" t="s">
        <v>14611</v>
      </c>
    </row>
    <row r="8097" spans="2:12">
      <c r="B8097" s="367"/>
      <c r="C8097" s="367"/>
      <c r="D8097" s="360"/>
      <c r="E8097" s="360"/>
      <c r="F8097" s="360"/>
      <c r="G8097" s="360"/>
      <c r="H8097" s="360"/>
      <c r="I8097" s="360"/>
      <c r="J8097" s="365"/>
      <c r="K8097" s="365"/>
      <c r="L8097" s="367"/>
    </row>
    <row r="8098" spans="2:12" ht="28.5">
      <c r="B8098" s="367"/>
      <c r="C8098" s="367"/>
      <c r="D8098" s="359" t="s">
        <v>18304</v>
      </c>
      <c r="E8098" s="359" t="s">
        <v>18305</v>
      </c>
      <c r="F8098" s="359" t="s">
        <v>14389</v>
      </c>
      <c r="G8098" s="359" t="s">
        <v>14390</v>
      </c>
      <c r="H8098" s="359" t="s">
        <v>14367</v>
      </c>
      <c r="I8098" s="359" t="s">
        <v>14390</v>
      </c>
      <c r="J8098" s="365"/>
      <c r="K8098" s="365"/>
      <c r="L8098" s="367"/>
    </row>
    <row r="8099" spans="2:12">
      <c r="B8099" s="367"/>
      <c r="C8099" s="367"/>
      <c r="D8099" s="360"/>
      <c r="E8099" s="360"/>
      <c r="F8099" s="360"/>
      <c r="G8099" s="360"/>
      <c r="H8099" s="360"/>
      <c r="I8099" s="360"/>
      <c r="J8099" s="365"/>
      <c r="K8099" s="365"/>
      <c r="L8099" s="367"/>
    </row>
    <row r="8100" spans="2:12" ht="28.5">
      <c r="B8100" s="367"/>
      <c r="C8100" s="367"/>
      <c r="D8100" s="359" t="s">
        <v>18306</v>
      </c>
      <c r="E8100" s="359" t="s">
        <v>18307</v>
      </c>
      <c r="F8100" s="359" t="s">
        <v>14391</v>
      </c>
      <c r="G8100" s="359" t="s">
        <v>14392</v>
      </c>
      <c r="H8100" s="359" t="s">
        <v>14370</v>
      </c>
      <c r="I8100" s="359" t="s">
        <v>14392</v>
      </c>
      <c r="J8100" s="365"/>
      <c r="K8100" s="365"/>
      <c r="L8100" s="367"/>
    </row>
    <row r="8101" spans="2:12">
      <c r="B8101" s="367"/>
      <c r="C8101" s="367"/>
      <c r="D8101" s="360"/>
      <c r="E8101" s="360"/>
      <c r="F8101" s="360"/>
      <c r="G8101" s="360"/>
      <c r="H8101" s="360"/>
      <c r="I8101" s="360"/>
      <c r="J8101" s="365"/>
      <c r="K8101" s="365"/>
      <c r="L8101" s="367"/>
    </row>
    <row r="8102" spans="2:12" ht="28.5">
      <c r="B8102" s="368"/>
      <c r="C8102" s="368"/>
      <c r="D8102" s="361" t="s">
        <v>18308</v>
      </c>
      <c r="E8102" s="361" t="s">
        <v>18309</v>
      </c>
      <c r="F8102" s="361" t="s">
        <v>14394</v>
      </c>
      <c r="G8102" s="361" t="s">
        <v>14395</v>
      </c>
      <c r="H8102" s="361" t="s">
        <v>14422</v>
      </c>
      <c r="I8102" s="361" t="s">
        <v>14395</v>
      </c>
      <c r="J8102" s="366"/>
      <c r="K8102" s="366"/>
      <c r="L8102" s="368"/>
    </row>
    <row r="8103" spans="2:12" ht="28.5">
      <c r="B8103" s="358" t="s">
        <v>18310</v>
      </c>
      <c r="C8103" s="358" t="s">
        <v>18311</v>
      </c>
      <c r="D8103" s="358" t="s">
        <v>18312</v>
      </c>
      <c r="E8103" s="358" t="s">
        <v>18313</v>
      </c>
      <c r="F8103" s="358" t="s">
        <v>28938</v>
      </c>
      <c r="G8103" s="358" t="s">
        <v>14459</v>
      </c>
      <c r="H8103" s="358" t="s">
        <v>14367</v>
      </c>
      <c r="I8103" s="358" t="s">
        <v>14459</v>
      </c>
      <c r="J8103" s="358"/>
      <c r="K8103" s="358"/>
      <c r="L8103" s="358"/>
    </row>
    <row r="8104" spans="2:12">
      <c r="B8104" s="367"/>
      <c r="C8104" s="367"/>
      <c r="D8104" s="367"/>
      <c r="E8104" s="367"/>
      <c r="F8104" s="367"/>
      <c r="G8104" s="360"/>
      <c r="H8104" s="360"/>
      <c r="I8104" s="360"/>
      <c r="J8104" s="365"/>
      <c r="K8104" s="365"/>
      <c r="L8104" s="365"/>
    </row>
    <row r="8105" spans="2:12">
      <c r="B8105" s="368"/>
      <c r="C8105" s="368"/>
      <c r="D8105" s="368"/>
      <c r="E8105" s="368"/>
      <c r="F8105" s="368"/>
      <c r="G8105" s="361" t="s">
        <v>14429</v>
      </c>
      <c r="H8105" s="361" t="s">
        <v>14422</v>
      </c>
      <c r="I8105" s="361" t="s">
        <v>14429</v>
      </c>
      <c r="J8105" s="366"/>
      <c r="K8105" s="366"/>
      <c r="L8105" s="366"/>
    </row>
    <row r="8106" spans="2:12">
      <c r="B8106" s="358" t="s">
        <v>18314</v>
      </c>
      <c r="C8106" s="358" t="s">
        <v>18315</v>
      </c>
      <c r="D8106" s="358" t="s">
        <v>18316</v>
      </c>
      <c r="E8106" s="358" t="s">
        <v>18317</v>
      </c>
      <c r="F8106" s="358" t="s">
        <v>14505</v>
      </c>
      <c r="G8106" s="358" t="s">
        <v>14506</v>
      </c>
      <c r="H8106" s="358" t="s">
        <v>14328</v>
      </c>
      <c r="I8106" s="358" t="s">
        <v>14506</v>
      </c>
      <c r="J8106" s="358"/>
      <c r="K8106" s="358"/>
      <c r="L8106" s="358"/>
    </row>
    <row r="8107" spans="2:12">
      <c r="B8107" s="367"/>
      <c r="C8107" s="367"/>
      <c r="D8107" s="367"/>
      <c r="E8107" s="367"/>
      <c r="F8107" s="360"/>
      <c r="G8107" s="360"/>
      <c r="H8107" s="360"/>
      <c r="I8107" s="360"/>
      <c r="J8107" s="365"/>
      <c r="K8107" s="365"/>
      <c r="L8107" s="365"/>
    </row>
    <row r="8108" spans="2:12" ht="42.75">
      <c r="B8108" s="367"/>
      <c r="C8108" s="367"/>
      <c r="D8108" s="367"/>
      <c r="E8108" s="367"/>
      <c r="F8108" s="359" t="s">
        <v>28943</v>
      </c>
      <c r="G8108" s="359" t="s">
        <v>14459</v>
      </c>
      <c r="H8108" s="359" t="s">
        <v>14367</v>
      </c>
      <c r="I8108" s="359" t="s">
        <v>14459</v>
      </c>
      <c r="J8108" s="365"/>
      <c r="K8108" s="365"/>
      <c r="L8108" s="365"/>
    </row>
    <row r="8109" spans="2:12">
      <c r="B8109" s="367"/>
      <c r="C8109" s="367"/>
      <c r="D8109" s="367"/>
      <c r="E8109" s="367"/>
      <c r="F8109" s="360"/>
      <c r="G8109" s="360"/>
      <c r="H8109" s="360"/>
      <c r="I8109" s="360"/>
      <c r="J8109" s="365"/>
      <c r="K8109" s="365"/>
      <c r="L8109" s="365"/>
    </row>
    <row r="8110" spans="2:12">
      <c r="B8110" s="367"/>
      <c r="C8110" s="367"/>
      <c r="D8110" s="367"/>
      <c r="E8110" s="367"/>
      <c r="F8110" s="360"/>
      <c r="G8110" s="359" t="s">
        <v>14421</v>
      </c>
      <c r="H8110" s="359" t="s">
        <v>14332</v>
      </c>
      <c r="I8110" s="359" t="s">
        <v>14421</v>
      </c>
      <c r="J8110" s="365"/>
      <c r="K8110" s="365"/>
      <c r="L8110" s="365"/>
    </row>
    <row r="8111" spans="2:12">
      <c r="B8111" s="367"/>
      <c r="C8111" s="367"/>
      <c r="D8111" s="367"/>
      <c r="E8111" s="367"/>
      <c r="F8111" s="360"/>
      <c r="G8111" s="360"/>
      <c r="H8111" s="360"/>
      <c r="I8111" s="360"/>
      <c r="J8111" s="365"/>
      <c r="K8111" s="365"/>
      <c r="L8111" s="365"/>
    </row>
    <row r="8112" spans="2:12">
      <c r="B8112" s="368"/>
      <c r="C8112" s="368"/>
      <c r="D8112" s="368"/>
      <c r="E8112" s="368"/>
      <c r="F8112" s="362"/>
      <c r="G8112" s="361" t="s">
        <v>14429</v>
      </c>
      <c r="H8112" s="362"/>
      <c r="I8112" s="361" t="s">
        <v>14429</v>
      </c>
      <c r="J8112" s="366"/>
      <c r="K8112" s="366"/>
      <c r="L8112" s="366"/>
    </row>
    <row r="8113" spans="2:12">
      <c r="B8113" s="358" t="s">
        <v>18318</v>
      </c>
      <c r="C8113" s="358" t="s">
        <v>18319</v>
      </c>
      <c r="D8113" s="358" t="s">
        <v>18320</v>
      </c>
      <c r="E8113" s="358" t="s">
        <v>18321</v>
      </c>
      <c r="F8113" s="358" t="s">
        <v>14420</v>
      </c>
      <c r="G8113" s="358" t="s">
        <v>14429</v>
      </c>
      <c r="H8113" s="358" t="s">
        <v>14367</v>
      </c>
      <c r="I8113" s="358" t="s">
        <v>14429</v>
      </c>
      <c r="J8113" s="358"/>
      <c r="K8113" s="358"/>
      <c r="L8113" s="358"/>
    </row>
    <row r="8114" spans="2:12">
      <c r="B8114" s="367"/>
      <c r="C8114" s="367"/>
      <c r="D8114" s="367"/>
      <c r="E8114" s="367"/>
      <c r="F8114" s="367"/>
      <c r="G8114" s="367"/>
      <c r="H8114" s="360"/>
      <c r="I8114" s="367"/>
      <c r="J8114" s="365"/>
      <c r="K8114" s="365"/>
      <c r="L8114" s="365"/>
    </row>
    <row r="8115" spans="2:12">
      <c r="B8115" s="368"/>
      <c r="C8115" s="368"/>
      <c r="D8115" s="368"/>
      <c r="E8115" s="368"/>
      <c r="F8115" s="368"/>
      <c r="G8115" s="368"/>
      <c r="H8115" s="361" t="s">
        <v>14422</v>
      </c>
      <c r="I8115" s="368"/>
      <c r="J8115" s="366"/>
      <c r="K8115" s="366"/>
      <c r="L8115" s="366"/>
    </row>
    <row r="8116" spans="2:12" ht="28.5">
      <c r="B8116" s="358" t="s">
        <v>10348</v>
      </c>
      <c r="C8116" s="358" t="s">
        <v>28948</v>
      </c>
      <c r="D8116" s="358" t="s">
        <v>10349</v>
      </c>
      <c r="E8116" s="358" t="s">
        <v>10350</v>
      </c>
      <c r="F8116" s="358" t="s">
        <v>28949</v>
      </c>
      <c r="G8116" s="358" t="s">
        <v>14669</v>
      </c>
      <c r="H8116" s="358" t="s">
        <v>14378</v>
      </c>
      <c r="I8116" s="358" t="s">
        <v>14669</v>
      </c>
      <c r="J8116" s="358"/>
      <c r="K8116" s="358"/>
      <c r="L8116" s="358"/>
    </row>
    <row r="8117" spans="2:12">
      <c r="B8117" s="367"/>
      <c r="C8117" s="367"/>
      <c r="D8117" s="367"/>
      <c r="E8117" s="367"/>
      <c r="F8117" s="360"/>
      <c r="G8117" s="360"/>
      <c r="H8117" s="360"/>
      <c r="I8117" s="360"/>
      <c r="J8117" s="365"/>
      <c r="K8117" s="365"/>
      <c r="L8117" s="365"/>
    </row>
    <row r="8118" spans="2:12" ht="42.75">
      <c r="B8118" s="367"/>
      <c r="C8118" s="367"/>
      <c r="D8118" s="367"/>
      <c r="E8118" s="367"/>
      <c r="F8118" s="359" t="s">
        <v>28950</v>
      </c>
      <c r="G8118" s="359" t="s">
        <v>14890</v>
      </c>
      <c r="H8118" s="359" t="s">
        <v>14381</v>
      </c>
      <c r="I8118" s="359" t="s">
        <v>14890</v>
      </c>
      <c r="J8118" s="365"/>
      <c r="K8118" s="365"/>
      <c r="L8118" s="365"/>
    </row>
    <row r="8119" spans="2:12">
      <c r="B8119" s="367"/>
      <c r="C8119" s="367"/>
      <c r="D8119" s="367"/>
      <c r="E8119" s="367"/>
      <c r="F8119" s="360"/>
      <c r="G8119" s="360"/>
      <c r="H8119" s="360"/>
      <c r="I8119" s="360"/>
      <c r="J8119" s="365"/>
      <c r="K8119" s="365"/>
      <c r="L8119" s="365"/>
    </row>
    <row r="8120" spans="2:12">
      <c r="B8120" s="367"/>
      <c r="C8120" s="367"/>
      <c r="D8120" s="367"/>
      <c r="E8120" s="367"/>
      <c r="F8120" s="359" t="s">
        <v>14356</v>
      </c>
      <c r="G8120" s="359" t="s">
        <v>14380</v>
      </c>
      <c r="H8120" s="359" t="s">
        <v>14341</v>
      </c>
      <c r="I8120" s="359" t="s">
        <v>14380</v>
      </c>
      <c r="J8120" s="365"/>
      <c r="K8120" s="365"/>
      <c r="L8120" s="365"/>
    </row>
    <row r="8121" spans="2:12">
      <c r="B8121" s="367"/>
      <c r="C8121" s="367"/>
      <c r="D8121" s="367"/>
      <c r="E8121" s="367"/>
      <c r="F8121" s="360"/>
      <c r="G8121" s="360"/>
      <c r="H8121" s="360"/>
      <c r="I8121" s="360"/>
      <c r="J8121" s="365"/>
      <c r="K8121" s="365"/>
      <c r="L8121" s="365"/>
    </row>
    <row r="8122" spans="2:12">
      <c r="B8122" s="367"/>
      <c r="C8122" s="367"/>
      <c r="D8122" s="367"/>
      <c r="E8122" s="367"/>
      <c r="F8122" s="360"/>
      <c r="G8122" s="359" t="s">
        <v>14579</v>
      </c>
      <c r="H8122" s="359" t="s">
        <v>14332</v>
      </c>
      <c r="I8122" s="359" t="s">
        <v>14579</v>
      </c>
      <c r="J8122" s="365"/>
      <c r="K8122" s="365"/>
      <c r="L8122" s="365"/>
    </row>
    <row r="8123" spans="2:12">
      <c r="B8123" s="367"/>
      <c r="C8123" s="367"/>
      <c r="D8123" s="367"/>
      <c r="E8123" s="367"/>
      <c r="F8123" s="360"/>
      <c r="G8123" s="360"/>
      <c r="H8123" s="360"/>
      <c r="I8123" s="360"/>
      <c r="J8123" s="365"/>
      <c r="K8123" s="365"/>
      <c r="L8123" s="365"/>
    </row>
    <row r="8124" spans="2:12">
      <c r="B8124" s="367"/>
      <c r="C8124" s="367"/>
      <c r="D8124" s="367"/>
      <c r="E8124" s="367"/>
      <c r="F8124" s="360"/>
      <c r="G8124" s="359" t="s">
        <v>14383</v>
      </c>
      <c r="H8124" s="360"/>
      <c r="I8124" s="359" t="s">
        <v>14383</v>
      </c>
      <c r="J8124" s="365"/>
      <c r="K8124" s="365"/>
      <c r="L8124" s="365"/>
    </row>
    <row r="8125" spans="2:12">
      <c r="B8125" s="367"/>
      <c r="C8125" s="367"/>
      <c r="D8125" s="367"/>
      <c r="E8125" s="367"/>
      <c r="F8125" s="360"/>
      <c r="G8125" s="360"/>
      <c r="H8125" s="360"/>
      <c r="I8125" s="360"/>
      <c r="J8125" s="365"/>
      <c r="K8125" s="365"/>
      <c r="L8125" s="365"/>
    </row>
    <row r="8126" spans="2:12">
      <c r="B8126" s="368"/>
      <c r="C8126" s="368"/>
      <c r="D8126" s="368"/>
      <c r="E8126" s="368"/>
      <c r="F8126" s="362"/>
      <c r="G8126" s="361" t="s">
        <v>14340</v>
      </c>
      <c r="H8126" s="362"/>
      <c r="I8126" s="361" t="s">
        <v>14340</v>
      </c>
      <c r="J8126" s="366"/>
      <c r="K8126" s="366"/>
      <c r="L8126" s="366"/>
    </row>
    <row r="8127" spans="2:12" ht="28.5">
      <c r="B8127" s="358" t="s">
        <v>13621</v>
      </c>
      <c r="C8127" s="358" t="s">
        <v>28951</v>
      </c>
      <c r="D8127" s="358" t="s">
        <v>13622</v>
      </c>
      <c r="E8127" s="358" t="s">
        <v>13623</v>
      </c>
      <c r="F8127" s="358" t="s">
        <v>28952</v>
      </c>
      <c r="G8127" s="358" t="s">
        <v>14481</v>
      </c>
      <c r="H8127" s="358" t="s">
        <v>14381</v>
      </c>
      <c r="I8127" s="358" t="s">
        <v>14481</v>
      </c>
      <c r="J8127" s="358"/>
      <c r="K8127" s="358"/>
      <c r="L8127" s="358"/>
    </row>
    <row r="8128" spans="2:12">
      <c r="B8128" s="367"/>
      <c r="C8128" s="367"/>
      <c r="D8128" s="367"/>
      <c r="E8128" s="367"/>
      <c r="F8128" s="367"/>
      <c r="G8128" s="360"/>
      <c r="H8128" s="360"/>
      <c r="I8128" s="360"/>
      <c r="J8128" s="365"/>
      <c r="K8128" s="365"/>
      <c r="L8128" s="365"/>
    </row>
    <row r="8129" spans="2:12">
      <c r="B8129" s="367"/>
      <c r="C8129" s="367"/>
      <c r="D8129" s="367"/>
      <c r="E8129" s="367"/>
      <c r="F8129" s="367"/>
      <c r="G8129" s="359" t="s">
        <v>14387</v>
      </c>
      <c r="H8129" s="359" t="s">
        <v>14367</v>
      </c>
      <c r="I8129" s="359" t="s">
        <v>14387</v>
      </c>
      <c r="J8129" s="365"/>
      <c r="K8129" s="365"/>
      <c r="L8129" s="365"/>
    </row>
    <row r="8130" spans="2:12">
      <c r="B8130" s="367"/>
      <c r="C8130" s="367"/>
      <c r="D8130" s="367"/>
      <c r="E8130" s="367"/>
      <c r="F8130" s="367"/>
      <c r="G8130" s="360"/>
      <c r="H8130" s="360"/>
      <c r="I8130" s="360"/>
      <c r="J8130" s="365"/>
      <c r="K8130" s="365"/>
      <c r="L8130" s="365"/>
    </row>
    <row r="8131" spans="2:12">
      <c r="B8131" s="368"/>
      <c r="C8131" s="368"/>
      <c r="D8131" s="368"/>
      <c r="E8131" s="368"/>
      <c r="F8131" s="368"/>
      <c r="G8131" s="362"/>
      <c r="H8131" s="361" t="s">
        <v>14332</v>
      </c>
      <c r="I8131" s="362"/>
      <c r="J8131" s="366"/>
      <c r="K8131" s="366"/>
      <c r="L8131" s="366"/>
    </row>
    <row r="8132" spans="2:12" ht="42.75">
      <c r="B8132" s="358" t="s">
        <v>18322</v>
      </c>
      <c r="C8132" s="358" t="s">
        <v>18323</v>
      </c>
      <c r="D8132" s="358" t="s">
        <v>18324</v>
      </c>
      <c r="E8132" s="358" t="s">
        <v>18325</v>
      </c>
      <c r="F8132" s="358" t="s">
        <v>14386</v>
      </c>
      <c r="G8132" s="358" t="s">
        <v>14387</v>
      </c>
      <c r="H8132" s="358" t="s">
        <v>14367</v>
      </c>
      <c r="I8132" s="358" t="s">
        <v>14387</v>
      </c>
      <c r="J8132" s="358"/>
      <c r="K8132" s="358" t="s">
        <v>28953</v>
      </c>
      <c r="L8132" s="358"/>
    </row>
    <row r="8133" spans="2:12">
      <c r="B8133" s="367"/>
      <c r="C8133" s="367"/>
      <c r="D8133" s="367"/>
      <c r="E8133" s="367"/>
      <c r="F8133" s="360"/>
      <c r="G8133" s="360"/>
      <c r="H8133" s="360"/>
      <c r="I8133" s="360"/>
      <c r="J8133" s="365"/>
      <c r="K8133" s="367"/>
      <c r="L8133" s="365"/>
    </row>
    <row r="8134" spans="2:12">
      <c r="B8134" s="367"/>
      <c r="C8134" s="367"/>
      <c r="D8134" s="367"/>
      <c r="E8134" s="367"/>
      <c r="F8134" s="359" t="s">
        <v>14368</v>
      </c>
      <c r="G8134" s="359" t="s">
        <v>14388</v>
      </c>
      <c r="H8134" s="359" t="s">
        <v>14422</v>
      </c>
      <c r="I8134" s="359" t="s">
        <v>14388</v>
      </c>
      <c r="J8134" s="365"/>
      <c r="K8134" s="367"/>
      <c r="L8134" s="365"/>
    </row>
    <row r="8135" spans="2:12">
      <c r="B8135" s="367"/>
      <c r="C8135" s="367"/>
      <c r="D8135" s="367"/>
      <c r="E8135" s="367"/>
      <c r="F8135" s="360"/>
      <c r="G8135" s="360"/>
      <c r="H8135" s="360"/>
      <c r="I8135" s="360"/>
      <c r="J8135" s="365"/>
      <c r="K8135" s="367"/>
      <c r="L8135" s="365"/>
    </row>
    <row r="8136" spans="2:12">
      <c r="B8136" s="368"/>
      <c r="C8136" s="368"/>
      <c r="D8136" s="368"/>
      <c r="E8136" s="368"/>
      <c r="F8136" s="361" t="s">
        <v>14389</v>
      </c>
      <c r="G8136" s="361" t="s">
        <v>14390</v>
      </c>
      <c r="H8136" s="362"/>
      <c r="I8136" s="361" t="s">
        <v>14390</v>
      </c>
      <c r="J8136" s="366"/>
      <c r="K8136" s="368"/>
      <c r="L8136" s="366"/>
    </row>
    <row r="8137" spans="2:12">
      <c r="B8137" s="358" t="s">
        <v>10352</v>
      </c>
      <c r="C8137" s="358" t="s">
        <v>28954</v>
      </c>
      <c r="D8137" s="358" t="s">
        <v>10353</v>
      </c>
      <c r="E8137" s="358" t="s">
        <v>10354</v>
      </c>
      <c r="F8137" s="358" t="s">
        <v>28860</v>
      </c>
      <c r="G8137" s="358" t="s">
        <v>14669</v>
      </c>
      <c r="H8137" s="358" t="s">
        <v>14378</v>
      </c>
      <c r="I8137" s="358" t="s">
        <v>14669</v>
      </c>
      <c r="J8137" s="358"/>
      <c r="K8137" s="358"/>
      <c r="L8137" s="358"/>
    </row>
    <row r="8138" spans="2:12">
      <c r="B8138" s="367"/>
      <c r="C8138" s="367"/>
      <c r="D8138" s="367"/>
      <c r="E8138" s="367"/>
      <c r="F8138" s="360"/>
      <c r="G8138" s="360"/>
      <c r="H8138" s="360"/>
      <c r="I8138" s="360"/>
      <c r="J8138" s="365"/>
      <c r="K8138" s="365"/>
      <c r="L8138" s="365"/>
    </row>
    <row r="8139" spans="2:12">
      <c r="B8139" s="367"/>
      <c r="C8139" s="367"/>
      <c r="D8139" s="367"/>
      <c r="E8139" s="367"/>
      <c r="F8139" s="359" t="s">
        <v>14424</v>
      </c>
      <c r="G8139" s="359" t="s">
        <v>14427</v>
      </c>
      <c r="H8139" s="359" t="s">
        <v>14381</v>
      </c>
      <c r="I8139" s="359" t="s">
        <v>14427</v>
      </c>
      <c r="J8139" s="365"/>
      <c r="K8139" s="365"/>
      <c r="L8139" s="365"/>
    </row>
    <row r="8140" spans="2:12">
      <c r="B8140" s="367"/>
      <c r="C8140" s="367"/>
      <c r="D8140" s="367"/>
      <c r="E8140" s="367"/>
      <c r="F8140" s="360"/>
      <c r="G8140" s="360"/>
      <c r="H8140" s="360"/>
      <c r="I8140" s="360"/>
      <c r="J8140" s="365"/>
      <c r="K8140" s="365"/>
      <c r="L8140" s="365"/>
    </row>
    <row r="8141" spans="2:12" ht="28.5">
      <c r="B8141" s="367"/>
      <c r="C8141" s="367"/>
      <c r="D8141" s="367"/>
      <c r="E8141" s="367"/>
      <c r="F8141" s="359" t="s">
        <v>28955</v>
      </c>
      <c r="G8141" s="359" t="s">
        <v>28956</v>
      </c>
      <c r="H8141" s="359" t="s">
        <v>14332</v>
      </c>
      <c r="I8141" s="359" t="s">
        <v>28956</v>
      </c>
      <c r="J8141" s="365"/>
      <c r="K8141" s="365"/>
      <c r="L8141" s="365"/>
    </row>
    <row r="8142" spans="2:12">
      <c r="B8142" s="367"/>
      <c r="C8142" s="367"/>
      <c r="D8142" s="367"/>
      <c r="E8142" s="367"/>
      <c r="F8142" s="360"/>
      <c r="G8142" s="360"/>
      <c r="H8142" s="360"/>
      <c r="I8142" s="360"/>
      <c r="J8142" s="365"/>
      <c r="K8142" s="365"/>
      <c r="L8142" s="365"/>
    </row>
    <row r="8143" spans="2:12">
      <c r="B8143" s="367"/>
      <c r="C8143" s="367"/>
      <c r="D8143" s="367"/>
      <c r="E8143" s="367"/>
      <c r="F8143" s="359" t="s">
        <v>14420</v>
      </c>
      <c r="G8143" s="359" t="s">
        <v>14421</v>
      </c>
      <c r="H8143" s="360"/>
      <c r="I8143" s="359" t="s">
        <v>14421</v>
      </c>
      <c r="J8143" s="365"/>
      <c r="K8143" s="365"/>
      <c r="L8143" s="365"/>
    </row>
    <row r="8144" spans="2:12">
      <c r="B8144" s="367"/>
      <c r="C8144" s="367"/>
      <c r="D8144" s="367"/>
      <c r="E8144" s="367"/>
      <c r="F8144" s="360"/>
      <c r="G8144" s="360"/>
      <c r="H8144" s="360"/>
      <c r="I8144" s="360"/>
      <c r="J8144" s="365"/>
      <c r="K8144" s="365"/>
      <c r="L8144" s="365"/>
    </row>
    <row r="8145" spans="2:12">
      <c r="B8145" s="367"/>
      <c r="C8145" s="367"/>
      <c r="D8145" s="367"/>
      <c r="E8145" s="367"/>
      <c r="F8145" s="359" t="s">
        <v>14386</v>
      </c>
      <c r="G8145" s="359" t="s">
        <v>14429</v>
      </c>
      <c r="H8145" s="360"/>
      <c r="I8145" s="359" t="s">
        <v>14429</v>
      </c>
      <c r="J8145" s="365"/>
      <c r="K8145" s="365"/>
      <c r="L8145" s="365"/>
    </row>
    <row r="8146" spans="2:12">
      <c r="B8146" s="367"/>
      <c r="C8146" s="367"/>
      <c r="D8146" s="367"/>
      <c r="E8146" s="367"/>
      <c r="F8146" s="360"/>
      <c r="G8146" s="360"/>
      <c r="H8146" s="360"/>
      <c r="I8146" s="360"/>
      <c r="J8146" s="365"/>
      <c r="K8146" s="365"/>
      <c r="L8146" s="365"/>
    </row>
    <row r="8147" spans="2:12">
      <c r="B8147" s="367"/>
      <c r="C8147" s="367"/>
      <c r="D8147" s="367"/>
      <c r="E8147" s="367"/>
      <c r="F8147" s="359" t="s">
        <v>14368</v>
      </c>
      <c r="G8147" s="359" t="s">
        <v>14387</v>
      </c>
      <c r="H8147" s="360"/>
      <c r="I8147" s="359" t="s">
        <v>14387</v>
      </c>
      <c r="J8147" s="365"/>
      <c r="K8147" s="365"/>
      <c r="L8147" s="365"/>
    </row>
    <row r="8148" spans="2:12">
      <c r="B8148" s="367"/>
      <c r="C8148" s="367"/>
      <c r="D8148" s="367"/>
      <c r="E8148" s="367"/>
      <c r="F8148" s="360"/>
      <c r="G8148" s="360"/>
      <c r="H8148" s="360"/>
      <c r="I8148" s="360"/>
      <c r="J8148" s="365"/>
      <c r="K8148" s="365"/>
      <c r="L8148" s="365"/>
    </row>
    <row r="8149" spans="2:12">
      <c r="B8149" s="367"/>
      <c r="C8149" s="367"/>
      <c r="D8149" s="367"/>
      <c r="E8149" s="367"/>
      <c r="F8149" s="359" t="s">
        <v>14389</v>
      </c>
      <c r="G8149" s="359" t="s">
        <v>14388</v>
      </c>
      <c r="H8149" s="360"/>
      <c r="I8149" s="359" t="s">
        <v>14388</v>
      </c>
      <c r="J8149" s="365"/>
      <c r="K8149" s="365"/>
      <c r="L8149" s="365"/>
    </row>
    <row r="8150" spans="2:12">
      <c r="B8150" s="367"/>
      <c r="C8150" s="367"/>
      <c r="D8150" s="367"/>
      <c r="E8150" s="367"/>
      <c r="F8150" s="360"/>
      <c r="G8150" s="360"/>
      <c r="H8150" s="360"/>
      <c r="I8150" s="360"/>
      <c r="J8150" s="365"/>
      <c r="K8150" s="365"/>
      <c r="L8150" s="365"/>
    </row>
    <row r="8151" spans="2:12">
      <c r="B8151" s="368"/>
      <c r="C8151" s="368"/>
      <c r="D8151" s="368"/>
      <c r="E8151" s="368"/>
      <c r="F8151" s="362"/>
      <c r="G8151" s="361" t="s">
        <v>14390</v>
      </c>
      <c r="H8151" s="362"/>
      <c r="I8151" s="361" t="s">
        <v>14390</v>
      </c>
      <c r="J8151" s="366"/>
      <c r="K8151" s="366"/>
      <c r="L8151" s="366"/>
    </row>
    <row r="8152" spans="2:12" ht="28.5">
      <c r="B8152" s="358" t="s">
        <v>18326</v>
      </c>
      <c r="C8152" s="358" t="s">
        <v>28957</v>
      </c>
      <c r="D8152" s="358" t="s">
        <v>18327</v>
      </c>
      <c r="E8152" s="358" t="s">
        <v>18328</v>
      </c>
      <c r="F8152" s="358" t="s">
        <v>14418</v>
      </c>
      <c r="G8152" s="358" t="s">
        <v>14419</v>
      </c>
      <c r="H8152" s="358" t="s">
        <v>14328</v>
      </c>
      <c r="I8152" s="358" t="s">
        <v>14419</v>
      </c>
      <c r="J8152" s="358"/>
      <c r="K8152" s="358"/>
      <c r="L8152" s="358"/>
    </row>
    <row r="8153" spans="2:12">
      <c r="B8153" s="367"/>
      <c r="C8153" s="367"/>
      <c r="D8153" s="367"/>
      <c r="E8153" s="367"/>
      <c r="F8153" s="360"/>
      <c r="G8153" s="360"/>
      <c r="H8153" s="360"/>
      <c r="I8153" s="360"/>
      <c r="J8153" s="365"/>
      <c r="K8153" s="365"/>
      <c r="L8153" s="365"/>
    </row>
    <row r="8154" spans="2:12">
      <c r="B8154" s="367"/>
      <c r="C8154" s="367"/>
      <c r="D8154" s="367"/>
      <c r="E8154" s="367"/>
      <c r="F8154" s="359" t="s">
        <v>14368</v>
      </c>
      <c r="G8154" s="359" t="s">
        <v>14369</v>
      </c>
      <c r="H8154" s="359" t="s">
        <v>14367</v>
      </c>
      <c r="I8154" s="359" t="s">
        <v>14369</v>
      </c>
      <c r="J8154" s="365"/>
      <c r="K8154" s="365"/>
      <c r="L8154" s="365"/>
    </row>
    <row r="8155" spans="2:12">
      <c r="B8155" s="367"/>
      <c r="C8155" s="367"/>
      <c r="D8155" s="367"/>
      <c r="E8155" s="367"/>
      <c r="F8155" s="360"/>
      <c r="G8155" s="360"/>
      <c r="H8155" s="360"/>
      <c r="I8155" s="360"/>
      <c r="J8155" s="365"/>
      <c r="K8155" s="365"/>
      <c r="L8155" s="365"/>
    </row>
    <row r="8156" spans="2:12">
      <c r="B8156" s="368"/>
      <c r="C8156" s="368"/>
      <c r="D8156" s="368"/>
      <c r="E8156" s="368"/>
      <c r="F8156" s="362"/>
      <c r="G8156" s="362"/>
      <c r="H8156" s="361" t="s">
        <v>14422</v>
      </c>
      <c r="I8156" s="362"/>
      <c r="J8156" s="366"/>
      <c r="K8156" s="366"/>
      <c r="L8156" s="366"/>
    </row>
    <row r="8157" spans="2:12" ht="28.5">
      <c r="B8157" s="358" t="s">
        <v>18329</v>
      </c>
      <c r="C8157" s="358" t="s">
        <v>28958</v>
      </c>
      <c r="D8157" s="358" t="s">
        <v>18330</v>
      </c>
      <c r="E8157" s="358" t="s">
        <v>18331</v>
      </c>
      <c r="F8157" s="358" t="s">
        <v>14443</v>
      </c>
      <c r="G8157" s="358" t="s">
        <v>14444</v>
      </c>
      <c r="H8157" s="358" t="s">
        <v>14381</v>
      </c>
      <c r="I8157" s="358" t="s">
        <v>14444</v>
      </c>
      <c r="J8157" s="358"/>
      <c r="K8157" s="358"/>
      <c r="L8157" s="358"/>
    </row>
    <row r="8158" spans="2:12">
      <c r="B8158" s="367"/>
      <c r="C8158" s="367"/>
      <c r="D8158" s="367"/>
      <c r="E8158" s="367"/>
      <c r="F8158" s="360"/>
      <c r="G8158" s="360"/>
      <c r="H8158" s="360"/>
      <c r="I8158" s="360"/>
      <c r="J8158" s="365"/>
      <c r="K8158" s="365"/>
      <c r="L8158" s="365"/>
    </row>
    <row r="8159" spans="2:12">
      <c r="B8159" s="367"/>
      <c r="C8159" s="367"/>
      <c r="D8159" s="367"/>
      <c r="E8159" s="367"/>
      <c r="F8159" s="359" t="s">
        <v>14426</v>
      </c>
      <c r="G8159" s="359" t="s">
        <v>14427</v>
      </c>
      <c r="H8159" s="359" t="s">
        <v>14367</v>
      </c>
      <c r="I8159" s="359" t="s">
        <v>14427</v>
      </c>
      <c r="J8159" s="365"/>
      <c r="K8159" s="365"/>
      <c r="L8159" s="365"/>
    </row>
    <row r="8160" spans="2:12">
      <c r="B8160" s="367"/>
      <c r="C8160" s="367"/>
      <c r="D8160" s="367"/>
      <c r="E8160" s="367"/>
      <c r="F8160" s="360"/>
      <c r="G8160" s="360"/>
      <c r="H8160" s="360"/>
      <c r="I8160" s="360"/>
      <c r="J8160" s="365"/>
      <c r="K8160" s="365"/>
      <c r="L8160" s="365"/>
    </row>
    <row r="8161" spans="2:12" ht="28.5">
      <c r="B8161" s="367"/>
      <c r="C8161" s="367"/>
      <c r="D8161" s="367"/>
      <c r="E8161" s="367"/>
      <c r="F8161" s="359" t="s">
        <v>28938</v>
      </c>
      <c r="G8161" s="359" t="s">
        <v>14421</v>
      </c>
      <c r="H8161" s="359" t="s">
        <v>14422</v>
      </c>
      <c r="I8161" s="359" t="s">
        <v>14421</v>
      </c>
      <c r="J8161" s="365"/>
      <c r="K8161" s="365"/>
      <c r="L8161" s="365"/>
    </row>
    <row r="8162" spans="2:12">
      <c r="B8162" s="367"/>
      <c r="C8162" s="367"/>
      <c r="D8162" s="367"/>
      <c r="E8162" s="367"/>
      <c r="F8162" s="360"/>
      <c r="G8162" s="360"/>
      <c r="H8162" s="360"/>
      <c r="I8162" s="360"/>
      <c r="J8162" s="365"/>
      <c r="K8162" s="365"/>
      <c r="L8162" s="365"/>
    </row>
    <row r="8163" spans="2:12">
      <c r="B8163" s="367"/>
      <c r="C8163" s="367"/>
      <c r="D8163" s="367"/>
      <c r="E8163" s="367"/>
      <c r="F8163" s="359" t="s">
        <v>14386</v>
      </c>
      <c r="G8163" s="359" t="s">
        <v>14429</v>
      </c>
      <c r="H8163" s="360"/>
      <c r="I8163" s="359" t="s">
        <v>14429</v>
      </c>
      <c r="J8163" s="365"/>
      <c r="K8163" s="365"/>
      <c r="L8163" s="365"/>
    </row>
    <row r="8164" spans="2:12">
      <c r="B8164" s="367"/>
      <c r="C8164" s="367"/>
      <c r="D8164" s="367"/>
      <c r="E8164" s="367"/>
      <c r="F8164" s="360"/>
      <c r="G8164" s="360"/>
      <c r="H8164" s="360"/>
      <c r="I8164" s="360"/>
      <c r="J8164" s="365"/>
      <c r="K8164" s="365"/>
      <c r="L8164" s="365"/>
    </row>
    <row r="8165" spans="2:12">
      <c r="B8165" s="367"/>
      <c r="C8165" s="367"/>
      <c r="D8165" s="367"/>
      <c r="E8165" s="367"/>
      <c r="F8165" s="359" t="s">
        <v>14389</v>
      </c>
      <c r="G8165" s="359" t="s">
        <v>14387</v>
      </c>
      <c r="H8165" s="360"/>
      <c r="I8165" s="359" t="s">
        <v>14387</v>
      </c>
      <c r="J8165" s="365"/>
      <c r="K8165" s="365"/>
      <c r="L8165" s="365"/>
    </row>
    <row r="8166" spans="2:12">
      <c r="B8166" s="367"/>
      <c r="C8166" s="367"/>
      <c r="D8166" s="367"/>
      <c r="E8166" s="367"/>
      <c r="F8166" s="360"/>
      <c r="G8166" s="360"/>
      <c r="H8166" s="360"/>
      <c r="I8166" s="360"/>
      <c r="J8166" s="365"/>
      <c r="K8166" s="365"/>
      <c r="L8166" s="365"/>
    </row>
    <row r="8167" spans="2:12">
      <c r="B8167" s="367"/>
      <c r="C8167" s="367"/>
      <c r="D8167" s="367"/>
      <c r="E8167" s="367"/>
      <c r="F8167" s="359" t="s">
        <v>14391</v>
      </c>
      <c r="G8167" s="359" t="s">
        <v>14390</v>
      </c>
      <c r="H8167" s="360"/>
      <c r="I8167" s="359" t="s">
        <v>14390</v>
      </c>
      <c r="J8167" s="365"/>
      <c r="K8167" s="365"/>
      <c r="L8167" s="365"/>
    </row>
    <row r="8168" spans="2:12">
      <c r="B8168" s="367"/>
      <c r="C8168" s="367"/>
      <c r="D8168" s="367"/>
      <c r="E8168" s="367"/>
      <c r="F8168" s="360"/>
      <c r="G8168" s="360"/>
      <c r="H8168" s="360"/>
      <c r="I8168" s="360"/>
      <c r="J8168" s="365"/>
      <c r="K8168" s="365"/>
      <c r="L8168" s="365"/>
    </row>
    <row r="8169" spans="2:12" ht="28.5">
      <c r="B8169" s="367"/>
      <c r="C8169" s="367"/>
      <c r="D8169" s="367"/>
      <c r="E8169" s="367"/>
      <c r="F8169" s="359" t="s">
        <v>14472</v>
      </c>
      <c r="G8169" s="359" t="s">
        <v>14392</v>
      </c>
      <c r="H8169" s="360"/>
      <c r="I8169" s="359" t="s">
        <v>14392</v>
      </c>
      <c r="J8169" s="365"/>
      <c r="K8169" s="365"/>
      <c r="L8169" s="365"/>
    </row>
    <row r="8170" spans="2:12">
      <c r="B8170" s="367"/>
      <c r="C8170" s="367"/>
      <c r="D8170" s="367"/>
      <c r="E8170" s="367"/>
      <c r="F8170" s="360"/>
      <c r="G8170" s="360"/>
      <c r="H8170" s="360"/>
      <c r="I8170" s="360"/>
      <c r="J8170" s="365"/>
      <c r="K8170" s="365"/>
      <c r="L8170" s="365"/>
    </row>
    <row r="8171" spans="2:12">
      <c r="B8171" s="368"/>
      <c r="C8171" s="368"/>
      <c r="D8171" s="368"/>
      <c r="E8171" s="368"/>
      <c r="F8171" s="362"/>
      <c r="G8171" s="361" t="s">
        <v>14473</v>
      </c>
      <c r="H8171" s="362"/>
      <c r="I8171" s="361" t="s">
        <v>14473</v>
      </c>
      <c r="J8171" s="366"/>
      <c r="K8171" s="366"/>
      <c r="L8171" s="366"/>
    </row>
    <row r="8172" spans="2:12" ht="28.5">
      <c r="B8172" s="358" t="s">
        <v>18332</v>
      </c>
      <c r="C8172" s="358" t="s">
        <v>28959</v>
      </c>
      <c r="D8172" s="358" t="s">
        <v>18333</v>
      </c>
      <c r="E8172" s="358" t="s">
        <v>18334</v>
      </c>
      <c r="F8172" s="358" t="s">
        <v>14443</v>
      </c>
      <c r="G8172" s="358" t="s">
        <v>14444</v>
      </c>
      <c r="H8172" s="358" t="s">
        <v>14378</v>
      </c>
      <c r="I8172" s="358" t="s">
        <v>14444</v>
      </c>
      <c r="J8172" s="358"/>
      <c r="K8172" s="358" t="s">
        <v>14929</v>
      </c>
      <c r="L8172" s="358"/>
    </row>
    <row r="8173" spans="2:12">
      <c r="B8173" s="367"/>
      <c r="C8173" s="367"/>
      <c r="D8173" s="367"/>
      <c r="E8173" s="367"/>
      <c r="F8173" s="360"/>
      <c r="G8173" s="360"/>
      <c r="H8173" s="360"/>
      <c r="I8173" s="360"/>
      <c r="J8173" s="365"/>
      <c r="K8173" s="367"/>
      <c r="L8173" s="365"/>
    </row>
    <row r="8174" spans="2:12" ht="28.5">
      <c r="B8174" s="367"/>
      <c r="C8174" s="367"/>
      <c r="D8174" s="367"/>
      <c r="E8174" s="367"/>
      <c r="F8174" s="359" t="s">
        <v>28960</v>
      </c>
      <c r="G8174" s="359" t="s">
        <v>14483</v>
      </c>
      <c r="H8174" s="359" t="s">
        <v>14381</v>
      </c>
      <c r="I8174" s="359" t="s">
        <v>14483</v>
      </c>
      <c r="J8174" s="365"/>
      <c r="K8174" s="367"/>
      <c r="L8174" s="365"/>
    </row>
    <row r="8175" spans="2:12">
      <c r="B8175" s="367"/>
      <c r="C8175" s="367"/>
      <c r="D8175" s="367"/>
      <c r="E8175" s="367"/>
      <c r="F8175" s="360"/>
      <c r="G8175" s="360"/>
      <c r="H8175" s="360"/>
      <c r="I8175" s="360"/>
      <c r="J8175" s="365"/>
      <c r="K8175" s="367"/>
      <c r="L8175" s="365"/>
    </row>
    <row r="8176" spans="2:12">
      <c r="B8176" s="367"/>
      <c r="C8176" s="367"/>
      <c r="D8176" s="367"/>
      <c r="E8176" s="367"/>
      <c r="F8176" s="359" t="s">
        <v>14382</v>
      </c>
      <c r="G8176" s="359" t="s">
        <v>14579</v>
      </c>
      <c r="H8176" s="359" t="s">
        <v>14332</v>
      </c>
      <c r="I8176" s="359" t="s">
        <v>14579</v>
      </c>
      <c r="J8176" s="365"/>
      <c r="K8176" s="367"/>
      <c r="L8176" s="365"/>
    </row>
    <row r="8177" spans="2:12">
      <c r="B8177" s="367"/>
      <c r="C8177" s="367"/>
      <c r="D8177" s="367"/>
      <c r="E8177" s="367"/>
      <c r="F8177" s="360"/>
      <c r="G8177" s="360"/>
      <c r="H8177" s="360"/>
      <c r="I8177" s="360"/>
      <c r="J8177" s="365"/>
      <c r="K8177" s="367"/>
      <c r="L8177" s="365"/>
    </row>
    <row r="8178" spans="2:12">
      <c r="B8178" s="368"/>
      <c r="C8178" s="368"/>
      <c r="D8178" s="368"/>
      <c r="E8178" s="368"/>
      <c r="F8178" s="362"/>
      <c r="G8178" s="361" t="s">
        <v>14383</v>
      </c>
      <c r="H8178" s="362"/>
      <c r="I8178" s="361" t="s">
        <v>14383</v>
      </c>
      <c r="J8178" s="366"/>
      <c r="K8178" s="368"/>
      <c r="L8178" s="366"/>
    </row>
    <row r="8179" spans="2:12" ht="28.5">
      <c r="B8179" s="358" t="s">
        <v>10356</v>
      </c>
      <c r="C8179" s="358" t="s">
        <v>28961</v>
      </c>
      <c r="D8179" s="358" t="s">
        <v>10357</v>
      </c>
      <c r="E8179" s="358" t="s">
        <v>10358</v>
      </c>
      <c r="F8179" s="358" t="s">
        <v>28860</v>
      </c>
      <c r="G8179" s="358" t="s">
        <v>14669</v>
      </c>
      <c r="H8179" s="358" t="s">
        <v>14381</v>
      </c>
      <c r="I8179" s="358" t="s">
        <v>14669</v>
      </c>
      <c r="J8179" s="358"/>
      <c r="K8179" s="358"/>
      <c r="L8179" s="358"/>
    </row>
    <row r="8180" spans="2:12">
      <c r="B8180" s="367"/>
      <c r="C8180" s="367"/>
      <c r="D8180" s="367"/>
      <c r="E8180" s="367"/>
      <c r="F8180" s="360"/>
      <c r="G8180" s="360"/>
      <c r="H8180" s="360"/>
      <c r="I8180" s="360"/>
      <c r="J8180" s="365"/>
      <c r="K8180" s="365"/>
      <c r="L8180" s="365"/>
    </row>
    <row r="8181" spans="2:12" ht="28.5">
      <c r="B8181" s="367"/>
      <c r="C8181" s="367"/>
      <c r="D8181" s="367"/>
      <c r="E8181" s="367"/>
      <c r="F8181" s="359" t="s">
        <v>28913</v>
      </c>
      <c r="G8181" s="359" t="s">
        <v>14427</v>
      </c>
      <c r="H8181" s="359" t="s">
        <v>14367</v>
      </c>
      <c r="I8181" s="359" t="s">
        <v>14427</v>
      </c>
      <c r="J8181" s="365"/>
      <c r="K8181" s="365"/>
      <c r="L8181" s="365"/>
    </row>
    <row r="8182" spans="2:12">
      <c r="B8182" s="367"/>
      <c r="C8182" s="367"/>
      <c r="D8182" s="367"/>
      <c r="E8182" s="367"/>
      <c r="F8182" s="360"/>
      <c r="G8182" s="360"/>
      <c r="H8182" s="360"/>
      <c r="I8182" s="360"/>
      <c r="J8182" s="365"/>
      <c r="K8182" s="365"/>
      <c r="L8182" s="365"/>
    </row>
    <row r="8183" spans="2:12">
      <c r="B8183" s="367"/>
      <c r="C8183" s="367"/>
      <c r="D8183" s="367"/>
      <c r="E8183" s="367"/>
      <c r="F8183" s="359" t="s">
        <v>14389</v>
      </c>
      <c r="G8183" s="359" t="s">
        <v>14459</v>
      </c>
      <c r="H8183" s="359" t="s">
        <v>14332</v>
      </c>
      <c r="I8183" s="359" t="s">
        <v>14459</v>
      </c>
      <c r="J8183" s="365"/>
      <c r="K8183" s="365"/>
      <c r="L8183" s="365"/>
    </row>
    <row r="8184" spans="2:12">
      <c r="B8184" s="367"/>
      <c r="C8184" s="367"/>
      <c r="D8184" s="367"/>
      <c r="E8184" s="367"/>
      <c r="F8184" s="360"/>
      <c r="G8184" s="360"/>
      <c r="H8184" s="360"/>
      <c r="I8184" s="360"/>
      <c r="J8184" s="365"/>
      <c r="K8184" s="365"/>
      <c r="L8184" s="365"/>
    </row>
    <row r="8185" spans="2:12">
      <c r="B8185" s="367"/>
      <c r="C8185" s="367"/>
      <c r="D8185" s="367"/>
      <c r="E8185" s="367"/>
      <c r="F8185" s="359" t="s">
        <v>14391</v>
      </c>
      <c r="G8185" s="359" t="s">
        <v>14388</v>
      </c>
      <c r="H8185" s="360"/>
      <c r="I8185" s="359" t="s">
        <v>14388</v>
      </c>
      <c r="J8185" s="365"/>
      <c r="K8185" s="365"/>
      <c r="L8185" s="365"/>
    </row>
    <row r="8186" spans="2:12">
      <c r="B8186" s="367"/>
      <c r="C8186" s="367"/>
      <c r="D8186" s="367"/>
      <c r="E8186" s="367"/>
      <c r="F8186" s="360"/>
      <c r="G8186" s="360"/>
      <c r="H8186" s="360"/>
      <c r="I8186" s="360"/>
      <c r="J8186" s="365"/>
      <c r="K8186" s="365"/>
      <c r="L8186" s="365"/>
    </row>
    <row r="8187" spans="2:12" ht="28.5">
      <c r="B8187" s="367"/>
      <c r="C8187" s="367"/>
      <c r="D8187" s="367"/>
      <c r="E8187" s="367"/>
      <c r="F8187" s="359" t="s">
        <v>14472</v>
      </c>
      <c r="G8187" s="359" t="s">
        <v>14390</v>
      </c>
      <c r="H8187" s="360"/>
      <c r="I8187" s="359" t="s">
        <v>14390</v>
      </c>
      <c r="J8187" s="365"/>
      <c r="K8187" s="365"/>
      <c r="L8187" s="365"/>
    </row>
    <row r="8188" spans="2:12">
      <c r="B8188" s="367"/>
      <c r="C8188" s="367"/>
      <c r="D8188" s="367"/>
      <c r="E8188" s="367"/>
      <c r="F8188" s="360"/>
      <c r="G8188" s="360"/>
      <c r="H8188" s="360"/>
      <c r="I8188" s="360"/>
      <c r="J8188" s="365"/>
      <c r="K8188" s="365"/>
      <c r="L8188" s="365"/>
    </row>
    <row r="8189" spans="2:12">
      <c r="B8189" s="367"/>
      <c r="C8189" s="367"/>
      <c r="D8189" s="367"/>
      <c r="E8189" s="367"/>
      <c r="F8189" s="360"/>
      <c r="G8189" s="359" t="s">
        <v>14392</v>
      </c>
      <c r="H8189" s="360"/>
      <c r="I8189" s="359" t="s">
        <v>14392</v>
      </c>
      <c r="J8189" s="365"/>
      <c r="K8189" s="365"/>
      <c r="L8189" s="365"/>
    </row>
    <row r="8190" spans="2:12">
      <c r="B8190" s="367"/>
      <c r="C8190" s="367"/>
      <c r="D8190" s="367"/>
      <c r="E8190" s="367"/>
      <c r="F8190" s="360"/>
      <c r="G8190" s="360"/>
      <c r="H8190" s="360"/>
      <c r="I8190" s="360"/>
      <c r="J8190" s="365"/>
      <c r="K8190" s="365"/>
      <c r="L8190" s="365"/>
    </row>
    <row r="8191" spans="2:12">
      <c r="B8191" s="368"/>
      <c r="C8191" s="368"/>
      <c r="D8191" s="368"/>
      <c r="E8191" s="368"/>
      <c r="F8191" s="362"/>
      <c r="G8191" s="361" t="s">
        <v>14473</v>
      </c>
      <c r="H8191" s="362"/>
      <c r="I8191" s="361" t="s">
        <v>14473</v>
      </c>
      <c r="J8191" s="366"/>
      <c r="K8191" s="366"/>
      <c r="L8191" s="366"/>
    </row>
    <row r="8192" spans="2:12" ht="28.5">
      <c r="B8192" s="358" t="s">
        <v>18335</v>
      </c>
      <c r="C8192" s="358" t="s">
        <v>28962</v>
      </c>
      <c r="D8192" s="358" t="s">
        <v>8356</v>
      </c>
      <c r="E8192" s="358" t="s">
        <v>18336</v>
      </c>
      <c r="F8192" s="358" t="s">
        <v>14386</v>
      </c>
      <c r="G8192" s="358" t="s">
        <v>14387</v>
      </c>
      <c r="H8192" s="358" t="s">
        <v>14367</v>
      </c>
      <c r="I8192" s="358" t="s">
        <v>14387</v>
      </c>
      <c r="J8192" s="358"/>
      <c r="K8192" s="358"/>
      <c r="L8192" s="358"/>
    </row>
    <row r="8193" spans="2:12">
      <c r="B8193" s="367"/>
      <c r="C8193" s="367"/>
      <c r="D8193" s="367"/>
      <c r="E8193" s="367"/>
      <c r="F8193" s="360"/>
      <c r="G8193" s="360"/>
      <c r="H8193" s="360"/>
      <c r="I8193" s="360"/>
      <c r="J8193" s="365"/>
      <c r="K8193" s="365"/>
      <c r="L8193" s="365"/>
    </row>
    <row r="8194" spans="2:12">
      <c r="B8194" s="367"/>
      <c r="C8194" s="367"/>
      <c r="D8194" s="367"/>
      <c r="E8194" s="367"/>
      <c r="F8194" s="359" t="s">
        <v>14389</v>
      </c>
      <c r="G8194" s="359" t="s">
        <v>14390</v>
      </c>
      <c r="H8194" s="359" t="s">
        <v>14422</v>
      </c>
      <c r="I8194" s="359" t="s">
        <v>14390</v>
      </c>
      <c r="J8194" s="365"/>
      <c r="K8194" s="365"/>
      <c r="L8194" s="365"/>
    </row>
    <row r="8195" spans="2:12">
      <c r="B8195" s="367"/>
      <c r="C8195" s="367"/>
      <c r="D8195" s="367"/>
      <c r="E8195" s="367"/>
      <c r="F8195" s="360"/>
      <c r="G8195" s="360"/>
      <c r="H8195" s="360"/>
      <c r="I8195" s="360"/>
      <c r="J8195" s="365"/>
      <c r="K8195" s="365"/>
      <c r="L8195" s="365"/>
    </row>
    <row r="8196" spans="2:12">
      <c r="B8196" s="368"/>
      <c r="C8196" s="368"/>
      <c r="D8196" s="368"/>
      <c r="E8196" s="368"/>
      <c r="F8196" s="361" t="s">
        <v>14391</v>
      </c>
      <c r="G8196" s="361" t="s">
        <v>14392</v>
      </c>
      <c r="H8196" s="362"/>
      <c r="I8196" s="361" t="s">
        <v>14392</v>
      </c>
      <c r="J8196" s="366"/>
      <c r="K8196" s="366"/>
      <c r="L8196" s="366"/>
    </row>
    <row r="8197" spans="2:12">
      <c r="B8197" s="358" t="s">
        <v>18337</v>
      </c>
      <c r="C8197" s="358" t="s">
        <v>18338</v>
      </c>
      <c r="D8197" s="358" t="s">
        <v>18339</v>
      </c>
      <c r="E8197" s="358" t="s">
        <v>18340</v>
      </c>
      <c r="F8197" s="358" t="s">
        <v>14420</v>
      </c>
      <c r="G8197" s="358" t="s">
        <v>14429</v>
      </c>
      <c r="H8197" s="358" t="s">
        <v>14367</v>
      </c>
      <c r="I8197" s="358" t="s">
        <v>14429</v>
      </c>
      <c r="J8197" s="358"/>
      <c r="K8197" s="358"/>
      <c r="L8197" s="358"/>
    </row>
    <row r="8198" spans="2:12">
      <c r="B8198" s="367"/>
      <c r="C8198" s="367"/>
      <c r="D8198" s="367"/>
      <c r="E8198" s="367"/>
      <c r="F8198" s="360"/>
      <c r="G8198" s="360"/>
      <c r="H8198" s="360"/>
      <c r="I8198" s="360"/>
      <c r="J8198" s="365"/>
      <c r="K8198" s="365"/>
      <c r="L8198" s="365"/>
    </row>
    <row r="8199" spans="2:12">
      <c r="B8199" s="367"/>
      <c r="C8199" s="367"/>
      <c r="D8199" s="367"/>
      <c r="E8199" s="367"/>
      <c r="F8199" s="359" t="s">
        <v>14386</v>
      </c>
      <c r="G8199" s="359" t="s">
        <v>14387</v>
      </c>
      <c r="H8199" s="359" t="s">
        <v>14422</v>
      </c>
      <c r="I8199" s="359" t="s">
        <v>14387</v>
      </c>
      <c r="J8199" s="365"/>
      <c r="K8199" s="365"/>
      <c r="L8199" s="365"/>
    </row>
    <row r="8200" spans="2:12">
      <c r="B8200" s="367"/>
      <c r="C8200" s="367"/>
      <c r="D8200" s="367"/>
      <c r="E8200" s="367"/>
      <c r="F8200" s="360"/>
      <c r="G8200" s="360"/>
      <c r="H8200" s="360"/>
      <c r="I8200" s="360"/>
      <c r="J8200" s="365"/>
      <c r="K8200" s="365"/>
      <c r="L8200" s="365"/>
    </row>
    <row r="8201" spans="2:12">
      <c r="B8201" s="368"/>
      <c r="C8201" s="368"/>
      <c r="D8201" s="368"/>
      <c r="E8201" s="368"/>
      <c r="F8201" s="361" t="s">
        <v>14389</v>
      </c>
      <c r="G8201" s="361" t="s">
        <v>14390</v>
      </c>
      <c r="H8201" s="362"/>
      <c r="I8201" s="361" t="s">
        <v>14390</v>
      </c>
      <c r="J8201" s="366"/>
      <c r="K8201" s="366"/>
      <c r="L8201" s="366"/>
    </row>
    <row r="8202" spans="2:12">
      <c r="B8202" s="358" t="s">
        <v>18341</v>
      </c>
      <c r="C8202" s="358" t="s">
        <v>18342</v>
      </c>
      <c r="D8202" s="358" t="s">
        <v>18343</v>
      </c>
      <c r="E8202" s="358" t="s">
        <v>18344</v>
      </c>
      <c r="F8202" s="358" t="s">
        <v>14386</v>
      </c>
      <c r="G8202" s="358" t="s">
        <v>14387</v>
      </c>
      <c r="H8202" s="358" t="s">
        <v>14367</v>
      </c>
      <c r="I8202" s="358" t="s">
        <v>14387</v>
      </c>
      <c r="J8202" s="358"/>
      <c r="K8202" s="358"/>
      <c r="L8202" s="358"/>
    </row>
    <row r="8203" spans="2:12">
      <c r="B8203" s="367"/>
      <c r="C8203" s="367"/>
      <c r="D8203" s="367"/>
      <c r="E8203" s="367"/>
      <c r="F8203" s="360"/>
      <c r="G8203" s="360"/>
      <c r="H8203" s="360"/>
      <c r="I8203" s="360"/>
      <c r="J8203" s="365"/>
      <c r="K8203" s="365"/>
      <c r="L8203" s="365"/>
    </row>
    <row r="8204" spans="2:12">
      <c r="B8204" s="367"/>
      <c r="C8204" s="367"/>
      <c r="D8204" s="367"/>
      <c r="E8204" s="367"/>
      <c r="F8204" s="359" t="s">
        <v>14389</v>
      </c>
      <c r="G8204" s="359" t="s">
        <v>14390</v>
      </c>
      <c r="H8204" s="359" t="s">
        <v>14422</v>
      </c>
      <c r="I8204" s="359" t="s">
        <v>14390</v>
      </c>
      <c r="J8204" s="365"/>
      <c r="K8204" s="365"/>
      <c r="L8204" s="365"/>
    </row>
    <row r="8205" spans="2:12">
      <c r="B8205" s="367"/>
      <c r="C8205" s="367"/>
      <c r="D8205" s="367"/>
      <c r="E8205" s="367"/>
      <c r="F8205" s="360"/>
      <c r="G8205" s="360"/>
      <c r="H8205" s="360"/>
      <c r="I8205" s="360"/>
      <c r="J8205" s="365"/>
      <c r="K8205" s="365"/>
      <c r="L8205" s="365"/>
    </row>
    <row r="8206" spans="2:12" ht="28.5">
      <c r="B8206" s="368"/>
      <c r="C8206" s="368"/>
      <c r="D8206" s="368"/>
      <c r="E8206" s="368"/>
      <c r="F8206" s="361" t="s">
        <v>14472</v>
      </c>
      <c r="G8206" s="361" t="s">
        <v>14473</v>
      </c>
      <c r="H8206" s="362"/>
      <c r="I8206" s="361" t="s">
        <v>14473</v>
      </c>
      <c r="J8206" s="366"/>
      <c r="K8206" s="366"/>
      <c r="L8206" s="366"/>
    </row>
    <row r="8207" spans="2:12" ht="28.5">
      <c r="B8207" s="358" t="s">
        <v>18345</v>
      </c>
      <c r="C8207" s="358" t="s">
        <v>28963</v>
      </c>
      <c r="D8207" s="358" t="s">
        <v>18346</v>
      </c>
      <c r="E8207" s="358" t="s">
        <v>619</v>
      </c>
      <c r="F8207" s="358" t="s">
        <v>28964</v>
      </c>
      <c r="G8207" s="358" t="s">
        <v>14429</v>
      </c>
      <c r="H8207" s="358" t="s">
        <v>14381</v>
      </c>
      <c r="I8207" s="358" t="s">
        <v>14429</v>
      </c>
      <c r="J8207" s="358"/>
      <c r="K8207" s="358"/>
      <c r="L8207" s="358"/>
    </row>
    <row r="8208" spans="2:12">
      <c r="B8208" s="367"/>
      <c r="C8208" s="367"/>
      <c r="D8208" s="367"/>
      <c r="E8208" s="367"/>
      <c r="F8208" s="360"/>
      <c r="G8208" s="360"/>
      <c r="H8208" s="360"/>
      <c r="I8208" s="360"/>
      <c r="J8208" s="365"/>
      <c r="K8208" s="365"/>
      <c r="L8208" s="365"/>
    </row>
    <row r="8209" spans="2:12" ht="28.5">
      <c r="B8209" s="367"/>
      <c r="C8209" s="367"/>
      <c r="D8209" s="367"/>
      <c r="E8209" s="367"/>
      <c r="F8209" s="359" t="s">
        <v>14389</v>
      </c>
      <c r="G8209" s="359" t="s">
        <v>28851</v>
      </c>
      <c r="H8209" s="359" t="s">
        <v>14341</v>
      </c>
      <c r="I8209" s="359" t="s">
        <v>28851</v>
      </c>
      <c r="J8209" s="365"/>
      <c r="K8209" s="365"/>
      <c r="L8209" s="365"/>
    </row>
    <row r="8210" spans="2:12">
      <c r="B8210" s="367"/>
      <c r="C8210" s="367"/>
      <c r="D8210" s="367"/>
      <c r="E8210" s="367"/>
      <c r="F8210" s="360"/>
      <c r="G8210" s="360"/>
      <c r="H8210" s="360"/>
      <c r="I8210" s="360"/>
      <c r="J8210" s="365"/>
      <c r="K8210" s="365"/>
      <c r="L8210" s="365"/>
    </row>
    <row r="8211" spans="2:12">
      <c r="B8211" s="367"/>
      <c r="C8211" s="367"/>
      <c r="D8211" s="367"/>
      <c r="E8211" s="367"/>
      <c r="F8211" s="359" t="s">
        <v>14430</v>
      </c>
      <c r="G8211" s="359" t="s">
        <v>14431</v>
      </c>
      <c r="H8211" s="359" t="s">
        <v>14367</v>
      </c>
      <c r="I8211" s="359" t="s">
        <v>14431</v>
      </c>
      <c r="J8211" s="365"/>
      <c r="K8211" s="365"/>
      <c r="L8211" s="365"/>
    </row>
    <row r="8212" spans="2:12">
      <c r="B8212" s="367"/>
      <c r="C8212" s="367"/>
      <c r="D8212" s="367"/>
      <c r="E8212" s="367"/>
      <c r="F8212" s="360"/>
      <c r="G8212" s="360"/>
      <c r="H8212" s="360"/>
      <c r="I8212" s="360"/>
      <c r="J8212" s="365"/>
      <c r="K8212" s="365"/>
      <c r="L8212" s="365"/>
    </row>
    <row r="8213" spans="2:12">
      <c r="B8213" s="368"/>
      <c r="C8213" s="368"/>
      <c r="D8213" s="368"/>
      <c r="E8213" s="368"/>
      <c r="F8213" s="362"/>
      <c r="G8213" s="362"/>
      <c r="H8213" s="361" t="s">
        <v>14332</v>
      </c>
      <c r="I8213" s="362"/>
      <c r="J8213" s="366"/>
      <c r="K8213" s="366"/>
      <c r="L8213" s="366"/>
    </row>
    <row r="8214" spans="2:12" ht="28.5">
      <c r="B8214" s="358" t="s">
        <v>18347</v>
      </c>
      <c r="C8214" s="358" t="s">
        <v>28965</v>
      </c>
      <c r="D8214" s="358" t="s">
        <v>18348</v>
      </c>
      <c r="E8214" s="358" t="s">
        <v>18349</v>
      </c>
      <c r="F8214" s="358" t="s">
        <v>28938</v>
      </c>
      <c r="G8214" s="358" t="s">
        <v>14459</v>
      </c>
      <c r="H8214" s="358" t="s">
        <v>14367</v>
      </c>
      <c r="I8214" s="358" t="s">
        <v>14459</v>
      </c>
      <c r="J8214" s="358"/>
      <c r="K8214" s="358"/>
      <c r="L8214" s="358"/>
    </row>
    <row r="8215" spans="2:12">
      <c r="B8215" s="367"/>
      <c r="C8215" s="367"/>
      <c r="D8215" s="367"/>
      <c r="E8215" s="367"/>
      <c r="F8215" s="360"/>
      <c r="G8215" s="360"/>
      <c r="H8215" s="360"/>
      <c r="I8215" s="360"/>
      <c r="J8215" s="365"/>
      <c r="K8215" s="365"/>
      <c r="L8215" s="365"/>
    </row>
    <row r="8216" spans="2:12">
      <c r="B8216" s="367"/>
      <c r="C8216" s="367"/>
      <c r="D8216" s="367"/>
      <c r="E8216" s="367"/>
      <c r="F8216" s="359" t="s">
        <v>14386</v>
      </c>
      <c r="G8216" s="359" t="s">
        <v>14421</v>
      </c>
      <c r="H8216" s="359" t="s">
        <v>14422</v>
      </c>
      <c r="I8216" s="359" t="s">
        <v>14421</v>
      </c>
      <c r="J8216" s="365"/>
      <c r="K8216" s="365"/>
      <c r="L8216" s="365"/>
    </row>
    <row r="8217" spans="2:12">
      <c r="B8217" s="367"/>
      <c r="C8217" s="367"/>
      <c r="D8217" s="367"/>
      <c r="E8217" s="367"/>
      <c r="F8217" s="360"/>
      <c r="G8217" s="360"/>
      <c r="H8217" s="360"/>
      <c r="I8217" s="360"/>
      <c r="J8217" s="365"/>
      <c r="K8217" s="365"/>
      <c r="L8217" s="365"/>
    </row>
    <row r="8218" spans="2:12">
      <c r="B8218" s="367"/>
      <c r="C8218" s="367"/>
      <c r="D8218" s="367"/>
      <c r="E8218" s="367"/>
      <c r="F8218" s="359" t="s">
        <v>14389</v>
      </c>
      <c r="G8218" s="359" t="s">
        <v>14387</v>
      </c>
      <c r="H8218" s="360"/>
      <c r="I8218" s="359" t="s">
        <v>14387</v>
      </c>
      <c r="J8218" s="365"/>
      <c r="K8218" s="365"/>
      <c r="L8218" s="365"/>
    </row>
    <row r="8219" spans="2:12">
      <c r="B8219" s="367"/>
      <c r="C8219" s="367"/>
      <c r="D8219" s="367"/>
      <c r="E8219" s="367"/>
      <c r="F8219" s="360"/>
      <c r="G8219" s="360"/>
      <c r="H8219" s="360"/>
      <c r="I8219" s="360"/>
      <c r="J8219" s="365"/>
      <c r="K8219" s="365"/>
      <c r="L8219" s="365"/>
    </row>
    <row r="8220" spans="2:12">
      <c r="B8220" s="367"/>
      <c r="C8220" s="367"/>
      <c r="D8220" s="367"/>
      <c r="E8220" s="367"/>
      <c r="F8220" s="359" t="s">
        <v>14391</v>
      </c>
      <c r="G8220" s="359" t="s">
        <v>14390</v>
      </c>
      <c r="H8220" s="360"/>
      <c r="I8220" s="359" t="s">
        <v>14390</v>
      </c>
      <c r="J8220" s="365"/>
      <c r="K8220" s="365"/>
      <c r="L8220" s="365"/>
    </row>
    <row r="8221" spans="2:12">
      <c r="B8221" s="367"/>
      <c r="C8221" s="367"/>
      <c r="D8221" s="367"/>
      <c r="E8221" s="367"/>
      <c r="F8221" s="360"/>
      <c r="G8221" s="360"/>
      <c r="H8221" s="360"/>
      <c r="I8221" s="360"/>
      <c r="J8221" s="365"/>
      <c r="K8221" s="365"/>
      <c r="L8221" s="365"/>
    </row>
    <row r="8222" spans="2:12">
      <c r="B8222" s="368"/>
      <c r="C8222" s="368"/>
      <c r="D8222" s="368"/>
      <c r="E8222" s="368"/>
      <c r="F8222" s="362"/>
      <c r="G8222" s="361" t="s">
        <v>14392</v>
      </c>
      <c r="H8222" s="362"/>
      <c r="I8222" s="361" t="s">
        <v>14392</v>
      </c>
      <c r="J8222" s="366"/>
      <c r="K8222" s="366"/>
      <c r="L8222" s="366"/>
    </row>
    <row r="8223" spans="2:12" ht="71.25">
      <c r="B8223" s="358" t="s">
        <v>18350</v>
      </c>
      <c r="C8223" s="358" t="s">
        <v>18351</v>
      </c>
      <c r="D8223" s="358" t="s">
        <v>18352</v>
      </c>
      <c r="E8223" s="358" t="s">
        <v>18353</v>
      </c>
      <c r="F8223" s="358" t="s">
        <v>14386</v>
      </c>
      <c r="G8223" s="358" t="s">
        <v>14387</v>
      </c>
      <c r="H8223" s="358" t="s">
        <v>14367</v>
      </c>
      <c r="I8223" s="358" t="s">
        <v>14387</v>
      </c>
      <c r="J8223" s="358"/>
      <c r="K8223" s="358" t="s">
        <v>28966</v>
      </c>
      <c r="L8223" s="358"/>
    </row>
    <row r="8224" spans="2:12">
      <c r="B8224" s="367"/>
      <c r="C8224" s="367"/>
      <c r="D8224" s="367"/>
      <c r="E8224" s="367"/>
      <c r="F8224" s="360"/>
      <c r="G8224" s="360"/>
      <c r="H8224" s="360"/>
      <c r="I8224" s="360"/>
      <c r="J8224" s="365"/>
      <c r="K8224" s="367"/>
      <c r="L8224" s="365"/>
    </row>
    <row r="8225" spans="2:12">
      <c r="B8225" s="367"/>
      <c r="C8225" s="367"/>
      <c r="D8225" s="367"/>
      <c r="E8225" s="367"/>
      <c r="F8225" s="359" t="s">
        <v>14389</v>
      </c>
      <c r="G8225" s="359" t="s">
        <v>14390</v>
      </c>
      <c r="H8225" s="359" t="s">
        <v>14422</v>
      </c>
      <c r="I8225" s="359" t="s">
        <v>14390</v>
      </c>
      <c r="J8225" s="365"/>
      <c r="K8225" s="367"/>
      <c r="L8225" s="365"/>
    </row>
    <row r="8226" spans="2:12">
      <c r="B8226" s="367"/>
      <c r="C8226" s="367"/>
      <c r="D8226" s="367"/>
      <c r="E8226" s="367"/>
      <c r="F8226" s="360"/>
      <c r="G8226" s="360"/>
      <c r="H8226" s="360"/>
      <c r="I8226" s="360"/>
      <c r="J8226" s="365"/>
      <c r="K8226" s="367"/>
      <c r="L8226" s="365"/>
    </row>
    <row r="8227" spans="2:12">
      <c r="B8227" s="368"/>
      <c r="C8227" s="368"/>
      <c r="D8227" s="368"/>
      <c r="E8227" s="368"/>
      <c r="F8227" s="361" t="s">
        <v>14391</v>
      </c>
      <c r="G8227" s="361" t="s">
        <v>14392</v>
      </c>
      <c r="H8227" s="362"/>
      <c r="I8227" s="361" t="s">
        <v>14392</v>
      </c>
      <c r="J8227" s="366"/>
      <c r="K8227" s="368"/>
      <c r="L8227" s="366"/>
    </row>
    <row r="8228" spans="2:12" ht="71.25">
      <c r="B8228" s="358" t="s">
        <v>18354</v>
      </c>
      <c r="C8228" s="358" t="s">
        <v>28967</v>
      </c>
      <c r="D8228" s="358" t="s">
        <v>18355</v>
      </c>
      <c r="E8228" s="358" t="s">
        <v>18356</v>
      </c>
      <c r="F8228" s="358" t="s">
        <v>14386</v>
      </c>
      <c r="G8228" s="358" t="s">
        <v>14387</v>
      </c>
      <c r="H8228" s="358" t="s">
        <v>14367</v>
      </c>
      <c r="I8228" s="358" t="s">
        <v>14387</v>
      </c>
      <c r="J8228" s="358"/>
      <c r="K8228" s="358" t="s">
        <v>28968</v>
      </c>
      <c r="L8228" s="358"/>
    </row>
    <row r="8229" spans="2:12">
      <c r="B8229" s="367"/>
      <c r="C8229" s="367"/>
      <c r="D8229" s="367"/>
      <c r="E8229" s="367"/>
      <c r="F8229" s="360"/>
      <c r="G8229" s="360"/>
      <c r="H8229" s="360"/>
      <c r="I8229" s="360"/>
      <c r="J8229" s="365"/>
      <c r="K8229" s="367"/>
      <c r="L8229" s="365"/>
    </row>
    <row r="8230" spans="2:12">
      <c r="B8230" s="367"/>
      <c r="C8230" s="367"/>
      <c r="D8230" s="367"/>
      <c r="E8230" s="367"/>
      <c r="F8230" s="359" t="s">
        <v>14389</v>
      </c>
      <c r="G8230" s="359" t="s">
        <v>14390</v>
      </c>
      <c r="H8230" s="359" t="s">
        <v>14370</v>
      </c>
      <c r="I8230" s="359" t="s">
        <v>14390</v>
      </c>
      <c r="J8230" s="365"/>
      <c r="K8230" s="367"/>
      <c r="L8230" s="365"/>
    </row>
    <row r="8231" spans="2:12">
      <c r="B8231" s="367"/>
      <c r="C8231" s="367"/>
      <c r="D8231" s="367"/>
      <c r="E8231" s="367"/>
      <c r="F8231" s="360"/>
      <c r="G8231" s="360"/>
      <c r="H8231" s="360"/>
      <c r="I8231" s="360"/>
      <c r="J8231" s="365"/>
      <c r="K8231" s="367"/>
      <c r="L8231" s="365"/>
    </row>
    <row r="8232" spans="2:12">
      <c r="B8232" s="367"/>
      <c r="C8232" s="367"/>
      <c r="D8232" s="367"/>
      <c r="E8232" s="367"/>
      <c r="F8232" s="359" t="s">
        <v>14391</v>
      </c>
      <c r="G8232" s="359" t="s">
        <v>14392</v>
      </c>
      <c r="H8232" s="359" t="s">
        <v>14422</v>
      </c>
      <c r="I8232" s="359" t="s">
        <v>14392</v>
      </c>
      <c r="J8232" s="365"/>
      <c r="K8232" s="367"/>
      <c r="L8232" s="365"/>
    </row>
    <row r="8233" spans="2:12">
      <c r="B8233" s="367"/>
      <c r="C8233" s="367"/>
      <c r="D8233" s="367"/>
      <c r="E8233" s="367"/>
      <c r="F8233" s="360"/>
      <c r="G8233" s="360"/>
      <c r="H8233" s="360"/>
      <c r="I8233" s="360"/>
      <c r="J8233" s="365"/>
      <c r="K8233" s="367"/>
      <c r="L8233" s="365"/>
    </row>
    <row r="8234" spans="2:12" ht="28.5">
      <c r="B8234" s="368"/>
      <c r="C8234" s="368"/>
      <c r="D8234" s="368"/>
      <c r="E8234" s="368"/>
      <c r="F8234" s="361" t="s">
        <v>14394</v>
      </c>
      <c r="G8234" s="361" t="s">
        <v>14395</v>
      </c>
      <c r="H8234" s="362"/>
      <c r="I8234" s="361" t="s">
        <v>14395</v>
      </c>
      <c r="J8234" s="366"/>
      <c r="K8234" s="368"/>
      <c r="L8234" s="366"/>
    </row>
    <row r="8235" spans="2:12">
      <c r="B8235" s="358" t="s">
        <v>9512</v>
      </c>
      <c r="C8235" s="358" t="s">
        <v>28969</v>
      </c>
      <c r="D8235" s="358" t="s">
        <v>9513</v>
      </c>
      <c r="E8235" s="358" t="s">
        <v>9514</v>
      </c>
      <c r="F8235" s="358" t="s">
        <v>14505</v>
      </c>
      <c r="G8235" s="358" t="s">
        <v>14506</v>
      </c>
      <c r="H8235" s="358" t="s">
        <v>14328</v>
      </c>
      <c r="I8235" s="358" t="s">
        <v>14506</v>
      </c>
      <c r="J8235" s="358"/>
      <c r="K8235" s="358"/>
      <c r="L8235" s="358"/>
    </row>
    <row r="8236" spans="2:12">
      <c r="B8236" s="367"/>
      <c r="C8236" s="367"/>
      <c r="D8236" s="367"/>
      <c r="E8236" s="367"/>
      <c r="F8236" s="360"/>
      <c r="G8236" s="360"/>
      <c r="H8236" s="360"/>
      <c r="I8236" s="360"/>
      <c r="J8236" s="365"/>
      <c r="K8236" s="365"/>
      <c r="L8236" s="365"/>
    </row>
    <row r="8237" spans="2:12">
      <c r="B8237" s="367"/>
      <c r="C8237" s="367"/>
      <c r="D8237" s="367"/>
      <c r="E8237" s="367"/>
      <c r="F8237" s="359" t="s">
        <v>16528</v>
      </c>
      <c r="G8237" s="359" t="s">
        <v>14669</v>
      </c>
      <c r="H8237" s="359" t="s">
        <v>14381</v>
      </c>
      <c r="I8237" s="359" t="s">
        <v>14669</v>
      </c>
      <c r="J8237" s="365"/>
      <c r="K8237" s="365"/>
      <c r="L8237" s="365"/>
    </row>
    <row r="8238" spans="2:12">
      <c r="B8238" s="367"/>
      <c r="C8238" s="367"/>
      <c r="D8238" s="367"/>
      <c r="E8238" s="367"/>
      <c r="F8238" s="360"/>
      <c r="G8238" s="360"/>
      <c r="H8238" s="360"/>
      <c r="I8238" s="360"/>
      <c r="J8238" s="365"/>
      <c r="K8238" s="365"/>
      <c r="L8238" s="365"/>
    </row>
    <row r="8239" spans="2:12" ht="42.75">
      <c r="B8239" s="367"/>
      <c r="C8239" s="367"/>
      <c r="D8239" s="367"/>
      <c r="E8239" s="367"/>
      <c r="F8239" s="359" t="s">
        <v>28943</v>
      </c>
      <c r="G8239" s="359" t="s">
        <v>14459</v>
      </c>
      <c r="H8239" s="359" t="s">
        <v>14367</v>
      </c>
      <c r="I8239" s="359" t="s">
        <v>14459</v>
      </c>
      <c r="J8239" s="365"/>
      <c r="K8239" s="365"/>
      <c r="L8239" s="365"/>
    </row>
    <row r="8240" spans="2:12">
      <c r="B8240" s="367"/>
      <c r="C8240" s="367"/>
      <c r="D8240" s="367"/>
      <c r="E8240" s="367"/>
      <c r="F8240" s="360"/>
      <c r="G8240" s="360"/>
      <c r="H8240" s="360"/>
      <c r="I8240" s="360"/>
      <c r="J8240" s="365"/>
      <c r="K8240" s="365"/>
      <c r="L8240" s="365"/>
    </row>
    <row r="8241" spans="2:12">
      <c r="B8241" s="367"/>
      <c r="C8241" s="367"/>
      <c r="D8241" s="367"/>
      <c r="E8241" s="367"/>
      <c r="F8241" s="360"/>
      <c r="G8241" s="359" t="s">
        <v>14421</v>
      </c>
      <c r="H8241" s="359" t="s">
        <v>14332</v>
      </c>
      <c r="I8241" s="359" t="s">
        <v>14421</v>
      </c>
      <c r="J8241" s="365"/>
      <c r="K8241" s="365"/>
      <c r="L8241" s="365"/>
    </row>
    <row r="8242" spans="2:12">
      <c r="B8242" s="367"/>
      <c r="C8242" s="367"/>
      <c r="D8242" s="367"/>
      <c r="E8242" s="367"/>
      <c r="F8242" s="360"/>
      <c r="G8242" s="360"/>
      <c r="H8242" s="360"/>
      <c r="I8242" s="360"/>
      <c r="J8242" s="365"/>
      <c r="K8242" s="365"/>
      <c r="L8242" s="365"/>
    </row>
    <row r="8243" spans="2:12">
      <c r="B8243" s="368"/>
      <c r="C8243" s="368"/>
      <c r="D8243" s="368"/>
      <c r="E8243" s="368"/>
      <c r="F8243" s="362"/>
      <c r="G8243" s="361" t="s">
        <v>14429</v>
      </c>
      <c r="H8243" s="362"/>
      <c r="I8243" s="361" t="s">
        <v>14429</v>
      </c>
      <c r="J8243" s="366"/>
      <c r="K8243" s="366"/>
      <c r="L8243" s="366"/>
    </row>
    <row r="8244" spans="2:12" ht="85.5">
      <c r="B8244" s="358" t="s">
        <v>18357</v>
      </c>
      <c r="C8244" s="358" t="s">
        <v>28970</v>
      </c>
      <c r="D8244" s="358" t="s">
        <v>18358</v>
      </c>
      <c r="E8244" s="358" t="s">
        <v>18359</v>
      </c>
      <c r="F8244" s="358" t="s">
        <v>14356</v>
      </c>
      <c r="G8244" s="358" t="s">
        <v>14340</v>
      </c>
      <c r="H8244" s="358" t="s">
        <v>14378</v>
      </c>
      <c r="I8244" s="358" t="s">
        <v>14340</v>
      </c>
      <c r="J8244" s="358"/>
      <c r="K8244" s="358" t="s">
        <v>28972</v>
      </c>
      <c r="L8244" s="358" t="s">
        <v>595</v>
      </c>
    </row>
    <row r="8245" spans="2:12">
      <c r="B8245" s="367"/>
      <c r="C8245" s="367"/>
      <c r="D8245" s="367"/>
      <c r="E8245" s="367"/>
      <c r="F8245" s="360"/>
      <c r="G8245" s="360"/>
      <c r="H8245" s="360"/>
      <c r="I8245" s="360"/>
      <c r="J8245" s="365"/>
      <c r="K8245" s="360"/>
      <c r="L8245" s="367"/>
    </row>
    <row r="8246" spans="2:12" ht="57">
      <c r="B8246" s="367"/>
      <c r="C8246" s="367"/>
      <c r="D8246" s="367"/>
      <c r="E8246" s="367"/>
      <c r="F8246" s="359" t="s">
        <v>28971</v>
      </c>
      <c r="G8246" s="359" t="s">
        <v>14483</v>
      </c>
      <c r="H8246" s="359" t="s">
        <v>14341</v>
      </c>
      <c r="I8246" s="359" t="s">
        <v>14483</v>
      </c>
      <c r="J8246" s="365"/>
      <c r="K8246" s="359" t="s">
        <v>28973</v>
      </c>
      <c r="L8246" s="367"/>
    </row>
    <row r="8247" spans="2:12">
      <c r="B8247" s="367"/>
      <c r="C8247" s="367"/>
      <c r="D8247" s="367"/>
      <c r="E8247" s="367"/>
      <c r="F8247" s="360"/>
      <c r="G8247" s="360"/>
      <c r="H8247" s="360"/>
      <c r="I8247" s="360"/>
      <c r="J8247" s="365"/>
      <c r="K8247" s="360"/>
      <c r="L8247" s="367"/>
    </row>
    <row r="8248" spans="2:12">
      <c r="B8248" s="367"/>
      <c r="C8248" s="367"/>
      <c r="D8248" s="367"/>
      <c r="E8248" s="367"/>
      <c r="F8248" s="359" t="s">
        <v>14391</v>
      </c>
      <c r="G8248" s="359" t="s">
        <v>14383</v>
      </c>
      <c r="H8248" s="359" t="s">
        <v>14381</v>
      </c>
      <c r="I8248" s="359" t="s">
        <v>14383</v>
      </c>
      <c r="J8248" s="365"/>
      <c r="K8248" s="359" t="s">
        <v>28974</v>
      </c>
      <c r="L8248" s="367"/>
    </row>
    <row r="8249" spans="2:12">
      <c r="B8249" s="367"/>
      <c r="C8249" s="367"/>
      <c r="D8249" s="367"/>
      <c r="E8249" s="367"/>
      <c r="F8249" s="360"/>
      <c r="G8249" s="360"/>
      <c r="H8249" s="360"/>
      <c r="I8249" s="360"/>
      <c r="J8249" s="365"/>
      <c r="K8249" s="360"/>
      <c r="L8249" s="367"/>
    </row>
    <row r="8250" spans="2:12">
      <c r="B8250" s="367"/>
      <c r="C8250" s="367"/>
      <c r="D8250" s="367"/>
      <c r="E8250" s="367"/>
      <c r="F8250" s="360"/>
      <c r="G8250" s="359" t="s">
        <v>14421</v>
      </c>
      <c r="H8250" s="359" t="s">
        <v>14332</v>
      </c>
      <c r="I8250" s="359" t="s">
        <v>14421</v>
      </c>
      <c r="J8250" s="365"/>
      <c r="K8250" s="360"/>
      <c r="L8250" s="367"/>
    </row>
    <row r="8251" spans="2:12">
      <c r="B8251" s="367"/>
      <c r="C8251" s="367"/>
      <c r="D8251" s="367"/>
      <c r="E8251" s="367"/>
      <c r="F8251" s="360"/>
      <c r="G8251" s="360"/>
      <c r="H8251" s="360"/>
      <c r="I8251" s="360"/>
      <c r="J8251" s="365"/>
      <c r="K8251" s="360"/>
      <c r="L8251" s="367"/>
    </row>
    <row r="8252" spans="2:12" ht="28.5">
      <c r="B8252" s="368"/>
      <c r="C8252" s="368"/>
      <c r="D8252" s="368"/>
      <c r="E8252" s="368"/>
      <c r="F8252" s="362"/>
      <c r="G8252" s="361" t="s">
        <v>28895</v>
      </c>
      <c r="H8252" s="362"/>
      <c r="I8252" s="361" t="s">
        <v>28895</v>
      </c>
      <c r="J8252" s="366"/>
      <c r="K8252" s="362"/>
      <c r="L8252" s="368"/>
    </row>
    <row r="8253" spans="2:12">
      <c r="B8253" s="358" t="s">
        <v>18360</v>
      </c>
      <c r="C8253" s="358" t="s">
        <v>28975</v>
      </c>
      <c r="D8253" s="358" t="s">
        <v>18361</v>
      </c>
      <c r="E8253" s="358" t="s">
        <v>18362</v>
      </c>
      <c r="F8253" s="358" t="s">
        <v>14418</v>
      </c>
      <c r="G8253" s="358" t="s">
        <v>14419</v>
      </c>
      <c r="H8253" s="358" t="s">
        <v>14328</v>
      </c>
      <c r="I8253" s="358" t="s">
        <v>14419</v>
      </c>
      <c r="J8253" s="358"/>
      <c r="K8253" s="358"/>
      <c r="L8253" s="358"/>
    </row>
    <row r="8254" spans="2:12">
      <c r="B8254" s="367"/>
      <c r="C8254" s="367"/>
      <c r="D8254" s="367"/>
      <c r="E8254" s="367"/>
      <c r="F8254" s="360"/>
      <c r="G8254" s="360"/>
      <c r="H8254" s="360"/>
      <c r="I8254" s="360"/>
      <c r="J8254" s="365"/>
      <c r="K8254" s="365"/>
      <c r="L8254" s="365"/>
    </row>
    <row r="8255" spans="2:12">
      <c r="B8255" s="367"/>
      <c r="C8255" s="367"/>
      <c r="D8255" s="367"/>
      <c r="E8255" s="367"/>
      <c r="F8255" s="359" t="s">
        <v>14420</v>
      </c>
      <c r="G8255" s="359" t="s">
        <v>14429</v>
      </c>
      <c r="H8255" s="359" t="s">
        <v>14341</v>
      </c>
      <c r="I8255" s="359" t="s">
        <v>14429</v>
      </c>
      <c r="J8255" s="365"/>
      <c r="K8255" s="365"/>
      <c r="L8255" s="365"/>
    </row>
    <row r="8256" spans="2:12">
      <c r="B8256" s="367"/>
      <c r="C8256" s="367"/>
      <c r="D8256" s="367"/>
      <c r="E8256" s="367"/>
      <c r="F8256" s="360"/>
      <c r="G8256" s="360"/>
      <c r="H8256" s="360"/>
      <c r="I8256" s="360"/>
      <c r="J8256" s="365"/>
      <c r="K8256" s="365"/>
      <c r="L8256" s="365"/>
    </row>
    <row r="8257" spans="2:12">
      <c r="B8257" s="367"/>
      <c r="C8257" s="367"/>
      <c r="D8257" s="367"/>
      <c r="E8257" s="367"/>
      <c r="F8257" s="359" t="s">
        <v>14356</v>
      </c>
      <c r="G8257" s="359" t="s">
        <v>14340</v>
      </c>
      <c r="H8257" s="359" t="s">
        <v>14367</v>
      </c>
      <c r="I8257" s="359" t="s">
        <v>14340</v>
      </c>
      <c r="J8257" s="365"/>
      <c r="K8257" s="365"/>
      <c r="L8257" s="365"/>
    </row>
    <row r="8258" spans="2:12">
      <c r="B8258" s="367"/>
      <c r="C8258" s="367"/>
      <c r="D8258" s="367"/>
      <c r="E8258" s="367"/>
      <c r="F8258" s="360"/>
      <c r="G8258" s="360"/>
      <c r="H8258" s="360"/>
      <c r="I8258" s="360"/>
      <c r="J8258" s="365"/>
      <c r="K8258" s="365"/>
      <c r="L8258" s="365"/>
    </row>
    <row r="8259" spans="2:12">
      <c r="B8259" s="368"/>
      <c r="C8259" s="368"/>
      <c r="D8259" s="368"/>
      <c r="E8259" s="368"/>
      <c r="F8259" s="362"/>
      <c r="G8259" s="362"/>
      <c r="H8259" s="361" t="s">
        <v>14332</v>
      </c>
      <c r="I8259" s="362"/>
      <c r="J8259" s="366"/>
      <c r="K8259" s="366"/>
      <c r="L8259" s="366"/>
    </row>
    <row r="8260" spans="2:12">
      <c r="B8260" s="358" t="s">
        <v>18363</v>
      </c>
      <c r="C8260" s="358" t="s">
        <v>28976</v>
      </c>
      <c r="D8260" s="358" t="s">
        <v>18364</v>
      </c>
      <c r="E8260" s="358" t="s">
        <v>18365</v>
      </c>
      <c r="F8260" s="358" t="s">
        <v>14418</v>
      </c>
      <c r="G8260" s="358" t="s">
        <v>14419</v>
      </c>
      <c r="H8260" s="358" t="s">
        <v>14328</v>
      </c>
      <c r="I8260" s="358" t="s">
        <v>14419</v>
      </c>
      <c r="J8260" s="358"/>
      <c r="K8260" s="358"/>
      <c r="L8260" s="358"/>
    </row>
    <row r="8261" spans="2:12">
      <c r="B8261" s="367"/>
      <c r="C8261" s="367"/>
      <c r="D8261" s="367"/>
      <c r="E8261" s="367"/>
      <c r="F8261" s="360"/>
      <c r="G8261" s="360"/>
      <c r="H8261" s="360"/>
      <c r="I8261" s="360"/>
      <c r="J8261" s="365"/>
      <c r="K8261" s="365"/>
      <c r="L8261" s="365"/>
    </row>
    <row r="8262" spans="2:12" ht="28.5">
      <c r="B8262" s="367"/>
      <c r="C8262" s="367"/>
      <c r="D8262" s="367"/>
      <c r="E8262" s="367"/>
      <c r="F8262" s="359" t="s">
        <v>28960</v>
      </c>
      <c r="G8262" s="359" t="s">
        <v>14483</v>
      </c>
      <c r="H8262" s="359" t="s">
        <v>14378</v>
      </c>
      <c r="I8262" s="359" t="s">
        <v>14483</v>
      </c>
      <c r="J8262" s="365"/>
      <c r="K8262" s="365"/>
      <c r="L8262" s="365"/>
    </row>
    <row r="8263" spans="2:12">
      <c r="B8263" s="367"/>
      <c r="C8263" s="367"/>
      <c r="D8263" s="367"/>
      <c r="E8263" s="367"/>
      <c r="F8263" s="360"/>
      <c r="G8263" s="360"/>
      <c r="H8263" s="360"/>
      <c r="I8263" s="360"/>
      <c r="J8263" s="365"/>
      <c r="K8263" s="365"/>
      <c r="L8263" s="365"/>
    </row>
    <row r="8264" spans="2:12">
      <c r="B8264" s="367"/>
      <c r="C8264" s="367"/>
      <c r="D8264" s="367"/>
      <c r="E8264" s="367"/>
      <c r="F8264" s="359" t="s">
        <v>14382</v>
      </c>
      <c r="G8264" s="359" t="s">
        <v>14579</v>
      </c>
      <c r="H8264" s="359" t="s">
        <v>14341</v>
      </c>
      <c r="I8264" s="359" t="s">
        <v>14579</v>
      </c>
      <c r="J8264" s="365"/>
      <c r="K8264" s="365"/>
      <c r="L8264" s="365"/>
    </row>
    <row r="8265" spans="2:12">
      <c r="B8265" s="367"/>
      <c r="C8265" s="367"/>
      <c r="D8265" s="367"/>
      <c r="E8265" s="367"/>
      <c r="F8265" s="360"/>
      <c r="G8265" s="360"/>
      <c r="H8265" s="360"/>
      <c r="I8265" s="360"/>
      <c r="J8265" s="365"/>
      <c r="K8265" s="365"/>
      <c r="L8265" s="365"/>
    </row>
    <row r="8266" spans="2:12">
      <c r="B8266" s="367"/>
      <c r="C8266" s="367"/>
      <c r="D8266" s="367"/>
      <c r="E8266" s="367"/>
      <c r="F8266" s="359" t="s">
        <v>14356</v>
      </c>
      <c r="G8266" s="359" t="s">
        <v>14383</v>
      </c>
      <c r="H8266" s="359" t="s">
        <v>14370</v>
      </c>
      <c r="I8266" s="359" t="s">
        <v>14383</v>
      </c>
      <c r="J8266" s="365"/>
      <c r="K8266" s="365"/>
      <c r="L8266" s="365"/>
    </row>
    <row r="8267" spans="2:12">
      <c r="B8267" s="367"/>
      <c r="C8267" s="367"/>
      <c r="D8267" s="367"/>
      <c r="E8267" s="367"/>
      <c r="F8267" s="360"/>
      <c r="G8267" s="360"/>
      <c r="H8267" s="360"/>
      <c r="I8267" s="360"/>
      <c r="J8267" s="365"/>
      <c r="K8267" s="365"/>
      <c r="L8267" s="365"/>
    </row>
    <row r="8268" spans="2:12" ht="28.5">
      <c r="B8268" s="367"/>
      <c r="C8268" s="367"/>
      <c r="D8268" s="367"/>
      <c r="E8268" s="367"/>
      <c r="F8268" s="359" t="s">
        <v>14394</v>
      </c>
      <c r="G8268" s="359" t="s">
        <v>14340</v>
      </c>
      <c r="H8268" s="359" t="s">
        <v>14332</v>
      </c>
      <c r="I8268" s="359" t="s">
        <v>14340</v>
      </c>
      <c r="J8268" s="365"/>
      <c r="K8268" s="365"/>
      <c r="L8268" s="365"/>
    </row>
    <row r="8269" spans="2:12">
      <c r="B8269" s="367"/>
      <c r="C8269" s="367"/>
      <c r="D8269" s="367"/>
      <c r="E8269" s="367"/>
      <c r="F8269" s="360"/>
      <c r="G8269" s="360"/>
      <c r="H8269" s="360"/>
      <c r="I8269" s="360"/>
      <c r="J8269" s="365"/>
      <c r="K8269" s="365"/>
      <c r="L8269" s="365"/>
    </row>
    <row r="8270" spans="2:12">
      <c r="B8270" s="368"/>
      <c r="C8270" s="368"/>
      <c r="D8270" s="368"/>
      <c r="E8270" s="368"/>
      <c r="F8270" s="362"/>
      <c r="G8270" s="361" t="s">
        <v>14395</v>
      </c>
      <c r="H8270" s="362"/>
      <c r="I8270" s="361" t="s">
        <v>14395</v>
      </c>
      <c r="J8270" s="366"/>
      <c r="K8270" s="366"/>
      <c r="L8270" s="366"/>
    </row>
    <row r="8271" spans="2:12">
      <c r="B8271" s="358" t="s">
        <v>18366</v>
      </c>
      <c r="C8271" s="358" t="s">
        <v>30125</v>
      </c>
      <c r="D8271" s="358" t="s">
        <v>18367</v>
      </c>
      <c r="E8271" s="358" t="s">
        <v>18368</v>
      </c>
      <c r="F8271" s="358" t="s">
        <v>14386</v>
      </c>
      <c r="G8271" s="358" t="s">
        <v>14387</v>
      </c>
      <c r="H8271" s="358" t="s">
        <v>14367</v>
      </c>
      <c r="I8271" s="358" t="s">
        <v>14387</v>
      </c>
      <c r="J8271" s="358"/>
      <c r="K8271" s="358"/>
      <c r="L8271" s="358"/>
    </row>
    <row r="8272" spans="2:12">
      <c r="B8272" s="367"/>
      <c r="C8272" s="367"/>
      <c r="D8272" s="367"/>
      <c r="E8272" s="367"/>
      <c r="F8272" s="367"/>
      <c r="G8272" s="367"/>
      <c r="H8272" s="360"/>
      <c r="I8272" s="367"/>
      <c r="J8272" s="365"/>
      <c r="K8272" s="365"/>
      <c r="L8272" s="365"/>
    </row>
    <row r="8273" spans="2:12">
      <c r="B8273" s="368"/>
      <c r="C8273" s="368"/>
      <c r="D8273" s="368"/>
      <c r="E8273" s="368"/>
      <c r="F8273" s="368"/>
      <c r="G8273" s="368"/>
      <c r="H8273" s="361" t="s">
        <v>14422</v>
      </c>
      <c r="I8273" s="368"/>
      <c r="J8273" s="366"/>
      <c r="K8273" s="366"/>
      <c r="L8273" s="366"/>
    </row>
    <row r="8274" spans="2:12" ht="42.75">
      <c r="B8274" s="358" t="s">
        <v>18369</v>
      </c>
      <c r="C8274" s="358" t="s">
        <v>30126</v>
      </c>
      <c r="D8274" s="358" t="s">
        <v>18370</v>
      </c>
      <c r="E8274" s="358" t="s">
        <v>18371</v>
      </c>
      <c r="F8274" s="358" t="s">
        <v>28938</v>
      </c>
      <c r="G8274" s="358" t="s">
        <v>14421</v>
      </c>
      <c r="H8274" s="358" t="s">
        <v>14341</v>
      </c>
      <c r="I8274" s="358" t="s">
        <v>14421</v>
      </c>
      <c r="J8274" s="358"/>
      <c r="K8274" s="358" t="s">
        <v>28944</v>
      </c>
      <c r="L8274" s="358"/>
    </row>
    <row r="8275" spans="2:12">
      <c r="B8275" s="367"/>
      <c r="C8275" s="367"/>
      <c r="D8275" s="367"/>
      <c r="E8275" s="367"/>
      <c r="F8275" s="360"/>
      <c r="G8275" s="360"/>
      <c r="H8275" s="360"/>
      <c r="I8275" s="360"/>
      <c r="J8275" s="365"/>
      <c r="K8275" s="367"/>
      <c r="L8275" s="365"/>
    </row>
    <row r="8276" spans="2:12">
      <c r="B8276" s="367"/>
      <c r="C8276" s="367"/>
      <c r="D8276" s="367"/>
      <c r="E8276" s="367"/>
      <c r="F8276" s="359" t="s">
        <v>14356</v>
      </c>
      <c r="G8276" s="359" t="s">
        <v>14429</v>
      </c>
      <c r="H8276" s="359" t="s">
        <v>14367</v>
      </c>
      <c r="I8276" s="359" t="s">
        <v>14429</v>
      </c>
      <c r="J8276" s="365"/>
      <c r="K8276" s="367"/>
      <c r="L8276" s="365"/>
    </row>
    <row r="8277" spans="2:12">
      <c r="B8277" s="367"/>
      <c r="C8277" s="367"/>
      <c r="D8277" s="367"/>
      <c r="E8277" s="367"/>
      <c r="F8277" s="360"/>
      <c r="G8277" s="360"/>
      <c r="H8277" s="360"/>
      <c r="I8277" s="360"/>
      <c r="J8277" s="365"/>
      <c r="K8277" s="367"/>
      <c r="L8277" s="365"/>
    </row>
    <row r="8278" spans="2:12">
      <c r="B8278" s="368"/>
      <c r="C8278" s="368"/>
      <c r="D8278" s="368"/>
      <c r="E8278" s="368"/>
      <c r="F8278" s="362"/>
      <c r="G8278" s="361" t="s">
        <v>14340</v>
      </c>
      <c r="H8278" s="361" t="s">
        <v>14332</v>
      </c>
      <c r="I8278" s="361" t="s">
        <v>14340</v>
      </c>
      <c r="J8278" s="366"/>
      <c r="K8278" s="368"/>
      <c r="L8278" s="366"/>
    </row>
    <row r="8279" spans="2:12">
      <c r="B8279" s="358" t="s">
        <v>18373</v>
      </c>
      <c r="C8279" s="358" t="s">
        <v>28977</v>
      </c>
      <c r="D8279" s="358" t="s">
        <v>18374</v>
      </c>
      <c r="E8279" s="358" t="s">
        <v>18375</v>
      </c>
      <c r="F8279" s="358" t="s">
        <v>14386</v>
      </c>
      <c r="G8279" s="358" t="s">
        <v>14387</v>
      </c>
      <c r="H8279" s="358" t="s">
        <v>14367</v>
      </c>
      <c r="I8279" s="358" t="s">
        <v>14387</v>
      </c>
      <c r="J8279" s="358"/>
      <c r="K8279" s="358"/>
      <c r="L8279" s="358"/>
    </row>
    <row r="8280" spans="2:12">
      <c r="B8280" s="367"/>
      <c r="C8280" s="367"/>
      <c r="D8280" s="367"/>
      <c r="E8280" s="367"/>
      <c r="F8280" s="367"/>
      <c r="G8280" s="367"/>
      <c r="H8280" s="360"/>
      <c r="I8280" s="367"/>
      <c r="J8280" s="365"/>
      <c r="K8280" s="365"/>
      <c r="L8280" s="365"/>
    </row>
    <row r="8281" spans="2:12">
      <c r="B8281" s="368"/>
      <c r="C8281" s="368"/>
      <c r="D8281" s="368"/>
      <c r="E8281" s="368"/>
      <c r="F8281" s="368"/>
      <c r="G8281" s="368"/>
      <c r="H8281" s="361" t="s">
        <v>14422</v>
      </c>
      <c r="I8281" s="368"/>
      <c r="J8281" s="366"/>
      <c r="K8281" s="366"/>
      <c r="L8281" s="366"/>
    </row>
    <row r="8282" spans="2:12">
      <c r="B8282" s="358" t="s">
        <v>18376</v>
      </c>
      <c r="C8282" s="358" t="s">
        <v>28978</v>
      </c>
      <c r="D8282" s="358" t="s">
        <v>18377</v>
      </c>
      <c r="E8282" s="358" t="s">
        <v>18378</v>
      </c>
      <c r="F8282" s="358" t="s">
        <v>14356</v>
      </c>
      <c r="G8282" s="358" t="s">
        <v>14340</v>
      </c>
      <c r="H8282" s="358" t="s">
        <v>14341</v>
      </c>
      <c r="I8282" s="358" t="s">
        <v>14340</v>
      </c>
      <c r="J8282" s="358"/>
      <c r="K8282" s="358"/>
      <c r="L8282" s="358"/>
    </row>
    <row r="8283" spans="2:12">
      <c r="B8283" s="367"/>
      <c r="C8283" s="367"/>
      <c r="D8283" s="367"/>
      <c r="E8283" s="367"/>
      <c r="F8283" s="367"/>
      <c r="G8283" s="367"/>
      <c r="H8283" s="360"/>
      <c r="I8283" s="367"/>
      <c r="J8283" s="365"/>
      <c r="K8283" s="365"/>
      <c r="L8283" s="365"/>
    </row>
    <row r="8284" spans="2:12">
      <c r="B8284" s="368"/>
      <c r="C8284" s="368"/>
      <c r="D8284" s="368"/>
      <c r="E8284" s="368"/>
      <c r="F8284" s="368"/>
      <c r="G8284" s="368"/>
      <c r="H8284" s="361" t="s">
        <v>14332</v>
      </c>
      <c r="I8284" s="368"/>
      <c r="J8284" s="366"/>
      <c r="K8284" s="366"/>
      <c r="L8284" s="366"/>
    </row>
    <row r="8285" spans="2:12">
      <c r="B8285" s="358" t="s">
        <v>18379</v>
      </c>
      <c r="C8285" s="358" t="s">
        <v>28979</v>
      </c>
      <c r="D8285" s="358" t="s">
        <v>18380</v>
      </c>
      <c r="E8285" s="358" t="s">
        <v>18381</v>
      </c>
      <c r="F8285" s="358" t="s">
        <v>14386</v>
      </c>
      <c r="G8285" s="358" t="s">
        <v>14387</v>
      </c>
      <c r="H8285" s="358" t="s">
        <v>14367</v>
      </c>
      <c r="I8285" s="358" t="s">
        <v>14387</v>
      </c>
      <c r="J8285" s="358"/>
      <c r="K8285" s="358"/>
      <c r="L8285" s="358"/>
    </row>
    <row r="8286" spans="2:12">
      <c r="B8286" s="367"/>
      <c r="C8286" s="367"/>
      <c r="D8286" s="367"/>
      <c r="E8286" s="367"/>
      <c r="F8286" s="367"/>
      <c r="G8286" s="367"/>
      <c r="H8286" s="360"/>
      <c r="I8286" s="367"/>
      <c r="J8286" s="365"/>
      <c r="K8286" s="365"/>
      <c r="L8286" s="365"/>
    </row>
    <row r="8287" spans="2:12">
      <c r="B8287" s="368"/>
      <c r="C8287" s="368"/>
      <c r="D8287" s="368"/>
      <c r="E8287" s="368"/>
      <c r="F8287" s="368"/>
      <c r="G8287" s="368"/>
      <c r="H8287" s="361" t="s">
        <v>14422</v>
      </c>
      <c r="I8287" s="368"/>
      <c r="J8287" s="366"/>
      <c r="K8287" s="366"/>
      <c r="L8287" s="366"/>
    </row>
    <row r="8288" spans="2:12">
      <c r="B8288" s="358" t="s">
        <v>10360</v>
      </c>
      <c r="C8288" s="358" t="s">
        <v>28980</v>
      </c>
      <c r="D8288" s="358" t="s">
        <v>10361</v>
      </c>
      <c r="E8288" s="358" t="s">
        <v>6550</v>
      </c>
      <c r="F8288" s="358" t="s">
        <v>14376</v>
      </c>
      <c r="G8288" s="358" t="s">
        <v>14669</v>
      </c>
      <c r="H8288" s="358" t="s">
        <v>14381</v>
      </c>
      <c r="I8288" s="358" t="s">
        <v>14669</v>
      </c>
      <c r="J8288" s="358"/>
      <c r="K8288" s="358"/>
      <c r="L8288" s="358"/>
    </row>
    <row r="8289" spans="2:12">
      <c r="B8289" s="367"/>
      <c r="C8289" s="367"/>
      <c r="D8289" s="367"/>
      <c r="E8289" s="367"/>
      <c r="F8289" s="360"/>
      <c r="G8289" s="360"/>
      <c r="H8289" s="360"/>
      <c r="I8289" s="360"/>
      <c r="J8289" s="365"/>
      <c r="K8289" s="365"/>
      <c r="L8289" s="365"/>
    </row>
    <row r="8290" spans="2:12">
      <c r="B8290" s="367"/>
      <c r="C8290" s="367"/>
      <c r="D8290" s="367"/>
      <c r="E8290" s="367"/>
      <c r="F8290" s="359" t="s">
        <v>14420</v>
      </c>
      <c r="G8290" s="359" t="s">
        <v>14421</v>
      </c>
      <c r="H8290" s="359" t="s">
        <v>14367</v>
      </c>
      <c r="I8290" s="359" t="s">
        <v>14421</v>
      </c>
      <c r="J8290" s="365"/>
      <c r="K8290" s="365"/>
      <c r="L8290" s="365"/>
    </row>
    <row r="8291" spans="2:12">
      <c r="B8291" s="367"/>
      <c r="C8291" s="367"/>
      <c r="D8291" s="367"/>
      <c r="E8291" s="367"/>
      <c r="F8291" s="360"/>
      <c r="G8291" s="360"/>
      <c r="H8291" s="360"/>
      <c r="I8291" s="360"/>
      <c r="J8291" s="365"/>
      <c r="K8291" s="365"/>
      <c r="L8291" s="365"/>
    </row>
    <row r="8292" spans="2:12">
      <c r="B8292" s="368"/>
      <c r="C8292" s="368"/>
      <c r="D8292" s="368"/>
      <c r="E8292" s="368"/>
      <c r="F8292" s="361" t="s">
        <v>14386</v>
      </c>
      <c r="G8292" s="361" t="s">
        <v>14387</v>
      </c>
      <c r="H8292" s="361" t="s">
        <v>14332</v>
      </c>
      <c r="I8292" s="361" t="s">
        <v>14387</v>
      </c>
      <c r="J8292" s="366"/>
      <c r="K8292" s="366"/>
      <c r="L8292" s="366"/>
    </row>
    <row r="8293" spans="2:12" ht="42.75">
      <c r="B8293" s="358" t="s">
        <v>18382</v>
      </c>
      <c r="C8293" s="358" t="s">
        <v>28981</v>
      </c>
      <c r="D8293" s="358" t="s">
        <v>18383</v>
      </c>
      <c r="E8293" s="358" t="s">
        <v>1670</v>
      </c>
      <c r="F8293" s="358" t="s">
        <v>28931</v>
      </c>
      <c r="G8293" s="358" t="s">
        <v>14421</v>
      </c>
      <c r="H8293" s="358" t="s">
        <v>14341</v>
      </c>
      <c r="I8293" s="358" t="s">
        <v>14421</v>
      </c>
      <c r="J8293" s="358"/>
      <c r="K8293" s="358" t="s">
        <v>14820</v>
      </c>
      <c r="L8293" s="358"/>
    </row>
    <row r="8294" spans="2:12">
      <c r="B8294" s="367"/>
      <c r="C8294" s="367"/>
      <c r="D8294" s="367"/>
      <c r="E8294" s="367"/>
      <c r="F8294" s="360"/>
      <c r="G8294" s="360"/>
      <c r="H8294" s="360"/>
      <c r="I8294" s="360"/>
      <c r="J8294" s="365"/>
      <c r="K8294" s="367"/>
      <c r="L8294" s="365"/>
    </row>
    <row r="8295" spans="2:12">
      <c r="B8295" s="367"/>
      <c r="C8295" s="367"/>
      <c r="D8295" s="367"/>
      <c r="E8295" s="367"/>
      <c r="F8295" s="359" t="s">
        <v>14389</v>
      </c>
      <c r="G8295" s="359" t="s">
        <v>14429</v>
      </c>
      <c r="H8295" s="359" t="s">
        <v>14367</v>
      </c>
      <c r="I8295" s="359" t="s">
        <v>14429</v>
      </c>
      <c r="J8295" s="365"/>
      <c r="K8295" s="367"/>
      <c r="L8295" s="365"/>
    </row>
    <row r="8296" spans="2:12">
      <c r="B8296" s="367"/>
      <c r="C8296" s="367"/>
      <c r="D8296" s="367"/>
      <c r="E8296" s="367"/>
      <c r="F8296" s="360"/>
      <c r="G8296" s="360"/>
      <c r="H8296" s="360"/>
      <c r="I8296" s="360"/>
      <c r="J8296" s="365"/>
      <c r="K8296" s="367"/>
      <c r="L8296" s="365"/>
    </row>
    <row r="8297" spans="2:12">
      <c r="B8297" s="367"/>
      <c r="C8297" s="367"/>
      <c r="D8297" s="367"/>
      <c r="E8297" s="367"/>
      <c r="F8297" s="359" t="s">
        <v>14430</v>
      </c>
      <c r="G8297" s="359" t="s">
        <v>14388</v>
      </c>
      <c r="H8297" s="359" t="s">
        <v>14370</v>
      </c>
      <c r="I8297" s="359" t="s">
        <v>14388</v>
      </c>
      <c r="J8297" s="365"/>
      <c r="K8297" s="367"/>
      <c r="L8297" s="365"/>
    </row>
    <row r="8298" spans="2:12">
      <c r="B8298" s="367"/>
      <c r="C8298" s="367"/>
      <c r="D8298" s="367"/>
      <c r="E8298" s="367"/>
      <c r="F8298" s="360"/>
      <c r="G8298" s="360"/>
      <c r="H8298" s="360"/>
      <c r="I8298" s="360"/>
      <c r="J8298" s="365"/>
      <c r="K8298" s="367"/>
      <c r="L8298" s="365"/>
    </row>
    <row r="8299" spans="2:12">
      <c r="B8299" s="367"/>
      <c r="C8299" s="367"/>
      <c r="D8299" s="367"/>
      <c r="E8299" s="367"/>
      <c r="F8299" s="359" t="s">
        <v>14371</v>
      </c>
      <c r="G8299" s="359" t="s">
        <v>14390</v>
      </c>
      <c r="H8299" s="359" t="s">
        <v>14332</v>
      </c>
      <c r="I8299" s="359" t="s">
        <v>14390</v>
      </c>
      <c r="J8299" s="365"/>
      <c r="K8299" s="367"/>
      <c r="L8299" s="365"/>
    </row>
    <row r="8300" spans="2:12">
      <c r="B8300" s="367"/>
      <c r="C8300" s="367"/>
      <c r="D8300" s="367"/>
      <c r="E8300" s="367"/>
      <c r="F8300" s="360"/>
      <c r="G8300" s="360"/>
      <c r="H8300" s="360"/>
      <c r="I8300" s="360"/>
      <c r="J8300" s="365"/>
      <c r="K8300" s="367"/>
      <c r="L8300" s="365"/>
    </row>
    <row r="8301" spans="2:12">
      <c r="B8301" s="367"/>
      <c r="C8301" s="367"/>
      <c r="D8301" s="367"/>
      <c r="E8301" s="367"/>
      <c r="F8301" s="360"/>
      <c r="G8301" s="359" t="s">
        <v>14431</v>
      </c>
      <c r="H8301" s="360"/>
      <c r="I8301" s="359" t="s">
        <v>14431</v>
      </c>
      <c r="J8301" s="365"/>
      <c r="K8301" s="367"/>
      <c r="L8301" s="365"/>
    </row>
    <row r="8302" spans="2:12">
      <c r="B8302" s="367"/>
      <c r="C8302" s="367"/>
      <c r="D8302" s="367"/>
      <c r="E8302" s="367"/>
      <c r="F8302" s="360"/>
      <c r="G8302" s="360"/>
      <c r="H8302" s="360"/>
      <c r="I8302" s="360"/>
      <c r="J8302" s="365"/>
      <c r="K8302" s="367"/>
      <c r="L8302" s="365"/>
    </row>
    <row r="8303" spans="2:12">
      <c r="B8303" s="368"/>
      <c r="C8303" s="368"/>
      <c r="D8303" s="368"/>
      <c r="E8303" s="368"/>
      <c r="F8303" s="362"/>
      <c r="G8303" s="361" t="s">
        <v>14372</v>
      </c>
      <c r="H8303" s="362"/>
      <c r="I8303" s="361" t="s">
        <v>14372</v>
      </c>
      <c r="J8303" s="366"/>
      <c r="K8303" s="368"/>
      <c r="L8303" s="366"/>
    </row>
    <row r="8304" spans="2:12" ht="28.5">
      <c r="B8304" s="358" t="s">
        <v>18384</v>
      </c>
      <c r="C8304" s="358" t="s">
        <v>28982</v>
      </c>
      <c r="D8304" s="358" t="s">
        <v>18385</v>
      </c>
      <c r="E8304" s="358" t="s">
        <v>18386</v>
      </c>
      <c r="F8304" s="358" t="s">
        <v>14420</v>
      </c>
      <c r="G8304" s="358" t="s">
        <v>14421</v>
      </c>
      <c r="H8304" s="358" t="s">
        <v>14367</v>
      </c>
      <c r="I8304" s="358" t="s">
        <v>14421</v>
      </c>
      <c r="J8304" s="358"/>
      <c r="K8304" s="358"/>
      <c r="L8304" s="358"/>
    </row>
    <row r="8305" spans="2:12">
      <c r="B8305" s="367"/>
      <c r="C8305" s="367"/>
      <c r="D8305" s="367"/>
      <c r="E8305" s="367"/>
      <c r="F8305" s="367"/>
      <c r="G8305" s="367"/>
      <c r="H8305" s="360"/>
      <c r="I8305" s="367"/>
      <c r="J8305" s="365"/>
      <c r="K8305" s="365"/>
      <c r="L8305" s="365"/>
    </row>
    <row r="8306" spans="2:12">
      <c r="B8306" s="368"/>
      <c r="C8306" s="368"/>
      <c r="D8306" s="368"/>
      <c r="E8306" s="368"/>
      <c r="F8306" s="368"/>
      <c r="G8306" s="368"/>
      <c r="H8306" s="361" t="s">
        <v>14422</v>
      </c>
      <c r="I8306" s="368"/>
      <c r="J8306" s="366"/>
      <c r="K8306" s="366"/>
      <c r="L8306" s="366"/>
    </row>
    <row r="8307" spans="2:12">
      <c r="B8307" s="358" t="s">
        <v>18387</v>
      </c>
      <c r="C8307" s="358" t="s">
        <v>28983</v>
      </c>
      <c r="D8307" s="358" t="s">
        <v>18388</v>
      </c>
      <c r="E8307" s="358" t="s">
        <v>18389</v>
      </c>
      <c r="F8307" s="358" t="s">
        <v>14430</v>
      </c>
      <c r="G8307" s="358" t="s">
        <v>14431</v>
      </c>
      <c r="H8307" s="358" t="s">
        <v>14341</v>
      </c>
      <c r="I8307" s="358" t="s">
        <v>14431</v>
      </c>
      <c r="J8307" s="358"/>
      <c r="K8307" s="358"/>
      <c r="L8307" s="358"/>
    </row>
    <row r="8308" spans="2:12">
      <c r="B8308" s="367"/>
      <c r="C8308" s="367"/>
      <c r="D8308" s="367"/>
      <c r="E8308" s="367"/>
      <c r="F8308" s="367"/>
      <c r="G8308" s="367"/>
      <c r="H8308" s="360"/>
      <c r="I8308" s="367"/>
      <c r="J8308" s="365"/>
      <c r="K8308" s="365"/>
      <c r="L8308" s="365"/>
    </row>
    <row r="8309" spans="2:12">
      <c r="B8309" s="368"/>
      <c r="C8309" s="368"/>
      <c r="D8309" s="368"/>
      <c r="E8309" s="368"/>
      <c r="F8309" s="368"/>
      <c r="G8309" s="368"/>
      <c r="H8309" s="361" t="s">
        <v>14332</v>
      </c>
      <c r="I8309" s="368"/>
      <c r="J8309" s="366"/>
      <c r="K8309" s="366"/>
      <c r="L8309" s="366"/>
    </row>
    <row r="8310" spans="2:12">
      <c r="B8310" s="358" t="s">
        <v>18390</v>
      </c>
      <c r="C8310" s="358" t="s">
        <v>28984</v>
      </c>
      <c r="D8310" s="358" t="s">
        <v>18391</v>
      </c>
      <c r="E8310" s="358" t="s">
        <v>18392</v>
      </c>
      <c r="F8310" s="358" t="s">
        <v>14430</v>
      </c>
      <c r="G8310" s="358" t="s">
        <v>14431</v>
      </c>
      <c r="H8310" s="358" t="s">
        <v>14341</v>
      </c>
      <c r="I8310" s="358" t="s">
        <v>14431</v>
      </c>
      <c r="J8310" s="358"/>
      <c r="K8310" s="358"/>
      <c r="L8310" s="358"/>
    </row>
    <row r="8311" spans="2:12">
      <c r="B8311" s="367"/>
      <c r="C8311" s="367"/>
      <c r="D8311" s="367"/>
      <c r="E8311" s="367"/>
      <c r="F8311" s="367"/>
      <c r="G8311" s="367"/>
      <c r="H8311" s="360"/>
      <c r="I8311" s="367"/>
      <c r="J8311" s="365"/>
      <c r="K8311" s="365"/>
      <c r="L8311" s="365"/>
    </row>
    <row r="8312" spans="2:12">
      <c r="B8312" s="368"/>
      <c r="C8312" s="368"/>
      <c r="D8312" s="368"/>
      <c r="E8312" s="368"/>
      <c r="F8312" s="368"/>
      <c r="G8312" s="368"/>
      <c r="H8312" s="361" t="s">
        <v>14332</v>
      </c>
      <c r="I8312" s="368"/>
      <c r="J8312" s="366"/>
      <c r="K8312" s="366"/>
      <c r="L8312" s="366"/>
    </row>
    <row r="8313" spans="2:12">
      <c r="B8313" s="358" t="s">
        <v>18393</v>
      </c>
      <c r="C8313" s="358" t="s">
        <v>18394</v>
      </c>
      <c r="D8313" s="358" t="s">
        <v>18395</v>
      </c>
      <c r="E8313" s="358" t="s">
        <v>8356</v>
      </c>
      <c r="F8313" s="358" t="s">
        <v>14339</v>
      </c>
      <c r="G8313" s="358" t="s">
        <v>14340</v>
      </c>
      <c r="H8313" s="358" t="s">
        <v>14341</v>
      </c>
      <c r="I8313" s="358" t="s">
        <v>14340</v>
      </c>
      <c r="J8313" s="358"/>
      <c r="K8313" s="358"/>
      <c r="L8313" s="358"/>
    </row>
    <row r="8314" spans="2:12">
      <c r="B8314" s="367"/>
      <c r="C8314" s="367"/>
      <c r="D8314" s="367"/>
      <c r="E8314" s="367"/>
      <c r="F8314" s="360"/>
      <c r="G8314" s="360"/>
      <c r="H8314" s="360"/>
      <c r="I8314" s="360"/>
      <c r="J8314" s="365"/>
      <c r="K8314" s="365"/>
      <c r="L8314" s="365"/>
    </row>
    <row r="8315" spans="2:12">
      <c r="B8315" s="367"/>
      <c r="C8315" s="367"/>
      <c r="D8315" s="367"/>
      <c r="E8315" s="367"/>
      <c r="F8315" s="359" t="s">
        <v>14420</v>
      </c>
      <c r="G8315" s="359" t="s">
        <v>14429</v>
      </c>
      <c r="H8315" s="359" t="s">
        <v>14367</v>
      </c>
      <c r="I8315" s="359" t="s">
        <v>14429</v>
      </c>
      <c r="J8315" s="365"/>
      <c r="K8315" s="365"/>
      <c r="L8315" s="365"/>
    </row>
    <row r="8316" spans="2:12">
      <c r="B8316" s="367"/>
      <c r="C8316" s="367"/>
      <c r="D8316" s="367"/>
      <c r="E8316" s="367"/>
      <c r="F8316" s="360"/>
      <c r="G8316" s="360"/>
      <c r="H8316" s="360"/>
      <c r="I8316" s="360"/>
      <c r="J8316" s="365"/>
      <c r="K8316" s="365"/>
      <c r="L8316" s="365"/>
    </row>
    <row r="8317" spans="2:12">
      <c r="B8317" s="368"/>
      <c r="C8317" s="368"/>
      <c r="D8317" s="368"/>
      <c r="E8317" s="368"/>
      <c r="F8317" s="362"/>
      <c r="G8317" s="362"/>
      <c r="H8317" s="361" t="s">
        <v>14332</v>
      </c>
      <c r="I8317" s="362"/>
      <c r="J8317" s="366"/>
      <c r="K8317" s="366"/>
      <c r="L8317" s="366"/>
    </row>
    <row r="8318" spans="2:12">
      <c r="B8318" s="358" t="s">
        <v>18396</v>
      </c>
      <c r="C8318" s="358" t="s">
        <v>18397</v>
      </c>
      <c r="D8318" s="358" t="s">
        <v>18398</v>
      </c>
      <c r="E8318" s="358" t="s">
        <v>18399</v>
      </c>
      <c r="F8318" s="358" t="s">
        <v>14420</v>
      </c>
      <c r="G8318" s="358" t="s">
        <v>14429</v>
      </c>
      <c r="H8318" s="358" t="s">
        <v>14367</v>
      </c>
      <c r="I8318" s="358" t="s">
        <v>14429</v>
      </c>
      <c r="J8318" s="358"/>
      <c r="K8318" s="358"/>
      <c r="L8318" s="358"/>
    </row>
    <row r="8319" spans="2:12">
      <c r="B8319" s="367"/>
      <c r="C8319" s="367"/>
      <c r="D8319" s="367"/>
      <c r="E8319" s="367"/>
      <c r="F8319" s="360"/>
      <c r="G8319" s="360"/>
      <c r="H8319" s="360"/>
      <c r="I8319" s="360"/>
      <c r="J8319" s="365"/>
      <c r="K8319" s="365"/>
      <c r="L8319" s="365"/>
    </row>
    <row r="8320" spans="2:12" ht="28.5">
      <c r="B8320" s="368"/>
      <c r="C8320" s="368"/>
      <c r="D8320" s="368"/>
      <c r="E8320" s="368"/>
      <c r="F8320" s="361" t="s">
        <v>14472</v>
      </c>
      <c r="G8320" s="361" t="s">
        <v>14473</v>
      </c>
      <c r="H8320" s="361" t="s">
        <v>14422</v>
      </c>
      <c r="I8320" s="361" t="s">
        <v>14473</v>
      </c>
      <c r="J8320" s="366"/>
      <c r="K8320" s="366"/>
      <c r="L8320" s="366"/>
    </row>
    <row r="8321" spans="2:12" ht="28.5">
      <c r="B8321" s="358" t="s">
        <v>18400</v>
      </c>
      <c r="C8321" s="358" t="s">
        <v>27560</v>
      </c>
      <c r="D8321" s="358" t="s">
        <v>18401</v>
      </c>
      <c r="E8321" s="358" t="s">
        <v>18402</v>
      </c>
      <c r="F8321" s="358" t="s">
        <v>14420</v>
      </c>
      <c r="G8321" s="358" t="s">
        <v>14429</v>
      </c>
      <c r="H8321" s="358" t="s">
        <v>14341</v>
      </c>
      <c r="I8321" s="358" t="s">
        <v>14429</v>
      </c>
      <c r="J8321" s="358"/>
      <c r="K8321" s="358"/>
      <c r="L8321" s="358"/>
    </row>
    <row r="8322" spans="2:12">
      <c r="B8322" s="367"/>
      <c r="C8322" s="367"/>
      <c r="D8322" s="367"/>
      <c r="E8322" s="367"/>
      <c r="F8322" s="360"/>
      <c r="G8322" s="360"/>
      <c r="H8322" s="360"/>
      <c r="I8322" s="360"/>
      <c r="J8322" s="365"/>
      <c r="K8322" s="365"/>
      <c r="L8322" s="365"/>
    </row>
    <row r="8323" spans="2:12">
      <c r="B8323" s="367"/>
      <c r="C8323" s="367"/>
      <c r="D8323" s="367"/>
      <c r="E8323" s="367"/>
      <c r="F8323" s="359" t="s">
        <v>14430</v>
      </c>
      <c r="G8323" s="359" t="s">
        <v>14431</v>
      </c>
      <c r="H8323" s="359" t="s">
        <v>14367</v>
      </c>
      <c r="I8323" s="359" t="s">
        <v>14431</v>
      </c>
      <c r="J8323" s="365"/>
      <c r="K8323" s="365"/>
      <c r="L8323" s="365"/>
    </row>
    <row r="8324" spans="2:12">
      <c r="B8324" s="367"/>
      <c r="C8324" s="367"/>
      <c r="D8324" s="367"/>
      <c r="E8324" s="367"/>
      <c r="F8324" s="360"/>
      <c r="G8324" s="360"/>
      <c r="H8324" s="360"/>
      <c r="I8324" s="360"/>
      <c r="J8324" s="365"/>
      <c r="K8324" s="365"/>
      <c r="L8324" s="365"/>
    </row>
    <row r="8325" spans="2:12">
      <c r="B8325" s="368"/>
      <c r="C8325" s="368"/>
      <c r="D8325" s="368"/>
      <c r="E8325" s="368"/>
      <c r="F8325" s="362"/>
      <c r="G8325" s="362"/>
      <c r="H8325" s="361" t="s">
        <v>14332</v>
      </c>
      <c r="I8325" s="362"/>
      <c r="J8325" s="366"/>
      <c r="K8325" s="366"/>
      <c r="L8325" s="366"/>
    </row>
    <row r="8326" spans="2:12">
      <c r="B8326" s="358" t="s">
        <v>18403</v>
      </c>
      <c r="C8326" s="358" t="s">
        <v>18404</v>
      </c>
      <c r="D8326" s="358" t="s">
        <v>18405</v>
      </c>
      <c r="E8326" s="358" t="s">
        <v>18406</v>
      </c>
      <c r="F8326" s="358" t="s">
        <v>14391</v>
      </c>
      <c r="G8326" s="358" t="s">
        <v>14392</v>
      </c>
      <c r="H8326" s="358" t="s">
        <v>14367</v>
      </c>
      <c r="I8326" s="358" t="s">
        <v>14392</v>
      </c>
      <c r="J8326" s="358"/>
      <c r="K8326" s="358"/>
      <c r="L8326" s="358"/>
    </row>
    <row r="8327" spans="2:12">
      <c r="B8327" s="367"/>
      <c r="C8327" s="367"/>
      <c r="D8327" s="367"/>
      <c r="E8327" s="367"/>
      <c r="F8327" s="360"/>
      <c r="G8327" s="360"/>
      <c r="H8327" s="360"/>
      <c r="I8327" s="360"/>
      <c r="J8327" s="365"/>
      <c r="K8327" s="365"/>
      <c r="L8327" s="365"/>
    </row>
    <row r="8328" spans="2:12" ht="28.5">
      <c r="B8328" s="367"/>
      <c r="C8328" s="367"/>
      <c r="D8328" s="367"/>
      <c r="E8328" s="367"/>
      <c r="F8328" s="359" t="s">
        <v>14394</v>
      </c>
      <c r="G8328" s="359" t="s">
        <v>14395</v>
      </c>
      <c r="H8328" s="359" t="s">
        <v>14370</v>
      </c>
      <c r="I8328" s="359" t="s">
        <v>14395</v>
      </c>
      <c r="J8328" s="365"/>
      <c r="K8328" s="365"/>
      <c r="L8328" s="365"/>
    </row>
    <row r="8329" spans="2:12">
      <c r="B8329" s="367"/>
      <c r="C8329" s="367"/>
      <c r="D8329" s="367"/>
      <c r="E8329" s="367"/>
      <c r="F8329" s="360"/>
      <c r="G8329" s="360"/>
      <c r="H8329" s="360"/>
      <c r="I8329" s="360"/>
      <c r="J8329" s="365"/>
      <c r="K8329" s="365"/>
      <c r="L8329" s="365"/>
    </row>
    <row r="8330" spans="2:12">
      <c r="B8330" s="368"/>
      <c r="C8330" s="368"/>
      <c r="D8330" s="368"/>
      <c r="E8330" s="368"/>
      <c r="F8330" s="362"/>
      <c r="G8330" s="362"/>
      <c r="H8330" s="361" t="s">
        <v>14422</v>
      </c>
      <c r="I8330" s="362"/>
      <c r="J8330" s="366"/>
      <c r="K8330" s="366"/>
      <c r="L8330" s="366"/>
    </row>
    <row r="8331" spans="2:12" ht="42.75">
      <c r="B8331" s="358" t="s">
        <v>18407</v>
      </c>
      <c r="C8331" s="358" t="s">
        <v>28985</v>
      </c>
      <c r="D8331" s="358" t="s">
        <v>18408</v>
      </c>
      <c r="E8331" s="358" t="s">
        <v>18409</v>
      </c>
      <c r="F8331" s="358" t="s">
        <v>14420</v>
      </c>
      <c r="G8331" s="358" t="s">
        <v>14459</v>
      </c>
      <c r="H8331" s="358" t="s">
        <v>14367</v>
      </c>
      <c r="I8331" s="358" t="s">
        <v>14459</v>
      </c>
      <c r="J8331" s="358"/>
      <c r="K8331" s="358"/>
      <c r="L8331" s="358"/>
    </row>
    <row r="8332" spans="2:12">
      <c r="B8332" s="367"/>
      <c r="C8332" s="367"/>
      <c r="D8332" s="367"/>
      <c r="E8332" s="367"/>
      <c r="F8332" s="360"/>
      <c r="G8332" s="360"/>
      <c r="H8332" s="360"/>
      <c r="I8332" s="360"/>
      <c r="J8332" s="365"/>
      <c r="K8332" s="365"/>
      <c r="L8332" s="365"/>
    </row>
    <row r="8333" spans="2:12" ht="28.5">
      <c r="B8333" s="367"/>
      <c r="C8333" s="367"/>
      <c r="D8333" s="367"/>
      <c r="E8333" s="367"/>
      <c r="F8333" s="359" t="s">
        <v>14394</v>
      </c>
      <c r="G8333" s="359" t="s">
        <v>14395</v>
      </c>
      <c r="H8333" s="359" t="s">
        <v>14370</v>
      </c>
      <c r="I8333" s="359" t="s">
        <v>14395</v>
      </c>
      <c r="J8333" s="365"/>
      <c r="K8333" s="365"/>
      <c r="L8333" s="365"/>
    </row>
    <row r="8334" spans="2:12">
      <c r="B8334" s="367"/>
      <c r="C8334" s="367"/>
      <c r="D8334" s="367"/>
      <c r="E8334" s="367"/>
      <c r="F8334" s="360"/>
      <c r="G8334" s="360"/>
      <c r="H8334" s="360"/>
      <c r="I8334" s="360"/>
      <c r="J8334" s="365"/>
      <c r="K8334" s="365"/>
      <c r="L8334" s="365"/>
    </row>
    <row r="8335" spans="2:12">
      <c r="B8335" s="368"/>
      <c r="C8335" s="368"/>
      <c r="D8335" s="368"/>
      <c r="E8335" s="368"/>
      <c r="F8335" s="362"/>
      <c r="G8335" s="362"/>
      <c r="H8335" s="361" t="s">
        <v>14332</v>
      </c>
      <c r="I8335" s="362"/>
      <c r="J8335" s="366"/>
      <c r="K8335" s="366"/>
      <c r="L8335" s="366"/>
    </row>
    <row r="8336" spans="2:12">
      <c r="B8336" s="358" t="s">
        <v>18410</v>
      </c>
      <c r="C8336" s="358" t="s">
        <v>18411</v>
      </c>
      <c r="D8336" s="358" t="s">
        <v>18412</v>
      </c>
      <c r="E8336" s="358" t="s">
        <v>18413</v>
      </c>
      <c r="F8336" s="358" t="s">
        <v>14389</v>
      </c>
      <c r="G8336" s="358" t="s">
        <v>14390</v>
      </c>
      <c r="H8336" s="358" t="s">
        <v>14367</v>
      </c>
      <c r="I8336" s="358" t="s">
        <v>14390</v>
      </c>
      <c r="J8336" s="358"/>
      <c r="K8336" s="358"/>
      <c r="L8336" s="358"/>
    </row>
    <row r="8337" spans="2:12">
      <c r="B8337" s="367"/>
      <c r="C8337" s="367"/>
      <c r="D8337" s="367"/>
      <c r="E8337" s="367"/>
      <c r="F8337" s="360"/>
      <c r="G8337" s="360"/>
      <c r="H8337" s="360"/>
      <c r="I8337" s="360"/>
      <c r="J8337" s="365"/>
      <c r="K8337" s="365"/>
      <c r="L8337" s="365"/>
    </row>
    <row r="8338" spans="2:12">
      <c r="B8338" s="368"/>
      <c r="C8338" s="368"/>
      <c r="D8338" s="368"/>
      <c r="E8338" s="368"/>
      <c r="F8338" s="361" t="s">
        <v>14391</v>
      </c>
      <c r="G8338" s="361" t="s">
        <v>14392</v>
      </c>
      <c r="H8338" s="361" t="s">
        <v>14422</v>
      </c>
      <c r="I8338" s="361" t="s">
        <v>14392</v>
      </c>
      <c r="J8338" s="366"/>
      <c r="K8338" s="366"/>
      <c r="L8338" s="366"/>
    </row>
    <row r="8339" spans="2:12">
      <c r="B8339" s="358" t="s">
        <v>18414</v>
      </c>
      <c r="C8339" s="358" t="s">
        <v>28986</v>
      </c>
      <c r="D8339" s="358" t="s">
        <v>18415</v>
      </c>
      <c r="E8339" s="358" t="s">
        <v>18416</v>
      </c>
      <c r="F8339" s="358" t="s">
        <v>14420</v>
      </c>
      <c r="G8339" s="358" t="s">
        <v>14421</v>
      </c>
      <c r="H8339" s="358" t="s">
        <v>14367</v>
      </c>
      <c r="I8339" s="358" t="s">
        <v>14421</v>
      </c>
      <c r="J8339" s="358"/>
      <c r="K8339" s="358"/>
      <c r="L8339" s="358"/>
    </row>
    <row r="8340" spans="2:12">
      <c r="B8340" s="367"/>
      <c r="C8340" s="367"/>
      <c r="D8340" s="367"/>
      <c r="E8340" s="367"/>
      <c r="F8340" s="360"/>
      <c r="G8340" s="360"/>
      <c r="H8340" s="360"/>
      <c r="I8340" s="360"/>
      <c r="J8340" s="365"/>
      <c r="K8340" s="365"/>
      <c r="L8340" s="365"/>
    </row>
    <row r="8341" spans="2:12">
      <c r="B8341" s="368"/>
      <c r="C8341" s="368"/>
      <c r="D8341" s="368"/>
      <c r="E8341" s="368"/>
      <c r="F8341" s="361" t="s">
        <v>14386</v>
      </c>
      <c r="G8341" s="361" t="s">
        <v>14387</v>
      </c>
      <c r="H8341" s="361" t="s">
        <v>14422</v>
      </c>
      <c r="I8341" s="361" t="s">
        <v>14387</v>
      </c>
      <c r="J8341" s="366"/>
      <c r="K8341" s="366"/>
      <c r="L8341" s="366"/>
    </row>
    <row r="8342" spans="2:12" ht="28.5">
      <c r="B8342" s="358" t="s">
        <v>18417</v>
      </c>
      <c r="C8342" s="358" t="s">
        <v>28987</v>
      </c>
      <c r="D8342" s="358" t="s">
        <v>18418</v>
      </c>
      <c r="E8342" s="358" t="s">
        <v>18419</v>
      </c>
      <c r="F8342" s="358" t="s">
        <v>14386</v>
      </c>
      <c r="G8342" s="358" t="s">
        <v>14387</v>
      </c>
      <c r="H8342" s="358" t="s">
        <v>14367</v>
      </c>
      <c r="I8342" s="358" t="s">
        <v>14387</v>
      </c>
      <c r="J8342" s="358"/>
      <c r="K8342" s="358"/>
      <c r="L8342" s="358"/>
    </row>
    <row r="8343" spans="2:12">
      <c r="B8343" s="367"/>
      <c r="C8343" s="367"/>
      <c r="D8343" s="367"/>
      <c r="E8343" s="367"/>
      <c r="F8343" s="367"/>
      <c r="G8343" s="367"/>
      <c r="H8343" s="360"/>
      <c r="I8343" s="367"/>
      <c r="J8343" s="365"/>
      <c r="K8343" s="365"/>
      <c r="L8343" s="365"/>
    </row>
    <row r="8344" spans="2:12">
      <c r="B8344" s="368"/>
      <c r="C8344" s="368"/>
      <c r="D8344" s="368"/>
      <c r="E8344" s="368"/>
      <c r="F8344" s="368"/>
      <c r="G8344" s="368"/>
      <c r="H8344" s="361" t="s">
        <v>14422</v>
      </c>
      <c r="I8344" s="368"/>
      <c r="J8344" s="366"/>
      <c r="K8344" s="366"/>
      <c r="L8344" s="366"/>
    </row>
    <row r="8345" spans="2:12">
      <c r="B8345" s="358" t="s">
        <v>18420</v>
      </c>
      <c r="C8345" s="358" t="s">
        <v>28988</v>
      </c>
      <c r="D8345" s="358" t="s">
        <v>18421</v>
      </c>
      <c r="E8345" s="358" t="s">
        <v>18422</v>
      </c>
      <c r="F8345" s="358" t="s">
        <v>14386</v>
      </c>
      <c r="G8345" s="358" t="s">
        <v>14387</v>
      </c>
      <c r="H8345" s="358" t="s">
        <v>14367</v>
      </c>
      <c r="I8345" s="358" t="s">
        <v>14387</v>
      </c>
      <c r="J8345" s="358"/>
      <c r="K8345" s="358"/>
      <c r="L8345" s="358"/>
    </row>
    <row r="8346" spans="2:12">
      <c r="B8346" s="367"/>
      <c r="C8346" s="367"/>
      <c r="D8346" s="367"/>
      <c r="E8346" s="367"/>
      <c r="F8346" s="367"/>
      <c r="G8346" s="367"/>
      <c r="H8346" s="360"/>
      <c r="I8346" s="367"/>
      <c r="J8346" s="365"/>
      <c r="K8346" s="365"/>
      <c r="L8346" s="365"/>
    </row>
    <row r="8347" spans="2:12">
      <c r="B8347" s="368"/>
      <c r="C8347" s="368"/>
      <c r="D8347" s="368"/>
      <c r="E8347" s="368"/>
      <c r="F8347" s="368"/>
      <c r="G8347" s="368"/>
      <c r="H8347" s="361" t="s">
        <v>14422</v>
      </c>
      <c r="I8347" s="368"/>
      <c r="J8347" s="366"/>
      <c r="K8347" s="366"/>
      <c r="L8347" s="366"/>
    </row>
    <row r="8348" spans="2:12">
      <c r="B8348" s="358" t="s">
        <v>18423</v>
      </c>
      <c r="C8348" s="358" t="s">
        <v>18424</v>
      </c>
      <c r="D8348" s="358" t="s">
        <v>18425</v>
      </c>
      <c r="E8348" s="358" t="s">
        <v>1606</v>
      </c>
      <c r="F8348" s="358" t="s">
        <v>14420</v>
      </c>
      <c r="G8348" s="358" t="s">
        <v>14429</v>
      </c>
      <c r="H8348" s="358" t="s">
        <v>14367</v>
      </c>
      <c r="I8348" s="358" t="s">
        <v>14429</v>
      </c>
      <c r="J8348" s="358"/>
      <c r="K8348" s="358"/>
      <c r="L8348" s="358"/>
    </row>
    <row r="8349" spans="2:12">
      <c r="B8349" s="367"/>
      <c r="C8349" s="367"/>
      <c r="D8349" s="367"/>
      <c r="E8349" s="367"/>
      <c r="F8349" s="360"/>
      <c r="G8349" s="360"/>
      <c r="H8349" s="360"/>
      <c r="I8349" s="360"/>
      <c r="J8349" s="365"/>
      <c r="K8349" s="365"/>
      <c r="L8349" s="365"/>
    </row>
    <row r="8350" spans="2:12">
      <c r="B8350" s="368"/>
      <c r="C8350" s="368"/>
      <c r="D8350" s="368"/>
      <c r="E8350" s="368"/>
      <c r="F8350" s="361" t="s">
        <v>14386</v>
      </c>
      <c r="G8350" s="361" t="s">
        <v>14387</v>
      </c>
      <c r="H8350" s="361" t="s">
        <v>14422</v>
      </c>
      <c r="I8350" s="361" t="s">
        <v>14387</v>
      </c>
      <c r="J8350" s="366"/>
      <c r="K8350" s="366"/>
      <c r="L8350" s="366"/>
    </row>
    <row r="8351" spans="2:12" ht="28.5">
      <c r="B8351" s="358" t="s">
        <v>18426</v>
      </c>
      <c r="C8351" s="358" t="s">
        <v>27561</v>
      </c>
      <c r="D8351" s="358" t="s">
        <v>18427</v>
      </c>
      <c r="E8351" s="358" t="s">
        <v>18428</v>
      </c>
      <c r="F8351" s="358" t="s">
        <v>14420</v>
      </c>
      <c r="G8351" s="358" t="s">
        <v>14429</v>
      </c>
      <c r="H8351" s="358" t="s">
        <v>14367</v>
      </c>
      <c r="I8351" s="358" t="s">
        <v>14429</v>
      </c>
      <c r="J8351" s="358"/>
      <c r="K8351" s="358"/>
      <c r="L8351" s="358"/>
    </row>
    <row r="8352" spans="2:12">
      <c r="B8352" s="367"/>
      <c r="C8352" s="367"/>
      <c r="D8352" s="367"/>
      <c r="E8352" s="367"/>
      <c r="F8352" s="360"/>
      <c r="G8352" s="360"/>
      <c r="H8352" s="360"/>
      <c r="I8352" s="360"/>
      <c r="J8352" s="365"/>
      <c r="K8352" s="365"/>
      <c r="L8352" s="365"/>
    </row>
    <row r="8353" spans="2:12" ht="28.5">
      <c r="B8353" s="368"/>
      <c r="C8353" s="368"/>
      <c r="D8353" s="368"/>
      <c r="E8353" s="368"/>
      <c r="F8353" s="361" t="s">
        <v>14472</v>
      </c>
      <c r="G8353" s="361" t="s">
        <v>14473</v>
      </c>
      <c r="H8353" s="361" t="s">
        <v>14422</v>
      </c>
      <c r="I8353" s="361" t="s">
        <v>14473</v>
      </c>
      <c r="J8353" s="366"/>
      <c r="K8353" s="366"/>
      <c r="L8353" s="366"/>
    </row>
    <row r="8354" spans="2:12">
      <c r="B8354" s="358" t="s">
        <v>18429</v>
      </c>
      <c r="C8354" s="358" t="s">
        <v>18430</v>
      </c>
      <c r="D8354" s="358" t="s">
        <v>18431</v>
      </c>
      <c r="E8354" s="358" t="s">
        <v>18432</v>
      </c>
      <c r="F8354" s="358" t="s">
        <v>14505</v>
      </c>
      <c r="G8354" s="358" t="s">
        <v>14506</v>
      </c>
      <c r="H8354" s="358" t="s">
        <v>14328</v>
      </c>
      <c r="I8354" s="358" t="s">
        <v>14506</v>
      </c>
      <c r="J8354" s="358" t="s">
        <v>17546</v>
      </c>
      <c r="K8354" s="358"/>
      <c r="L8354" s="358"/>
    </row>
    <row r="8355" spans="2:12">
      <c r="B8355" s="367"/>
      <c r="C8355" s="367"/>
      <c r="D8355" s="367"/>
      <c r="E8355" s="367"/>
      <c r="F8355" s="367"/>
      <c r="G8355" s="367"/>
      <c r="H8355" s="360"/>
      <c r="I8355" s="367"/>
      <c r="J8355" s="367"/>
      <c r="K8355" s="365"/>
      <c r="L8355" s="365"/>
    </row>
    <row r="8356" spans="2:12">
      <c r="B8356" s="368"/>
      <c r="C8356" s="368"/>
      <c r="D8356" s="368"/>
      <c r="E8356" s="368"/>
      <c r="F8356" s="368"/>
      <c r="G8356" s="368"/>
      <c r="H8356" s="361" t="s">
        <v>14332</v>
      </c>
      <c r="I8356" s="368"/>
      <c r="J8356" s="368"/>
      <c r="K8356" s="366"/>
      <c r="L8356" s="366"/>
    </row>
    <row r="8357" spans="2:12" ht="28.5">
      <c r="B8357" s="358" t="s">
        <v>18433</v>
      </c>
      <c r="C8357" s="358" t="s">
        <v>27562</v>
      </c>
      <c r="D8357" s="358" t="s">
        <v>18434</v>
      </c>
      <c r="E8357" s="358" t="s">
        <v>8356</v>
      </c>
      <c r="F8357" s="358" t="s">
        <v>14386</v>
      </c>
      <c r="G8357" s="358" t="s">
        <v>14387</v>
      </c>
      <c r="H8357" s="358" t="s">
        <v>14367</v>
      </c>
      <c r="I8357" s="358" t="s">
        <v>14387</v>
      </c>
      <c r="J8357" s="358"/>
      <c r="K8357" s="358"/>
      <c r="L8357" s="358"/>
    </row>
    <row r="8358" spans="2:12">
      <c r="B8358" s="367"/>
      <c r="C8358" s="367"/>
      <c r="D8358" s="367"/>
      <c r="E8358" s="367"/>
      <c r="F8358" s="367"/>
      <c r="G8358" s="367"/>
      <c r="H8358" s="360"/>
      <c r="I8358" s="367"/>
      <c r="J8358" s="365"/>
      <c r="K8358" s="365"/>
      <c r="L8358" s="365"/>
    </row>
    <row r="8359" spans="2:12">
      <c r="B8359" s="368"/>
      <c r="C8359" s="368"/>
      <c r="D8359" s="368"/>
      <c r="E8359" s="368"/>
      <c r="F8359" s="368"/>
      <c r="G8359" s="368"/>
      <c r="H8359" s="361" t="s">
        <v>14422</v>
      </c>
      <c r="I8359" s="368"/>
      <c r="J8359" s="366"/>
      <c r="K8359" s="366"/>
      <c r="L8359" s="366"/>
    </row>
    <row r="8360" spans="2:12">
      <c r="B8360" s="354" t="s">
        <v>8397</v>
      </c>
      <c r="C8360" s="369"/>
      <c r="D8360" s="369"/>
      <c r="E8360" s="369"/>
      <c r="F8360" s="369"/>
      <c r="G8360" s="369"/>
      <c r="H8360" s="369"/>
      <c r="I8360" s="369"/>
      <c r="J8360" s="369"/>
      <c r="K8360" s="369"/>
      <c r="L8360" s="370"/>
    </row>
    <row r="8361" spans="2:12">
      <c r="B8361" s="358" t="s">
        <v>18435</v>
      </c>
      <c r="C8361" s="358" t="s">
        <v>18436</v>
      </c>
      <c r="D8361" s="358" t="s">
        <v>18437</v>
      </c>
      <c r="E8361" s="358" t="s">
        <v>18438</v>
      </c>
      <c r="F8361" s="358" t="s">
        <v>14505</v>
      </c>
      <c r="G8361" s="358" t="s">
        <v>14506</v>
      </c>
      <c r="H8361" s="358" t="s">
        <v>14328</v>
      </c>
      <c r="I8361" s="358" t="s">
        <v>14506</v>
      </c>
      <c r="J8361" s="358"/>
      <c r="K8361" s="358"/>
      <c r="L8361" s="358"/>
    </row>
    <row r="8362" spans="2:12">
      <c r="B8362" s="367"/>
      <c r="C8362" s="367"/>
      <c r="D8362" s="367"/>
      <c r="E8362" s="367"/>
      <c r="F8362" s="360"/>
      <c r="G8362" s="360"/>
      <c r="H8362" s="360"/>
      <c r="I8362" s="360"/>
      <c r="J8362" s="365"/>
      <c r="K8362" s="365"/>
      <c r="L8362" s="365"/>
    </row>
    <row r="8363" spans="2:12">
      <c r="B8363" s="367"/>
      <c r="C8363" s="367"/>
      <c r="D8363" s="367"/>
      <c r="E8363" s="367"/>
      <c r="F8363" s="359" t="s">
        <v>14443</v>
      </c>
      <c r="G8363" s="359" t="s">
        <v>14444</v>
      </c>
      <c r="H8363" s="359" t="s">
        <v>14381</v>
      </c>
      <c r="I8363" s="359" t="s">
        <v>14444</v>
      </c>
      <c r="J8363" s="365"/>
      <c r="K8363" s="365"/>
      <c r="L8363" s="365"/>
    </row>
    <row r="8364" spans="2:12">
      <c r="B8364" s="367"/>
      <c r="C8364" s="367"/>
      <c r="D8364" s="367"/>
      <c r="E8364" s="367"/>
      <c r="F8364" s="360"/>
      <c r="G8364" s="360"/>
      <c r="H8364" s="360"/>
      <c r="I8364" s="360"/>
      <c r="J8364" s="365"/>
      <c r="K8364" s="365"/>
      <c r="L8364" s="365"/>
    </row>
    <row r="8365" spans="2:12">
      <c r="B8365" s="367"/>
      <c r="C8365" s="367"/>
      <c r="D8365" s="367"/>
      <c r="E8365" s="367"/>
      <c r="F8365" s="359" t="s">
        <v>17028</v>
      </c>
      <c r="G8365" s="359" t="s">
        <v>14429</v>
      </c>
      <c r="H8365" s="359" t="s">
        <v>14367</v>
      </c>
      <c r="I8365" s="359" t="s">
        <v>14429</v>
      </c>
      <c r="J8365" s="365"/>
      <c r="K8365" s="365"/>
      <c r="L8365" s="365"/>
    </row>
    <row r="8366" spans="2:12">
      <c r="B8366" s="367"/>
      <c r="C8366" s="367"/>
      <c r="D8366" s="367"/>
      <c r="E8366" s="367"/>
      <c r="F8366" s="360"/>
      <c r="G8366" s="360"/>
      <c r="H8366" s="360"/>
      <c r="I8366" s="360"/>
      <c r="J8366" s="365"/>
      <c r="K8366" s="365"/>
      <c r="L8366" s="365"/>
    </row>
    <row r="8367" spans="2:12">
      <c r="B8367" s="367"/>
      <c r="C8367" s="367"/>
      <c r="D8367" s="367"/>
      <c r="E8367" s="367"/>
      <c r="F8367" s="359" t="s">
        <v>17028</v>
      </c>
      <c r="G8367" s="359" t="s">
        <v>14421</v>
      </c>
      <c r="H8367" s="359" t="s">
        <v>14332</v>
      </c>
      <c r="I8367" s="359" t="s">
        <v>14421</v>
      </c>
      <c r="J8367" s="365"/>
      <c r="K8367" s="365"/>
      <c r="L8367" s="365"/>
    </row>
    <row r="8368" spans="2:12">
      <c r="B8368" s="367"/>
      <c r="C8368" s="367"/>
      <c r="D8368" s="367"/>
      <c r="E8368" s="367"/>
      <c r="F8368" s="360"/>
      <c r="G8368" s="360"/>
      <c r="H8368" s="360"/>
      <c r="I8368" s="360"/>
      <c r="J8368" s="365"/>
      <c r="K8368" s="365"/>
      <c r="L8368" s="365"/>
    </row>
    <row r="8369" spans="2:12">
      <c r="B8369" s="367"/>
      <c r="C8369" s="367"/>
      <c r="D8369" s="367"/>
      <c r="E8369" s="367"/>
      <c r="F8369" s="359" t="s">
        <v>17028</v>
      </c>
      <c r="G8369" s="359" t="s">
        <v>14459</v>
      </c>
      <c r="H8369" s="360"/>
      <c r="I8369" s="359" t="s">
        <v>14459</v>
      </c>
      <c r="J8369" s="365"/>
      <c r="K8369" s="365"/>
      <c r="L8369" s="365"/>
    </row>
    <row r="8370" spans="2:12">
      <c r="B8370" s="367"/>
      <c r="C8370" s="367"/>
      <c r="D8370" s="367"/>
      <c r="E8370" s="367"/>
      <c r="F8370" s="360"/>
      <c r="G8370" s="360"/>
      <c r="H8370" s="360"/>
      <c r="I8370" s="360"/>
      <c r="J8370" s="365"/>
      <c r="K8370" s="365"/>
      <c r="L8370" s="365"/>
    </row>
    <row r="8371" spans="2:12">
      <c r="B8371" s="367"/>
      <c r="C8371" s="367"/>
      <c r="D8371" s="367"/>
      <c r="E8371" s="367"/>
      <c r="F8371" s="359" t="s">
        <v>14368</v>
      </c>
      <c r="G8371" s="359" t="s">
        <v>14388</v>
      </c>
      <c r="H8371" s="360"/>
      <c r="I8371" s="359" t="s">
        <v>14388</v>
      </c>
      <c r="J8371" s="365"/>
      <c r="K8371" s="365"/>
      <c r="L8371" s="365"/>
    </row>
    <row r="8372" spans="2:12">
      <c r="B8372" s="367"/>
      <c r="C8372" s="367"/>
      <c r="D8372" s="367"/>
      <c r="E8372" s="367"/>
      <c r="F8372" s="360"/>
      <c r="G8372" s="360"/>
      <c r="H8372" s="360"/>
      <c r="I8372" s="360"/>
      <c r="J8372" s="365"/>
      <c r="K8372" s="365"/>
      <c r="L8372" s="365"/>
    </row>
    <row r="8373" spans="2:12">
      <c r="B8373" s="367"/>
      <c r="C8373" s="367"/>
      <c r="D8373" s="367"/>
      <c r="E8373" s="367"/>
      <c r="F8373" s="359" t="s">
        <v>14389</v>
      </c>
      <c r="G8373" s="359" t="s">
        <v>14390</v>
      </c>
      <c r="H8373" s="360"/>
      <c r="I8373" s="359" t="s">
        <v>14390</v>
      </c>
      <c r="J8373" s="365"/>
      <c r="K8373" s="365"/>
      <c r="L8373" s="365"/>
    </row>
    <row r="8374" spans="2:12">
      <c r="B8374" s="367"/>
      <c r="C8374" s="367"/>
      <c r="D8374" s="367"/>
      <c r="E8374" s="367"/>
      <c r="F8374" s="360"/>
      <c r="G8374" s="360"/>
      <c r="H8374" s="360"/>
      <c r="I8374" s="360"/>
      <c r="J8374" s="365"/>
      <c r="K8374" s="365"/>
      <c r="L8374" s="365"/>
    </row>
    <row r="8375" spans="2:12">
      <c r="B8375" s="368"/>
      <c r="C8375" s="368"/>
      <c r="D8375" s="368"/>
      <c r="E8375" s="368"/>
      <c r="F8375" s="361" t="s">
        <v>14386</v>
      </c>
      <c r="G8375" s="361" t="s">
        <v>14387</v>
      </c>
      <c r="H8375" s="362"/>
      <c r="I8375" s="361" t="s">
        <v>14387</v>
      </c>
      <c r="J8375" s="366"/>
      <c r="K8375" s="366"/>
      <c r="L8375" s="366"/>
    </row>
    <row r="8376" spans="2:12">
      <c r="B8376" s="354" t="s">
        <v>28528</v>
      </c>
      <c r="C8376" s="369"/>
      <c r="D8376" s="369"/>
      <c r="E8376" s="369"/>
      <c r="F8376" s="369"/>
      <c r="G8376" s="369"/>
      <c r="H8376" s="369"/>
      <c r="I8376" s="369"/>
      <c r="J8376" s="369"/>
      <c r="K8376" s="369"/>
      <c r="L8376" s="370"/>
    </row>
    <row r="8377" spans="2:12">
      <c r="B8377" s="358" t="s">
        <v>18439</v>
      </c>
      <c r="C8377" s="358" t="s">
        <v>27563</v>
      </c>
      <c r="D8377" s="358" t="s">
        <v>18440</v>
      </c>
      <c r="E8377" s="358" t="s">
        <v>18441</v>
      </c>
      <c r="F8377" s="358" t="s">
        <v>14389</v>
      </c>
      <c r="G8377" s="358" t="s">
        <v>14390</v>
      </c>
      <c r="H8377" s="358" t="s">
        <v>14367</v>
      </c>
      <c r="I8377" s="358" t="s">
        <v>14390</v>
      </c>
      <c r="J8377" s="358"/>
      <c r="K8377" s="358"/>
      <c r="L8377" s="358"/>
    </row>
    <row r="8378" spans="2:12">
      <c r="B8378" s="367"/>
      <c r="C8378" s="367"/>
      <c r="D8378" s="367"/>
      <c r="E8378" s="367"/>
      <c r="F8378" s="360"/>
      <c r="G8378" s="360"/>
      <c r="H8378" s="360"/>
      <c r="I8378" s="360"/>
      <c r="J8378" s="365"/>
      <c r="K8378" s="365"/>
      <c r="L8378" s="365"/>
    </row>
    <row r="8379" spans="2:12">
      <c r="B8379" s="368"/>
      <c r="C8379" s="368"/>
      <c r="D8379" s="368"/>
      <c r="E8379" s="368"/>
      <c r="F8379" s="361" t="s">
        <v>14391</v>
      </c>
      <c r="G8379" s="361" t="s">
        <v>14392</v>
      </c>
      <c r="H8379" s="361" t="s">
        <v>14422</v>
      </c>
      <c r="I8379" s="361" t="s">
        <v>14392</v>
      </c>
      <c r="J8379" s="366"/>
      <c r="K8379" s="366"/>
      <c r="L8379" s="366"/>
    </row>
    <row r="8380" spans="2:12" ht="28.5">
      <c r="B8380" s="358" t="s">
        <v>18442</v>
      </c>
      <c r="C8380" s="358" t="s">
        <v>28989</v>
      </c>
      <c r="D8380" s="358" t="s">
        <v>18443</v>
      </c>
      <c r="E8380" s="358" t="s">
        <v>18444</v>
      </c>
      <c r="F8380" s="358" t="s">
        <v>14507</v>
      </c>
      <c r="G8380" s="358" t="s">
        <v>14508</v>
      </c>
      <c r="H8380" s="358" t="s">
        <v>14381</v>
      </c>
      <c r="I8380" s="358" t="s">
        <v>14508</v>
      </c>
      <c r="J8380" s="358"/>
      <c r="K8380" s="358"/>
      <c r="L8380" s="358"/>
    </row>
    <row r="8381" spans="2:12">
      <c r="B8381" s="367"/>
      <c r="C8381" s="367"/>
      <c r="D8381" s="367"/>
      <c r="E8381" s="367"/>
      <c r="F8381" s="360"/>
      <c r="G8381" s="360"/>
      <c r="H8381" s="360"/>
      <c r="I8381" s="360"/>
      <c r="J8381" s="365"/>
      <c r="K8381" s="365"/>
      <c r="L8381" s="365"/>
    </row>
    <row r="8382" spans="2:12">
      <c r="B8382" s="367"/>
      <c r="C8382" s="367"/>
      <c r="D8382" s="367"/>
      <c r="E8382" s="367"/>
      <c r="F8382" s="359" t="s">
        <v>17277</v>
      </c>
      <c r="G8382" s="359" t="s">
        <v>17278</v>
      </c>
      <c r="H8382" s="359" t="s">
        <v>14370</v>
      </c>
      <c r="I8382" s="359" t="s">
        <v>17278</v>
      </c>
      <c r="J8382" s="365"/>
      <c r="K8382" s="365"/>
      <c r="L8382" s="365"/>
    </row>
    <row r="8383" spans="2:12">
      <c r="B8383" s="367"/>
      <c r="C8383" s="367"/>
      <c r="D8383" s="367"/>
      <c r="E8383" s="367"/>
      <c r="F8383" s="360"/>
      <c r="G8383" s="360"/>
      <c r="H8383" s="360"/>
      <c r="I8383" s="360"/>
      <c r="J8383" s="365"/>
      <c r="K8383" s="365"/>
      <c r="L8383" s="365"/>
    </row>
    <row r="8384" spans="2:12" ht="28.5">
      <c r="B8384" s="368"/>
      <c r="C8384" s="368"/>
      <c r="D8384" s="368"/>
      <c r="E8384" s="368"/>
      <c r="F8384" s="361" t="s">
        <v>14394</v>
      </c>
      <c r="G8384" s="361" t="s">
        <v>14395</v>
      </c>
      <c r="H8384" s="361" t="s">
        <v>14422</v>
      </c>
      <c r="I8384" s="361" t="s">
        <v>14395</v>
      </c>
      <c r="J8384" s="366"/>
      <c r="K8384" s="366"/>
      <c r="L8384" s="366"/>
    </row>
    <row r="8385" spans="2:12">
      <c r="B8385" s="358" t="s">
        <v>10362</v>
      </c>
      <c r="C8385" s="358" t="s">
        <v>18445</v>
      </c>
      <c r="D8385" s="358" t="s">
        <v>240</v>
      </c>
      <c r="E8385" s="358" t="s">
        <v>241</v>
      </c>
      <c r="F8385" s="358" t="s">
        <v>14524</v>
      </c>
      <c r="G8385" s="358" t="s">
        <v>14525</v>
      </c>
      <c r="H8385" s="358" t="s">
        <v>14328</v>
      </c>
      <c r="I8385" s="358" t="s">
        <v>14525</v>
      </c>
      <c r="J8385" s="358" t="s">
        <v>17546</v>
      </c>
      <c r="K8385" s="358"/>
      <c r="L8385" s="358"/>
    </row>
    <row r="8386" spans="2:12">
      <c r="B8386" s="367"/>
      <c r="C8386" s="367"/>
      <c r="D8386" s="367"/>
      <c r="E8386" s="367"/>
      <c r="F8386" s="360"/>
      <c r="G8386" s="360"/>
      <c r="H8386" s="360"/>
      <c r="I8386" s="360"/>
      <c r="J8386" s="367"/>
      <c r="K8386" s="365"/>
      <c r="L8386" s="365"/>
    </row>
    <row r="8387" spans="2:12">
      <c r="B8387" s="367"/>
      <c r="C8387" s="367"/>
      <c r="D8387" s="367"/>
      <c r="E8387" s="367"/>
      <c r="F8387" s="359" t="s">
        <v>28860</v>
      </c>
      <c r="G8387" s="359" t="s">
        <v>14669</v>
      </c>
      <c r="H8387" s="359" t="s">
        <v>14381</v>
      </c>
      <c r="I8387" s="359" t="s">
        <v>14669</v>
      </c>
      <c r="J8387" s="367"/>
      <c r="K8387" s="365"/>
      <c r="L8387" s="365"/>
    </row>
    <row r="8388" spans="2:12">
      <c r="B8388" s="367"/>
      <c r="C8388" s="367"/>
      <c r="D8388" s="367"/>
      <c r="E8388" s="367"/>
      <c r="F8388" s="360"/>
      <c r="G8388" s="360"/>
      <c r="H8388" s="360"/>
      <c r="I8388" s="360"/>
      <c r="J8388" s="367"/>
      <c r="K8388" s="365"/>
      <c r="L8388" s="365"/>
    </row>
    <row r="8389" spans="2:12" ht="42.75">
      <c r="B8389" s="367"/>
      <c r="C8389" s="367"/>
      <c r="D8389" s="367"/>
      <c r="E8389" s="367"/>
      <c r="F8389" s="359" t="s">
        <v>28990</v>
      </c>
      <c r="G8389" s="359" t="s">
        <v>14427</v>
      </c>
      <c r="H8389" s="359" t="s">
        <v>14367</v>
      </c>
      <c r="I8389" s="359" t="s">
        <v>14427</v>
      </c>
      <c r="J8389" s="367"/>
      <c r="K8389" s="365"/>
      <c r="L8389" s="365"/>
    </row>
    <row r="8390" spans="2:12">
      <c r="B8390" s="367"/>
      <c r="C8390" s="367"/>
      <c r="D8390" s="367"/>
      <c r="E8390" s="367"/>
      <c r="F8390" s="360"/>
      <c r="G8390" s="360"/>
      <c r="H8390" s="360"/>
      <c r="I8390" s="360"/>
      <c r="J8390" s="367"/>
      <c r="K8390" s="365"/>
      <c r="L8390" s="365"/>
    </row>
    <row r="8391" spans="2:12">
      <c r="B8391" s="367"/>
      <c r="C8391" s="367"/>
      <c r="D8391" s="367"/>
      <c r="E8391" s="367"/>
      <c r="F8391" s="359" t="s">
        <v>14389</v>
      </c>
      <c r="G8391" s="359" t="s">
        <v>14459</v>
      </c>
      <c r="H8391" s="359" t="s">
        <v>14332</v>
      </c>
      <c r="I8391" s="359" t="s">
        <v>14459</v>
      </c>
      <c r="J8391" s="367"/>
      <c r="K8391" s="365"/>
      <c r="L8391" s="365"/>
    </row>
    <row r="8392" spans="2:12">
      <c r="B8392" s="367"/>
      <c r="C8392" s="367"/>
      <c r="D8392" s="367"/>
      <c r="E8392" s="367"/>
      <c r="F8392" s="360"/>
      <c r="G8392" s="360"/>
      <c r="H8392" s="360"/>
      <c r="I8392" s="360"/>
      <c r="J8392" s="367"/>
      <c r="K8392" s="365"/>
      <c r="L8392" s="365"/>
    </row>
    <row r="8393" spans="2:12" ht="28.5">
      <c r="B8393" s="367"/>
      <c r="C8393" s="367"/>
      <c r="D8393" s="367"/>
      <c r="E8393" s="367"/>
      <c r="F8393" s="359" t="s">
        <v>14472</v>
      </c>
      <c r="G8393" s="359" t="s">
        <v>14429</v>
      </c>
      <c r="H8393" s="360"/>
      <c r="I8393" s="359" t="s">
        <v>14429</v>
      </c>
      <c r="J8393" s="367"/>
      <c r="K8393" s="365"/>
      <c r="L8393" s="365"/>
    </row>
    <row r="8394" spans="2:12">
      <c r="B8394" s="367"/>
      <c r="C8394" s="367"/>
      <c r="D8394" s="367"/>
      <c r="E8394" s="367"/>
      <c r="F8394" s="360"/>
      <c r="G8394" s="360"/>
      <c r="H8394" s="360"/>
      <c r="I8394" s="360"/>
      <c r="J8394" s="367"/>
      <c r="K8394" s="365"/>
      <c r="L8394" s="365"/>
    </row>
    <row r="8395" spans="2:12" ht="28.5">
      <c r="B8395" s="367"/>
      <c r="C8395" s="367"/>
      <c r="D8395" s="367"/>
      <c r="E8395" s="367"/>
      <c r="F8395" s="360"/>
      <c r="G8395" s="359" t="s">
        <v>28851</v>
      </c>
      <c r="H8395" s="360"/>
      <c r="I8395" s="359" t="s">
        <v>28851</v>
      </c>
      <c r="J8395" s="367"/>
      <c r="K8395" s="365"/>
      <c r="L8395" s="365"/>
    </row>
    <row r="8396" spans="2:12">
      <c r="B8396" s="367"/>
      <c r="C8396" s="367"/>
      <c r="D8396" s="367"/>
      <c r="E8396" s="367"/>
      <c r="F8396" s="360"/>
      <c r="G8396" s="360"/>
      <c r="H8396" s="360"/>
      <c r="I8396" s="360"/>
      <c r="J8396" s="367"/>
      <c r="K8396" s="365"/>
      <c r="L8396" s="365"/>
    </row>
    <row r="8397" spans="2:12">
      <c r="B8397" s="368"/>
      <c r="C8397" s="368"/>
      <c r="D8397" s="368"/>
      <c r="E8397" s="368"/>
      <c r="F8397" s="362"/>
      <c r="G8397" s="361" t="s">
        <v>14473</v>
      </c>
      <c r="H8397" s="362"/>
      <c r="I8397" s="361" t="s">
        <v>14473</v>
      </c>
      <c r="J8397" s="368"/>
      <c r="K8397" s="366"/>
      <c r="L8397" s="366"/>
    </row>
    <row r="8398" spans="2:12">
      <c r="B8398" s="358" t="s">
        <v>13055</v>
      </c>
      <c r="C8398" s="358" t="s">
        <v>18446</v>
      </c>
      <c r="D8398" s="358" t="s">
        <v>13056</v>
      </c>
      <c r="E8398" s="358" t="s">
        <v>3527</v>
      </c>
      <c r="F8398" s="358" t="s">
        <v>14418</v>
      </c>
      <c r="G8398" s="358" t="s">
        <v>14419</v>
      </c>
      <c r="H8398" s="358" t="s">
        <v>14328</v>
      </c>
      <c r="I8398" s="358" t="s">
        <v>14419</v>
      </c>
      <c r="J8398" s="358"/>
      <c r="K8398" s="358"/>
      <c r="L8398" s="358"/>
    </row>
    <row r="8399" spans="2:12">
      <c r="B8399" s="367"/>
      <c r="C8399" s="367"/>
      <c r="D8399" s="367"/>
      <c r="E8399" s="367"/>
      <c r="F8399" s="360"/>
      <c r="G8399" s="360"/>
      <c r="H8399" s="360"/>
      <c r="I8399" s="360"/>
      <c r="J8399" s="365"/>
      <c r="K8399" s="365"/>
      <c r="L8399" s="365"/>
    </row>
    <row r="8400" spans="2:12" ht="28.5">
      <c r="B8400" s="367"/>
      <c r="C8400" s="367"/>
      <c r="D8400" s="367"/>
      <c r="E8400" s="367"/>
      <c r="F8400" s="359" t="s">
        <v>14424</v>
      </c>
      <c r="G8400" s="359" t="s">
        <v>28991</v>
      </c>
      <c r="H8400" s="359" t="s">
        <v>14381</v>
      </c>
      <c r="I8400" s="359" t="s">
        <v>28991</v>
      </c>
      <c r="J8400" s="365"/>
      <c r="K8400" s="365"/>
      <c r="L8400" s="365"/>
    </row>
    <row r="8401" spans="2:12">
      <c r="B8401" s="367"/>
      <c r="C8401" s="367"/>
      <c r="D8401" s="367"/>
      <c r="E8401" s="367"/>
      <c r="F8401" s="360"/>
      <c r="G8401" s="360"/>
      <c r="H8401" s="360"/>
      <c r="I8401" s="360"/>
      <c r="J8401" s="365"/>
      <c r="K8401" s="365"/>
      <c r="L8401" s="365"/>
    </row>
    <row r="8402" spans="2:12">
      <c r="B8402" s="367"/>
      <c r="C8402" s="367"/>
      <c r="D8402" s="367"/>
      <c r="E8402" s="367"/>
      <c r="F8402" s="359" t="s">
        <v>14368</v>
      </c>
      <c r="G8402" s="359" t="s">
        <v>14390</v>
      </c>
      <c r="H8402" s="359" t="s">
        <v>14341</v>
      </c>
      <c r="I8402" s="359" t="s">
        <v>14390</v>
      </c>
      <c r="J8402" s="365"/>
      <c r="K8402" s="365"/>
      <c r="L8402" s="365"/>
    </row>
    <row r="8403" spans="2:12">
      <c r="B8403" s="367"/>
      <c r="C8403" s="367"/>
      <c r="D8403" s="367"/>
      <c r="E8403" s="367"/>
      <c r="F8403" s="360"/>
      <c r="G8403" s="360"/>
      <c r="H8403" s="360"/>
      <c r="I8403" s="360"/>
      <c r="J8403" s="365"/>
      <c r="K8403" s="365"/>
      <c r="L8403" s="365"/>
    </row>
    <row r="8404" spans="2:12">
      <c r="B8404" s="367"/>
      <c r="C8404" s="367"/>
      <c r="D8404" s="367"/>
      <c r="E8404" s="367"/>
      <c r="F8404" s="359" t="s">
        <v>14389</v>
      </c>
      <c r="G8404" s="359" t="s">
        <v>14431</v>
      </c>
      <c r="H8404" s="359" t="s">
        <v>14367</v>
      </c>
      <c r="I8404" s="359" t="s">
        <v>14431</v>
      </c>
      <c r="J8404" s="365"/>
      <c r="K8404" s="365"/>
      <c r="L8404" s="365"/>
    </row>
    <row r="8405" spans="2:12">
      <c r="B8405" s="367"/>
      <c r="C8405" s="367"/>
      <c r="D8405" s="367"/>
      <c r="E8405" s="367"/>
      <c r="F8405" s="360"/>
      <c r="G8405" s="360"/>
      <c r="H8405" s="360"/>
      <c r="I8405" s="360"/>
      <c r="J8405" s="365"/>
      <c r="K8405" s="365"/>
      <c r="L8405" s="365"/>
    </row>
    <row r="8406" spans="2:12">
      <c r="B8406" s="368"/>
      <c r="C8406" s="368"/>
      <c r="D8406" s="368"/>
      <c r="E8406" s="368"/>
      <c r="F8406" s="361" t="s">
        <v>14430</v>
      </c>
      <c r="G8406" s="362"/>
      <c r="H8406" s="361" t="s">
        <v>14332</v>
      </c>
      <c r="I8406" s="362"/>
      <c r="J8406" s="366"/>
      <c r="K8406" s="366"/>
      <c r="L8406" s="366"/>
    </row>
    <row r="8407" spans="2:12" ht="28.5">
      <c r="B8407" s="358" t="s">
        <v>18447</v>
      </c>
      <c r="C8407" s="358" t="s">
        <v>28992</v>
      </c>
      <c r="D8407" s="358" t="s">
        <v>18448</v>
      </c>
      <c r="E8407" s="358" t="s">
        <v>3518</v>
      </c>
      <c r="F8407" s="358" t="s">
        <v>14507</v>
      </c>
      <c r="G8407" s="358" t="s">
        <v>16526</v>
      </c>
      <c r="H8407" s="358" t="s">
        <v>14381</v>
      </c>
      <c r="I8407" s="358" t="s">
        <v>16526</v>
      </c>
      <c r="J8407" s="358"/>
      <c r="K8407" s="358"/>
      <c r="L8407" s="358"/>
    </row>
    <row r="8408" spans="2:12">
      <c r="B8408" s="367"/>
      <c r="C8408" s="367"/>
      <c r="D8408" s="367"/>
      <c r="E8408" s="367"/>
      <c r="F8408" s="367"/>
      <c r="G8408" s="367"/>
      <c r="H8408" s="360"/>
      <c r="I8408" s="367"/>
      <c r="J8408" s="365"/>
      <c r="K8408" s="365"/>
      <c r="L8408" s="365"/>
    </row>
    <row r="8409" spans="2:12">
      <c r="B8409" s="368"/>
      <c r="C8409" s="368"/>
      <c r="D8409" s="368"/>
      <c r="E8409" s="368"/>
      <c r="F8409" s="368"/>
      <c r="G8409" s="368"/>
      <c r="H8409" s="361" t="s">
        <v>14422</v>
      </c>
      <c r="I8409" s="368"/>
      <c r="J8409" s="366"/>
      <c r="K8409" s="366"/>
      <c r="L8409" s="366"/>
    </row>
    <row r="8410" spans="2:12">
      <c r="B8410" s="358" t="s">
        <v>18449</v>
      </c>
      <c r="C8410" s="358" t="s">
        <v>28993</v>
      </c>
      <c r="D8410" s="358" t="s">
        <v>18450</v>
      </c>
      <c r="E8410" s="358" t="s">
        <v>18451</v>
      </c>
      <c r="F8410" s="358" t="s">
        <v>14418</v>
      </c>
      <c r="G8410" s="358" t="s">
        <v>14419</v>
      </c>
      <c r="H8410" s="358" t="s">
        <v>14328</v>
      </c>
      <c r="I8410" s="358" t="s">
        <v>14419</v>
      </c>
      <c r="J8410" s="358"/>
      <c r="K8410" s="358"/>
      <c r="L8410" s="358"/>
    </row>
    <row r="8411" spans="2:12">
      <c r="B8411" s="367"/>
      <c r="C8411" s="367"/>
      <c r="D8411" s="367"/>
      <c r="E8411" s="367"/>
      <c r="F8411" s="360"/>
      <c r="G8411" s="360"/>
      <c r="H8411" s="360"/>
      <c r="I8411" s="360"/>
      <c r="J8411" s="365"/>
      <c r="K8411" s="365"/>
      <c r="L8411" s="365"/>
    </row>
    <row r="8412" spans="2:12">
      <c r="B8412" s="367"/>
      <c r="C8412" s="367"/>
      <c r="D8412" s="367"/>
      <c r="E8412" s="367"/>
      <c r="F8412" s="359" t="s">
        <v>14368</v>
      </c>
      <c r="G8412" s="359" t="s">
        <v>14388</v>
      </c>
      <c r="H8412" s="359" t="s">
        <v>14341</v>
      </c>
      <c r="I8412" s="359" t="s">
        <v>14388</v>
      </c>
      <c r="J8412" s="365"/>
      <c r="K8412" s="365"/>
      <c r="L8412" s="365"/>
    </row>
    <row r="8413" spans="2:12">
      <c r="B8413" s="367"/>
      <c r="C8413" s="367"/>
      <c r="D8413" s="367"/>
      <c r="E8413" s="367"/>
      <c r="F8413" s="360"/>
      <c r="G8413" s="360"/>
      <c r="H8413" s="360"/>
      <c r="I8413" s="360"/>
      <c r="J8413" s="365"/>
      <c r="K8413" s="365"/>
      <c r="L8413" s="365"/>
    </row>
    <row r="8414" spans="2:12">
      <c r="B8414" s="367"/>
      <c r="C8414" s="367"/>
      <c r="D8414" s="367"/>
      <c r="E8414" s="367"/>
      <c r="F8414" s="359" t="s">
        <v>14389</v>
      </c>
      <c r="G8414" s="359" t="s">
        <v>14390</v>
      </c>
      <c r="H8414" s="359" t="s">
        <v>14367</v>
      </c>
      <c r="I8414" s="359" t="s">
        <v>14390</v>
      </c>
      <c r="J8414" s="365"/>
      <c r="K8414" s="365"/>
      <c r="L8414" s="365"/>
    </row>
    <row r="8415" spans="2:12">
      <c r="B8415" s="367"/>
      <c r="C8415" s="367"/>
      <c r="D8415" s="367"/>
      <c r="E8415" s="367"/>
      <c r="F8415" s="360"/>
      <c r="G8415" s="360"/>
      <c r="H8415" s="360"/>
      <c r="I8415" s="360"/>
      <c r="J8415" s="365"/>
      <c r="K8415" s="365"/>
      <c r="L8415" s="365"/>
    </row>
    <row r="8416" spans="2:12">
      <c r="B8416" s="367"/>
      <c r="C8416" s="367"/>
      <c r="D8416" s="367"/>
      <c r="E8416" s="367"/>
      <c r="F8416" s="359" t="s">
        <v>14430</v>
      </c>
      <c r="G8416" s="359" t="s">
        <v>14431</v>
      </c>
      <c r="H8416" s="359" t="s">
        <v>14332</v>
      </c>
      <c r="I8416" s="359" t="s">
        <v>14431</v>
      </c>
      <c r="J8416" s="365"/>
      <c r="K8416" s="365"/>
      <c r="L8416" s="365"/>
    </row>
    <row r="8417" spans="2:12">
      <c r="B8417" s="367"/>
      <c r="C8417" s="367"/>
      <c r="D8417" s="367"/>
      <c r="E8417" s="367"/>
      <c r="F8417" s="360"/>
      <c r="G8417" s="360"/>
      <c r="H8417" s="360"/>
      <c r="I8417" s="360"/>
      <c r="J8417" s="365"/>
      <c r="K8417" s="365"/>
      <c r="L8417" s="365"/>
    </row>
    <row r="8418" spans="2:12">
      <c r="B8418" s="368"/>
      <c r="C8418" s="368"/>
      <c r="D8418" s="368"/>
      <c r="E8418" s="368"/>
      <c r="F8418" s="361" t="s">
        <v>14368</v>
      </c>
      <c r="G8418" s="361" t="s">
        <v>14369</v>
      </c>
      <c r="H8418" s="362"/>
      <c r="I8418" s="361" t="s">
        <v>14369</v>
      </c>
      <c r="J8418" s="366"/>
      <c r="K8418" s="366"/>
      <c r="L8418" s="366"/>
    </row>
    <row r="8419" spans="2:12" ht="42.75">
      <c r="B8419" s="358" t="s">
        <v>18452</v>
      </c>
      <c r="C8419" s="358" t="s">
        <v>28994</v>
      </c>
      <c r="D8419" s="358" t="s">
        <v>18453</v>
      </c>
      <c r="E8419" s="358" t="s">
        <v>8356</v>
      </c>
      <c r="F8419" s="358" t="s">
        <v>14462</v>
      </c>
      <c r="G8419" s="358" t="s">
        <v>14463</v>
      </c>
      <c r="H8419" s="358" t="s">
        <v>8356</v>
      </c>
      <c r="I8419" s="358" t="s">
        <v>14463</v>
      </c>
      <c r="J8419" s="358"/>
      <c r="K8419" s="358"/>
      <c r="L8419" s="358"/>
    </row>
    <row r="8420" spans="2:12">
      <c r="B8420" s="368"/>
      <c r="C8420" s="368"/>
      <c r="D8420" s="368"/>
      <c r="E8420" s="368"/>
      <c r="F8420" s="368"/>
      <c r="G8420" s="368"/>
      <c r="H8420" s="368"/>
      <c r="I8420" s="368"/>
      <c r="J8420" s="366"/>
      <c r="K8420" s="366"/>
      <c r="L8420" s="366"/>
    </row>
    <row r="8421" spans="2:12" ht="28.5">
      <c r="B8421" s="358" t="s">
        <v>18454</v>
      </c>
      <c r="C8421" s="358" t="s">
        <v>30127</v>
      </c>
      <c r="D8421" s="358" t="s">
        <v>18455</v>
      </c>
      <c r="E8421" s="358" t="s">
        <v>18456</v>
      </c>
      <c r="F8421" s="358" t="s">
        <v>14389</v>
      </c>
      <c r="G8421" s="358" t="s">
        <v>14390</v>
      </c>
      <c r="H8421" s="358" t="s">
        <v>14367</v>
      </c>
      <c r="I8421" s="358" t="s">
        <v>14390</v>
      </c>
      <c r="J8421" s="358"/>
      <c r="K8421" s="358"/>
      <c r="L8421" s="358"/>
    </row>
    <row r="8422" spans="2:12">
      <c r="B8422" s="367"/>
      <c r="C8422" s="367"/>
      <c r="D8422" s="367"/>
      <c r="E8422" s="367"/>
      <c r="F8422" s="360"/>
      <c r="G8422" s="360"/>
      <c r="H8422" s="360"/>
      <c r="I8422" s="360"/>
      <c r="J8422" s="365"/>
      <c r="K8422" s="365"/>
      <c r="L8422" s="365"/>
    </row>
    <row r="8423" spans="2:12" ht="28.5">
      <c r="B8423" s="368"/>
      <c r="C8423" s="368"/>
      <c r="D8423" s="368"/>
      <c r="E8423" s="368"/>
      <c r="F8423" s="361" t="s">
        <v>14472</v>
      </c>
      <c r="G8423" s="361" t="s">
        <v>14473</v>
      </c>
      <c r="H8423" s="361" t="s">
        <v>14422</v>
      </c>
      <c r="I8423" s="361" t="s">
        <v>14473</v>
      </c>
      <c r="J8423" s="366"/>
      <c r="K8423" s="366"/>
      <c r="L8423" s="366"/>
    </row>
    <row r="8424" spans="2:12" ht="42.75">
      <c r="B8424" s="358" t="s">
        <v>18457</v>
      </c>
      <c r="C8424" s="358" t="s">
        <v>30128</v>
      </c>
      <c r="D8424" s="358" t="s">
        <v>18458</v>
      </c>
      <c r="E8424" s="358" t="s">
        <v>8356</v>
      </c>
      <c r="F8424" s="358" t="s">
        <v>14389</v>
      </c>
      <c r="G8424" s="358" t="s">
        <v>14390</v>
      </c>
      <c r="H8424" s="358" t="s">
        <v>14367</v>
      </c>
      <c r="I8424" s="358" t="s">
        <v>14390</v>
      </c>
      <c r="J8424" s="358"/>
      <c r="K8424" s="358"/>
      <c r="L8424" s="358"/>
    </row>
    <row r="8425" spans="2:12">
      <c r="B8425" s="367"/>
      <c r="C8425" s="367"/>
      <c r="D8425" s="367"/>
      <c r="E8425" s="367"/>
      <c r="F8425" s="360"/>
      <c r="G8425" s="360"/>
      <c r="H8425" s="360"/>
      <c r="I8425" s="360"/>
      <c r="J8425" s="365"/>
      <c r="K8425" s="365"/>
      <c r="L8425" s="365"/>
    </row>
    <row r="8426" spans="2:12">
      <c r="B8426" s="367"/>
      <c r="C8426" s="367"/>
      <c r="D8426" s="367"/>
      <c r="E8426" s="367"/>
      <c r="F8426" s="359" t="s">
        <v>14371</v>
      </c>
      <c r="G8426" s="359" t="s">
        <v>14372</v>
      </c>
      <c r="H8426" s="359" t="s">
        <v>14370</v>
      </c>
      <c r="I8426" s="359" t="s">
        <v>14373</v>
      </c>
      <c r="J8426" s="365"/>
      <c r="K8426" s="365"/>
      <c r="L8426" s="365"/>
    </row>
    <row r="8427" spans="2:12">
      <c r="B8427" s="367"/>
      <c r="C8427" s="367"/>
      <c r="D8427" s="367"/>
      <c r="E8427" s="367"/>
      <c r="F8427" s="360"/>
      <c r="G8427" s="360"/>
      <c r="H8427" s="360"/>
      <c r="I8427" s="360"/>
      <c r="J8427" s="365"/>
      <c r="K8427" s="365"/>
      <c r="L8427" s="365"/>
    </row>
    <row r="8428" spans="2:12" ht="28.5">
      <c r="B8428" s="368"/>
      <c r="C8428" s="368"/>
      <c r="D8428" s="368"/>
      <c r="E8428" s="368"/>
      <c r="F8428" s="361" t="s">
        <v>14374</v>
      </c>
      <c r="G8428" s="361" t="s">
        <v>14373</v>
      </c>
      <c r="H8428" s="361" t="s">
        <v>14422</v>
      </c>
      <c r="I8428" s="362"/>
      <c r="J8428" s="366"/>
      <c r="K8428" s="366"/>
      <c r="L8428" s="366"/>
    </row>
    <row r="8429" spans="2:12">
      <c r="B8429" s="358" t="s">
        <v>18459</v>
      </c>
      <c r="C8429" s="358" t="s">
        <v>18460</v>
      </c>
      <c r="D8429" s="358" t="s">
        <v>18461</v>
      </c>
      <c r="E8429" s="358" t="s">
        <v>8356</v>
      </c>
      <c r="F8429" s="358" t="s">
        <v>14389</v>
      </c>
      <c r="G8429" s="358" t="s">
        <v>14390</v>
      </c>
      <c r="H8429" s="358" t="s">
        <v>14367</v>
      </c>
      <c r="I8429" s="358" t="s">
        <v>14390</v>
      </c>
      <c r="J8429" s="358"/>
      <c r="K8429" s="358"/>
      <c r="L8429" s="358"/>
    </row>
    <row r="8430" spans="2:12">
      <c r="B8430" s="367"/>
      <c r="C8430" s="367"/>
      <c r="D8430" s="367"/>
      <c r="E8430" s="367"/>
      <c r="F8430" s="360"/>
      <c r="G8430" s="360"/>
      <c r="H8430" s="360"/>
      <c r="I8430" s="360"/>
      <c r="J8430" s="365"/>
      <c r="K8430" s="365"/>
      <c r="L8430" s="365"/>
    </row>
    <row r="8431" spans="2:12">
      <c r="B8431" s="367"/>
      <c r="C8431" s="367"/>
      <c r="D8431" s="367"/>
      <c r="E8431" s="367"/>
      <c r="F8431" s="359" t="s">
        <v>14371</v>
      </c>
      <c r="G8431" s="359" t="s">
        <v>14372</v>
      </c>
      <c r="H8431" s="359" t="s">
        <v>14370</v>
      </c>
      <c r="I8431" s="359" t="s">
        <v>14373</v>
      </c>
      <c r="J8431" s="365"/>
      <c r="K8431" s="365"/>
      <c r="L8431" s="365"/>
    </row>
    <row r="8432" spans="2:12">
      <c r="B8432" s="367"/>
      <c r="C8432" s="367"/>
      <c r="D8432" s="367"/>
      <c r="E8432" s="367"/>
      <c r="F8432" s="360"/>
      <c r="G8432" s="360"/>
      <c r="H8432" s="360"/>
      <c r="I8432" s="360"/>
      <c r="J8432" s="365"/>
      <c r="K8432" s="365"/>
      <c r="L8432" s="365"/>
    </row>
    <row r="8433" spans="2:12" ht="28.5">
      <c r="B8433" s="368"/>
      <c r="C8433" s="368"/>
      <c r="D8433" s="368"/>
      <c r="E8433" s="368"/>
      <c r="F8433" s="361" t="s">
        <v>14374</v>
      </c>
      <c r="G8433" s="361" t="s">
        <v>14373</v>
      </c>
      <c r="H8433" s="361" t="s">
        <v>14422</v>
      </c>
      <c r="I8433" s="362"/>
      <c r="J8433" s="366"/>
      <c r="K8433" s="366"/>
      <c r="L8433" s="366"/>
    </row>
    <row r="8434" spans="2:12">
      <c r="B8434" s="358" t="s">
        <v>18462</v>
      </c>
      <c r="C8434" s="358" t="s">
        <v>18463</v>
      </c>
      <c r="D8434" s="358" t="s">
        <v>18464</v>
      </c>
      <c r="E8434" s="358" t="s">
        <v>18465</v>
      </c>
      <c r="F8434" s="358" t="s">
        <v>14426</v>
      </c>
      <c r="G8434" s="358" t="s">
        <v>14427</v>
      </c>
      <c r="H8434" s="358" t="s">
        <v>14381</v>
      </c>
      <c r="I8434" s="358" t="s">
        <v>14427</v>
      </c>
      <c r="J8434" s="358"/>
      <c r="K8434" s="358"/>
      <c r="L8434" s="358"/>
    </row>
    <row r="8435" spans="2:12">
      <c r="B8435" s="367"/>
      <c r="C8435" s="367"/>
      <c r="D8435" s="367"/>
      <c r="E8435" s="367"/>
      <c r="F8435" s="360"/>
      <c r="G8435" s="360"/>
      <c r="H8435" s="360"/>
      <c r="I8435" s="360"/>
      <c r="J8435" s="365"/>
      <c r="K8435" s="365"/>
      <c r="L8435" s="365"/>
    </row>
    <row r="8436" spans="2:12">
      <c r="B8436" s="367"/>
      <c r="C8436" s="367"/>
      <c r="D8436" s="367"/>
      <c r="E8436" s="367"/>
      <c r="F8436" s="359" t="s">
        <v>14420</v>
      </c>
      <c r="G8436" s="359" t="s">
        <v>14421</v>
      </c>
      <c r="H8436" s="359" t="s">
        <v>14367</v>
      </c>
      <c r="I8436" s="359" t="s">
        <v>14421</v>
      </c>
      <c r="J8436" s="365"/>
      <c r="K8436" s="365"/>
      <c r="L8436" s="365"/>
    </row>
    <row r="8437" spans="2:12">
      <c r="B8437" s="367"/>
      <c r="C8437" s="367"/>
      <c r="D8437" s="367"/>
      <c r="E8437" s="367"/>
      <c r="F8437" s="360"/>
      <c r="G8437" s="360"/>
      <c r="H8437" s="360"/>
      <c r="I8437" s="360"/>
      <c r="J8437" s="365"/>
      <c r="K8437" s="365"/>
      <c r="L8437" s="365"/>
    </row>
    <row r="8438" spans="2:12">
      <c r="B8438" s="367"/>
      <c r="C8438" s="367"/>
      <c r="D8438" s="367"/>
      <c r="E8438" s="367"/>
      <c r="F8438" s="359" t="s">
        <v>14389</v>
      </c>
      <c r="G8438" s="359" t="s">
        <v>14390</v>
      </c>
      <c r="H8438" s="359" t="s">
        <v>14422</v>
      </c>
      <c r="I8438" s="359" t="s">
        <v>14390</v>
      </c>
      <c r="J8438" s="365"/>
      <c r="K8438" s="365"/>
      <c r="L8438" s="365"/>
    </row>
    <row r="8439" spans="2:12">
      <c r="B8439" s="367"/>
      <c r="C8439" s="367"/>
      <c r="D8439" s="367"/>
      <c r="E8439" s="367"/>
      <c r="F8439" s="360"/>
      <c r="G8439" s="360"/>
      <c r="H8439" s="360"/>
      <c r="I8439" s="360"/>
      <c r="J8439" s="365"/>
      <c r="K8439" s="365"/>
      <c r="L8439" s="365"/>
    </row>
    <row r="8440" spans="2:12">
      <c r="B8440" s="367"/>
      <c r="C8440" s="367"/>
      <c r="D8440" s="367"/>
      <c r="E8440" s="367"/>
      <c r="F8440" s="359" t="s">
        <v>14391</v>
      </c>
      <c r="G8440" s="359" t="s">
        <v>14392</v>
      </c>
      <c r="H8440" s="360"/>
      <c r="I8440" s="359" t="s">
        <v>14392</v>
      </c>
      <c r="J8440" s="365"/>
      <c r="K8440" s="365"/>
      <c r="L8440" s="365"/>
    </row>
    <row r="8441" spans="2:12">
      <c r="B8441" s="367"/>
      <c r="C8441" s="367"/>
      <c r="D8441" s="367"/>
      <c r="E8441" s="367"/>
      <c r="F8441" s="360"/>
      <c r="G8441" s="360"/>
      <c r="H8441" s="360"/>
      <c r="I8441" s="360"/>
      <c r="J8441" s="365"/>
      <c r="K8441" s="365"/>
      <c r="L8441" s="365"/>
    </row>
    <row r="8442" spans="2:12" ht="28.5">
      <c r="B8442" s="368"/>
      <c r="C8442" s="368"/>
      <c r="D8442" s="368"/>
      <c r="E8442" s="368"/>
      <c r="F8442" s="361" t="s">
        <v>14472</v>
      </c>
      <c r="G8442" s="361" t="s">
        <v>14473</v>
      </c>
      <c r="H8442" s="362"/>
      <c r="I8442" s="361" t="s">
        <v>14473</v>
      </c>
      <c r="J8442" s="366"/>
      <c r="K8442" s="366"/>
      <c r="L8442" s="366"/>
    </row>
    <row r="8443" spans="2:12" ht="28.5">
      <c r="B8443" s="358" t="s">
        <v>18466</v>
      </c>
      <c r="C8443" s="358" t="s">
        <v>18467</v>
      </c>
      <c r="D8443" s="358" t="s">
        <v>18468</v>
      </c>
      <c r="E8443" s="358" t="s">
        <v>18469</v>
      </c>
      <c r="F8443" s="358" t="s">
        <v>14389</v>
      </c>
      <c r="G8443" s="358" t="s">
        <v>14390</v>
      </c>
      <c r="H8443" s="358" t="s">
        <v>14367</v>
      </c>
      <c r="I8443" s="358" t="s">
        <v>14390</v>
      </c>
      <c r="J8443" s="358"/>
      <c r="K8443" s="358"/>
      <c r="L8443" s="358"/>
    </row>
    <row r="8444" spans="2:12">
      <c r="B8444" s="367"/>
      <c r="C8444" s="367"/>
      <c r="D8444" s="367"/>
      <c r="E8444" s="367"/>
      <c r="F8444" s="360"/>
      <c r="G8444" s="360"/>
      <c r="H8444" s="360"/>
      <c r="I8444" s="360"/>
      <c r="J8444" s="365"/>
      <c r="K8444" s="365"/>
      <c r="L8444" s="365"/>
    </row>
    <row r="8445" spans="2:12" ht="28.5">
      <c r="B8445" s="367"/>
      <c r="C8445" s="367"/>
      <c r="D8445" s="367"/>
      <c r="E8445" s="367"/>
      <c r="F8445" s="359" t="s">
        <v>14394</v>
      </c>
      <c r="G8445" s="359" t="s">
        <v>14395</v>
      </c>
      <c r="H8445" s="359" t="s">
        <v>14370</v>
      </c>
      <c r="I8445" s="359" t="s">
        <v>14395</v>
      </c>
      <c r="J8445" s="365"/>
      <c r="K8445" s="365"/>
      <c r="L8445" s="365"/>
    </row>
    <row r="8446" spans="2:12">
      <c r="B8446" s="367"/>
      <c r="C8446" s="367"/>
      <c r="D8446" s="367"/>
      <c r="E8446" s="367"/>
      <c r="F8446" s="360"/>
      <c r="G8446" s="360"/>
      <c r="H8446" s="360"/>
      <c r="I8446" s="360"/>
      <c r="J8446" s="365"/>
      <c r="K8446" s="365"/>
      <c r="L8446" s="365"/>
    </row>
    <row r="8447" spans="2:12">
      <c r="B8447" s="368"/>
      <c r="C8447" s="368"/>
      <c r="D8447" s="368"/>
      <c r="E8447" s="368"/>
      <c r="F8447" s="362"/>
      <c r="G8447" s="362"/>
      <c r="H8447" s="361" t="s">
        <v>14422</v>
      </c>
      <c r="I8447" s="362"/>
      <c r="J8447" s="366"/>
      <c r="K8447" s="366"/>
      <c r="L8447" s="366"/>
    </row>
    <row r="8448" spans="2:12" ht="28.5">
      <c r="B8448" s="358" t="s">
        <v>18470</v>
      </c>
      <c r="C8448" s="358" t="s">
        <v>30129</v>
      </c>
      <c r="D8448" s="358" t="s">
        <v>18471</v>
      </c>
      <c r="E8448" s="358" t="s">
        <v>8356</v>
      </c>
      <c r="F8448" s="358" t="s">
        <v>14460</v>
      </c>
      <c r="G8448" s="358" t="s">
        <v>28995</v>
      </c>
      <c r="H8448" s="358" t="s">
        <v>14381</v>
      </c>
      <c r="I8448" s="358" t="s">
        <v>28995</v>
      </c>
      <c r="J8448" s="358"/>
      <c r="K8448" s="358"/>
      <c r="L8448" s="358"/>
    </row>
    <row r="8449" spans="2:12">
      <c r="B8449" s="367"/>
      <c r="C8449" s="367"/>
      <c r="D8449" s="367"/>
      <c r="E8449" s="367"/>
      <c r="F8449" s="360"/>
      <c r="G8449" s="367"/>
      <c r="H8449" s="360"/>
      <c r="I8449" s="367"/>
      <c r="J8449" s="365"/>
      <c r="K8449" s="365"/>
      <c r="L8449" s="365"/>
    </row>
    <row r="8450" spans="2:12" ht="28.5">
      <c r="B8450" s="368"/>
      <c r="C8450" s="368"/>
      <c r="D8450" s="368"/>
      <c r="E8450" s="368"/>
      <c r="F8450" s="361" t="s">
        <v>14462</v>
      </c>
      <c r="G8450" s="368"/>
      <c r="H8450" s="361" t="s">
        <v>14422</v>
      </c>
      <c r="I8450" s="368"/>
      <c r="J8450" s="366"/>
      <c r="K8450" s="366"/>
      <c r="L8450" s="366"/>
    </row>
    <row r="8451" spans="2:12" ht="28.5">
      <c r="B8451" s="358" t="s">
        <v>18472</v>
      </c>
      <c r="C8451" s="358" t="s">
        <v>27564</v>
      </c>
      <c r="D8451" s="358" t="s">
        <v>18473</v>
      </c>
      <c r="E8451" s="358" t="s">
        <v>18474</v>
      </c>
      <c r="F8451" s="358" t="s">
        <v>14420</v>
      </c>
      <c r="G8451" s="358" t="s">
        <v>14429</v>
      </c>
      <c r="H8451" s="358" t="s">
        <v>14341</v>
      </c>
      <c r="I8451" s="358" t="s">
        <v>14429</v>
      </c>
      <c r="J8451" s="358"/>
      <c r="K8451" s="358"/>
      <c r="L8451" s="358"/>
    </row>
    <row r="8452" spans="2:12">
      <c r="B8452" s="367"/>
      <c r="C8452" s="367"/>
      <c r="D8452" s="367"/>
      <c r="E8452" s="367"/>
      <c r="F8452" s="360"/>
      <c r="G8452" s="360"/>
      <c r="H8452" s="360"/>
      <c r="I8452" s="360"/>
      <c r="J8452" s="365"/>
      <c r="K8452" s="365"/>
      <c r="L8452" s="365"/>
    </row>
    <row r="8453" spans="2:12">
      <c r="B8453" s="367"/>
      <c r="C8453" s="367"/>
      <c r="D8453" s="367"/>
      <c r="E8453" s="367"/>
      <c r="F8453" s="359" t="s">
        <v>14430</v>
      </c>
      <c r="G8453" s="359" t="s">
        <v>14431</v>
      </c>
      <c r="H8453" s="359" t="s">
        <v>14367</v>
      </c>
      <c r="I8453" s="359" t="s">
        <v>14431</v>
      </c>
      <c r="J8453" s="365"/>
      <c r="K8453" s="365"/>
      <c r="L8453" s="365"/>
    </row>
    <row r="8454" spans="2:12">
      <c r="B8454" s="367"/>
      <c r="C8454" s="367"/>
      <c r="D8454" s="367"/>
      <c r="E8454" s="367"/>
      <c r="F8454" s="360"/>
      <c r="G8454" s="360"/>
      <c r="H8454" s="360"/>
      <c r="I8454" s="360"/>
      <c r="J8454" s="365"/>
      <c r="K8454" s="365"/>
      <c r="L8454" s="365"/>
    </row>
    <row r="8455" spans="2:12" ht="28.5">
      <c r="B8455" s="368"/>
      <c r="C8455" s="368"/>
      <c r="D8455" s="368"/>
      <c r="E8455" s="368"/>
      <c r="F8455" s="361" t="s">
        <v>14472</v>
      </c>
      <c r="G8455" s="361" t="s">
        <v>14473</v>
      </c>
      <c r="H8455" s="361" t="s">
        <v>14332</v>
      </c>
      <c r="I8455" s="361" t="s">
        <v>14473</v>
      </c>
      <c r="J8455" s="366"/>
      <c r="K8455" s="366"/>
      <c r="L8455" s="366"/>
    </row>
    <row r="8456" spans="2:12">
      <c r="B8456" s="358" t="s">
        <v>18475</v>
      </c>
      <c r="C8456" s="358" t="s">
        <v>28996</v>
      </c>
      <c r="D8456" s="358" t="s">
        <v>18476</v>
      </c>
      <c r="E8456" s="358" t="s">
        <v>18477</v>
      </c>
      <c r="F8456" s="358" t="s">
        <v>14505</v>
      </c>
      <c r="G8456" s="358" t="s">
        <v>14506</v>
      </c>
      <c r="H8456" s="358" t="s">
        <v>14328</v>
      </c>
      <c r="I8456" s="358" t="s">
        <v>14506</v>
      </c>
      <c r="J8456" s="358"/>
      <c r="K8456" s="358"/>
      <c r="L8456" s="358"/>
    </row>
    <row r="8457" spans="2:12">
      <c r="B8457" s="367"/>
      <c r="C8457" s="367"/>
      <c r="D8457" s="367"/>
      <c r="E8457" s="367"/>
      <c r="F8457" s="360"/>
      <c r="G8457" s="360"/>
      <c r="H8457" s="360"/>
      <c r="I8457" s="360"/>
      <c r="J8457" s="365"/>
      <c r="K8457" s="365"/>
      <c r="L8457" s="365"/>
    </row>
    <row r="8458" spans="2:12">
      <c r="B8458" s="367"/>
      <c r="C8458" s="367"/>
      <c r="D8458" s="367"/>
      <c r="E8458" s="367"/>
      <c r="F8458" s="359" t="s">
        <v>14386</v>
      </c>
      <c r="G8458" s="359" t="s">
        <v>14387</v>
      </c>
      <c r="H8458" s="359" t="s">
        <v>14367</v>
      </c>
      <c r="I8458" s="359" t="s">
        <v>14387</v>
      </c>
      <c r="J8458" s="365"/>
      <c r="K8458" s="365"/>
      <c r="L8458" s="365"/>
    </row>
    <row r="8459" spans="2:12">
      <c r="B8459" s="367"/>
      <c r="C8459" s="367"/>
      <c r="D8459" s="367"/>
      <c r="E8459" s="367"/>
      <c r="F8459" s="360"/>
      <c r="G8459" s="360"/>
      <c r="H8459" s="360"/>
      <c r="I8459" s="360"/>
      <c r="J8459" s="365"/>
      <c r="K8459" s="365"/>
      <c r="L8459" s="365"/>
    </row>
    <row r="8460" spans="2:12">
      <c r="B8460" s="368"/>
      <c r="C8460" s="368"/>
      <c r="D8460" s="368"/>
      <c r="E8460" s="368"/>
      <c r="F8460" s="361" t="s">
        <v>14368</v>
      </c>
      <c r="G8460" s="361" t="s">
        <v>14369</v>
      </c>
      <c r="H8460" s="361" t="s">
        <v>14332</v>
      </c>
      <c r="I8460" s="361" t="s">
        <v>14369</v>
      </c>
      <c r="J8460" s="366"/>
      <c r="K8460" s="366"/>
      <c r="L8460" s="366"/>
    </row>
    <row r="8461" spans="2:12">
      <c r="B8461" s="358" t="s">
        <v>18478</v>
      </c>
      <c r="C8461" s="358" t="s">
        <v>18479</v>
      </c>
      <c r="D8461" s="358" t="s">
        <v>18480</v>
      </c>
      <c r="E8461" s="358" t="s">
        <v>18481</v>
      </c>
      <c r="F8461" s="358" t="s">
        <v>14420</v>
      </c>
      <c r="G8461" s="358" t="s">
        <v>14429</v>
      </c>
      <c r="H8461" s="358" t="s">
        <v>14341</v>
      </c>
      <c r="I8461" s="358" t="s">
        <v>14429</v>
      </c>
      <c r="J8461" s="358"/>
      <c r="K8461" s="358"/>
      <c r="L8461" s="358"/>
    </row>
    <row r="8462" spans="2:12">
      <c r="B8462" s="367"/>
      <c r="C8462" s="367"/>
      <c r="D8462" s="367"/>
      <c r="E8462" s="367"/>
      <c r="F8462" s="360"/>
      <c r="G8462" s="360"/>
      <c r="H8462" s="360"/>
      <c r="I8462" s="360"/>
      <c r="J8462" s="365"/>
      <c r="K8462" s="365"/>
      <c r="L8462" s="365"/>
    </row>
    <row r="8463" spans="2:12">
      <c r="B8463" s="367"/>
      <c r="C8463" s="367"/>
      <c r="D8463" s="367"/>
      <c r="E8463" s="367"/>
      <c r="F8463" s="359" t="s">
        <v>14356</v>
      </c>
      <c r="G8463" s="359" t="s">
        <v>14340</v>
      </c>
      <c r="H8463" s="359" t="s">
        <v>14367</v>
      </c>
      <c r="I8463" s="359" t="s">
        <v>14340</v>
      </c>
      <c r="J8463" s="365"/>
      <c r="K8463" s="365"/>
      <c r="L8463" s="365"/>
    </row>
    <row r="8464" spans="2:12">
      <c r="B8464" s="367"/>
      <c r="C8464" s="367"/>
      <c r="D8464" s="367"/>
      <c r="E8464" s="367"/>
      <c r="F8464" s="360"/>
      <c r="G8464" s="360"/>
      <c r="H8464" s="360"/>
      <c r="I8464" s="360"/>
      <c r="J8464" s="365"/>
      <c r="K8464" s="365"/>
      <c r="L8464" s="365"/>
    </row>
    <row r="8465" spans="2:12" ht="28.5">
      <c r="B8465" s="368"/>
      <c r="C8465" s="368"/>
      <c r="D8465" s="368"/>
      <c r="E8465" s="368"/>
      <c r="F8465" s="361" t="s">
        <v>14472</v>
      </c>
      <c r="G8465" s="361" t="s">
        <v>14473</v>
      </c>
      <c r="H8465" s="361" t="s">
        <v>14332</v>
      </c>
      <c r="I8465" s="361" t="s">
        <v>14473</v>
      </c>
      <c r="J8465" s="366"/>
      <c r="K8465" s="366"/>
      <c r="L8465" s="366"/>
    </row>
    <row r="8466" spans="2:12" ht="28.5">
      <c r="B8466" s="358" t="s">
        <v>18482</v>
      </c>
      <c r="C8466" s="358" t="s">
        <v>18483</v>
      </c>
      <c r="D8466" s="358" t="s">
        <v>18484</v>
      </c>
      <c r="E8466" s="358" t="s">
        <v>8356</v>
      </c>
      <c r="F8466" s="358" t="s">
        <v>14391</v>
      </c>
      <c r="G8466" s="358" t="s">
        <v>14392</v>
      </c>
      <c r="H8466" s="358" t="s">
        <v>14367</v>
      </c>
      <c r="I8466" s="358" t="s">
        <v>14392</v>
      </c>
      <c r="J8466" s="358"/>
      <c r="K8466" s="358"/>
      <c r="L8466" s="358"/>
    </row>
    <row r="8467" spans="2:12">
      <c r="B8467" s="367"/>
      <c r="C8467" s="367"/>
      <c r="D8467" s="367"/>
      <c r="E8467" s="367"/>
      <c r="F8467" s="360"/>
      <c r="G8467" s="360"/>
      <c r="H8467" s="360"/>
      <c r="I8467" s="360"/>
      <c r="J8467" s="365"/>
      <c r="K8467" s="365"/>
      <c r="L8467" s="365"/>
    </row>
    <row r="8468" spans="2:12">
      <c r="B8468" s="367"/>
      <c r="C8468" s="367"/>
      <c r="D8468" s="367"/>
      <c r="E8468" s="367"/>
      <c r="F8468" s="359" t="s">
        <v>14371</v>
      </c>
      <c r="G8468" s="359" t="s">
        <v>14372</v>
      </c>
      <c r="H8468" s="359" t="s">
        <v>14370</v>
      </c>
      <c r="I8468" s="359" t="s">
        <v>14373</v>
      </c>
      <c r="J8468" s="365"/>
      <c r="K8468" s="365"/>
      <c r="L8468" s="365"/>
    </row>
    <row r="8469" spans="2:12">
      <c r="B8469" s="367"/>
      <c r="C8469" s="367"/>
      <c r="D8469" s="367"/>
      <c r="E8469" s="367"/>
      <c r="F8469" s="360"/>
      <c r="G8469" s="360"/>
      <c r="H8469" s="360"/>
      <c r="I8469" s="360"/>
      <c r="J8469" s="365"/>
      <c r="K8469" s="365"/>
      <c r="L8469" s="365"/>
    </row>
    <row r="8470" spans="2:12" ht="28.5">
      <c r="B8470" s="368"/>
      <c r="C8470" s="368"/>
      <c r="D8470" s="368"/>
      <c r="E8470" s="368"/>
      <c r="F8470" s="361" t="s">
        <v>14374</v>
      </c>
      <c r="G8470" s="361" t="s">
        <v>14373</v>
      </c>
      <c r="H8470" s="361" t="s">
        <v>14422</v>
      </c>
      <c r="I8470" s="362"/>
      <c r="J8470" s="366"/>
      <c r="K8470" s="366"/>
      <c r="L8470" s="366"/>
    </row>
    <row r="8471" spans="2:12">
      <c r="B8471" s="358" t="s">
        <v>18485</v>
      </c>
      <c r="C8471" s="358" t="s">
        <v>18486</v>
      </c>
      <c r="D8471" s="358" t="s">
        <v>18487</v>
      </c>
      <c r="E8471" s="358" t="s">
        <v>18488</v>
      </c>
      <c r="F8471" s="358" t="s">
        <v>14386</v>
      </c>
      <c r="G8471" s="358" t="s">
        <v>14387</v>
      </c>
      <c r="H8471" s="358" t="s">
        <v>14367</v>
      </c>
      <c r="I8471" s="358" t="s">
        <v>14387</v>
      </c>
      <c r="J8471" s="358"/>
      <c r="K8471" s="358"/>
      <c r="L8471" s="358"/>
    </row>
    <row r="8472" spans="2:12">
      <c r="B8472" s="367"/>
      <c r="C8472" s="367"/>
      <c r="D8472" s="367"/>
      <c r="E8472" s="367"/>
      <c r="F8472" s="360"/>
      <c r="G8472" s="360"/>
      <c r="H8472" s="360"/>
      <c r="I8472" s="360"/>
      <c r="J8472" s="365"/>
      <c r="K8472" s="365"/>
      <c r="L8472" s="365"/>
    </row>
    <row r="8473" spans="2:12">
      <c r="B8473" s="368"/>
      <c r="C8473" s="368"/>
      <c r="D8473" s="368"/>
      <c r="E8473" s="368"/>
      <c r="F8473" s="361" t="s">
        <v>14389</v>
      </c>
      <c r="G8473" s="361" t="s">
        <v>14390</v>
      </c>
      <c r="H8473" s="361" t="s">
        <v>14422</v>
      </c>
      <c r="I8473" s="361" t="s">
        <v>14390</v>
      </c>
      <c r="J8473" s="366"/>
      <c r="K8473" s="366"/>
      <c r="L8473" s="366"/>
    </row>
    <row r="8474" spans="2:12" ht="28.5">
      <c r="B8474" s="358" t="s">
        <v>18489</v>
      </c>
      <c r="C8474" s="358" t="s">
        <v>18490</v>
      </c>
      <c r="D8474" s="358" t="s">
        <v>18491</v>
      </c>
      <c r="E8474" s="358" t="s">
        <v>18492</v>
      </c>
      <c r="F8474" s="358" t="s">
        <v>14443</v>
      </c>
      <c r="G8474" s="358" t="s">
        <v>14444</v>
      </c>
      <c r="H8474" s="358" t="s">
        <v>14381</v>
      </c>
      <c r="I8474" s="358" t="s">
        <v>14444</v>
      </c>
      <c r="J8474" s="358"/>
      <c r="K8474" s="358"/>
      <c r="L8474" s="358"/>
    </row>
    <row r="8475" spans="2:12">
      <c r="B8475" s="367"/>
      <c r="C8475" s="367"/>
      <c r="D8475" s="367"/>
      <c r="E8475" s="367"/>
      <c r="F8475" s="360"/>
      <c r="G8475" s="360"/>
      <c r="H8475" s="360"/>
      <c r="I8475" s="360"/>
      <c r="J8475" s="365"/>
      <c r="K8475" s="365"/>
      <c r="L8475" s="365"/>
    </row>
    <row r="8476" spans="2:12">
      <c r="B8476" s="367"/>
      <c r="C8476" s="367"/>
      <c r="D8476" s="367"/>
      <c r="E8476" s="367"/>
      <c r="F8476" s="359" t="s">
        <v>14391</v>
      </c>
      <c r="G8476" s="359" t="s">
        <v>14392</v>
      </c>
      <c r="H8476" s="359" t="s">
        <v>14367</v>
      </c>
      <c r="I8476" s="359" t="s">
        <v>14392</v>
      </c>
      <c r="J8476" s="365"/>
      <c r="K8476" s="365"/>
      <c r="L8476" s="365"/>
    </row>
    <row r="8477" spans="2:12">
      <c r="B8477" s="367"/>
      <c r="C8477" s="367"/>
      <c r="D8477" s="367"/>
      <c r="E8477" s="367"/>
      <c r="F8477" s="360"/>
      <c r="G8477" s="360"/>
      <c r="H8477" s="360"/>
      <c r="I8477" s="360"/>
      <c r="J8477" s="365"/>
      <c r="K8477" s="365"/>
      <c r="L8477" s="365"/>
    </row>
    <row r="8478" spans="2:12" ht="28.5">
      <c r="B8478" s="368"/>
      <c r="C8478" s="368"/>
      <c r="D8478" s="368"/>
      <c r="E8478" s="368"/>
      <c r="F8478" s="361" t="s">
        <v>14462</v>
      </c>
      <c r="G8478" s="361" t="s">
        <v>14463</v>
      </c>
      <c r="H8478" s="361" t="s">
        <v>14422</v>
      </c>
      <c r="I8478" s="361" t="s">
        <v>14463</v>
      </c>
      <c r="J8478" s="366"/>
      <c r="K8478" s="366"/>
      <c r="L8478" s="366"/>
    </row>
    <row r="8479" spans="2:12">
      <c r="B8479" s="358" t="s">
        <v>18493</v>
      </c>
      <c r="C8479" s="358" t="s">
        <v>18494</v>
      </c>
      <c r="D8479" s="358" t="s">
        <v>18495</v>
      </c>
      <c r="E8479" s="358" t="s">
        <v>18496</v>
      </c>
      <c r="F8479" s="358" t="s">
        <v>15096</v>
      </c>
      <c r="G8479" s="358" t="s">
        <v>15097</v>
      </c>
      <c r="H8479" s="358" t="s">
        <v>14328</v>
      </c>
      <c r="I8479" s="358" t="s">
        <v>15097</v>
      </c>
      <c r="J8479" s="358"/>
      <c r="K8479" s="358"/>
      <c r="L8479" s="358" t="s">
        <v>14513</v>
      </c>
    </row>
    <row r="8480" spans="2:12">
      <c r="B8480" s="367"/>
      <c r="C8480" s="367"/>
      <c r="D8480" s="367"/>
      <c r="E8480" s="367"/>
      <c r="F8480" s="360"/>
      <c r="G8480" s="360"/>
      <c r="H8480" s="360"/>
      <c r="I8480" s="360"/>
      <c r="J8480" s="365"/>
      <c r="K8480" s="365"/>
      <c r="L8480" s="367"/>
    </row>
    <row r="8481" spans="2:12">
      <c r="B8481" s="367"/>
      <c r="C8481" s="367"/>
      <c r="D8481" s="367"/>
      <c r="E8481" s="367"/>
      <c r="F8481" s="359" t="s">
        <v>14356</v>
      </c>
      <c r="G8481" s="359" t="s">
        <v>14340</v>
      </c>
      <c r="H8481" s="359" t="s">
        <v>14341</v>
      </c>
      <c r="I8481" s="359" t="s">
        <v>14340</v>
      </c>
      <c r="J8481" s="365"/>
      <c r="K8481" s="365"/>
      <c r="L8481" s="367"/>
    </row>
    <row r="8482" spans="2:12">
      <c r="B8482" s="367"/>
      <c r="C8482" s="367"/>
      <c r="D8482" s="367"/>
      <c r="E8482" s="367"/>
      <c r="F8482" s="360"/>
      <c r="G8482" s="360"/>
      <c r="H8482" s="360"/>
      <c r="I8482" s="360"/>
      <c r="J8482" s="365"/>
      <c r="K8482" s="365"/>
      <c r="L8482" s="367"/>
    </row>
    <row r="8483" spans="2:12" ht="28.5">
      <c r="B8483" s="368"/>
      <c r="C8483" s="368"/>
      <c r="D8483" s="368"/>
      <c r="E8483" s="368"/>
      <c r="F8483" s="361" t="s">
        <v>14472</v>
      </c>
      <c r="G8483" s="361" t="s">
        <v>14473</v>
      </c>
      <c r="H8483" s="361" t="s">
        <v>14332</v>
      </c>
      <c r="I8483" s="361" t="s">
        <v>14473</v>
      </c>
      <c r="J8483" s="366"/>
      <c r="K8483" s="366"/>
      <c r="L8483" s="368"/>
    </row>
    <row r="8484" spans="2:12">
      <c r="B8484" s="358" t="s">
        <v>18497</v>
      </c>
      <c r="C8484" s="358" t="s">
        <v>30130</v>
      </c>
      <c r="D8484" s="358" t="s">
        <v>18498</v>
      </c>
      <c r="E8484" s="358" t="s">
        <v>18499</v>
      </c>
      <c r="F8484" s="358" t="s">
        <v>14389</v>
      </c>
      <c r="G8484" s="358" t="s">
        <v>14390</v>
      </c>
      <c r="H8484" s="358" t="s">
        <v>14367</v>
      </c>
      <c r="I8484" s="358" t="s">
        <v>14390</v>
      </c>
      <c r="J8484" s="358"/>
      <c r="K8484" s="358"/>
      <c r="L8484" s="358"/>
    </row>
    <row r="8485" spans="2:12">
      <c r="B8485" s="367"/>
      <c r="C8485" s="367"/>
      <c r="D8485" s="367"/>
      <c r="E8485" s="367"/>
      <c r="F8485" s="360"/>
      <c r="G8485" s="360"/>
      <c r="H8485" s="360"/>
      <c r="I8485" s="360"/>
      <c r="J8485" s="365"/>
      <c r="K8485" s="365"/>
      <c r="L8485" s="365"/>
    </row>
    <row r="8486" spans="2:12">
      <c r="B8486" s="367"/>
      <c r="C8486" s="367"/>
      <c r="D8486" s="367"/>
      <c r="E8486" s="367"/>
      <c r="F8486" s="359" t="s">
        <v>14391</v>
      </c>
      <c r="G8486" s="359" t="s">
        <v>14392</v>
      </c>
      <c r="H8486" s="359" t="s">
        <v>14370</v>
      </c>
      <c r="I8486" s="359" t="s">
        <v>14392</v>
      </c>
      <c r="J8486" s="365"/>
      <c r="K8486" s="365"/>
      <c r="L8486" s="365"/>
    </row>
    <row r="8487" spans="2:12">
      <c r="B8487" s="367"/>
      <c r="C8487" s="367"/>
      <c r="D8487" s="367"/>
      <c r="E8487" s="367"/>
      <c r="F8487" s="360"/>
      <c r="G8487" s="360"/>
      <c r="H8487" s="360"/>
      <c r="I8487" s="360"/>
      <c r="J8487" s="365"/>
      <c r="K8487" s="365"/>
      <c r="L8487" s="365"/>
    </row>
    <row r="8488" spans="2:12" ht="28.5">
      <c r="B8488" s="368"/>
      <c r="C8488" s="368"/>
      <c r="D8488" s="368"/>
      <c r="E8488" s="368"/>
      <c r="F8488" s="361" t="s">
        <v>14394</v>
      </c>
      <c r="G8488" s="361" t="s">
        <v>14395</v>
      </c>
      <c r="H8488" s="361" t="s">
        <v>14422</v>
      </c>
      <c r="I8488" s="361" t="s">
        <v>14395</v>
      </c>
      <c r="J8488" s="366"/>
      <c r="K8488" s="366"/>
      <c r="L8488" s="366"/>
    </row>
    <row r="8489" spans="2:12">
      <c r="B8489" s="358" t="s">
        <v>18500</v>
      </c>
      <c r="C8489" s="358" t="s">
        <v>18501</v>
      </c>
      <c r="D8489" s="358" t="s">
        <v>18502</v>
      </c>
      <c r="E8489" s="358" t="s">
        <v>18503</v>
      </c>
      <c r="F8489" s="358" t="s">
        <v>14371</v>
      </c>
      <c r="G8489" s="358" t="s">
        <v>14372</v>
      </c>
      <c r="H8489" s="358" t="s">
        <v>14370</v>
      </c>
      <c r="I8489" s="358" t="s">
        <v>14373</v>
      </c>
      <c r="J8489" s="358"/>
      <c r="K8489" s="358"/>
      <c r="L8489" s="358"/>
    </row>
    <row r="8490" spans="2:12">
      <c r="B8490" s="367"/>
      <c r="C8490" s="367"/>
      <c r="D8490" s="367"/>
      <c r="E8490" s="367"/>
      <c r="F8490" s="360"/>
      <c r="G8490" s="360"/>
      <c r="H8490" s="360"/>
      <c r="I8490" s="367"/>
      <c r="J8490" s="365"/>
      <c r="K8490" s="365"/>
      <c r="L8490" s="365"/>
    </row>
    <row r="8491" spans="2:12" ht="28.5">
      <c r="B8491" s="368"/>
      <c r="C8491" s="368"/>
      <c r="D8491" s="368"/>
      <c r="E8491" s="368"/>
      <c r="F8491" s="361" t="s">
        <v>14374</v>
      </c>
      <c r="G8491" s="361" t="s">
        <v>14373</v>
      </c>
      <c r="H8491" s="361" t="s">
        <v>14422</v>
      </c>
      <c r="I8491" s="368"/>
      <c r="J8491" s="366"/>
      <c r="K8491" s="366"/>
      <c r="L8491" s="366"/>
    </row>
    <row r="8492" spans="2:12" ht="28.5">
      <c r="B8492" s="358" t="s">
        <v>18504</v>
      </c>
      <c r="C8492" s="358" t="s">
        <v>27565</v>
      </c>
      <c r="D8492" s="358" t="s">
        <v>18505</v>
      </c>
      <c r="E8492" s="358" t="s">
        <v>18506</v>
      </c>
      <c r="F8492" s="358" t="s">
        <v>14420</v>
      </c>
      <c r="G8492" s="358" t="s">
        <v>14429</v>
      </c>
      <c r="H8492" s="358" t="s">
        <v>14341</v>
      </c>
      <c r="I8492" s="358" t="s">
        <v>14429</v>
      </c>
      <c r="J8492" s="358"/>
      <c r="K8492" s="358"/>
      <c r="L8492" s="358"/>
    </row>
    <row r="8493" spans="2:12">
      <c r="B8493" s="367"/>
      <c r="C8493" s="367"/>
      <c r="D8493" s="367"/>
      <c r="E8493" s="367"/>
      <c r="F8493" s="360"/>
      <c r="G8493" s="360"/>
      <c r="H8493" s="360"/>
      <c r="I8493" s="360"/>
      <c r="J8493" s="365"/>
      <c r="K8493" s="365"/>
      <c r="L8493" s="365"/>
    </row>
    <row r="8494" spans="2:12">
      <c r="B8494" s="367"/>
      <c r="C8494" s="367"/>
      <c r="D8494" s="367"/>
      <c r="E8494" s="367"/>
      <c r="F8494" s="359" t="s">
        <v>14430</v>
      </c>
      <c r="G8494" s="359" t="s">
        <v>14431</v>
      </c>
      <c r="H8494" s="359" t="s">
        <v>14367</v>
      </c>
      <c r="I8494" s="359" t="s">
        <v>14431</v>
      </c>
      <c r="J8494" s="365"/>
      <c r="K8494" s="365"/>
      <c r="L8494" s="365"/>
    </row>
    <row r="8495" spans="2:12">
      <c r="B8495" s="367"/>
      <c r="C8495" s="367"/>
      <c r="D8495" s="367"/>
      <c r="E8495" s="367"/>
      <c r="F8495" s="360"/>
      <c r="G8495" s="360"/>
      <c r="H8495" s="360"/>
      <c r="I8495" s="360"/>
      <c r="J8495" s="365"/>
      <c r="K8495" s="365"/>
      <c r="L8495" s="365"/>
    </row>
    <row r="8496" spans="2:12" ht="28.5">
      <c r="B8496" s="367"/>
      <c r="C8496" s="367"/>
      <c r="D8496" s="367"/>
      <c r="E8496" s="367"/>
      <c r="F8496" s="359" t="s">
        <v>14394</v>
      </c>
      <c r="G8496" s="359" t="s">
        <v>14395</v>
      </c>
      <c r="H8496" s="359" t="s">
        <v>14370</v>
      </c>
      <c r="I8496" s="359" t="s">
        <v>14395</v>
      </c>
      <c r="J8496" s="365"/>
      <c r="K8496" s="365"/>
      <c r="L8496" s="365"/>
    </row>
    <row r="8497" spans="2:12">
      <c r="B8497" s="367"/>
      <c r="C8497" s="367"/>
      <c r="D8497" s="367"/>
      <c r="E8497" s="367"/>
      <c r="F8497" s="360"/>
      <c r="G8497" s="360"/>
      <c r="H8497" s="360"/>
      <c r="I8497" s="360"/>
      <c r="J8497" s="365"/>
      <c r="K8497" s="365"/>
      <c r="L8497" s="365"/>
    </row>
    <row r="8498" spans="2:12">
      <c r="B8498" s="368"/>
      <c r="C8498" s="368"/>
      <c r="D8498" s="368"/>
      <c r="E8498" s="368"/>
      <c r="F8498" s="362"/>
      <c r="G8498" s="362"/>
      <c r="H8498" s="361" t="s">
        <v>14332</v>
      </c>
      <c r="I8498" s="362"/>
      <c r="J8498" s="366"/>
      <c r="K8498" s="366"/>
      <c r="L8498" s="366"/>
    </row>
    <row r="8499" spans="2:12">
      <c r="B8499" s="358" t="s">
        <v>18507</v>
      </c>
      <c r="C8499" s="358" t="s">
        <v>18508</v>
      </c>
      <c r="D8499" s="358" t="s">
        <v>18509</v>
      </c>
      <c r="E8499" s="358" t="s">
        <v>18510</v>
      </c>
      <c r="F8499" s="358" t="s">
        <v>14420</v>
      </c>
      <c r="G8499" s="358" t="s">
        <v>14429</v>
      </c>
      <c r="H8499" s="358" t="s">
        <v>14367</v>
      </c>
      <c r="I8499" s="358" t="s">
        <v>14429</v>
      </c>
      <c r="J8499" s="358"/>
      <c r="K8499" s="358"/>
      <c r="L8499" s="358"/>
    </row>
    <row r="8500" spans="2:12">
      <c r="B8500" s="367"/>
      <c r="C8500" s="367"/>
      <c r="D8500" s="367"/>
      <c r="E8500" s="367"/>
      <c r="F8500" s="360"/>
      <c r="G8500" s="360"/>
      <c r="H8500" s="360"/>
      <c r="I8500" s="360"/>
      <c r="J8500" s="365"/>
      <c r="K8500" s="365"/>
      <c r="L8500" s="365"/>
    </row>
    <row r="8501" spans="2:12">
      <c r="B8501" s="367"/>
      <c r="C8501" s="367"/>
      <c r="D8501" s="367"/>
      <c r="E8501" s="367"/>
      <c r="F8501" s="359" t="s">
        <v>14391</v>
      </c>
      <c r="G8501" s="359" t="s">
        <v>14392</v>
      </c>
      <c r="H8501" s="359" t="s">
        <v>14422</v>
      </c>
      <c r="I8501" s="359" t="s">
        <v>14392</v>
      </c>
      <c r="J8501" s="365"/>
      <c r="K8501" s="365"/>
      <c r="L8501" s="365"/>
    </row>
    <row r="8502" spans="2:12">
      <c r="B8502" s="367"/>
      <c r="C8502" s="367"/>
      <c r="D8502" s="367"/>
      <c r="E8502" s="367"/>
      <c r="F8502" s="360"/>
      <c r="G8502" s="360"/>
      <c r="H8502" s="360"/>
      <c r="I8502" s="360"/>
      <c r="J8502" s="365"/>
      <c r="K8502" s="365"/>
      <c r="L8502" s="365"/>
    </row>
    <row r="8503" spans="2:12" ht="28.5">
      <c r="B8503" s="368"/>
      <c r="C8503" s="368"/>
      <c r="D8503" s="368"/>
      <c r="E8503" s="368"/>
      <c r="F8503" s="361" t="s">
        <v>14472</v>
      </c>
      <c r="G8503" s="361" t="s">
        <v>14473</v>
      </c>
      <c r="H8503" s="362"/>
      <c r="I8503" s="361" t="s">
        <v>14473</v>
      </c>
      <c r="J8503" s="366"/>
      <c r="K8503" s="366"/>
      <c r="L8503" s="366"/>
    </row>
    <row r="8504" spans="2:12" ht="28.5">
      <c r="B8504" s="358" t="s">
        <v>18511</v>
      </c>
      <c r="C8504" s="358" t="s">
        <v>30131</v>
      </c>
      <c r="D8504" s="358" t="s">
        <v>18512</v>
      </c>
      <c r="E8504" s="358" t="s">
        <v>18513</v>
      </c>
      <c r="F8504" s="358" t="s">
        <v>14418</v>
      </c>
      <c r="G8504" s="358" t="s">
        <v>14419</v>
      </c>
      <c r="H8504" s="358" t="s">
        <v>14328</v>
      </c>
      <c r="I8504" s="358" t="s">
        <v>14419</v>
      </c>
      <c r="J8504" s="358"/>
      <c r="K8504" s="358"/>
      <c r="L8504" s="358" t="s">
        <v>14611</v>
      </c>
    </row>
    <row r="8505" spans="2:12">
      <c r="B8505" s="367"/>
      <c r="C8505" s="367"/>
      <c r="D8505" s="360"/>
      <c r="E8505" s="360"/>
      <c r="F8505" s="360"/>
      <c r="G8505" s="360"/>
      <c r="H8505" s="360"/>
      <c r="I8505" s="360"/>
      <c r="J8505" s="365"/>
      <c r="K8505" s="365"/>
      <c r="L8505" s="367"/>
    </row>
    <row r="8506" spans="2:12" ht="28.5">
      <c r="B8506" s="367"/>
      <c r="C8506" s="367"/>
      <c r="D8506" s="359" t="s">
        <v>18514</v>
      </c>
      <c r="E8506" s="359" t="s">
        <v>18515</v>
      </c>
      <c r="F8506" s="359" t="s">
        <v>14386</v>
      </c>
      <c r="G8506" s="359" t="s">
        <v>14387</v>
      </c>
      <c r="H8506" s="359" t="s">
        <v>14367</v>
      </c>
      <c r="I8506" s="359" t="s">
        <v>14387</v>
      </c>
      <c r="J8506" s="365"/>
      <c r="K8506" s="365"/>
      <c r="L8506" s="367"/>
    </row>
    <row r="8507" spans="2:12">
      <c r="B8507" s="367"/>
      <c r="C8507" s="367"/>
      <c r="D8507" s="360"/>
      <c r="E8507" s="360"/>
      <c r="F8507" s="360"/>
      <c r="G8507" s="360"/>
      <c r="H8507" s="360"/>
      <c r="I8507" s="360"/>
      <c r="J8507" s="365"/>
      <c r="K8507" s="365"/>
      <c r="L8507" s="367"/>
    </row>
    <row r="8508" spans="2:12" ht="28.5">
      <c r="B8508" s="367"/>
      <c r="C8508" s="367"/>
      <c r="D8508" s="359" t="s">
        <v>18516</v>
      </c>
      <c r="E8508" s="359" t="s">
        <v>18517</v>
      </c>
      <c r="F8508" s="359" t="s">
        <v>14368</v>
      </c>
      <c r="G8508" s="359" t="s">
        <v>14388</v>
      </c>
      <c r="H8508" s="359" t="s">
        <v>14422</v>
      </c>
      <c r="I8508" s="359" t="s">
        <v>14388</v>
      </c>
      <c r="J8508" s="365"/>
      <c r="K8508" s="365"/>
      <c r="L8508" s="367"/>
    </row>
    <row r="8509" spans="2:12">
      <c r="B8509" s="367"/>
      <c r="C8509" s="367"/>
      <c r="D8509" s="360"/>
      <c r="E8509" s="360"/>
      <c r="F8509" s="360"/>
      <c r="G8509" s="360"/>
      <c r="H8509" s="360"/>
      <c r="I8509" s="360"/>
      <c r="J8509" s="365"/>
      <c r="K8509" s="365"/>
      <c r="L8509" s="367"/>
    </row>
    <row r="8510" spans="2:12" ht="28.5">
      <c r="B8510" s="368"/>
      <c r="C8510" s="368"/>
      <c r="D8510" s="361" t="s">
        <v>18518</v>
      </c>
      <c r="E8510" s="361" t="s">
        <v>18519</v>
      </c>
      <c r="F8510" s="361" t="s">
        <v>14368</v>
      </c>
      <c r="G8510" s="361" t="s">
        <v>14369</v>
      </c>
      <c r="H8510" s="362"/>
      <c r="I8510" s="361" t="s">
        <v>14369</v>
      </c>
      <c r="J8510" s="366"/>
      <c r="K8510" s="366"/>
      <c r="L8510" s="368"/>
    </row>
    <row r="8511" spans="2:12" ht="28.5">
      <c r="B8511" s="358" t="s">
        <v>18520</v>
      </c>
      <c r="C8511" s="358" t="s">
        <v>18521</v>
      </c>
      <c r="D8511" s="358" t="s">
        <v>18522</v>
      </c>
      <c r="E8511" s="358" t="s">
        <v>18523</v>
      </c>
      <c r="F8511" s="358" t="s">
        <v>14462</v>
      </c>
      <c r="G8511" s="358" t="s">
        <v>14463</v>
      </c>
      <c r="H8511" s="358" t="s">
        <v>8356</v>
      </c>
      <c r="I8511" s="358" t="s">
        <v>14463</v>
      </c>
      <c r="J8511" s="358"/>
      <c r="K8511" s="358"/>
      <c r="L8511" s="358"/>
    </row>
    <row r="8512" spans="2:12">
      <c r="B8512" s="368"/>
      <c r="C8512" s="368"/>
      <c r="D8512" s="368"/>
      <c r="E8512" s="368"/>
      <c r="F8512" s="368"/>
      <c r="G8512" s="368"/>
      <c r="H8512" s="368"/>
      <c r="I8512" s="368"/>
      <c r="J8512" s="366"/>
      <c r="K8512" s="366"/>
      <c r="L8512" s="366"/>
    </row>
    <row r="8513" spans="2:12">
      <c r="B8513" s="358" t="s">
        <v>18524</v>
      </c>
      <c r="C8513" s="358" t="s">
        <v>27566</v>
      </c>
      <c r="D8513" s="358" t="s">
        <v>18525</v>
      </c>
      <c r="E8513" s="358" t="s">
        <v>18526</v>
      </c>
      <c r="F8513" s="358" t="s">
        <v>14418</v>
      </c>
      <c r="G8513" s="358" t="s">
        <v>14419</v>
      </c>
      <c r="H8513" s="358" t="s">
        <v>14328</v>
      </c>
      <c r="I8513" s="358" t="s">
        <v>14419</v>
      </c>
      <c r="J8513" s="358"/>
      <c r="K8513" s="358"/>
      <c r="L8513" s="358"/>
    </row>
    <row r="8514" spans="2:12">
      <c r="B8514" s="367"/>
      <c r="C8514" s="367"/>
      <c r="D8514" s="367"/>
      <c r="E8514" s="367"/>
      <c r="F8514" s="360"/>
      <c r="G8514" s="360"/>
      <c r="H8514" s="360"/>
      <c r="I8514" s="360"/>
      <c r="J8514" s="365"/>
      <c r="K8514" s="365"/>
      <c r="L8514" s="365"/>
    </row>
    <row r="8515" spans="2:12">
      <c r="B8515" s="367"/>
      <c r="C8515" s="367"/>
      <c r="D8515" s="367"/>
      <c r="E8515" s="367"/>
      <c r="F8515" s="359" t="s">
        <v>14430</v>
      </c>
      <c r="G8515" s="359" t="s">
        <v>14431</v>
      </c>
      <c r="H8515" s="359" t="s">
        <v>14341</v>
      </c>
      <c r="I8515" s="359" t="s">
        <v>14431</v>
      </c>
      <c r="J8515" s="365"/>
      <c r="K8515" s="365"/>
      <c r="L8515" s="365"/>
    </row>
    <row r="8516" spans="2:12">
      <c r="B8516" s="367"/>
      <c r="C8516" s="367"/>
      <c r="D8516" s="367"/>
      <c r="E8516" s="367"/>
      <c r="F8516" s="360"/>
      <c r="G8516" s="360"/>
      <c r="H8516" s="360"/>
      <c r="I8516" s="360"/>
      <c r="J8516" s="365"/>
      <c r="K8516" s="365"/>
      <c r="L8516" s="365"/>
    </row>
    <row r="8517" spans="2:12">
      <c r="B8517" s="368"/>
      <c r="C8517" s="368"/>
      <c r="D8517" s="368"/>
      <c r="E8517" s="368"/>
      <c r="F8517" s="362"/>
      <c r="G8517" s="362"/>
      <c r="H8517" s="361" t="s">
        <v>14332</v>
      </c>
      <c r="I8517" s="362"/>
      <c r="J8517" s="366"/>
      <c r="K8517" s="366"/>
      <c r="L8517" s="366"/>
    </row>
    <row r="8518" spans="2:12" ht="28.5">
      <c r="B8518" s="358" t="s">
        <v>18527</v>
      </c>
      <c r="C8518" s="358" t="s">
        <v>18528</v>
      </c>
      <c r="D8518" s="358" t="s">
        <v>18529</v>
      </c>
      <c r="E8518" s="358" t="s">
        <v>8356</v>
      </c>
      <c r="F8518" s="358" t="s">
        <v>14420</v>
      </c>
      <c r="G8518" s="358" t="s">
        <v>14429</v>
      </c>
      <c r="H8518" s="358" t="s">
        <v>14367</v>
      </c>
      <c r="I8518" s="358" t="s">
        <v>14429</v>
      </c>
      <c r="J8518" s="358"/>
      <c r="K8518" s="358"/>
      <c r="L8518" s="358"/>
    </row>
    <row r="8519" spans="2:12">
      <c r="B8519" s="367"/>
      <c r="C8519" s="367"/>
      <c r="D8519" s="367"/>
      <c r="E8519" s="367"/>
      <c r="F8519" s="360"/>
      <c r="G8519" s="360"/>
      <c r="H8519" s="360"/>
      <c r="I8519" s="360"/>
      <c r="J8519" s="365"/>
      <c r="K8519" s="365"/>
      <c r="L8519" s="365"/>
    </row>
    <row r="8520" spans="2:12" ht="28.5">
      <c r="B8520" s="368"/>
      <c r="C8520" s="368"/>
      <c r="D8520" s="368"/>
      <c r="E8520" s="368"/>
      <c r="F8520" s="361" t="s">
        <v>14472</v>
      </c>
      <c r="G8520" s="361" t="s">
        <v>14473</v>
      </c>
      <c r="H8520" s="361" t="s">
        <v>14422</v>
      </c>
      <c r="I8520" s="361" t="s">
        <v>14473</v>
      </c>
      <c r="J8520" s="366"/>
      <c r="K8520" s="366"/>
      <c r="L8520" s="366"/>
    </row>
    <row r="8521" spans="2:12" ht="42.75">
      <c r="B8521" s="358" t="s">
        <v>18530</v>
      </c>
      <c r="C8521" s="358" t="s">
        <v>28997</v>
      </c>
      <c r="D8521" s="358" t="s">
        <v>18531</v>
      </c>
      <c r="E8521" s="358" t="s">
        <v>8356</v>
      </c>
      <c r="F8521" s="358" t="s">
        <v>14430</v>
      </c>
      <c r="G8521" s="358" t="s">
        <v>14431</v>
      </c>
      <c r="H8521" s="358" t="s">
        <v>14341</v>
      </c>
      <c r="I8521" s="358" t="s">
        <v>14431</v>
      </c>
      <c r="J8521" s="358"/>
      <c r="K8521" s="358"/>
      <c r="L8521" s="358"/>
    </row>
    <row r="8522" spans="2:12">
      <c r="B8522" s="367"/>
      <c r="C8522" s="367"/>
      <c r="D8522" s="367"/>
      <c r="E8522" s="367"/>
      <c r="F8522" s="367"/>
      <c r="G8522" s="367"/>
      <c r="H8522" s="360"/>
      <c r="I8522" s="367"/>
      <c r="J8522" s="365"/>
      <c r="K8522" s="365"/>
      <c r="L8522" s="365"/>
    </row>
    <row r="8523" spans="2:12">
      <c r="B8523" s="368"/>
      <c r="C8523" s="368"/>
      <c r="D8523" s="368"/>
      <c r="E8523" s="368"/>
      <c r="F8523" s="368"/>
      <c r="G8523" s="368"/>
      <c r="H8523" s="361" t="s">
        <v>14332</v>
      </c>
      <c r="I8523" s="368"/>
      <c r="J8523" s="366"/>
      <c r="K8523" s="366"/>
      <c r="L8523" s="366"/>
    </row>
    <row r="8524" spans="2:12" ht="28.5">
      <c r="B8524" s="358" t="s">
        <v>18532</v>
      </c>
      <c r="C8524" s="358" t="s">
        <v>18533</v>
      </c>
      <c r="D8524" s="358" t="s">
        <v>18534</v>
      </c>
      <c r="E8524" s="358" t="s">
        <v>18535</v>
      </c>
      <c r="F8524" s="358" t="s">
        <v>14389</v>
      </c>
      <c r="G8524" s="358" t="s">
        <v>14390</v>
      </c>
      <c r="H8524" s="358" t="s">
        <v>14341</v>
      </c>
      <c r="I8524" s="358" t="s">
        <v>14390</v>
      </c>
      <c r="J8524" s="358"/>
      <c r="K8524" s="358"/>
      <c r="L8524" s="358"/>
    </row>
    <row r="8525" spans="2:12">
      <c r="B8525" s="367"/>
      <c r="C8525" s="367"/>
      <c r="D8525" s="367"/>
      <c r="E8525" s="367"/>
      <c r="F8525" s="360"/>
      <c r="G8525" s="360"/>
      <c r="H8525" s="360"/>
      <c r="I8525" s="360"/>
      <c r="J8525" s="365"/>
      <c r="K8525" s="365"/>
      <c r="L8525" s="365"/>
    </row>
    <row r="8526" spans="2:12">
      <c r="B8526" s="367"/>
      <c r="C8526" s="367"/>
      <c r="D8526" s="367"/>
      <c r="E8526" s="367"/>
      <c r="F8526" s="359" t="s">
        <v>14430</v>
      </c>
      <c r="G8526" s="359" t="s">
        <v>14431</v>
      </c>
      <c r="H8526" s="359" t="s">
        <v>14332</v>
      </c>
      <c r="I8526" s="359" t="s">
        <v>14431</v>
      </c>
      <c r="J8526" s="365"/>
      <c r="K8526" s="365"/>
      <c r="L8526" s="365"/>
    </row>
    <row r="8527" spans="2:12">
      <c r="B8527" s="367"/>
      <c r="C8527" s="367"/>
      <c r="D8527" s="367"/>
      <c r="E8527" s="367"/>
      <c r="F8527" s="360"/>
      <c r="G8527" s="360"/>
      <c r="H8527" s="360"/>
      <c r="I8527" s="360"/>
      <c r="J8527" s="365"/>
      <c r="K8527" s="365"/>
      <c r="L8527" s="365"/>
    </row>
    <row r="8528" spans="2:12" ht="28.5">
      <c r="B8528" s="368"/>
      <c r="C8528" s="368"/>
      <c r="D8528" s="368"/>
      <c r="E8528" s="368"/>
      <c r="F8528" s="361" t="s">
        <v>14472</v>
      </c>
      <c r="G8528" s="361" t="s">
        <v>14473</v>
      </c>
      <c r="H8528" s="362"/>
      <c r="I8528" s="361" t="s">
        <v>14473</v>
      </c>
      <c r="J8528" s="366"/>
      <c r="K8528" s="366"/>
      <c r="L8528" s="366"/>
    </row>
    <row r="8529" spans="2:12" ht="42.75">
      <c r="B8529" s="358" t="s">
        <v>18536</v>
      </c>
      <c r="C8529" s="358" t="s">
        <v>28998</v>
      </c>
      <c r="D8529" s="358" t="s">
        <v>18537</v>
      </c>
      <c r="E8529" s="358" t="s">
        <v>8356</v>
      </c>
      <c r="F8529" s="358" t="s">
        <v>14420</v>
      </c>
      <c r="G8529" s="358" t="s">
        <v>14429</v>
      </c>
      <c r="H8529" s="358" t="s">
        <v>14367</v>
      </c>
      <c r="I8529" s="358" t="s">
        <v>14429</v>
      </c>
      <c r="J8529" s="358"/>
      <c r="K8529" s="358"/>
      <c r="L8529" s="358"/>
    </row>
    <row r="8530" spans="2:12">
      <c r="B8530" s="367"/>
      <c r="C8530" s="367"/>
      <c r="D8530" s="367"/>
      <c r="E8530" s="367"/>
      <c r="F8530" s="360"/>
      <c r="G8530" s="360"/>
      <c r="H8530" s="360"/>
      <c r="I8530" s="360"/>
      <c r="J8530" s="365"/>
      <c r="K8530" s="365"/>
      <c r="L8530" s="365"/>
    </row>
    <row r="8531" spans="2:12" ht="28.5">
      <c r="B8531" s="368"/>
      <c r="C8531" s="368"/>
      <c r="D8531" s="368"/>
      <c r="E8531" s="368"/>
      <c r="F8531" s="361" t="s">
        <v>14472</v>
      </c>
      <c r="G8531" s="361" t="s">
        <v>14473</v>
      </c>
      <c r="H8531" s="361" t="s">
        <v>14422</v>
      </c>
      <c r="I8531" s="361" t="s">
        <v>14473</v>
      </c>
      <c r="J8531" s="366"/>
      <c r="K8531" s="366"/>
      <c r="L8531" s="366"/>
    </row>
    <row r="8532" spans="2:12" ht="85.5">
      <c r="B8532" s="358" t="s">
        <v>18538</v>
      </c>
      <c r="C8532" s="358" t="s">
        <v>30132</v>
      </c>
      <c r="D8532" s="358" t="s">
        <v>18539</v>
      </c>
      <c r="E8532" s="358" t="s">
        <v>8356</v>
      </c>
      <c r="F8532" s="358" t="s">
        <v>14462</v>
      </c>
      <c r="G8532" s="358" t="s">
        <v>14463</v>
      </c>
      <c r="H8532" s="358" t="s">
        <v>8356</v>
      </c>
      <c r="I8532" s="358" t="s">
        <v>14463</v>
      </c>
      <c r="J8532" s="358"/>
      <c r="K8532" s="358"/>
      <c r="L8532" s="358"/>
    </row>
    <row r="8533" spans="2:12">
      <c r="B8533" s="368"/>
      <c r="C8533" s="368"/>
      <c r="D8533" s="368"/>
      <c r="E8533" s="368"/>
      <c r="F8533" s="368"/>
      <c r="G8533" s="368"/>
      <c r="H8533" s="368"/>
      <c r="I8533" s="368"/>
      <c r="J8533" s="366"/>
      <c r="K8533" s="366"/>
      <c r="L8533" s="366"/>
    </row>
    <row r="8534" spans="2:12" ht="28.5">
      <c r="B8534" s="358" t="s">
        <v>18540</v>
      </c>
      <c r="C8534" s="358" t="s">
        <v>27567</v>
      </c>
      <c r="D8534" s="358" t="s">
        <v>18541</v>
      </c>
      <c r="E8534" s="358" t="s">
        <v>8356</v>
      </c>
      <c r="F8534" s="358" t="s">
        <v>14430</v>
      </c>
      <c r="G8534" s="358" t="s">
        <v>14431</v>
      </c>
      <c r="H8534" s="358" t="s">
        <v>14341</v>
      </c>
      <c r="I8534" s="358" t="s">
        <v>14431</v>
      </c>
      <c r="J8534" s="358"/>
      <c r="K8534" s="358"/>
      <c r="L8534" s="358"/>
    </row>
    <row r="8535" spans="2:12">
      <c r="B8535" s="367"/>
      <c r="C8535" s="367"/>
      <c r="D8535" s="367"/>
      <c r="E8535" s="367"/>
      <c r="F8535" s="360"/>
      <c r="G8535" s="360"/>
      <c r="H8535" s="360"/>
      <c r="I8535" s="360"/>
      <c r="J8535" s="365"/>
      <c r="K8535" s="365"/>
      <c r="L8535" s="365"/>
    </row>
    <row r="8536" spans="2:12" ht="28.5">
      <c r="B8536" s="367"/>
      <c r="C8536" s="367"/>
      <c r="D8536" s="367"/>
      <c r="E8536" s="367"/>
      <c r="F8536" s="359" t="s">
        <v>14394</v>
      </c>
      <c r="G8536" s="359" t="s">
        <v>14395</v>
      </c>
      <c r="H8536" s="359" t="s">
        <v>14370</v>
      </c>
      <c r="I8536" s="359" t="s">
        <v>14395</v>
      </c>
      <c r="J8536" s="365"/>
      <c r="K8536" s="365"/>
      <c r="L8536" s="365"/>
    </row>
    <row r="8537" spans="2:12">
      <c r="B8537" s="367"/>
      <c r="C8537" s="367"/>
      <c r="D8537" s="367"/>
      <c r="E8537" s="367"/>
      <c r="F8537" s="360"/>
      <c r="G8537" s="360"/>
      <c r="H8537" s="360"/>
      <c r="I8537" s="360"/>
      <c r="J8537" s="365"/>
      <c r="K8537" s="365"/>
      <c r="L8537" s="365"/>
    </row>
    <row r="8538" spans="2:12">
      <c r="B8538" s="368"/>
      <c r="C8538" s="368"/>
      <c r="D8538" s="368"/>
      <c r="E8538" s="368"/>
      <c r="F8538" s="362"/>
      <c r="G8538" s="362"/>
      <c r="H8538" s="361" t="s">
        <v>14332</v>
      </c>
      <c r="I8538" s="362"/>
      <c r="J8538" s="366"/>
      <c r="K8538" s="366"/>
      <c r="L8538" s="366"/>
    </row>
    <row r="8539" spans="2:12" ht="28.5">
      <c r="B8539" s="358" t="s">
        <v>18542</v>
      </c>
      <c r="C8539" s="358" t="s">
        <v>18543</v>
      </c>
      <c r="D8539" s="358" t="s">
        <v>18544</v>
      </c>
      <c r="E8539" s="358" t="s">
        <v>18545</v>
      </c>
      <c r="F8539" s="358" t="s">
        <v>14391</v>
      </c>
      <c r="G8539" s="358" t="s">
        <v>14392</v>
      </c>
      <c r="H8539" s="358" t="s">
        <v>14367</v>
      </c>
      <c r="I8539" s="358" t="s">
        <v>14392</v>
      </c>
      <c r="J8539" s="358"/>
      <c r="K8539" s="358"/>
      <c r="L8539" s="358"/>
    </row>
    <row r="8540" spans="2:12">
      <c r="B8540" s="367"/>
      <c r="C8540" s="367"/>
      <c r="D8540" s="367"/>
      <c r="E8540" s="367"/>
      <c r="F8540" s="360"/>
      <c r="G8540" s="360"/>
      <c r="H8540" s="360"/>
      <c r="I8540" s="360"/>
      <c r="J8540" s="365"/>
      <c r="K8540" s="365"/>
      <c r="L8540" s="365"/>
    </row>
    <row r="8541" spans="2:12" ht="28.5">
      <c r="B8541" s="368"/>
      <c r="C8541" s="368"/>
      <c r="D8541" s="368"/>
      <c r="E8541" s="368"/>
      <c r="F8541" s="361" t="s">
        <v>14472</v>
      </c>
      <c r="G8541" s="361" t="s">
        <v>14473</v>
      </c>
      <c r="H8541" s="361" t="s">
        <v>14422</v>
      </c>
      <c r="I8541" s="361" t="s">
        <v>14473</v>
      </c>
      <c r="J8541" s="366"/>
      <c r="K8541" s="366"/>
      <c r="L8541" s="366"/>
    </row>
    <row r="8542" spans="2:12" ht="42.75">
      <c r="B8542" s="358" t="s">
        <v>18546</v>
      </c>
      <c r="C8542" s="358" t="s">
        <v>28999</v>
      </c>
      <c r="D8542" s="358" t="s">
        <v>18547</v>
      </c>
      <c r="E8542" s="358" t="s">
        <v>8356</v>
      </c>
      <c r="F8542" s="358" t="s">
        <v>14430</v>
      </c>
      <c r="G8542" s="358" t="s">
        <v>14431</v>
      </c>
      <c r="H8542" s="358" t="s">
        <v>14341</v>
      </c>
      <c r="I8542" s="358" t="s">
        <v>14431</v>
      </c>
      <c r="J8542" s="358"/>
      <c r="K8542" s="358"/>
      <c r="L8542" s="358"/>
    </row>
    <row r="8543" spans="2:12">
      <c r="B8543" s="367"/>
      <c r="C8543" s="367"/>
      <c r="D8543" s="367"/>
      <c r="E8543" s="367"/>
      <c r="F8543" s="367"/>
      <c r="G8543" s="367"/>
      <c r="H8543" s="360"/>
      <c r="I8543" s="367"/>
      <c r="J8543" s="365"/>
      <c r="K8543" s="365"/>
      <c r="L8543" s="365"/>
    </row>
    <row r="8544" spans="2:12">
      <c r="B8544" s="368"/>
      <c r="C8544" s="368"/>
      <c r="D8544" s="368"/>
      <c r="E8544" s="368"/>
      <c r="F8544" s="368"/>
      <c r="G8544" s="368"/>
      <c r="H8544" s="361" t="s">
        <v>14332</v>
      </c>
      <c r="I8544" s="368"/>
      <c r="J8544" s="366"/>
      <c r="K8544" s="366"/>
      <c r="L8544" s="366"/>
    </row>
    <row r="8545" spans="2:12" ht="28.5">
      <c r="B8545" s="358" t="s">
        <v>18548</v>
      </c>
      <c r="C8545" s="358" t="s">
        <v>29000</v>
      </c>
      <c r="D8545" s="358" t="s">
        <v>18549</v>
      </c>
      <c r="E8545" s="358" t="s">
        <v>18550</v>
      </c>
      <c r="F8545" s="358" t="s">
        <v>14472</v>
      </c>
      <c r="G8545" s="358" t="s">
        <v>14473</v>
      </c>
      <c r="H8545" s="358" t="s">
        <v>8356</v>
      </c>
      <c r="I8545" s="358" t="s">
        <v>14473</v>
      </c>
      <c r="J8545" s="358"/>
      <c r="K8545" s="358"/>
      <c r="L8545" s="358"/>
    </row>
    <row r="8546" spans="2:12">
      <c r="B8546" s="368"/>
      <c r="C8546" s="368"/>
      <c r="D8546" s="368"/>
      <c r="E8546" s="368"/>
      <c r="F8546" s="368"/>
      <c r="G8546" s="368"/>
      <c r="H8546" s="368"/>
      <c r="I8546" s="368"/>
      <c r="J8546" s="366"/>
      <c r="K8546" s="366"/>
      <c r="L8546" s="366"/>
    </row>
    <row r="8547" spans="2:12">
      <c r="B8547" s="358" t="s">
        <v>13057</v>
      </c>
      <c r="C8547" s="358" t="s">
        <v>18551</v>
      </c>
      <c r="D8547" s="358" t="s">
        <v>383</v>
      </c>
      <c r="E8547" s="358" t="s">
        <v>384</v>
      </c>
      <c r="F8547" s="358" t="s">
        <v>14418</v>
      </c>
      <c r="G8547" s="358" t="s">
        <v>14419</v>
      </c>
      <c r="H8547" s="358" t="s">
        <v>14328</v>
      </c>
      <c r="I8547" s="358" t="s">
        <v>14419</v>
      </c>
      <c r="J8547" s="358" t="s">
        <v>17546</v>
      </c>
      <c r="K8547" s="358"/>
      <c r="L8547" s="358"/>
    </row>
    <row r="8548" spans="2:12">
      <c r="B8548" s="367"/>
      <c r="C8548" s="367"/>
      <c r="D8548" s="367"/>
      <c r="E8548" s="367"/>
      <c r="F8548" s="360"/>
      <c r="G8548" s="360"/>
      <c r="H8548" s="360"/>
      <c r="I8548" s="360"/>
      <c r="J8548" s="367"/>
      <c r="K8548" s="365"/>
      <c r="L8548" s="365"/>
    </row>
    <row r="8549" spans="2:12">
      <c r="B8549" s="367"/>
      <c r="C8549" s="367"/>
      <c r="D8549" s="367"/>
      <c r="E8549" s="367"/>
      <c r="F8549" s="359" t="s">
        <v>14424</v>
      </c>
      <c r="G8549" s="359" t="s">
        <v>14425</v>
      </c>
      <c r="H8549" s="359" t="s">
        <v>14381</v>
      </c>
      <c r="I8549" s="359" t="s">
        <v>14425</v>
      </c>
      <c r="J8549" s="367"/>
      <c r="K8549" s="365"/>
      <c r="L8549" s="365"/>
    </row>
    <row r="8550" spans="2:12">
      <c r="B8550" s="367"/>
      <c r="C8550" s="367"/>
      <c r="D8550" s="367"/>
      <c r="E8550" s="367"/>
      <c r="F8550" s="360"/>
      <c r="G8550" s="360"/>
      <c r="H8550" s="360"/>
      <c r="I8550" s="360"/>
      <c r="J8550" s="367"/>
      <c r="K8550" s="365"/>
      <c r="L8550" s="365"/>
    </row>
    <row r="8551" spans="2:12">
      <c r="B8551" s="368"/>
      <c r="C8551" s="368"/>
      <c r="D8551" s="368"/>
      <c r="E8551" s="368"/>
      <c r="F8551" s="362"/>
      <c r="G8551" s="362"/>
      <c r="H8551" s="361" t="s">
        <v>14332</v>
      </c>
      <c r="I8551" s="362"/>
      <c r="J8551" s="368"/>
      <c r="K8551" s="366"/>
      <c r="L8551" s="366"/>
    </row>
    <row r="8552" spans="2:12">
      <c r="B8552" s="358" t="s">
        <v>18552</v>
      </c>
      <c r="C8552" s="358" t="s">
        <v>29001</v>
      </c>
      <c r="D8552" s="358" t="s">
        <v>18553</v>
      </c>
      <c r="E8552" s="358" t="s">
        <v>18554</v>
      </c>
      <c r="F8552" s="358" t="s">
        <v>14420</v>
      </c>
      <c r="G8552" s="358" t="s">
        <v>14429</v>
      </c>
      <c r="H8552" s="358" t="s">
        <v>14367</v>
      </c>
      <c r="I8552" s="358" t="s">
        <v>14429</v>
      </c>
      <c r="J8552" s="358"/>
      <c r="K8552" s="358"/>
      <c r="L8552" s="358"/>
    </row>
    <row r="8553" spans="2:12">
      <c r="B8553" s="367"/>
      <c r="C8553" s="367"/>
      <c r="D8553" s="367"/>
      <c r="E8553" s="367"/>
      <c r="F8553" s="367"/>
      <c r="G8553" s="367"/>
      <c r="H8553" s="360"/>
      <c r="I8553" s="367"/>
      <c r="J8553" s="365"/>
      <c r="K8553" s="365"/>
      <c r="L8553" s="365"/>
    </row>
    <row r="8554" spans="2:12">
      <c r="B8554" s="368"/>
      <c r="C8554" s="368"/>
      <c r="D8554" s="368"/>
      <c r="E8554" s="368"/>
      <c r="F8554" s="368"/>
      <c r="G8554" s="368"/>
      <c r="H8554" s="361" t="s">
        <v>14422</v>
      </c>
      <c r="I8554" s="368"/>
      <c r="J8554" s="366"/>
      <c r="K8554" s="366"/>
      <c r="L8554" s="366"/>
    </row>
    <row r="8555" spans="2:12" ht="57">
      <c r="B8555" s="358" t="s">
        <v>18555</v>
      </c>
      <c r="C8555" s="358" t="s">
        <v>29002</v>
      </c>
      <c r="D8555" s="358" t="s">
        <v>18556</v>
      </c>
      <c r="E8555" s="358" t="s">
        <v>8356</v>
      </c>
      <c r="F8555" s="358" t="s">
        <v>14472</v>
      </c>
      <c r="G8555" s="358" t="s">
        <v>14473</v>
      </c>
      <c r="H8555" s="358" t="s">
        <v>8356</v>
      </c>
      <c r="I8555" s="358" t="s">
        <v>14473</v>
      </c>
      <c r="J8555" s="358"/>
      <c r="K8555" s="358"/>
      <c r="L8555" s="358"/>
    </row>
    <row r="8556" spans="2:12">
      <c r="B8556" s="368"/>
      <c r="C8556" s="368"/>
      <c r="D8556" s="368"/>
      <c r="E8556" s="368"/>
      <c r="F8556" s="368"/>
      <c r="G8556" s="368"/>
      <c r="H8556" s="368"/>
      <c r="I8556" s="368"/>
      <c r="J8556" s="366"/>
      <c r="K8556" s="366"/>
      <c r="L8556" s="366"/>
    </row>
    <row r="8557" spans="2:12" ht="42.75">
      <c r="B8557" s="358" t="s">
        <v>18557</v>
      </c>
      <c r="C8557" s="358" t="s">
        <v>18558</v>
      </c>
      <c r="D8557" s="358" t="s">
        <v>18559</v>
      </c>
      <c r="E8557" s="358" t="s">
        <v>18560</v>
      </c>
      <c r="F8557" s="358" t="s">
        <v>28990</v>
      </c>
      <c r="G8557" s="358" t="s">
        <v>14421</v>
      </c>
      <c r="H8557" s="358" t="s">
        <v>14378</v>
      </c>
      <c r="I8557" s="358" t="s">
        <v>14421</v>
      </c>
      <c r="J8557" s="358"/>
      <c r="K8557" s="358"/>
      <c r="L8557" s="358"/>
    </row>
    <row r="8558" spans="2:12">
      <c r="B8558" s="367"/>
      <c r="C8558" s="367"/>
      <c r="D8558" s="367"/>
      <c r="E8558" s="367"/>
      <c r="F8558" s="360"/>
      <c r="G8558" s="360"/>
      <c r="H8558" s="360"/>
      <c r="I8558" s="360"/>
      <c r="J8558" s="365"/>
      <c r="K8558" s="365"/>
      <c r="L8558" s="365"/>
    </row>
    <row r="8559" spans="2:12">
      <c r="B8559" s="367"/>
      <c r="C8559" s="367"/>
      <c r="D8559" s="367"/>
      <c r="E8559" s="367"/>
      <c r="F8559" s="359" t="s">
        <v>14389</v>
      </c>
      <c r="G8559" s="359" t="s">
        <v>14429</v>
      </c>
      <c r="H8559" s="359" t="s">
        <v>14381</v>
      </c>
      <c r="I8559" s="359" t="s">
        <v>14429</v>
      </c>
      <c r="J8559" s="365"/>
      <c r="K8559" s="365"/>
      <c r="L8559" s="365"/>
    </row>
    <row r="8560" spans="2:12">
      <c r="B8560" s="367"/>
      <c r="C8560" s="367"/>
      <c r="D8560" s="367"/>
      <c r="E8560" s="367"/>
      <c r="F8560" s="360"/>
      <c r="G8560" s="360"/>
      <c r="H8560" s="360"/>
      <c r="I8560" s="360"/>
      <c r="J8560" s="365"/>
      <c r="K8560" s="365"/>
      <c r="L8560" s="365"/>
    </row>
    <row r="8561" spans="2:12" ht="28.5">
      <c r="B8561" s="367"/>
      <c r="C8561" s="367"/>
      <c r="D8561" s="367"/>
      <c r="E8561" s="367"/>
      <c r="F8561" s="359" t="s">
        <v>14430</v>
      </c>
      <c r="G8561" s="359" t="s">
        <v>28851</v>
      </c>
      <c r="H8561" s="359" t="s">
        <v>14341</v>
      </c>
      <c r="I8561" s="359" t="s">
        <v>28851</v>
      </c>
      <c r="J8561" s="365"/>
      <c r="K8561" s="365"/>
      <c r="L8561" s="365"/>
    </row>
    <row r="8562" spans="2:12">
      <c r="B8562" s="367"/>
      <c r="C8562" s="367"/>
      <c r="D8562" s="367"/>
      <c r="E8562" s="367"/>
      <c r="F8562" s="360"/>
      <c r="G8562" s="360"/>
      <c r="H8562" s="360"/>
      <c r="I8562" s="360"/>
      <c r="J8562" s="365"/>
      <c r="K8562" s="365"/>
      <c r="L8562" s="365"/>
    </row>
    <row r="8563" spans="2:12">
      <c r="B8563" s="368"/>
      <c r="C8563" s="368"/>
      <c r="D8563" s="368"/>
      <c r="E8563" s="368"/>
      <c r="F8563" s="362"/>
      <c r="G8563" s="361" t="s">
        <v>14431</v>
      </c>
      <c r="H8563" s="361" t="s">
        <v>14332</v>
      </c>
      <c r="I8563" s="361" t="s">
        <v>14431</v>
      </c>
      <c r="J8563" s="366"/>
      <c r="K8563" s="366"/>
      <c r="L8563" s="366"/>
    </row>
    <row r="8564" spans="2:12" ht="28.5">
      <c r="B8564" s="358" t="s">
        <v>10364</v>
      </c>
      <c r="C8564" s="358" t="s">
        <v>27568</v>
      </c>
      <c r="D8564" s="358" t="s">
        <v>10365</v>
      </c>
      <c r="E8564" s="358" t="s">
        <v>10366</v>
      </c>
      <c r="F8564" s="358" t="s">
        <v>29003</v>
      </c>
      <c r="G8564" s="358" t="s">
        <v>16363</v>
      </c>
      <c r="H8564" s="358" t="s">
        <v>14328</v>
      </c>
      <c r="I8564" s="358" t="s">
        <v>16363</v>
      </c>
      <c r="J8564" s="358"/>
      <c r="K8564" s="358"/>
      <c r="L8564" s="358"/>
    </row>
    <row r="8565" spans="2:12">
      <c r="B8565" s="367"/>
      <c r="C8565" s="367"/>
      <c r="D8565" s="367"/>
      <c r="E8565" s="367"/>
      <c r="F8565" s="360"/>
      <c r="G8565" s="360"/>
      <c r="H8565" s="360"/>
      <c r="I8565" s="360"/>
      <c r="J8565" s="365"/>
      <c r="K8565" s="365"/>
      <c r="L8565" s="365"/>
    </row>
    <row r="8566" spans="2:12">
      <c r="B8566" s="367"/>
      <c r="C8566" s="367"/>
      <c r="D8566" s="367"/>
      <c r="E8566" s="367"/>
      <c r="F8566" s="359" t="s">
        <v>14426</v>
      </c>
      <c r="G8566" s="359" t="s">
        <v>14669</v>
      </c>
      <c r="H8566" s="359" t="s">
        <v>14378</v>
      </c>
      <c r="I8566" s="359" t="s">
        <v>14669</v>
      </c>
      <c r="J8566" s="365"/>
      <c r="K8566" s="365"/>
      <c r="L8566" s="365"/>
    </row>
    <row r="8567" spans="2:12">
      <c r="B8567" s="367"/>
      <c r="C8567" s="367"/>
      <c r="D8567" s="367"/>
      <c r="E8567" s="367"/>
      <c r="F8567" s="360"/>
      <c r="G8567" s="360"/>
      <c r="H8567" s="360"/>
      <c r="I8567" s="360"/>
      <c r="J8567" s="365"/>
      <c r="K8567" s="365"/>
      <c r="L8567" s="365"/>
    </row>
    <row r="8568" spans="2:12">
      <c r="B8568" s="367"/>
      <c r="C8568" s="367"/>
      <c r="D8568" s="367"/>
      <c r="E8568" s="367"/>
      <c r="F8568" s="359" t="s">
        <v>14424</v>
      </c>
      <c r="G8568" s="359" t="s">
        <v>14427</v>
      </c>
      <c r="H8568" s="359" t="s">
        <v>14381</v>
      </c>
      <c r="I8568" s="359" t="s">
        <v>14427</v>
      </c>
      <c r="J8568" s="365"/>
      <c r="K8568" s="365"/>
      <c r="L8568" s="365"/>
    </row>
    <row r="8569" spans="2:12">
      <c r="B8569" s="367"/>
      <c r="C8569" s="367"/>
      <c r="D8569" s="367"/>
      <c r="E8569" s="367"/>
      <c r="F8569" s="360"/>
      <c r="G8569" s="360"/>
      <c r="H8569" s="360"/>
      <c r="I8569" s="360"/>
      <c r="J8569" s="365"/>
      <c r="K8569" s="365"/>
      <c r="L8569" s="365"/>
    </row>
    <row r="8570" spans="2:12" ht="28.5">
      <c r="B8570" s="367"/>
      <c r="C8570" s="367"/>
      <c r="D8570" s="367"/>
      <c r="E8570" s="367"/>
      <c r="F8570" s="359" t="s">
        <v>28955</v>
      </c>
      <c r="G8570" s="359" t="s">
        <v>28956</v>
      </c>
      <c r="H8570" s="359" t="s">
        <v>14341</v>
      </c>
      <c r="I8570" s="359" t="s">
        <v>28956</v>
      </c>
      <c r="J8570" s="365"/>
      <c r="K8570" s="365"/>
      <c r="L8570" s="365"/>
    </row>
    <row r="8571" spans="2:12">
      <c r="B8571" s="367"/>
      <c r="C8571" s="367"/>
      <c r="D8571" s="367"/>
      <c r="E8571" s="367"/>
      <c r="F8571" s="360"/>
      <c r="G8571" s="360"/>
      <c r="H8571" s="360"/>
      <c r="I8571" s="360"/>
      <c r="J8571" s="365"/>
      <c r="K8571" s="365"/>
      <c r="L8571" s="365"/>
    </row>
    <row r="8572" spans="2:12">
      <c r="B8572" s="367"/>
      <c r="C8572" s="367"/>
      <c r="D8572" s="367"/>
      <c r="E8572" s="367"/>
      <c r="F8572" s="359" t="s">
        <v>14420</v>
      </c>
      <c r="G8572" s="359" t="s">
        <v>14421</v>
      </c>
      <c r="H8572" s="359" t="s">
        <v>14332</v>
      </c>
      <c r="I8572" s="359" t="s">
        <v>14421</v>
      </c>
      <c r="J8572" s="365"/>
      <c r="K8572" s="365"/>
      <c r="L8572" s="365"/>
    </row>
    <row r="8573" spans="2:12">
      <c r="B8573" s="367"/>
      <c r="C8573" s="367"/>
      <c r="D8573" s="367"/>
      <c r="E8573" s="367"/>
      <c r="F8573" s="360"/>
      <c r="G8573" s="360"/>
      <c r="H8573" s="360"/>
      <c r="I8573" s="360"/>
      <c r="J8573" s="365"/>
      <c r="K8573" s="365"/>
      <c r="L8573" s="365"/>
    </row>
    <row r="8574" spans="2:12">
      <c r="B8574" s="367"/>
      <c r="C8574" s="367"/>
      <c r="D8574" s="367"/>
      <c r="E8574" s="367"/>
      <c r="F8574" s="359" t="s">
        <v>14356</v>
      </c>
      <c r="G8574" s="359" t="s">
        <v>14429</v>
      </c>
      <c r="H8574" s="360"/>
      <c r="I8574" s="359" t="s">
        <v>14429</v>
      </c>
      <c r="J8574" s="365"/>
      <c r="K8574" s="365"/>
      <c r="L8574" s="365"/>
    </row>
    <row r="8575" spans="2:12">
      <c r="B8575" s="367"/>
      <c r="C8575" s="367"/>
      <c r="D8575" s="367"/>
      <c r="E8575" s="367"/>
      <c r="F8575" s="360"/>
      <c r="G8575" s="360"/>
      <c r="H8575" s="360"/>
      <c r="I8575" s="360"/>
      <c r="J8575" s="365"/>
      <c r="K8575" s="365"/>
      <c r="L8575" s="365"/>
    </row>
    <row r="8576" spans="2:12">
      <c r="B8576" s="368"/>
      <c r="C8576" s="368"/>
      <c r="D8576" s="368"/>
      <c r="E8576" s="368"/>
      <c r="F8576" s="362"/>
      <c r="G8576" s="361" t="s">
        <v>14340</v>
      </c>
      <c r="H8576" s="362"/>
      <c r="I8576" s="361" t="s">
        <v>14340</v>
      </c>
      <c r="J8576" s="366"/>
      <c r="K8576" s="366"/>
      <c r="L8576" s="366"/>
    </row>
    <row r="8577" spans="2:12" ht="42.75">
      <c r="B8577" s="358" t="s">
        <v>18561</v>
      </c>
      <c r="C8577" s="358" t="s">
        <v>29004</v>
      </c>
      <c r="D8577" s="358" t="s">
        <v>18562</v>
      </c>
      <c r="E8577" s="358" t="s">
        <v>18563</v>
      </c>
      <c r="F8577" s="358" t="s">
        <v>14394</v>
      </c>
      <c r="G8577" s="358" t="s">
        <v>14395</v>
      </c>
      <c r="H8577" s="358" t="s">
        <v>14370</v>
      </c>
      <c r="I8577" s="358" t="s">
        <v>14395</v>
      </c>
      <c r="J8577" s="358"/>
      <c r="K8577" s="358"/>
      <c r="L8577" s="358"/>
    </row>
    <row r="8578" spans="2:12">
      <c r="B8578" s="368"/>
      <c r="C8578" s="368"/>
      <c r="D8578" s="368"/>
      <c r="E8578" s="368"/>
      <c r="F8578" s="368"/>
      <c r="G8578" s="368"/>
      <c r="H8578" s="368"/>
      <c r="I8578" s="368"/>
      <c r="J8578" s="366"/>
      <c r="K8578" s="366"/>
      <c r="L8578" s="366"/>
    </row>
    <row r="8579" spans="2:12">
      <c r="B8579" s="358" t="s">
        <v>18564</v>
      </c>
      <c r="C8579" s="358" t="s">
        <v>18565</v>
      </c>
      <c r="D8579" s="358" t="s">
        <v>18566</v>
      </c>
      <c r="E8579" s="358" t="s">
        <v>18567</v>
      </c>
      <c r="F8579" s="358" t="s">
        <v>14389</v>
      </c>
      <c r="G8579" s="358" t="s">
        <v>14390</v>
      </c>
      <c r="H8579" s="358" t="s">
        <v>14367</v>
      </c>
      <c r="I8579" s="358" t="s">
        <v>14390</v>
      </c>
      <c r="J8579" s="358"/>
      <c r="K8579" s="358"/>
      <c r="L8579" s="358"/>
    </row>
    <row r="8580" spans="2:12">
      <c r="B8580" s="367"/>
      <c r="C8580" s="367"/>
      <c r="D8580" s="367"/>
      <c r="E8580" s="367"/>
      <c r="F8580" s="360"/>
      <c r="G8580" s="360"/>
      <c r="H8580" s="360"/>
      <c r="I8580" s="360"/>
      <c r="J8580" s="365"/>
      <c r="K8580" s="365"/>
      <c r="L8580" s="365"/>
    </row>
    <row r="8581" spans="2:12" ht="28.5">
      <c r="B8581" s="367"/>
      <c r="C8581" s="367"/>
      <c r="D8581" s="367"/>
      <c r="E8581" s="367"/>
      <c r="F8581" s="359" t="s">
        <v>14394</v>
      </c>
      <c r="G8581" s="359" t="s">
        <v>14395</v>
      </c>
      <c r="H8581" s="359" t="s">
        <v>14370</v>
      </c>
      <c r="I8581" s="359" t="s">
        <v>14395</v>
      </c>
      <c r="J8581" s="365"/>
      <c r="K8581" s="365"/>
      <c r="L8581" s="365"/>
    </row>
    <row r="8582" spans="2:12">
      <c r="B8582" s="367"/>
      <c r="C8582" s="367"/>
      <c r="D8582" s="367"/>
      <c r="E8582" s="367"/>
      <c r="F8582" s="360"/>
      <c r="G8582" s="360"/>
      <c r="H8582" s="360"/>
      <c r="I8582" s="360"/>
      <c r="J8582" s="365"/>
      <c r="K8582" s="365"/>
      <c r="L8582" s="365"/>
    </row>
    <row r="8583" spans="2:12">
      <c r="B8583" s="368"/>
      <c r="C8583" s="368"/>
      <c r="D8583" s="368"/>
      <c r="E8583" s="368"/>
      <c r="F8583" s="362"/>
      <c r="G8583" s="362"/>
      <c r="H8583" s="361" t="s">
        <v>14422</v>
      </c>
      <c r="I8583" s="362"/>
      <c r="J8583" s="366"/>
      <c r="K8583" s="366"/>
      <c r="L8583" s="366"/>
    </row>
    <row r="8584" spans="2:12" ht="28.5">
      <c r="B8584" s="358" t="s">
        <v>18568</v>
      </c>
      <c r="C8584" s="358" t="s">
        <v>18569</v>
      </c>
      <c r="D8584" s="358" t="s">
        <v>18570</v>
      </c>
      <c r="E8584" s="358" t="s">
        <v>18571</v>
      </c>
      <c r="F8584" s="358" t="s">
        <v>14420</v>
      </c>
      <c r="G8584" s="358" t="s">
        <v>14429</v>
      </c>
      <c r="H8584" s="358" t="s">
        <v>14341</v>
      </c>
      <c r="I8584" s="358" t="s">
        <v>14429</v>
      </c>
      <c r="J8584" s="358"/>
      <c r="K8584" s="358"/>
      <c r="L8584" s="358"/>
    </row>
    <row r="8585" spans="2:12">
      <c r="B8585" s="367"/>
      <c r="C8585" s="367"/>
      <c r="D8585" s="367"/>
      <c r="E8585" s="367"/>
      <c r="F8585" s="360"/>
      <c r="G8585" s="360"/>
      <c r="H8585" s="360"/>
      <c r="I8585" s="360"/>
      <c r="J8585" s="365"/>
      <c r="K8585" s="365"/>
      <c r="L8585" s="365"/>
    </row>
    <row r="8586" spans="2:12">
      <c r="B8586" s="367"/>
      <c r="C8586" s="367"/>
      <c r="D8586" s="367"/>
      <c r="E8586" s="367"/>
      <c r="F8586" s="359" t="s">
        <v>14356</v>
      </c>
      <c r="G8586" s="359" t="s">
        <v>14340</v>
      </c>
      <c r="H8586" s="359" t="s">
        <v>14367</v>
      </c>
      <c r="I8586" s="359" t="s">
        <v>14340</v>
      </c>
      <c r="J8586" s="365"/>
      <c r="K8586" s="365"/>
      <c r="L8586" s="365"/>
    </row>
    <row r="8587" spans="2:12">
      <c r="B8587" s="367"/>
      <c r="C8587" s="367"/>
      <c r="D8587" s="367"/>
      <c r="E8587" s="367"/>
      <c r="F8587" s="360"/>
      <c r="G8587" s="360"/>
      <c r="H8587" s="360"/>
      <c r="I8587" s="360"/>
      <c r="J8587" s="365"/>
      <c r="K8587" s="365"/>
      <c r="L8587" s="365"/>
    </row>
    <row r="8588" spans="2:12" ht="28.5">
      <c r="B8588" s="368"/>
      <c r="C8588" s="368"/>
      <c r="D8588" s="368"/>
      <c r="E8588" s="368"/>
      <c r="F8588" s="361" t="s">
        <v>14472</v>
      </c>
      <c r="G8588" s="361" t="s">
        <v>14473</v>
      </c>
      <c r="H8588" s="361" t="s">
        <v>14332</v>
      </c>
      <c r="I8588" s="361" t="s">
        <v>14473</v>
      </c>
      <c r="J8588" s="366"/>
      <c r="K8588" s="366"/>
      <c r="L8588" s="366"/>
    </row>
    <row r="8589" spans="2:12" ht="28.5">
      <c r="B8589" s="358" t="s">
        <v>18572</v>
      </c>
      <c r="C8589" s="358" t="s">
        <v>27569</v>
      </c>
      <c r="D8589" s="358" t="s">
        <v>18573</v>
      </c>
      <c r="E8589" s="358" t="s">
        <v>18574</v>
      </c>
      <c r="F8589" s="358" t="s">
        <v>14420</v>
      </c>
      <c r="G8589" s="358" t="s">
        <v>14429</v>
      </c>
      <c r="H8589" s="358" t="s">
        <v>14341</v>
      </c>
      <c r="I8589" s="358" t="s">
        <v>14429</v>
      </c>
      <c r="J8589" s="358"/>
      <c r="K8589" s="358"/>
      <c r="L8589" s="358"/>
    </row>
    <row r="8590" spans="2:12">
      <c r="B8590" s="367"/>
      <c r="C8590" s="367"/>
      <c r="D8590" s="367"/>
      <c r="E8590" s="367"/>
      <c r="F8590" s="360"/>
      <c r="G8590" s="360"/>
      <c r="H8590" s="360"/>
      <c r="I8590" s="360"/>
      <c r="J8590" s="365"/>
      <c r="K8590" s="365"/>
      <c r="L8590" s="365"/>
    </row>
    <row r="8591" spans="2:12">
      <c r="B8591" s="367"/>
      <c r="C8591" s="367"/>
      <c r="D8591" s="367"/>
      <c r="E8591" s="367"/>
      <c r="F8591" s="359" t="s">
        <v>14430</v>
      </c>
      <c r="G8591" s="359" t="s">
        <v>14431</v>
      </c>
      <c r="H8591" s="359" t="s">
        <v>14367</v>
      </c>
      <c r="I8591" s="359" t="s">
        <v>14431</v>
      </c>
      <c r="J8591" s="365"/>
      <c r="K8591" s="365"/>
      <c r="L8591" s="365"/>
    </row>
    <row r="8592" spans="2:12">
      <c r="B8592" s="367"/>
      <c r="C8592" s="367"/>
      <c r="D8592" s="367"/>
      <c r="E8592" s="367"/>
      <c r="F8592" s="360"/>
      <c r="G8592" s="360"/>
      <c r="H8592" s="360"/>
      <c r="I8592" s="360"/>
      <c r="J8592" s="365"/>
      <c r="K8592" s="365"/>
      <c r="L8592" s="365"/>
    </row>
    <row r="8593" spans="2:12" ht="28.5">
      <c r="B8593" s="367"/>
      <c r="C8593" s="367"/>
      <c r="D8593" s="367"/>
      <c r="E8593" s="367"/>
      <c r="F8593" s="359" t="s">
        <v>14394</v>
      </c>
      <c r="G8593" s="359" t="s">
        <v>14395</v>
      </c>
      <c r="H8593" s="359" t="s">
        <v>14370</v>
      </c>
      <c r="I8593" s="359" t="s">
        <v>14395</v>
      </c>
      <c r="J8593" s="365"/>
      <c r="K8593" s="365"/>
      <c r="L8593" s="365"/>
    </row>
    <row r="8594" spans="2:12">
      <c r="B8594" s="367"/>
      <c r="C8594" s="367"/>
      <c r="D8594" s="367"/>
      <c r="E8594" s="367"/>
      <c r="F8594" s="360"/>
      <c r="G8594" s="360"/>
      <c r="H8594" s="360"/>
      <c r="I8594" s="360"/>
      <c r="J8594" s="365"/>
      <c r="K8594" s="365"/>
      <c r="L8594" s="365"/>
    </row>
    <row r="8595" spans="2:12">
      <c r="B8595" s="368"/>
      <c r="C8595" s="368"/>
      <c r="D8595" s="368"/>
      <c r="E8595" s="368"/>
      <c r="F8595" s="362"/>
      <c r="G8595" s="362"/>
      <c r="H8595" s="361" t="s">
        <v>14332</v>
      </c>
      <c r="I8595" s="362"/>
      <c r="J8595" s="366"/>
      <c r="K8595" s="366"/>
      <c r="L8595" s="366"/>
    </row>
    <row r="8596" spans="2:12">
      <c r="B8596" s="358" t="s">
        <v>18575</v>
      </c>
      <c r="C8596" s="358" t="s">
        <v>18576</v>
      </c>
      <c r="D8596" s="358" t="s">
        <v>18577</v>
      </c>
      <c r="E8596" s="358" t="s">
        <v>18578</v>
      </c>
      <c r="F8596" s="358" t="s">
        <v>14391</v>
      </c>
      <c r="G8596" s="358" t="s">
        <v>14392</v>
      </c>
      <c r="H8596" s="358" t="s">
        <v>14367</v>
      </c>
      <c r="I8596" s="358" t="s">
        <v>14392</v>
      </c>
      <c r="J8596" s="358"/>
      <c r="K8596" s="358"/>
      <c r="L8596" s="358"/>
    </row>
    <row r="8597" spans="2:12">
      <c r="B8597" s="367"/>
      <c r="C8597" s="367"/>
      <c r="D8597" s="367"/>
      <c r="E8597" s="367"/>
      <c r="F8597" s="360"/>
      <c r="G8597" s="360"/>
      <c r="H8597" s="360"/>
      <c r="I8597" s="360"/>
      <c r="J8597" s="365"/>
      <c r="K8597" s="365"/>
      <c r="L8597" s="365"/>
    </row>
    <row r="8598" spans="2:12" ht="28.5">
      <c r="B8598" s="367"/>
      <c r="C8598" s="367"/>
      <c r="D8598" s="367"/>
      <c r="E8598" s="367"/>
      <c r="F8598" s="359" t="s">
        <v>14394</v>
      </c>
      <c r="G8598" s="359" t="s">
        <v>14395</v>
      </c>
      <c r="H8598" s="359" t="s">
        <v>14370</v>
      </c>
      <c r="I8598" s="359" t="s">
        <v>14395</v>
      </c>
      <c r="J8598" s="365"/>
      <c r="K8598" s="365"/>
      <c r="L8598" s="365"/>
    </row>
    <row r="8599" spans="2:12">
      <c r="B8599" s="367"/>
      <c r="C8599" s="367"/>
      <c r="D8599" s="367"/>
      <c r="E8599" s="367"/>
      <c r="F8599" s="360"/>
      <c r="G8599" s="360"/>
      <c r="H8599" s="360"/>
      <c r="I8599" s="360"/>
      <c r="J8599" s="365"/>
      <c r="K8599" s="365"/>
      <c r="L8599" s="365"/>
    </row>
    <row r="8600" spans="2:12">
      <c r="B8600" s="368"/>
      <c r="C8600" s="368"/>
      <c r="D8600" s="368"/>
      <c r="E8600" s="368"/>
      <c r="F8600" s="362"/>
      <c r="G8600" s="362"/>
      <c r="H8600" s="361" t="s">
        <v>14422</v>
      </c>
      <c r="I8600" s="362"/>
      <c r="J8600" s="366"/>
      <c r="K8600" s="366"/>
      <c r="L8600" s="366"/>
    </row>
    <row r="8601" spans="2:12" ht="28.5">
      <c r="B8601" s="358" t="s">
        <v>18579</v>
      </c>
      <c r="C8601" s="358" t="s">
        <v>29005</v>
      </c>
      <c r="D8601" s="358" t="s">
        <v>18580</v>
      </c>
      <c r="E8601" s="358" t="s">
        <v>18581</v>
      </c>
      <c r="F8601" s="358" t="s">
        <v>14386</v>
      </c>
      <c r="G8601" s="358" t="s">
        <v>14387</v>
      </c>
      <c r="H8601" s="358" t="s">
        <v>14367</v>
      </c>
      <c r="I8601" s="358" t="s">
        <v>14387</v>
      </c>
      <c r="J8601" s="358"/>
      <c r="K8601" s="358"/>
      <c r="L8601" s="358"/>
    </row>
    <row r="8602" spans="2:12">
      <c r="B8602" s="367"/>
      <c r="C8602" s="367"/>
      <c r="D8602" s="367"/>
      <c r="E8602" s="367"/>
      <c r="F8602" s="360"/>
      <c r="G8602" s="360"/>
      <c r="H8602" s="360"/>
      <c r="I8602" s="360"/>
      <c r="J8602" s="365"/>
      <c r="K8602" s="365"/>
      <c r="L8602" s="365"/>
    </row>
    <row r="8603" spans="2:12">
      <c r="B8603" s="367"/>
      <c r="C8603" s="367"/>
      <c r="D8603" s="367"/>
      <c r="E8603" s="367"/>
      <c r="F8603" s="359" t="s">
        <v>14389</v>
      </c>
      <c r="G8603" s="359" t="s">
        <v>14390</v>
      </c>
      <c r="H8603" s="359" t="s">
        <v>14370</v>
      </c>
      <c r="I8603" s="359" t="s">
        <v>14390</v>
      </c>
      <c r="J8603" s="365"/>
      <c r="K8603" s="365"/>
      <c r="L8603" s="365"/>
    </row>
    <row r="8604" spans="2:12">
      <c r="B8604" s="367"/>
      <c r="C8604" s="367"/>
      <c r="D8604" s="367"/>
      <c r="E8604" s="367"/>
      <c r="F8604" s="360"/>
      <c r="G8604" s="360"/>
      <c r="H8604" s="360"/>
      <c r="I8604" s="360"/>
      <c r="J8604" s="365"/>
      <c r="K8604" s="365"/>
      <c r="L8604" s="365"/>
    </row>
    <row r="8605" spans="2:12" ht="28.5">
      <c r="B8605" s="368"/>
      <c r="C8605" s="368"/>
      <c r="D8605" s="368"/>
      <c r="E8605" s="368"/>
      <c r="F8605" s="361" t="s">
        <v>14394</v>
      </c>
      <c r="G8605" s="361" t="s">
        <v>14395</v>
      </c>
      <c r="H8605" s="361" t="s">
        <v>14422</v>
      </c>
      <c r="I8605" s="361" t="s">
        <v>14395</v>
      </c>
      <c r="J8605" s="366"/>
      <c r="K8605" s="366"/>
      <c r="L8605" s="366"/>
    </row>
    <row r="8606" spans="2:12" ht="28.5">
      <c r="B8606" s="358" t="s">
        <v>18582</v>
      </c>
      <c r="C8606" s="358" t="s">
        <v>27570</v>
      </c>
      <c r="D8606" s="358" t="s">
        <v>18583</v>
      </c>
      <c r="E8606" s="358" t="s">
        <v>18584</v>
      </c>
      <c r="F8606" s="358" t="s">
        <v>14389</v>
      </c>
      <c r="G8606" s="358" t="s">
        <v>14390</v>
      </c>
      <c r="H8606" s="358" t="s">
        <v>14367</v>
      </c>
      <c r="I8606" s="358" t="s">
        <v>14390</v>
      </c>
      <c r="J8606" s="358"/>
      <c r="K8606" s="358"/>
      <c r="L8606" s="358"/>
    </row>
    <row r="8607" spans="2:12">
      <c r="B8607" s="367"/>
      <c r="C8607" s="367"/>
      <c r="D8607" s="367"/>
      <c r="E8607" s="367"/>
      <c r="F8607" s="360"/>
      <c r="G8607" s="360"/>
      <c r="H8607" s="360"/>
      <c r="I8607" s="360"/>
      <c r="J8607" s="365"/>
      <c r="K8607" s="365"/>
      <c r="L8607" s="365"/>
    </row>
    <row r="8608" spans="2:12">
      <c r="B8608" s="367"/>
      <c r="C8608" s="367"/>
      <c r="D8608" s="367"/>
      <c r="E8608" s="367"/>
      <c r="F8608" s="359" t="s">
        <v>14371</v>
      </c>
      <c r="G8608" s="359" t="s">
        <v>14372</v>
      </c>
      <c r="H8608" s="359" t="s">
        <v>14370</v>
      </c>
      <c r="I8608" s="359" t="s">
        <v>14373</v>
      </c>
      <c r="J8608" s="365"/>
      <c r="K8608" s="365"/>
      <c r="L8608" s="365"/>
    </row>
    <row r="8609" spans="2:12">
      <c r="B8609" s="367"/>
      <c r="C8609" s="367"/>
      <c r="D8609" s="367"/>
      <c r="E8609" s="367"/>
      <c r="F8609" s="360"/>
      <c r="G8609" s="360"/>
      <c r="H8609" s="360"/>
      <c r="I8609" s="360"/>
      <c r="J8609" s="365"/>
      <c r="K8609" s="365"/>
      <c r="L8609" s="365"/>
    </row>
    <row r="8610" spans="2:12" ht="28.5">
      <c r="B8610" s="368"/>
      <c r="C8610" s="368"/>
      <c r="D8610" s="368"/>
      <c r="E8610" s="368"/>
      <c r="F8610" s="361" t="s">
        <v>14374</v>
      </c>
      <c r="G8610" s="361" t="s">
        <v>14373</v>
      </c>
      <c r="H8610" s="361" t="s">
        <v>14422</v>
      </c>
      <c r="I8610" s="362"/>
      <c r="J8610" s="366"/>
      <c r="K8610" s="366"/>
      <c r="L8610" s="366"/>
    </row>
    <row r="8611" spans="2:12" ht="28.5">
      <c r="B8611" s="358" t="s">
        <v>18585</v>
      </c>
      <c r="C8611" s="358" t="s">
        <v>27571</v>
      </c>
      <c r="D8611" s="358" t="s">
        <v>18586</v>
      </c>
      <c r="E8611" s="358" t="s">
        <v>8356</v>
      </c>
      <c r="F8611" s="358" t="s">
        <v>14472</v>
      </c>
      <c r="G8611" s="358" t="s">
        <v>14473</v>
      </c>
      <c r="H8611" s="358" t="s">
        <v>8356</v>
      </c>
      <c r="I8611" s="358" t="s">
        <v>14473</v>
      </c>
      <c r="J8611" s="358"/>
      <c r="K8611" s="358"/>
      <c r="L8611" s="358"/>
    </row>
    <row r="8612" spans="2:12">
      <c r="B8612" s="368"/>
      <c r="C8612" s="368"/>
      <c r="D8612" s="368"/>
      <c r="E8612" s="368"/>
      <c r="F8612" s="368"/>
      <c r="G8612" s="368"/>
      <c r="H8612" s="368"/>
      <c r="I8612" s="368"/>
      <c r="J8612" s="366"/>
      <c r="K8612" s="366"/>
      <c r="L8612" s="366"/>
    </row>
    <row r="8613" spans="2:12" ht="42.75">
      <c r="B8613" s="358" t="s">
        <v>18587</v>
      </c>
      <c r="C8613" s="358" t="s">
        <v>27572</v>
      </c>
      <c r="D8613" s="358" t="s">
        <v>18588</v>
      </c>
      <c r="E8613" s="358" t="s">
        <v>18589</v>
      </c>
      <c r="F8613" s="358" t="s">
        <v>14507</v>
      </c>
      <c r="G8613" s="358" t="s">
        <v>29006</v>
      </c>
      <c r="H8613" s="358" t="s">
        <v>14381</v>
      </c>
      <c r="I8613" s="358" t="s">
        <v>29006</v>
      </c>
      <c r="J8613" s="358"/>
      <c r="K8613" s="358"/>
      <c r="L8613" s="358"/>
    </row>
    <row r="8614" spans="2:12">
      <c r="B8614" s="367"/>
      <c r="C8614" s="367"/>
      <c r="D8614" s="367"/>
      <c r="E8614" s="367"/>
      <c r="F8614" s="360"/>
      <c r="G8614" s="360"/>
      <c r="H8614" s="360"/>
      <c r="I8614" s="360"/>
      <c r="J8614" s="365"/>
      <c r="K8614" s="365"/>
      <c r="L8614" s="365"/>
    </row>
    <row r="8615" spans="2:12">
      <c r="B8615" s="367"/>
      <c r="C8615" s="367"/>
      <c r="D8615" s="367"/>
      <c r="E8615" s="367"/>
      <c r="F8615" s="359" t="s">
        <v>14460</v>
      </c>
      <c r="G8615" s="359" t="s">
        <v>14395</v>
      </c>
      <c r="H8615" s="359" t="s">
        <v>14341</v>
      </c>
      <c r="I8615" s="359" t="s">
        <v>14395</v>
      </c>
      <c r="J8615" s="365"/>
      <c r="K8615" s="365"/>
      <c r="L8615" s="365"/>
    </row>
    <row r="8616" spans="2:12">
      <c r="B8616" s="367"/>
      <c r="C8616" s="367"/>
      <c r="D8616" s="367"/>
      <c r="E8616" s="367"/>
      <c r="F8616" s="360"/>
      <c r="G8616" s="360"/>
      <c r="H8616" s="360"/>
      <c r="I8616" s="360"/>
      <c r="J8616" s="365"/>
      <c r="K8616" s="365"/>
      <c r="L8616" s="365"/>
    </row>
    <row r="8617" spans="2:12">
      <c r="B8617" s="367"/>
      <c r="C8617" s="367"/>
      <c r="D8617" s="367"/>
      <c r="E8617" s="367"/>
      <c r="F8617" s="359" t="s">
        <v>14430</v>
      </c>
      <c r="G8617" s="360"/>
      <c r="H8617" s="359" t="s">
        <v>14370</v>
      </c>
      <c r="I8617" s="360"/>
      <c r="J8617" s="365"/>
      <c r="K8617" s="365"/>
      <c r="L8617" s="365"/>
    </row>
    <row r="8618" spans="2:12">
      <c r="B8618" s="367"/>
      <c r="C8618" s="367"/>
      <c r="D8618" s="367"/>
      <c r="E8618" s="367"/>
      <c r="F8618" s="360"/>
      <c r="G8618" s="360"/>
      <c r="H8618" s="360"/>
      <c r="I8618" s="360"/>
      <c r="J8618" s="365"/>
      <c r="K8618" s="365"/>
      <c r="L8618" s="365"/>
    </row>
    <row r="8619" spans="2:12" ht="28.5">
      <c r="B8619" s="368"/>
      <c r="C8619" s="368"/>
      <c r="D8619" s="368"/>
      <c r="E8619" s="368"/>
      <c r="F8619" s="361" t="s">
        <v>14394</v>
      </c>
      <c r="G8619" s="362"/>
      <c r="H8619" s="361" t="s">
        <v>14332</v>
      </c>
      <c r="I8619" s="362"/>
      <c r="J8619" s="366"/>
      <c r="K8619" s="366"/>
      <c r="L8619" s="366"/>
    </row>
    <row r="8620" spans="2:12" ht="28.5">
      <c r="B8620" s="358" t="s">
        <v>18590</v>
      </c>
      <c r="C8620" s="358" t="s">
        <v>18591</v>
      </c>
      <c r="D8620" s="358" t="s">
        <v>18592</v>
      </c>
      <c r="E8620" s="358" t="s">
        <v>18593</v>
      </c>
      <c r="F8620" s="358" t="s">
        <v>14420</v>
      </c>
      <c r="G8620" s="358" t="s">
        <v>14429</v>
      </c>
      <c r="H8620" s="358" t="s">
        <v>14367</v>
      </c>
      <c r="I8620" s="358" t="s">
        <v>14429</v>
      </c>
      <c r="J8620" s="358"/>
      <c r="K8620" s="358"/>
      <c r="L8620" s="358"/>
    </row>
    <row r="8621" spans="2:12">
      <c r="B8621" s="367"/>
      <c r="C8621" s="367"/>
      <c r="D8621" s="367"/>
      <c r="E8621" s="367"/>
      <c r="F8621" s="360"/>
      <c r="G8621" s="360"/>
      <c r="H8621" s="360"/>
      <c r="I8621" s="360"/>
      <c r="J8621" s="365"/>
      <c r="K8621" s="365"/>
      <c r="L8621" s="365"/>
    </row>
    <row r="8622" spans="2:12" ht="28.5">
      <c r="B8622" s="368"/>
      <c r="C8622" s="368"/>
      <c r="D8622" s="368"/>
      <c r="E8622" s="368"/>
      <c r="F8622" s="361" t="s">
        <v>14472</v>
      </c>
      <c r="G8622" s="361" t="s">
        <v>14473</v>
      </c>
      <c r="H8622" s="361" t="s">
        <v>14422</v>
      </c>
      <c r="I8622" s="361" t="s">
        <v>14473</v>
      </c>
      <c r="J8622" s="366"/>
      <c r="K8622" s="366"/>
      <c r="L8622" s="366"/>
    </row>
    <row r="8623" spans="2:12" ht="28.5">
      <c r="B8623" s="358" t="s">
        <v>18594</v>
      </c>
      <c r="C8623" s="358" t="s">
        <v>27573</v>
      </c>
      <c r="D8623" s="358" t="s">
        <v>18595</v>
      </c>
      <c r="E8623" s="358" t="s">
        <v>18596</v>
      </c>
      <c r="F8623" s="358" t="s">
        <v>14394</v>
      </c>
      <c r="G8623" s="358" t="s">
        <v>14395</v>
      </c>
      <c r="H8623" s="358" t="s">
        <v>14370</v>
      </c>
      <c r="I8623" s="358" t="s">
        <v>14395</v>
      </c>
      <c r="J8623" s="358"/>
      <c r="K8623" s="358"/>
      <c r="L8623" s="358"/>
    </row>
    <row r="8624" spans="2:12">
      <c r="B8624" s="368"/>
      <c r="C8624" s="368"/>
      <c r="D8624" s="368"/>
      <c r="E8624" s="368"/>
      <c r="F8624" s="368"/>
      <c r="G8624" s="368"/>
      <c r="H8624" s="368"/>
      <c r="I8624" s="368"/>
      <c r="J8624" s="366"/>
      <c r="K8624" s="366"/>
      <c r="L8624" s="366"/>
    </row>
    <row r="8625" spans="2:12">
      <c r="B8625" s="354" t="s">
        <v>14874</v>
      </c>
      <c r="C8625" s="369"/>
      <c r="D8625" s="369"/>
      <c r="E8625" s="369"/>
      <c r="F8625" s="369"/>
      <c r="G8625" s="369"/>
      <c r="H8625" s="369"/>
      <c r="I8625" s="369"/>
      <c r="J8625" s="369"/>
      <c r="K8625" s="369"/>
      <c r="L8625" s="370"/>
    </row>
    <row r="8626" spans="2:12">
      <c r="B8626" s="354" t="s">
        <v>28528</v>
      </c>
      <c r="C8626" s="369"/>
      <c r="D8626" s="369"/>
      <c r="E8626" s="369"/>
      <c r="F8626" s="369"/>
      <c r="G8626" s="369"/>
      <c r="H8626" s="369"/>
      <c r="I8626" s="369"/>
      <c r="J8626" s="369"/>
      <c r="K8626" s="369"/>
      <c r="L8626" s="370"/>
    </row>
    <row r="8627" spans="2:12">
      <c r="B8627" s="358" t="s">
        <v>18597</v>
      </c>
      <c r="C8627" s="358" t="s">
        <v>18598</v>
      </c>
      <c r="D8627" s="358" t="s">
        <v>18599</v>
      </c>
      <c r="E8627" s="358" t="s">
        <v>18600</v>
      </c>
      <c r="F8627" s="358" t="s">
        <v>14389</v>
      </c>
      <c r="G8627" s="358" t="s">
        <v>14390</v>
      </c>
      <c r="H8627" s="358" t="s">
        <v>14367</v>
      </c>
      <c r="I8627" s="358" t="s">
        <v>14390</v>
      </c>
      <c r="J8627" s="358"/>
      <c r="K8627" s="358"/>
      <c r="L8627" s="358"/>
    </row>
    <row r="8628" spans="2:12">
      <c r="B8628" s="367"/>
      <c r="C8628" s="367"/>
      <c r="D8628" s="367"/>
      <c r="E8628" s="367"/>
      <c r="F8628" s="360"/>
      <c r="G8628" s="360"/>
      <c r="H8628" s="360"/>
      <c r="I8628" s="360"/>
      <c r="J8628" s="365"/>
      <c r="K8628" s="365"/>
      <c r="L8628" s="365"/>
    </row>
    <row r="8629" spans="2:12">
      <c r="B8629" s="367"/>
      <c r="C8629" s="367"/>
      <c r="D8629" s="367"/>
      <c r="E8629" s="367"/>
      <c r="F8629" s="359" t="s">
        <v>14391</v>
      </c>
      <c r="G8629" s="359" t="s">
        <v>14392</v>
      </c>
      <c r="H8629" s="359" t="s">
        <v>14370</v>
      </c>
      <c r="I8629" s="359" t="s">
        <v>14392</v>
      </c>
      <c r="J8629" s="365"/>
      <c r="K8629" s="365"/>
      <c r="L8629" s="365"/>
    </row>
    <row r="8630" spans="2:12">
      <c r="B8630" s="367"/>
      <c r="C8630" s="367"/>
      <c r="D8630" s="367"/>
      <c r="E8630" s="367"/>
      <c r="F8630" s="360"/>
      <c r="G8630" s="360"/>
      <c r="H8630" s="360"/>
      <c r="I8630" s="360"/>
      <c r="J8630" s="365"/>
      <c r="K8630" s="365"/>
      <c r="L8630" s="365"/>
    </row>
    <row r="8631" spans="2:12">
      <c r="B8631" s="367"/>
      <c r="C8631" s="367"/>
      <c r="D8631" s="367"/>
      <c r="E8631" s="367"/>
      <c r="F8631" s="359" t="s">
        <v>14371</v>
      </c>
      <c r="G8631" s="359" t="s">
        <v>14372</v>
      </c>
      <c r="H8631" s="359" t="s">
        <v>14422</v>
      </c>
      <c r="I8631" s="359" t="s">
        <v>14373</v>
      </c>
      <c r="J8631" s="365"/>
      <c r="K8631" s="365"/>
      <c r="L8631" s="365"/>
    </row>
    <row r="8632" spans="2:12">
      <c r="B8632" s="367"/>
      <c r="C8632" s="367"/>
      <c r="D8632" s="367"/>
      <c r="E8632" s="367"/>
      <c r="F8632" s="360"/>
      <c r="G8632" s="360"/>
      <c r="H8632" s="360"/>
      <c r="I8632" s="360"/>
      <c r="J8632" s="365"/>
      <c r="K8632" s="365"/>
      <c r="L8632" s="365"/>
    </row>
    <row r="8633" spans="2:12" ht="28.5">
      <c r="B8633" s="368"/>
      <c r="C8633" s="368"/>
      <c r="D8633" s="368"/>
      <c r="E8633" s="368"/>
      <c r="F8633" s="361" t="s">
        <v>14374</v>
      </c>
      <c r="G8633" s="361" t="s">
        <v>14373</v>
      </c>
      <c r="H8633" s="362"/>
      <c r="I8633" s="362"/>
      <c r="J8633" s="366"/>
      <c r="K8633" s="366"/>
      <c r="L8633" s="366"/>
    </row>
    <row r="8634" spans="2:12" ht="28.5">
      <c r="B8634" s="358" t="s">
        <v>18601</v>
      </c>
      <c r="C8634" s="358" t="s">
        <v>18602</v>
      </c>
      <c r="D8634" s="358" t="s">
        <v>18603</v>
      </c>
      <c r="E8634" s="358" t="s">
        <v>18604</v>
      </c>
      <c r="F8634" s="358" t="s">
        <v>14462</v>
      </c>
      <c r="G8634" s="358" t="s">
        <v>14463</v>
      </c>
      <c r="H8634" s="358" t="s">
        <v>8356</v>
      </c>
      <c r="I8634" s="358" t="s">
        <v>14463</v>
      </c>
      <c r="J8634" s="358"/>
      <c r="K8634" s="358"/>
      <c r="L8634" s="358"/>
    </row>
    <row r="8635" spans="2:12">
      <c r="B8635" s="368"/>
      <c r="C8635" s="368"/>
      <c r="D8635" s="368"/>
      <c r="E8635" s="368"/>
      <c r="F8635" s="368"/>
      <c r="G8635" s="368"/>
      <c r="H8635" s="368"/>
      <c r="I8635" s="368"/>
      <c r="J8635" s="366"/>
      <c r="K8635" s="366"/>
      <c r="L8635" s="366"/>
    </row>
    <row r="8636" spans="2:12" ht="28.5">
      <c r="B8636" s="358" t="s">
        <v>18605</v>
      </c>
      <c r="C8636" s="358" t="s">
        <v>29007</v>
      </c>
      <c r="D8636" s="358" t="s">
        <v>18606</v>
      </c>
      <c r="E8636" s="358" t="s">
        <v>8356</v>
      </c>
      <c r="F8636" s="358" t="s">
        <v>14389</v>
      </c>
      <c r="G8636" s="358" t="s">
        <v>14390</v>
      </c>
      <c r="H8636" s="358" t="s">
        <v>14367</v>
      </c>
      <c r="I8636" s="358" t="s">
        <v>14390</v>
      </c>
      <c r="J8636" s="358"/>
      <c r="K8636" s="358"/>
      <c r="L8636" s="358"/>
    </row>
    <row r="8637" spans="2:12">
      <c r="B8637" s="367"/>
      <c r="C8637" s="367"/>
      <c r="D8637" s="367"/>
      <c r="E8637" s="367"/>
      <c r="F8637" s="360"/>
      <c r="G8637" s="360"/>
      <c r="H8637" s="360"/>
      <c r="I8637" s="360"/>
      <c r="J8637" s="365"/>
      <c r="K8637" s="365"/>
      <c r="L8637" s="365"/>
    </row>
    <row r="8638" spans="2:12" ht="28.5">
      <c r="B8638" s="367"/>
      <c r="C8638" s="367"/>
      <c r="D8638" s="367"/>
      <c r="E8638" s="367"/>
      <c r="F8638" s="359" t="s">
        <v>14394</v>
      </c>
      <c r="G8638" s="359" t="s">
        <v>14395</v>
      </c>
      <c r="H8638" s="359" t="s">
        <v>14370</v>
      </c>
      <c r="I8638" s="359" t="s">
        <v>14395</v>
      </c>
      <c r="J8638" s="365"/>
      <c r="K8638" s="365"/>
      <c r="L8638" s="365"/>
    </row>
    <row r="8639" spans="2:12">
      <c r="B8639" s="367"/>
      <c r="C8639" s="367"/>
      <c r="D8639" s="367"/>
      <c r="E8639" s="367"/>
      <c r="F8639" s="360"/>
      <c r="G8639" s="360"/>
      <c r="H8639" s="360"/>
      <c r="I8639" s="360"/>
      <c r="J8639" s="365"/>
      <c r="K8639" s="365"/>
      <c r="L8639" s="365"/>
    </row>
    <row r="8640" spans="2:12">
      <c r="B8640" s="368"/>
      <c r="C8640" s="368"/>
      <c r="D8640" s="368"/>
      <c r="E8640" s="368"/>
      <c r="F8640" s="362"/>
      <c r="G8640" s="362"/>
      <c r="H8640" s="361" t="s">
        <v>14422</v>
      </c>
      <c r="I8640" s="362"/>
      <c r="J8640" s="366"/>
      <c r="K8640" s="366"/>
      <c r="L8640" s="366"/>
    </row>
    <row r="8641" spans="2:12">
      <c r="B8641" s="358" t="s">
        <v>18607</v>
      </c>
      <c r="C8641" s="358" t="s">
        <v>18608</v>
      </c>
      <c r="D8641" s="358" t="s">
        <v>18609</v>
      </c>
      <c r="E8641" s="358" t="s">
        <v>18610</v>
      </c>
      <c r="F8641" s="358" t="s">
        <v>14371</v>
      </c>
      <c r="G8641" s="358" t="s">
        <v>14372</v>
      </c>
      <c r="H8641" s="358" t="s">
        <v>14370</v>
      </c>
      <c r="I8641" s="358" t="s">
        <v>14373</v>
      </c>
      <c r="J8641" s="358"/>
      <c r="K8641" s="358"/>
      <c r="L8641" s="358"/>
    </row>
    <row r="8642" spans="2:12">
      <c r="B8642" s="367"/>
      <c r="C8642" s="367"/>
      <c r="D8642" s="367"/>
      <c r="E8642" s="367"/>
      <c r="F8642" s="360"/>
      <c r="G8642" s="360"/>
      <c r="H8642" s="360"/>
      <c r="I8642" s="367"/>
      <c r="J8642" s="365"/>
      <c r="K8642" s="365"/>
      <c r="L8642" s="365"/>
    </row>
    <row r="8643" spans="2:12" ht="28.5">
      <c r="B8643" s="368"/>
      <c r="C8643" s="368"/>
      <c r="D8643" s="368"/>
      <c r="E8643" s="368"/>
      <c r="F8643" s="361" t="s">
        <v>14374</v>
      </c>
      <c r="G8643" s="361" t="s">
        <v>14373</v>
      </c>
      <c r="H8643" s="361" t="s">
        <v>14422</v>
      </c>
      <c r="I8643" s="368"/>
      <c r="J8643" s="366"/>
      <c r="K8643" s="366"/>
      <c r="L8643" s="366"/>
    </row>
    <row r="8644" spans="2:12">
      <c r="B8644" s="358" t="s">
        <v>18611</v>
      </c>
      <c r="C8644" s="358" t="s">
        <v>18612</v>
      </c>
      <c r="D8644" s="358" t="s">
        <v>18613</v>
      </c>
      <c r="E8644" s="358" t="s">
        <v>18614</v>
      </c>
      <c r="F8644" s="358" t="s">
        <v>14505</v>
      </c>
      <c r="G8644" s="358" t="s">
        <v>14506</v>
      </c>
      <c r="H8644" s="358" t="s">
        <v>14328</v>
      </c>
      <c r="I8644" s="358" t="s">
        <v>14506</v>
      </c>
      <c r="J8644" s="358" t="s">
        <v>17546</v>
      </c>
      <c r="K8644" s="358"/>
      <c r="L8644" s="358"/>
    </row>
    <row r="8645" spans="2:12">
      <c r="B8645" s="367"/>
      <c r="C8645" s="367"/>
      <c r="D8645" s="367"/>
      <c r="E8645" s="367"/>
      <c r="F8645" s="367"/>
      <c r="G8645" s="367"/>
      <c r="H8645" s="360"/>
      <c r="I8645" s="367"/>
      <c r="J8645" s="367"/>
      <c r="K8645" s="365"/>
      <c r="L8645" s="365"/>
    </row>
    <row r="8646" spans="2:12">
      <c r="B8646" s="368"/>
      <c r="C8646" s="368"/>
      <c r="D8646" s="368"/>
      <c r="E8646" s="368"/>
      <c r="F8646" s="368"/>
      <c r="G8646" s="368"/>
      <c r="H8646" s="361" t="s">
        <v>14332</v>
      </c>
      <c r="I8646" s="368"/>
      <c r="J8646" s="368"/>
      <c r="K8646" s="366"/>
      <c r="L8646" s="366"/>
    </row>
    <row r="8647" spans="2:12">
      <c r="B8647" s="358" t="s">
        <v>18615</v>
      </c>
      <c r="C8647" s="358" t="s">
        <v>18616</v>
      </c>
      <c r="D8647" s="358" t="s">
        <v>18617</v>
      </c>
      <c r="E8647" s="358" t="s">
        <v>18618</v>
      </c>
      <c r="F8647" s="358" t="s">
        <v>14418</v>
      </c>
      <c r="G8647" s="358" t="s">
        <v>14419</v>
      </c>
      <c r="H8647" s="358" t="s">
        <v>14328</v>
      </c>
      <c r="I8647" s="358" t="s">
        <v>14419</v>
      </c>
      <c r="J8647" s="358"/>
      <c r="K8647" s="358"/>
      <c r="L8647" s="358"/>
    </row>
    <row r="8648" spans="2:12">
      <c r="B8648" s="367"/>
      <c r="C8648" s="367"/>
      <c r="D8648" s="367"/>
      <c r="E8648" s="367"/>
      <c r="F8648" s="367"/>
      <c r="G8648" s="367"/>
      <c r="H8648" s="360"/>
      <c r="I8648" s="367"/>
      <c r="J8648" s="365"/>
      <c r="K8648" s="365"/>
      <c r="L8648" s="365"/>
    </row>
    <row r="8649" spans="2:12">
      <c r="B8649" s="368"/>
      <c r="C8649" s="368"/>
      <c r="D8649" s="368"/>
      <c r="E8649" s="368"/>
      <c r="F8649" s="368"/>
      <c r="G8649" s="368"/>
      <c r="H8649" s="361" t="s">
        <v>14422</v>
      </c>
      <c r="I8649" s="368"/>
      <c r="J8649" s="366"/>
      <c r="K8649" s="366"/>
      <c r="L8649" s="366"/>
    </row>
    <row r="8650" spans="2:12" ht="42.75">
      <c r="B8650" s="358" t="s">
        <v>18619</v>
      </c>
      <c r="C8650" s="358" t="s">
        <v>29008</v>
      </c>
      <c r="D8650" s="358" t="s">
        <v>18620</v>
      </c>
      <c r="E8650" s="358" t="s">
        <v>18621</v>
      </c>
      <c r="F8650" s="358" t="s">
        <v>14356</v>
      </c>
      <c r="G8650" s="358" t="s">
        <v>14340</v>
      </c>
      <c r="H8650" s="358" t="s">
        <v>14341</v>
      </c>
      <c r="I8650" s="358" t="s">
        <v>14340</v>
      </c>
      <c r="J8650" s="358"/>
      <c r="K8650" s="358"/>
      <c r="L8650" s="358"/>
    </row>
    <row r="8651" spans="2:12">
      <c r="B8651" s="367"/>
      <c r="C8651" s="367"/>
      <c r="D8651" s="367"/>
      <c r="E8651" s="367"/>
      <c r="F8651" s="360"/>
      <c r="G8651" s="360"/>
      <c r="H8651" s="360"/>
      <c r="I8651" s="360"/>
      <c r="J8651" s="365"/>
      <c r="K8651" s="365"/>
      <c r="L8651" s="365"/>
    </row>
    <row r="8652" spans="2:12">
      <c r="B8652" s="367"/>
      <c r="C8652" s="367"/>
      <c r="D8652" s="367"/>
      <c r="E8652" s="367"/>
      <c r="F8652" s="359" t="s">
        <v>14391</v>
      </c>
      <c r="G8652" s="359" t="s">
        <v>14392</v>
      </c>
      <c r="H8652" s="359" t="s">
        <v>14367</v>
      </c>
      <c r="I8652" s="359" t="s">
        <v>14392</v>
      </c>
      <c r="J8652" s="365"/>
      <c r="K8652" s="365"/>
      <c r="L8652" s="365"/>
    </row>
    <row r="8653" spans="2:12">
      <c r="B8653" s="367"/>
      <c r="C8653" s="367"/>
      <c r="D8653" s="367"/>
      <c r="E8653" s="367"/>
      <c r="F8653" s="360"/>
      <c r="G8653" s="360"/>
      <c r="H8653" s="360"/>
      <c r="I8653" s="360"/>
      <c r="J8653" s="365"/>
      <c r="K8653" s="365"/>
      <c r="L8653" s="365"/>
    </row>
    <row r="8654" spans="2:12" ht="28.5">
      <c r="B8654" s="367"/>
      <c r="C8654" s="367"/>
      <c r="D8654" s="367"/>
      <c r="E8654" s="367"/>
      <c r="F8654" s="359" t="s">
        <v>14394</v>
      </c>
      <c r="G8654" s="359" t="s">
        <v>14395</v>
      </c>
      <c r="H8654" s="359" t="s">
        <v>14370</v>
      </c>
      <c r="I8654" s="359" t="s">
        <v>14395</v>
      </c>
      <c r="J8654" s="365"/>
      <c r="K8654" s="365"/>
      <c r="L8654" s="365"/>
    </row>
    <row r="8655" spans="2:12">
      <c r="B8655" s="367"/>
      <c r="C8655" s="367"/>
      <c r="D8655" s="367"/>
      <c r="E8655" s="367"/>
      <c r="F8655" s="360"/>
      <c r="G8655" s="360"/>
      <c r="H8655" s="360"/>
      <c r="I8655" s="360"/>
      <c r="J8655" s="365"/>
      <c r="K8655" s="365"/>
      <c r="L8655" s="365"/>
    </row>
    <row r="8656" spans="2:12">
      <c r="B8656" s="368"/>
      <c r="C8656" s="368"/>
      <c r="D8656" s="368"/>
      <c r="E8656" s="368"/>
      <c r="F8656" s="362"/>
      <c r="G8656" s="362"/>
      <c r="H8656" s="361" t="s">
        <v>14332</v>
      </c>
      <c r="I8656" s="362"/>
      <c r="J8656" s="366"/>
      <c r="K8656" s="366"/>
      <c r="L8656" s="366"/>
    </row>
    <row r="8657" spans="2:12">
      <c r="B8657" s="358" t="s">
        <v>18622</v>
      </c>
      <c r="C8657" s="358" t="s">
        <v>18623</v>
      </c>
      <c r="D8657" s="358" t="s">
        <v>18624</v>
      </c>
      <c r="E8657" s="358" t="s">
        <v>18625</v>
      </c>
      <c r="F8657" s="358" t="s">
        <v>14430</v>
      </c>
      <c r="G8657" s="358" t="s">
        <v>14431</v>
      </c>
      <c r="H8657" s="358" t="s">
        <v>14341</v>
      </c>
      <c r="I8657" s="358" t="s">
        <v>14431</v>
      </c>
      <c r="J8657" s="358"/>
      <c r="K8657" s="358"/>
      <c r="L8657" s="358"/>
    </row>
    <row r="8658" spans="2:12">
      <c r="B8658" s="367"/>
      <c r="C8658" s="367"/>
      <c r="D8658" s="367"/>
      <c r="E8658" s="367"/>
      <c r="F8658" s="367"/>
      <c r="G8658" s="367"/>
      <c r="H8658" s="360"/>
      <c r="I8658" s="367"/>
      <c r="J8658" s="365"/>
      <c r="K8658" s="365"/>
      <c r="L8658" s="365"/>
    </row>
    <row r="8659" spans="2:12">
      <c r="B8659" s="368"/>
      <c r="C8659" s="368"/>
      <c r="D8659" s="368"/>
      <c r="E8659" s="368"/>
      <c r="F8659" s="368"/>
      <c r="G8659" s="368"/>
      <c r="H8659" s="361" t="s">
        <v>14332</v>
      </c>
      <c r="I8659" s="368"/>
      <c r="J8659" s="366"/>
      <c r="K8659" s="366"/>
      <c r="L8659" s="366"/>
    </row>
    <row r="8660" spans="2:12" ht="42.75">
      <c r="B8660" s="358" t="s">
        <v>18626</v>
      </c>
      <c r="C8660" s="358" t="s">
        <v>27574</v>
      </c>
      <c r="D8660" s="358" t="s">
        <v>18627</v>
      </c>
      <c r="E8660" s="358" t="s">
        <v>18628</v>
      </c>
      <c r="F8660" s="358" t="s">
        <v>14462</v>
      </c>
      <c r="G8660" s="358" t="s">
        <v>14463</v>
      </c>
      <c r="H8660" s="358" t="s">
        <v>8356</v>
      </c>
      <c r="I8660" s="358" t="s">
        <v>14463</v>
      </c>
      <c r="J8660" s="358"/>
      <c r="K8660" s="358"/>
      <c r="L8660" s="358"/>
    </row>
    <row r="8661" spans="2:12">
      <c r="B8661" s="368"/>
      <c r="C8661" s="368"/>
      <c r="D8661" s="368"/>
      <c r="E8661" s="368"/>
      <c r="F8661" s="368"/>
      <c r="G8661" s="368"/>
      <c r="H8661" s="368"/>
      <c r="I8661" s="368"/>
      <c r="J8661" s="366"/>
      <c r="K8661" s="366"/>
      <c r="L8661" s="366"/>
    </row>
    <row r="8662" spans="2:12" ht="156.75">
      <c r="B8662" s="358" t="s">
        <v>18629</v>
      </c>
      <c r="C8662" s="358" t="s">
        <v>29009</v>
      </c>
      <c r="D8662" s="358" t="s">
        <v>18630</v>
      </c>
      <c r="E8662" s="358" t="s">
        <v>8356</v>
      </c>
      <c r="F8662" s="358" t="s">
        <v>14426</v>
      </c>
      <c r="G8662" s="358" t="s">
        <v>14427</v>
      </c>
      <c r="H8662" s="358" t="s">
        <v>14381</v>
      </c>
      <c r="I8662" s="358" t="s">
        <v>14427</v>
      </c>
      <c r="J8662" s="358"/>
      <c r="K8662" s="358"/>
      <c r="L8662" s="358"/>
    </row>
    <row r="8663" spans="2:12">
      <c r="B8663" s="367"/>
      <c r="C8663" s="367"/>
      <c r="D8663" s="367"/>
      <c r="E8663" s="367"/>
      <c r="F8663" s="360"/>
      <c r="G8663" s="360"/>
      <c r="H8663" s="360"/>
      <c r="I8663" s="360"/>
      <c r="J8663" s="365"/>
      <c r="K8663" s="365"/>
      <c r="L8663" s="365"/>
    </row>
    <row r="8664" spans="2:12">
      <c r="B8664" s="367"/>
      <c r="C8664" s="367"/>
      <c r="D8664" s="367"/>
      <c r="E8664" s="367"/>
      <c r="F8664" s="359" t="s">
        <v>14391</v>
      </c>
      <c r="G8664" s="359" t="s">
        <v>14392</v>
      </c>
      <c r="H8664" s="359" t="s">
        <v>14367</v>
      </c>
      <c r="I8664" s="359" t="s">
        <v>14392</v>
      </c>
      <c r="J8664" s="365"/>
      <c r="K8664" s="365"/>
      <c r="L8664" s="365"/>
    </row>
    <row r="8665" spans="2:12">
      <c r="B8665" s="367"/>
      <c r="C8665" s="367"/>
      <c r="D8665" s="367"/>
      <c r="E8665" s="367"/>
      <c r="F8665" s="360"/>
      <c r="G8665" s="360"/>
      <c r="H8665" s="360"/>
      <c r="I8665" s="360"/>
      <c r="J8665" s="365"/>
      <c r="K8665" s="365"/>
      <c r="L8665" s="365"/>
    </row>
    <row r="8666" spans="2:12">
      <c r="B8666" s="368"/>
      <c r="C8666" s="368"/>
      <c r="D8666" s="368"/>
      <c r="E8666" s="368"/>
      <c r="F8666" s="362"/>
      <c r="G8666" s="362"/>
      <c r="H8666" s="361" t="s">
        <v>14422</v>
      </c>
      <c r="I8666" s="362"/>
      <c r="J8666" s="366"/>
      <c r="K8666" s="366"/>
      <c r="L8666" s="366"/>
    </row>
    <row r="8667" spans="2:12">
      <c r="B8667" s="358" t="s">
        <v>10368</v>
      </c>
      <c r="C8667" s="358" t="s">
        <v>27575</v>
      </c>
      <c r="D8667" s="358" t="s">
        <v>10369</v>
      </c>
      <c r="E8667" s="358" t="s">
        <v>10370</v>
      </c>
      <c r="F8667" s="358" t="s">
        <v>14418</v>
      </c>
      <c r="G8667" s="358" t="s">
        <v>14419</v>
      </c>
      <c r="H8667" s="358" t="s">
        <v>14328</v>
      </c>
      <c r="I8667" s="358" t="s">
        <v>14419</v>
      </c>
      <c r="J8667" s="358"/>
      <c r="K8667" s="358"/>
      <c r="L8667" s="358"/>
    </row>
    <row r="8668" spans="2:12">
      <c r="B8668" s="367"/>
      <c r="C8668" s="367"/>
      <c r="D8668" s="367"/>
      <c r="E8668" s="367"/>
      <c r="F8668" s="360"/>
      <c r="G8668" s="360"/>
      <c r="H8668" s="360"/>
      <c r="I8668" s="360"/>
      <c r="J8668" s="365"/>
      <c r="K8668" s="365"/>
      <c r="L8668" s="365"/>
    </row>
    <row r="8669" spans="2:12">
      <c r="B8669" s="367"/>
      <c r="C8669" s="367"/>
      <c r="D8669" s="367"/>
      <c r="E8669" s="367"/>
      <c r="F8669" s="359" t="s">
        <v>14376</v>
      </c>
      <c r="G8669" s="359" t="s">
        <v>14669</v>
      </c>
      <c r="H8669" s="359" t="s">
        <v>14378</v>
      </c>
      <c r="I8669" s="359" t="s">
        <v>14669</v>
      </c>
      <c r="J8669" s="365"/>
      <c r="K8669" s="365"/>
      <c r="L8669" s="365"/>
    </row>
    <row r="8670" spans="2:12">
      <c r="B8670" s="367"/>
      <c r="C8670" s="367"/>
      <c r="D8670" s="367"/>
      <c r="E8670" s="367"/>
      <c r="F8670" s="360"/>
      <c r="G8670" s="360"/>
      <c r="H8670" s="360"/>
      <c r="I8670" s="360"/>
      <c r="J8670" s="365"/>
      <c r="K8670" s="365"/>
      <c r="L8670" s="365"/>
    </row>
    <row r="8671" spans="2:12" ht="42.75">
      <c r="B8671" s="367"/>
      <c r="C8671" s="367"/>
      <c r="D8671" s="367"/>
      <c r="E8671" s="367"/>
      <c r="F8671" s="359" t="s">
        <v>29010</v>
      </c>
      <c r="G8671" s="359" t="s">
        <v>14483</v>
      </c>
      <c r="H8671" s="359" t="s">
        <v>14381</v>
      </c>
      <c r="I8671" s="359" t="s">
        <v>14483</v>
      </c>
      <c r="J8671" s="365"/>
      <c r="K8671" s="365"/>
      <c r="L8671" s="365"/>
    </row>
    <row r="8672" spans="2:12">
      <c r="B8672" s="367"/>
      <c r="C8672" s="367"/>
      <c r="D8672" s="367"/>
      <c r="E8672" s="367"/>
      <c r="F8672" s="360"/>
      <c r="G8672" s="360"/>
      <c r="H8672" s="360"/>
      <c r="I8672" s="360"/>
      <c r="J8672" s="365"/>
      <c r="K8672" s="365"/>
      <c r="L8672" s="365"/>
    </row>
    <row r="8673" spans="2:12">
      <c r="B8673" s="367"/>
      <c r="C8673" s="367"/>
      <c r="D8673" s="367"/>
      <c r="E8673" s="367"/>
      <c r="F8673" s="359" t="s">
        <v>14356</v>
      </c>
      <c r="G8673" s="359" t="s">
        <v>14579</v>
      </c>
      <c r="H8673" s="359" t="s">
        <v>14341</v>
      </c>
      <c r="I8673" s="359" t="s">
        <v>14579</v>
      </c>
      <c r="J8673" s="365"/>
      <c r="K8673" s="365"/>
      <c r="L8673" s="365"/>
    </row>
    <row r="8674" spans="2:12">
      <c r="B8674" s="367"/>
      <c r="C8674" s="367"/>
      <c r="D8674" s="367"/>
      <c r="E8674" s="367"/>
      <c r="F8674" s="360"/>
      <c r="G8674" s="360"/>
      <c r="H8674" s="360"/>
      <c r="I8674" s="360"/>
      <c r="J8674" s="365"/>
      <c r="K8674" s="365"/>
      <c r="L8674" s="365"/>
    </row>
    <row r="8675" spans="2:12">
      <c r="B8675" s="367"/>
      <c r="C8675" s="367"/>
      <c r="D8675" s="367"/>
      <c r="E8675" s="367"/>
      <c r="F8675" s="359" t="s">
        <v>14391</v>
      </c>
      <c r="G8675" s="359" t="s">
        <v>14383</v>
      </c>
      <c r="H8675" s="359" t="s">
        <v>14332</v>
      </c>
      <c r="I8675" s="359" t="s">
        <v>14383</v>
      </c>
      <c r="J8675" s="365"/>
      <c r="K8675" s="365"/>
      <c r="L8675" s="365"/>
    </row>
    <row r="8676" spans="2:12">
      <c r="B8676" s="367"/>
      <c r="C8676" s="367"/>
      <c r="D8676" s="367"/>
      <c r="E8676" s="367"/>
      <c r="F8676" s="360"/>
      <c r="G8676" s="360"/>
      <c r="H8676" s="360"/>
      <c r="I8676" s="360"/>
      <c r="J8676" s="365"/>
      <c r="K8676" s="365"/>
      <c r="L8676" s="365"/>
    </row>
    <row r="8677" spans="2:12">
      <c r="B8677" s="367"/>
      <c r="C8677" s="367"/>
      <c r="D8677" s="367"/>
      <c r="E8677" s="367"/>
      <c r="F8677" s="360"/>
      <c r="G8677" s="359" t="s">
        <v>14340</v>
      </c>
      <c r="H8677" s="360"/>
      <c r="I8677" s="359" t="s">
        <v>14340</v>
      </c>
      <c r="J8677" s="365"/>
      <c r="K8677" s="365"/>
      <c r="L8677" s="365"/>
    </row>
    <row r="8678" spans="2:12">
      <c r="B8678" s="367"/>
      <c r="C8678" s="367"/>
      <c r="D8678" s="367"/>
      <c r="E8678" s="367"/>
      <c r="F8678" s="360"/>
      <c r="G8678" s="360"/>
      <c r="H8678" s="360"/>
      <c r="I8678" s="360"/>
      <c r="J8678" s="365"/>
      <c r="K8678" s="365"/>
      <c r="L8678" s="365"/>
    </row>
    <row r="8679" spans="2:12">
      <c r="B8679" s="368"/>
      <c r="C8679" s="368"/>
      <c r="D8679" s="368"/>
      <c r="E8679" s="368"/>
      <c r="F8679" s="362"/>
      <c r="G8679" s="361" t="s">
        <v>14392</v>
      </c>
      <c r="H8679" s="362"/>
      <c r="I8679" s="361" t="s">
        <v>14392</v>
      </c>
      <c r="J8679" s="366"/>
      <c r="K8679" s="366"/>
      <c r="L8679" s="366"/>
    </row>
    <row r="8680" spans="2:12" ht="28.5">
      <c r="B8680" s="358" t="s">
        <v>18631</v>
      </c>
      <c r="C8680" s="358" t="s">
        <v>27576</v>
      </c>
      <c r="D8680" s="358" t="s">
        <v>18632</v>
      </c>
      <c r="E8680" s="358" t="s">
        <v>18633</v>
      </c>
      <c r="F8680" s="358" t="s">
        <v>14462</v>
      </c>
      <c r="G8680" s="358" t="s">
        <v>14463</v>
      </c>
      <c r="H8680" s="358" t="s">
        <v>14341</v>
      </c>
      <c r="I8680" s="358" t="s">
        <v>14463</v>
      </c>
      <c r="J8680" s="358"/>
      <c r="K8680" s="358"/>
      <c r="L8680" s="358"/>
    </row>
    <row r="8681" spans="2:12">
      <c r="B8681" s="367"/>
      <c r="C8681" s="367"/>
      <c r="D8681" s="367"/>
      <c r="E8681" s="367"/>
      <c r="F8681" s="367"/>
      <c r="G8681" s="367"/>
      <c r="H8681" s="360"/>
      <c r="I8681" s="367"/>
      <c r="J8681" s="365"/>
      <c r="K8681" s="365"/>
      <c r="L8681" s="365"/>
    </row>
    <row r="8682" spans="2:12">
      <c r="B8682" s="368"/>
      <c r="C8682" s="368"/>
      <c r="D8682" s="368"/>
      <c r="E8682" s="368"/>
      <c r="F8682" s="368"/>
      <c r="G8682" s="368"/>
      <c r="H8682" s="361" t="s">
        <v>14332</v>
      </c>
      <c r="I8682" s="368"/>
      <c r="J8682" s="366"/>
      <c r="K8682" s="366"/>
      <c r="L8682" s="366"/>
    </row>
    <row r="8683" spans="2:12">
      <c r="B8683" s="358" t="s">
        <v>18634</v>
      </c>
      <c r="C8683" s="358" t="s">
        <v>18635</v>
      </c>
      <c r="D8683" s="358" t="s">
        <v>18636</v>
      </c>
      <c r="E8683" s="358" t="s">
        <v>18637</v>
      </c>
      <c r="F8683" s="358" t="s">
        <v>14430</v>
      </c>
      <c r="G8683" s="358" t="s">
        <v>14431</v>
      </c>
      <c r="H8683" s="358" t="s">
        <v>14341</v>
      </c>
      <c r="I8683" s="358" t="s">
        <v>14431</v>
      </c>
      <c r="J8683" s="358"/>
      <c r="K8683" s="358"/>
      <c r="L8683" s="358"/>
    </row>
    <row r="8684" spans="2:12">
      <c r="B8684" s="367"/>
      <c r="C8684" s="367"/>
      <c r="D8684" s="367"/>
      <c r="E8684" s="367"/>
      <c r="F8684" s="360"/>
      <c r="G8684" s="360"/>
      <c r="H8684" s="360"/>
      <c r="I8684" s="360"/>
      <c r="J8684" s="365"/>
      <c r="K8684" s="365"/>
      <c r="L8684" s="365"/>
    </row>
    <row r="8685" spans="2:12" ht="28.5">
      <c r="B8685" s="368"/>
      <c r="C8685" s="368"/>
      <c r="D8685" s="368"/>
      <c r="E8685" s="368"/>
      <c r="F8685" s="361" t="s">
        <v>14472</v>
      </c>
      <c r="G8685" s="361" t="s">
        <v>14473</v>
      </c>
      <c r="H8685" s="361" t="s">
        <v>14332</v>
      </c>
      <c r="I8685" s="361" t="s">
        <v>14473</v>
      </c>
      <c r="J8685" s="366"/>
      <c r="K8685" s="366"/>
      <c r="L8685" s="366"/>
    </row>
    <row r="8686" spans="2:12" ht="28.5">
      <c r="B8686" s="358" t="s">
        <v>18638</v>
      </c>
      <c r="C8686" s="358" t="s">
        <v>27577</v>
      </c>
      <c r="D8686" s="358" t="s">
        <v>18639</v>
      </c>
      <c r="E8686" s="358" t="s">
        <v>18640</v>
      </c>
      <c r="F8686" s="358" t="s">
        <v>14420</v>
      </c>
      <c r="G8686" s="358" t="s">
        <v>14429</v>
      </c>
      <c r="H8686" s="358" t="s">
        <v>14341</v>
      </c>
      <c r="I8686" s="358" t="s">
        <v>14429</v>
      </c>
      <c r="J8686" s="358"/>
      <c r="K8686" s="358"/>
      <c r="L8686" s="358"/>
    </row>
    <row r="8687" spans="2:12">
      <c r="B8687" s="367"/>
      <c r="C8687" s="367"/>
      <c r="D8687" s="367"/>
      <c r="E8687" s="367"/>
      <c r="F8687" s="360"/>
      <c r="G8687" s="360"/>
      <c r="H8687" s="360"/>
      <c r="I8687" s="360"/>
      <c r="J8687" s="365"/>
      <c r="K8687" s="365"/>
      <c r="L8687" s="365"/>
    </row>
    <row r="8688" spans="2:12">
      <c r="B8688" s="367"/>
      <c r="C8688" s="367"/>
      <c r="D8688" s="367"/>
      <c r="E8688" s="367"/>
      <c r="F8688" s="359" t="s">
        <v>14430</v>
      </c>
      <c r="G8688" s="359" t="s">
        <v>14431</v>
      </c>
      <c r="H8688" s="359" t="s">
        <v>14367</v>
      </c>
      <c r="I8688" s="359" t="s">
        <v>14431</v>
      </c>
      <c r="J8688" s="365"/>
      <c r="K8688" s="365"/>
      <c r="L8688" s="365"/>
    </row>
    <row r="8689" spans="2:12">
      <c r="B8689" s="367"/>
      <c r="C8689" s="367"/>
      <c r="D8689" s="367"/>
      <c r="E8689" s="367"/>
      <c r="F8689" s="360"/>
      <c r="G8689" s="360"/>
      <c r="H8689" s="360"/>
      <c r="I8689" s="360"/>
      <c r="J8689" s="365"/>
      <c r="K8689" s="365"/>
      <c r="L8689" s="365"/>
    </row>
    <row r="8690" spans="2:12" ht="28.5">
      <c r="B8690" s="367"/>
      <c r="C8690" s="367"/>
      <c r="D8690" s="367"/>
      <c r="E8690" s="367"/>
      <c r="F8690" s="359" t="s">
        <v>14394</v>
      </c>
      <c r="G8690" s="359" t="s">
        <v>14395</v>
      </c>
      <c r="H8690" s="359" t="s">
        <v>14370</v>
      </c>
      <c r="I8690" s="359" t="s">
        <v>14395</v>
      </c>
      <c r="J8690" s="365"/>
      <c r="K8690" s="365"/>
      <c r="L8690" s="365"/>
    </row>
    <row r="8691" spans="2:12">
      <c r="B8691" s="367"/>
      <c r="C8691" s="367"/>
      <c r="D8691" s="367"/>
      <c r="E8691" s="367"/>
      <c r="F8691" s="360"/>
      <c r="G8691" s="360"/>
      <c r="H8691" s="360"/>
      <c r="I8691" s="360"/>
      <c r="J8691" s="365"/>
      <c r="K8691" s="365"/>
      <c r="L8691" s="365"/>
    </row>
    <row r="8692" spans="2:12">
      <c r="B8692" s="368"/>
      <c r="C8692" s="368"/>
      <c r="D8692" s="368"/>
      <c r="E8692" s="368"/>
      <c r="F8692" s="362"/>
      <c r="G8692" s="362"/>
      <c r="H8692" s="361" t="s">
        <v>14332</v>
      </c>
      <c r="I8692" s="362"/>
      <c r="J8692" s="366"/>
      <c r="K8692" s="366"/>
      <c r="L8692" s="366"/>
    </row>
    <row r="8693" spans="2:12" ht="71.25">
      <c r="B8693" s="358" t="s">
        <v>18641</v>
      </c>
      <c r="C8693" s="358" t="s">
        <v>29011</v>
      </c>
      <c r="D8693" s="358" t="s">
        <v>18642</v>
      </c>
      <c r="E8693" s="358" t="s">
        <v>18643</v>
      </c>
      <c r="F8693" s="358" t="s">
        <v>14386</v>
      </c>
      <c r="G8693" s="358" t="s">
        <v>14387</v>
      </c>
      <c r="H8693" s="358" t="s">
        <v>14367</v>
      </c>
      <c r="I8693" s="358" t="s">
        <v>14387</v>
      </c>
      <c r="J8693" s="358"/>
      <c r="K8693" s="358"/>
      <c r="L8693" s="358"/>
    </row>
    <row r="8694" spans="2:12">
      <c r="B8694" s="367"/>
      <c r="C8694" s="367"/>
      <c r="D8694" s="367"/>
      <c r="E8694" s="367"/>
      <c r="F8694" s="360"/>
      <c r="G8694" s="360"/>
      <c r="H8694" s="360"/>
      <c r="I8694" s="360"/>
      <c r="J8694" s="365"/>
      <c r="K8694" s="365"/>
      <c r="L8694" s="365"/>
    </row>
    <row r="8695" spans="2:12" ht="28.5">
      <c r="B8695" s="367"/>
      <c r="C8695" s="367"/>
      <c r="D8695" s="367"/>
      <c r="E8695" s="367"/>
      <c r="F8695" s="359" t="s">
        <v>14394</v>
      </c>
      <c r="G8695" s="359" t="s">
        <v>14395</v>
      </c>
      <c r="H8695" s="359" t="s">
        <v>14370</v>
      </c>
      <c r="I8695" s="359" t="s">
        <v>14395</v>
      </c>
      <c r="J8695" s="365"/>
      <c r="K8695" s="365"/>
      <c r="L8695" s="365"/>
    </row>
    <row r="8696" spans="2:12">
      <c r="B8696" s="367"/>
      <c r="C8696" s="367"/>
      <c r="D8696" s="367"/>
      <c r="E8696" s="367"/>
      <c r="F8696" s="360"/>
      <c r="G8696" s="360"/>
      <c r="H8696" s="360"/>
      <c r="I8696" s="360"/>
      <c r="J8696" s="365"/>
      <c r="K8696" s="365"/>
      <c r="L8696" s="365"/>
    </row>
    <row r="8697" spans="2:12">
      <c r="B8697" s="368"/>
      <c r="C8697" s="368"/>
      <c r="D8697" s="368"/>
      <c r="E8697" s="368"/>
      <c r="F8697" s="362"/>
      <c r="G8697" s="362"/>
      <c r="H8697" s="361" t="s">
        <v>14422</v>
      </c>
      <c r="I8697" s="362"/>
      <c r="J8697" s="366"/>
      <c r="K8697" s="366"/>
      <c r="L8697" s="366"/>
    </row>
    <row r="8698" spans="2:12">
      <c r="B8698" s="358" t="s">
        <v>18644</v>
      </c>
      <c r="C8698" s="358" t="s">
        <v>18645</v>
      </c>
      <c r="D8698" s="358" t="s">
        <v>18646</v>
      </c>
      <c r="E8698" s="358" t="s">
        <v>18647</v>
      </c>
      <c r="F8698" s="358" t="s">
        <v>14430</v>
      </c>
      <c r="G8698" s="358" t="s">
        <v>14431</v>
      </c>
      <c r="H8698" s="358" t="s">
        <v>14341</v>
      </c>
      <c r="I8698" s="358" t="s">
        <v>14431</v>
      </c>
      <c r="J8698" s="358"/>
      <c r="K8698" s="358"/>
      <c r="L8698" s="358"/>
    </row>
    <row r="8699" spans="2:12">
      <c r="B8699" s="367"/>
      <c r="C8699" s="367"/>
      <c r="D8699" s="367"/>
      <c r="E8699" s="367"/>
      <c r="F8699" s="360"/>
      <c r="G8699" s="360"/>
      <c r="H8699" s="360"/>
      <c r="I8699" s="360"/>
      <c r="J8699" s="365"/>
      <c r="K8699" s="365"/>
      <c r="L8699" s="365"/>
    </row>
    <row r="8700" spans="2:12" ht="28.5">
      <c r="B8700" s="368"/>
      <c r="C8700" s="368"/>
      <c r="D8700" s="368"/>
      <c r="E8700" s="368"/>
      <c r="F8700" s="361" t="s">
        <v>14472</v>
      </c>
      <c r="G8700" s="361" t="s">
        <v>14473</v>
      </c>
      <c r="H8700" s="361" t="s">
        <v>14332</v>
      </c>
      <c r="I8700" s="361" t="s">
        <v>14473</v>
      </c>
      <c r="J8700" s="366"/>
      <c r="K8700" s="366"/>
      <c r="L8700" s="366"/>
    </row>
    <row r="8701" spans="2:12" ht="42.75">
      <c r="B8701" s="358" t="s">
        <v>18648</v>
      </c>
      <c r="C8701" s="358" t="s">
        <v>29012</v>
      </c>
      <c r="D8701" s="358" t="s">
        <v>18649</v>
      </c>
      <c r="E8701" s="358" t="s">
        <v>18650</v>
      </c>
      <c r="F8701" s="358" t="s">
        <v>14420</v>
      </c>
      <c r="G8701" s="358" t="s">
        <v>14429</v>
      </c>
      <c r="H8701" s="358" t="s">
        <v>14341</v>
      </c>
      <c r="I8701" s="358" t="s">
        <v>14429</v>
      </c>
      <c r="J8701" s="358"/>
      <c r="K8701" s="358"/>
      <c r="L8701" s="358"/>
    </row>
    <row r="8702" spans="2:12">
      <c r="B8702" s="367"/>
      <c r="C8702" s="367"/>
      <c r="D8702" s="367"/>
      <c r="E8702" s="367"/>
      <c r="F8702" s="360"/>
      <c r="G8702" s="360"/>
      <c r="H8702" s="360"/>
      <c r="I8702" s="360"/>
      <c r="J8702" s="365"/>
      <c r="K8702" s="365"/>
      <c r="L8702" s="365"/>
    </row>
    <row r="8703" spans="2:12">
      <c r="B8703" s="367"/>
      <c r="C8703" s="367"/>
      <c r="D8703" s="367"/>
      <c r="E8703" s="367"/>
      <c r="F8703" s="359" t="s">
        <v>14430</v>
      </c>
      <c r="G8703" s="359" t="s">
        <v>14431</v>
      </c>
      <c r="H8703" s="359" t="s">
        <v>14367</v>
      </c>
      <c r="I8703" s="359" t="s">
        <v>14431</v>
      </c>
      <c r="J8703" s="365"/>
      <c r="K8703" s="365"/>
      <c r="L8703" s="365"/>
    </row>
    <row r="8704" spans="2:12">
      <c r="B8704" s="367"/>
      <c r="C8704" s="367"/>
      <c r="D8704" s="367"/>
      <c r="E8704" s="367"/>
      <c r="F8704" s="360"/>
      <c r="G8704" s="360"/>
      <c r="H8704" s="360"/>
      <c r="I8704" s="360"/>
      <c r="J8704" s="365"/>
      <c r="K8704" s="365"/>
      <c r="L8704" s="365"/>
    </row>
    <row r="8705" spans="2:12" ht="28.5">
      <c r="B8705" s="367"/>
      <c r="C8705" s="367"/>
      <c r="D8705" s="367"/>
      <c r="E8705" s="367"/>
      <c r="F8705" s="359" t="s">
        <v>14394</v>
      </c>
      <c r="G8705" s="359" t="s">
        <v>14395</v>
      </c>
      <c r="H8705" s="359" t="s">
        <v>14370</v>
      </c>
      <c r="I8705" s="359" t="s">
        <v>14395</v>
      </c>
      <c r="J8705" s="365"/>
      <c r="K8705" s="365"/>
      <c r="L8705" s="365"/>
    </row>
    <row r="8706" spans="2:12">
      <c r="B8706" s="367"/>
      <c r="C8706" s="367"/>
      <c r="D8706" s="367"/>
      <c r="E8706" s="367"/>
      <c r="F8706" s="360"/>
      <c r="G8706" s="360"/>
      <c r="H8706" s="360"/>
      <c r="I8706" s="360"/>
      <c r="J8706" s="365"/>
      <c r="K8706" s="365"/>
      <c r="L8706" s="365"/>
    </row>
    <row r="8707" spans="2:12">
      <c r="B8707" s="368"/>
      <c r="C8707" s="368"/>
      <c r="D8707" s="368"/>
      <c r="E8707" s="368"/>
      <c r="F8707" s="362"/>
      <c r="G8707" s="362"/>
      <c r="H8707" s="361" t="s">
        <v>14332</v>
      </c>
      <c r="I8707" s="362"/>
      <c r="J8707" s="366"/>
      <c r="K8707" s="366"/>
      <c r="L8707" s="366"/>
    </row>
    <row r="8708" spans="2:12">
      <c r="B8708" s="358" t="s">
        <v>18651</v>
      </c>
      <c r="C8708" s="358" t="s">
        <v>18652</v>
      </c>
      <c r="D8708" s="358" t="s">
        <v>18653</v>
      </c>
      <c r="E8708" s="358" t="s">
        <v>18654</v>
      </c>
      <c r="F8708" s="358" t="s">
        <v>14386</v>
      </c>
      <c r="G8708" s="358" t="s">
        <v>14387</v>
      </c>
      <c r="H8708" s="358" t="s">
        <v>14367</v>
      </c>
      <c r="I8708" s="358" t="s">
        <v>14387</v>
      </c>
      <c r="J8708" s="358"/>
      <c r="K8708" s="358"/>
      <c r="L8708" s="358"/>
    </row>
    <row r="8709" spans="2:12">
      <c r="B8709" s="367"/>
      <c r="C8709" s="367"/>
      <c r="D8709" s="367"/>
      <c r="E8709" s="367"/>
      <c r="F8709" s="360"/>
      <c r="G8709" s="360"/>
      <c r="H8709" s="360"/>
      <c r="I8709" s="360"/>
      <c r="J8709" s="365"/>
      <c r="K8709" s="365"/>
      <c r="L8709" s="365"/>
    </row>
    <row r="8710" spans="2:12">
      <c r="B8710" s="368"/>
      <c r="C8710" s="368"/>
      <c r="D8710" s="368"/>
      <c r="E8710" s="368"/>
      <c r="F8710" s="361" t="s">
        <v>14391</v>
      </c>
      <c r="G8710" s="361" t="s">
        <v>14392</v>
      </c>
      <c r="H8710" s="361" t="s">
        <v>14422</v>
      </c>
      <c r="I8710" s="361" t="s">
        <v>14392</v>
      </c>
      <c r="J8710" s="366"/>
      <c r="K8710" s="366"/>
      <c r="L8710" s="366"/>
    </row>
    <row r="8711" spans="2:12">
      <c r="B8711" s="358" t="s">
        <v>18655</v>
      </c>
      <c r="C8711" s="358" t="s">
        <v>18656</v>
      </c>
      <c r="D8711" s="358" t="s">
        <v>18657</v>
      </c>
      <c r="E8711" s="358" t="s">
        <v>18658</v>
      </c>
      <c r="F8711" s="358" t="s">
        <v>14430</v>
      </c>
      <c r="G8711" s="358" t="s">
        <v>14431</v>
      </c>
      <c r="H8711" s="358" t="s">
        <v>14341</v>
      </c>
      <c r="I8711" s="358" t="s">
        <v>14431</v>
      </c>
      <c r="J8711" s="358"/>
      <c r="K8711" s="358"/>
      <c r="L8711" s="358"/>
    </row>
    <row r="8712" spans="2:12">
      <c r="B8712" s="367"/>
      <c r="C8712" s="367"/>
      <c r="D8712" s="367"/>
      <c r="E8712" s="367"/>
      <c r="F8712" s="360"/>
      <c r="G8712" s="360"/>
      <c r="H8712" s="360"/>
      <c r="I8712" s="360"/>
      <c r="J8712" s="365"/>
      <c r="K8712" s="365"/>
      <c r="L8712" s="365"/>
    </row>
    <row r="8713" spans="2:12" ht="28.5">
      <c r="B8713" s="367"/>
      <c r="C8713" s="367"/>
      <c r="D8713" s="367"/>
      <c r="E8713" s="367"/>
      <c r="F8713" s="359" t="s">
        <v>14394</v>
      </c>
      <c r="G8713" s="359" t="s">
        <v>14395</v>
      </c>
      <c r="H8713" s="359" t="s">
        <v>14370</v>
      </c>
      <c r="I8713" s="359" t="s">
        <v>14395</v>
      </c>
      <c r="J8713" s="365"/>
      <c r="K8713" s="365"/>
      <c r="L8713" s="365"/>
    </row>
    <row r="8714" spans="2:12">
      <c r="B8714" s="367"/>
      <c r="C8714" s="367"/>
      <c r="D8714" s="367"/>
      <c r="E8714" s="367"/>
      <c r="F8714" s="360"/>
      <c r="G8714" s="360"/>
      <c r="H8714" s="360"/>
      <c r="I8714" s="360"/>
      <c r="J8714" s="365"/>
      <c r="K8714" s="365"/>
      <c r="L8714" s="365"/>
    </row>
    <row r="8715" spans="2:12">
      <c r="B8715" s="368"/>
      <c r="C8715" s="368"/>
      <c r="D8715" s="368"/>
      <c r="E8715" s="368"/>
      <c r="F8715" s="362"/>
      <c r="G8715" s="362"/>
      <c r="H8715" s="361" t="s">
        <v>14332</v>
      </c>
      <c r="I8715" s="362"/>
      <c r="J8715" s="366"/>
      <c r="K8715" s="366"/>
      <c r="L8715" s="366"/>
    </row>
    <row r="8716" spans="2:12" ht="42.75">
      <c r="B8716" s="358" t="s">
        <v>18659</v>
      </c>
      <c r="C8716" s="358" t="s">
        <v>29013</v>
      </c>
      <c r="D8716" s="358" t="s">
        <v>18660</v>
      </c>
      <c r="E8716" s="358" t="s">
        <v>18661</v>
      </c>
      <c r="F8716" s="358" t="s">
        <v>14420</v>
      </c>
      <c r="G8716" s="358" t="s">
        <v>14421</v>
      </c>
      <c r="H8716" s="358" t="s">
        <v>14341</v>
      </c>
      <c r="I8716" s="358" t="s">
        <v>14421</v>
      </c>
      <c r="J8716" s="358"/>
      <c r="K8716" s="358"/>
      <c r="L8716" s="358"/>
    </row>
    <row r="8717" spans="2:12">
      <c r="B8717" s="367"/>
      <c r="C8717" s="367"/>
      <c r="D8717" s="367"/>
      <c r="E8717" s="367"/>
      <c r="F8717" s="360"/>
      <c r="G8717" s="360"/>
      <c r="H8717" s="360"/>
      <c r="I8717" s="360"/>
      <c r="J8717" s="365"/>
      <c r="K8717" s="365"/>
      <c r="L8717" s="365"/>
    </row>
    <row r="8718" spans="2:12">
      <c r="B8718" s="367"/>
      <c r="C8718" s="367"/>
      <c r="D8718" s="367"/>
      <c r="E8718" s="367"/>
      <c r="F8718" s="359" t="s">
        <v>14430</v>
      </c>
      <c r="G8718" s="359" t="s">
        <v>14431</v>
      </c>
      <c r="H8718" s="359" t="s">
        <v>14367</v>
      </c>
      <c r="I8718" s="359" t="s">
        <v>14431</v>
      </c>
      <c r="J8718" s="365"/>
      <c r="K8718" s="365"/>
      <c r="L8718" s="365"/>
    </row>
    <row r="8719" spans="2:12">
      <c r="B8719" s="367"/>
      <c r="C8719" s="367"/>
      <c r="D8719" s="367"/>
      <c r="E8719" s="367"/>
      <c r="F8719" s="360"/>
      <c r="G8719" s="360"/>
      <c r="H8719" s="360"/>
      <c r="I8719" s="360"/>
      <c r="J8719" s="365"/>
      <c r="K8719" s="365"/>
      <c r="L8719" s="365"/>
    </row>
    <row r="8720" spans="2:12">
      <c r="B8720" s="368"/>
      <c r="C8720" s="368"/>
      <c r="D8720" s="368"/>
      <c r="E8720" s="368"/>
      <c r="F8720" s="362"/>
      <c r="G8720" s="362"/>
      <c r="H8720" s="361" t="s">
        <v>14332</v>
      </c>
      <c r="I8720" s="362"/>
      <c r="J8720" s="366"/>
      <c r="K8720" s="366"/>
      <c r="L8720" s="366"/>
    </row>
    <row r="8721" spans="2:12" ht="28.5">
      <c r="B8721" s="358" t="s">
        <v>13063</v>
      </c>
      <c r="C8721" s="358" t="s">
        <v>29014</v>
      </c>
      <c r="D8721" s="358" t="s">
        <v>327</v>
      </c>
      <c r="E8721" s="358" t="s">
        <v>328</v>
      </c>
      <c r="F8721" s="358" t="s">
        <v>14424</v>
      </c>
      <c r="G8721" s="358" t="s">
        <v>14481</v>
      </c>
      <c r="H8721" s="358" t="s">
        <v>14381</v>
      </c>
      <c r="I8721" s="358" t="s">
        <v>14481</v>
      </c>
      <c r="J8721" s="358" t="s">
        <v>17546</v>
      </c>
      <c r="K8721" s="358"/>
      <c r="L8721" s="358"/>
    </row>
    <row r="8722" spans="2:12">
      <c r="B8722" s="367"/>
      <c r="C8722" s="367"/>
      <c r="D8722" s="367"/>
      <c r="E8722" s="367"/>
      <c r="F8722" s="367"/>
      <c r="G8722" s="367"/>
      <c r="H8722" s="360"/>
      <c r="I8722" s="367"/>
      <c r="J8722" s="367"/>
      <c r="K8722" s="365"/>
      <c r="L8722" s="365"/>
    </row>
    <row r="8723" spans="2:12">
      <c r="B8723" s="368"/>
      <c r="C8723" s="368"/>
      <c r="D8723" s="368"/>
      <c r="E8723" s="368"/>
      <c r="F8723" s="368"/>
      <c r="G8723" s="368"/>
      <c r="H8723" s="361" t="s">
        <v>14332</v>
      </c>
      <c r="I8723" s="368"/>
      <c r="J8723" s="368"/>
      <c r="K8723" s="366"/>
      <c r="L8723" s="366"/>
    </row>
    <row r="8724" spans="2:12" ht="42.75">
      <c r="B8724" s="358" t="s">
        <v>18662</v>
      </c>
      <c r="C8724" s="358" t="s">
        <v>29015</v>
      </c>
      <c r="D8724" s="358" t="s">
        <v>18663</v>
      </c>
      <c r="E8724" s="358" t="s">
        <v>18664</v>
      </c>
      <c r="F8724" s="358" t="s">
        <v>14418</v>
      </c>
      <c r="G8724" s="358" t="s">
        <v>14419</v>
      </c>
      <c r="H8724" s="358" t="s">
        <v>14328</v>
      </c>
      <c r="I8724" s="358" t="s">
        <v>14419</v>
      </c>
      <c r="J8724" s="358"/>
      <c r="K8724" s="358"/>
      <c r="L8724" s="358"/>
    </row>
    <row r="8725" spans="2:12">
      <c r="B8725" s="367"/>
      <c r="C8725" s="367"/>
      <c r="D8725" s="360"/>
      <c r="E8725" s="360"/>
      <c r="F8725" s="360"/>
      <c r="G8725" s="360"/>
      <c r="H8725" s="360"/>
      <c r="I8725" s="360"/>
      <c r="J8725" s="365"/>
      <c r="K8725" s="365"/>
      <c r="L8725" s="365"/>
    </row>
    <row r="8726" spans="2:12" ht="28.5">
      <c r="B8726" s="367"/>
      <c r="C8726" s="367"/>
      <c r="D8726" s="359" t="s">
        <v>18665</v>
      </c>
      <c r="E8726" s="359" t="s">
        <v>18666</v>
      </c>
      <c r="F8726" s="359" t="s">
        <v>14368</v>
      </c>
      <c r="G8726" s="359" t="s">
        <v>14369</v>
      </c>
      <c r="H8726" s="359" t="s">
        <v>14367</v>
      </c>
      <c r="I8726" s="359" t="s">
        <v>14369</v>
      </c>
      <c r="J8726" s="365"/>
      <c r="K8726" s="365"/>
      <c r="L8726" s="365"/>
    </row>
    <row r="8727" spans="2:12">
      <c r="B8727" s="367"/>
      <c r="C8727" s="367"/>
      <c r="D8727" s="360"/>
      <c r="E8727" s="360"/>
      <c r="F8727" s="360"/>
      <c r="G8727" s="360"/>
      <c r="H8727" s="360"/>
      <c r="I8727" s="360"/>
      <c r="J8727" s="365"/>
      <c r="K8727" s="365"/>
      <c r="L8727" s="365"/>
    </row>
    <row r="8728" spans="2:12">
      <c r="B8728" s="368"/>
      <c r="C8728" s="368"/>
      <c r="D8728" s="362"/>
      <c r="E8728" s="362"/>
      <c r="F8728" s="362"/>
      <c r="G8728" s="362"/>
      <c r="H8728" s="361" t="s">
        <v>14422</v>
      </c>
      <c r="I8728" s="362"/>
      <c r="J8728" s="366"/>
      <c r="K8728" s="366"/>
      <c r="L8728" s="366"/>
    </row>
    <row r="8729" spans="2:12" ht="28.5">
      <c r="B8729" s="358" t="s">
        <v>18667</v>
      </c>
      <c r="C8729" s="358" t="s">
        <v>29016</v>
      </c>
      <c r="D8729" s="358" t="s">
        <v>18668</v>
      </c>
      <c r="E8729" s="358" t="s">
        <v>18669</v>
      </c>
      <c r="F8729" s="358" t="s">
        <v>28938</v>
      </c>
      <c r="G8729" s="358" t="s">
        <v>14421</v>
      </c>
      <c r="H8729" s="358" t="s">
        <v>14341</v>
      </c>
      <c r="I8729" s="358" t="s">
        <v>14421</v>
      </c>
      <c r="J8729" s="358"/>
      <c r="K8729" s="358"/>
      <c r="L8729" s="358"/>
    </row>
    <row r="8730" spans="2:12">
      <c r="B8730" s="367"/>
      <c r="C8730" s="367"/>
      <c r="D8730" s="367"/>
      <c r="E8730" s="367"/>
      <c r="F8730" s="360"/>
      <c r="G8730" s="360"/>
      <c r="H8730" s="360"/>
      <c r="I8730" s="360"/>
      <c r="J8730" s="365"/>
      <c r="K8730" s="365"/>
      <c r="L8730" s="365"/>
    </row>
    <row r="8731" spans="2:12">
      <c r="B8731" s="367"/>
      <c r="C8731" s="367"/>
      <c r="D8731" s="367"/>
      <c r="E8731" s="367"/>
      <c r="F8731" s="359" t="s">
        <v>14356</v>
      </c>
      <c r="G8731" s="359" t="s">
        <v>14429</v>
      </c>
      <c r="H8731" s="359" t="s">
        <v>14367</v>
      </c>
      <c r="I8731" s="359" t="s">
        <v>14429</v>
      </c>
      <c r="J8731" s="365"/>
      <c r="K8731" s="365"/>
      <c r="L8731" s="365"/>
    </row>
    <row r="8732" spans="2:12">
      <c r="B8732" s="367"/>
      <c r="C8732" s="367"/>
      <c r="D8732" s="367"/>
      <c r="E8732" s="367"/>
      <c r="F8732" s="360"/>
      <c r="G8732" s="360"/>
      <c r="H8732" s="360"/>
      <c r="I8732" s="360"/>
      <c r="J8732" s="365"/>
      <c r="K8732" s="365"/>
      <c r="L8732" s="365"/>
    </row>
    <row r="8733" spans="2:12">
      <c r="B8733" s="368"/>
      <c r="C8733" s="368"/>
      <c r="D8733" s="368"/>
      <c r="E8733" s="368"/>
      <c r="F8733" s="362"/>
      <c r="G8733" s="361" t="s">
        <v>14340</v>
      </c>
      <c r="H8733" s="361" t="s">
        <v>14332</v>
      </c>
      <c r="I8733" s="361" t="s">
        <v>14340</v>
      </c>
      <c r="J8733" s="366"/>
      <c r="K8733" s="366"/>
      <c r="L8733" s="366"/>
    </row>
    <row r="8734" spans="2:12" ht="57">
      <c r="B8734" s="358" t="s">
        <v>18670</v>
      </c>
      <c r="C8734" s="358" t="s">
        <v>29017</v>
      </c>
      <c r="D8734" s="358" t="s">
        <v>18671</v>
      </c>
      <c r="E8734" s="358" t="s">
        <v>18672</v>
      </c>
      <c r="F8734" s="358" t="s">
        <v>29018</v>
      </c>
      <c r="G8734" s="358" t="s">
        <v>14380</v>
      </c>
      <c r="H8734" s="358" t="s">
        <v>14378</v>
      </c>
      <c r="I8734" s="358" t="s">
        <v>14380</v>
      </c>
      <c r="J8734" s="358"/>
      <c r="K8734" s="358"/>
      <c r="L8734" s="358"/>
    </row>
    <row r="8735" spans="2:12">
      <c r="B8735" s="367"/>
      <c r="C8735" s="367"/>
      <c r="D8735" s="367"/>
      <c r="E8735" s="367"/>
      <c r="F8735" s="367"/>
      <c r="G8735" s="360"/>
      <c r="H8735" s="360"/>
      <c r="I8735" s="360"/>
      <c r="J8735" s="365"/>
      <c r="K8735" s="365"/>
      <c r="L8735" s="365"/>
    </row>
    <row r="8736" spans="2:12">
      <c r="B8736" s="367"/>
      <c r="C8736" s="367"/>
      <c r="D8736" s="367"/>
      <c r="E8736" s="367"/>
      <c r="F8736" s="367"/>
      <c r="G8736" s="359" t="s">
        <v>14579</v>
      </c>
      <c r="H8736" s="359" t="s">
        <v>14381</v>
      </c>
      <c r="I8736" s="359" t="s">
        <v>14579</v>
      </c>
      <c r="J8736" s="365"/>
      <c r="K8736" s="365"/>
      <c r="L8736" s="365"/>
    </row>
    <row r="8737" spans="2:12">
      <c r="B8737" s="367"/>
      <c r="C8737" s="367"/>
      <c r="D8737" s="367"/>
      <c r="E8737" s="367"/>
      <c r="F8737" s="367"/>
      <c r="G8737" s="360"/>
      <c r="H8737" s="360"/>
      <c r="I8737" s="360"/>
      <c r="J8737" s="365"/>
      <c r="K8737" s="365"/>
      <c r="L8737" s="365"/>
    </row>
    <row r="8738" spans="2:12">
      <c r="B8738" s="367"/>
      <c r="C8738" s="367"/>
      <c r="D8738" s="367"/>
      <c r="E8738" s="367"/>
      <c r="F8738" s="367"/>
      <c r="G8738" s="359" t="s">
        <v>14383</v>
      </c>
      <c r="H8738" s="359" t="s">
        <v>14332</v>
      </c>
      <c r="I8738" s="359" t="s">
        <v>14383</v>
      </c>
      <c r="J8738" s="365"/>
      <c r="K8738" s="365"/>
      <c r="L8738" s="365"/>
    </row>
    <row r="8739" spans="2:12">
      <c r="B8739" s="367"/>
      <c r="C8739" s="367"/>
      <c r="D8739" s="367"/>
      <c r="E8739" s="367"/>
      <c r="F8739" s="367"/>
      <c r="G8739" s="360"/>
      <c r="H8739" s="360"/>
      <c r="I8739" s="360"/>
      <c r="J8739" s="365"/>
      <c r="K8739" s="365"/>
      <c r="L8739" s="365"/>
    </row>
    <row r="8740" spans="2:12">
      <c r="B8740" s="368"/>
      <c r="C8740" s="368"/>
      <c r="D8740" s="368"/>
      <c r="E8740" s="368"/>
      <c r="F8740" s="368"/>
      <c r="G8740" s="361" t="s">
        <v>14385</v>
      </c>
      <c r="H8740" s="362"/>
      <c r="I8740" s="361" t="s">
        <v>14385</v>
      </c>
      <c r="J8740" s="366"/>
      <c r="K8740" s="366"/>
      <c r="L8740" s="366"/>
    </row>
    <row r="8741" spans="2:12">
      <c r="B8741" s="354" t="s">
        <v>28574</v>
      </c>
      <c r="C8741" s="369"/>
      <c r="D8741" s="369"/>
      <c r="E8741" s="369"/>
      <c r="F8741" s="369"/>
      <c r="G8741" s="369"/>
      <c r="H8741" s="369"/>
      <c r="I8741" s="369"/>
      <c r="J8741" s="369"/>
      <c r="K8741" s="369"/>
      <c r="L8741" s="370"/>
    </row>
    <row r="8742" spans="2:12" ht="42.75">
      <c r="B8742" s="358" t="s">
        <v>18673</v>
      </c>
      <c r="C8742" s="358" t="s">
        <v>18674</v>
      </c>
      <c r="D8742" s="358" t="s">
        <v>18675</v>
      </c>
      <c r="E8742" s="358" t="s">
        <v>18676</v>
      </c>
      <c r="F8742" s="358" t="s">
        <v>28382</v>
      </c>
      <c r="G8742" s="358" t="s">
        <v>14380</v>
      </c>
      <c r="H8742" s="358" t="s">
        <v>14378</v>
      </c>
      <c r="I8742" s="358" t="s">
        <v>14380</v>
      </c>
      <c r="J8742" s="358"/>
      <c r="K8742" s="371" t="s">
        <v>24915</v>
      </c>
      <c r="L8742" s="358"/>
    </row>
    <row r="8743" spans="2:12">
      <c r="B8743" s="367"/>
      <c r="C8743" s="360"/>
      <c r="D8743" s="367"/>
      <c r="E8743" s="367"/>
      <c r="F8743" s="360"/>
      <c r="G8743" s="360"/>
      <c r="H8743" s="360"/>
      <c r="I8743" s="360"/>
      <c r="J8743" s="365"/>
      <c r="K8743" s="372"/>
      <c r="L8743" s="365"/>
    </row>
    <row r="8744" spans="2:12" ht="57">
      <c r="B8744" s="367"/>
      <c r="C8744" s="359" t="s">
        <v>28383</v>
      </c>
      <c r="D8744" s="367"/>
      <c r="E8744" s="367"/>
      <c r="F8744" s="359" t="s">
        <v>14384</v>
      </c>
      <c r="G8744" s="359" t="s">
        <v>14531</v>
      </c>
      <c r="H8744" s="359" t="s">
        <v>14381</v>
      </c>
      <c r="I8744" s="359" t="s">
        <v>14531</v>
      </c>
      <c r="J8744" s="365"/>
      <c r="K8744" s="373" t="s">
        <v>28384</v>
      </c>
      <c r="L8744" s="365"/>
    </row>
    <row r="8745" spans="2:12">
      <c r="B8745" s="367"/>
      <c r="C8745" s="360"/>
      <c r="D8745" s="367"/>
      <c r="E8745" s="367"/>
      <c r="F8745" s="360"/>
      <c r="G8745" s="360"/>
      <c r="H8745" s="360"/>
      <c r="I8745" s="360"/>
      <c r="J8745" s="365"/>
      <c r="K8745" s="372"/>
      <c r="L8745" s="365"/>
    </row>
    <row r="8746" spans="2:12">
      <c r="B8746" s="367"/>
      <c r="C8746" s="359" t="s">
        <v>30133</v>
      </c>
      <c r="D8746" s="367"/>
      <c r="E8746" s="367"/>
      <c r="F8746" s="360"/>
      <c r="G8746" s="359" t="s">
        <v>14405</v>
      </c>
      <c r="H8746" s="359" t="s">
        <v>14332</v>
      </c>
      <c r="I8746" s="359" t="s">
        <v>14405</v>
      </c>
      <c r="J8746" s="365"/>
      <c r="K8746" s="373" t="s">
        <v>24917</v>
      </c>
      <c r="L8746" s="365"/>
    </row>
    <row r="8747" spans="2:12">
      <c r="B8747" s="367"/>
      <c r="C8747" s="360"/>
      <c r="D8747" s="367"/>
      <c r="E8747" s="367"/>
      <c r="F8747" s="360"/>
      <c r="G8747" s="360"/>
      <c r="H8747" s="360"/>
      <c r="I8747" s="360"/>
      <c r="J8747" s="365"/>
      <c r="K8747" s="372"/>
      <c r="L8747" s="365"/>
    </row>
    <row r="8748" spans="2:12" ht="28.5">
      <c r="B8748" s="367"/>
      <c r="C8748" s="360"/>
      <c r="D8748" s="367"/>
      <c r="E8748" s="367"/>
      <c r="F8748" s="360"/>
      <c r="G8748" s="359" t="s">
        <v>15088</v>
      </c>
      <c r="H8748" s="360"/>
      <c r="I8748" s="359" t="s">
        <v>15088</v>
      </c>
      <c r="J8748" s="365"/>
      <c r="K8748" s="373" t="s">
        <v>28385</v>
      </c>
      <c r="L8748" s="365"/>
    </row>
    <row r="8749" spans="2:12">
      <c r="B8749" s="367"/>
      <c r="C8749" s="360"/>
      <c r="D8749" s="367"/>
      <c r="E8749" s="367"/>
      <c r="F8749" s="360"/>
      <c r="G8749" s="360"/>
      <c r="H8749" s="360"/>
      <c r="I8749" s="360"/>
      <c r="J8749" s="365"/>
      <c r="K8749" s="372"/>
      <c r="L8749" s="365"/>
    </row>
    <row r="8750" spans="2:12">
      <c r="B8750" s="367"/>
      <c r="C8750" s="360"/>
      <c r="D8750" s="367"/>
      <c r="E8750" s="367"/>
      <c r="F8750" s="360"/>
      <c r="G8750" s="360"/>
      <c r="H8750" s="360"/>
      <c r="I8750" s="360"/>
      <c r="J8750" s="365"/>
      <c r="K8750" s="373" t="s">
        <v>24918</v>
      </c>
      <c r="L8750" s="365"/>
    </row>
    <row r="8751" spans="2:12">
      <c r="B8751" s="367"/>
      <c r="C8751" s="360"/>
      <c r="D8751" s="367"/>
      <c r="E8751" s="367"/>
      <c r="F8751" s="360"/>
      <c r="G8751" s="360"/>
      <c r="H8751" s="360"/>
      <c r="I8751" s="360"/>
      <c r="J8751" s="365"/>
      <c r="K8751" s="372"/>
      <c r="L8751" s="365"/>
    </row>
    <row r="8752" spans="2:12" ht="28.5">
      <c r="B8752" s="367"/>
      <c r="C8752" s="360"/>
      <c r="D8752" s="367"/>
      <c r="E8752" s="367"/>
      <c r="F8752" s="360"/>
      <c r="G8752" s="360"/>
      <c r="H8752" s="360"/>
      <c r="I8752" s="360"/>
      <c r="J8752" s="365"/>
      <c r="K8752" s="373" t="s">
        <v>28386</v>
      </c>
      <c r="L8752" s="365"/>
    </row>
    <row r="8753" spans="2:12">
      <c r="B8753" s="367"/>
      <c r="C8753" s="360"/>
      <c r="D8753" s="367"/>
      <c r="E8753" s="367"/>
      <c r="F8753" s="360"/>
      <c r="G8753" s="360"/>
      <c r="H8753" s="360"/>
      <c r="I8753" s="360"/>
      <c r="J8753" s="365"/>
      <c r="K8753" s="372"/>
      <c r="L8753" s="365"/>
    </row>
    <row r="8754" spans="2:12" ht="42.75">
      <c r="B8754" s="367"/>
      <c r="C8754" s="360"/>
      <c r="D8754" s="367"/>
      <c r="E8754" s="367"/>
      <c r="F8754" s="360"/>
      <c r="G8754" s="360"/>
      <c r="H8754" s="360"/>
      <c r="I8754" s="360"/>
      <c r="J8754" s="365"/>
      <c r="K8754" s="373" t="s">
        <v>28387</v>
      </c>
      <c r="L8754" s="365"/>
    </row>
    <row r="8755" spans="2:12">
      <c r="B8755" s="367"/>
      <c r="C8755" s="360"/>
      <c r="D8755" s="367"/>
      <c r="E8755" s="367"/>
      <c r="F8755" s="360"/>
      <c r="G8755" s="360"/>
      <c r="H8755" s="360"/>
      <c r="I8755" s="360"/>
      <c r="J8755" s="365"/>
      <c r="K8755" s="372"/>
      <c r="L8755" s="365"/>
    </row>
    <row r="8756" spans="2:12" ht="57">
      <c r="B8756" s="367"/>
      <c r="C8756" s="360"/>
      <c r="D8756" s="367"/>
      <c r="E8756" s="367"/>
      <c r="F8756" s="360"/>
      <c r="G8756" s="360"/>
      <c r="H8756" s="360"/>
      <c r="I8756" s="360"/>
      <c r="J8756" s="365"/>
      <c r="K8756" s="373" t="s">
        <v>29019</v>
      </c>
      <c r="L8756" s="365"/>
    </row>
    <row r="8757" spans="2:12">
      <c r="B8757" s="368"/>
      <c r="C8757" s="362"/>
      <c r="D8757" s="368"/>
      <c r="E8757" s="368"/>
      <c r="F8757" s="362"/>
      <c r="G8757" s="362"/>
      <c r="H8757" s="362"/>
      <c r="I8757" s="362"/>
      <c r="J8757" s="366"/>
      <c r="K8757" s="362"/>
      <c r="L8757" s="366"/>
    </row>
    <row r="8758" spans="2:12">
      <c r="B8758" s="354" t="s">
        <v>28528</v>
      </c>
      <c r="C8758" s="369"/>
      <c r="D8758" s="369"/>
      <c r="E8758" s="369"/>
      <c r="F8758" s="369"/>
      <c r="G8758" s="369"/>
      <c r="H8758" s="369"/>
      <c r="I8758" s="369"/>
      <c r="J8758" s="369"/>
      <c r="K8758" s="369"/>
      <c r="L8758" s="370"/>
    </row>
    <row r="8759" spans="2:12" ht="28.5">
      <c r="B8759" s="358" t="s">
        <v>18677</v>
      </c>
      <c r="C8759" s="358" t="s">
        <v>30134</v>
      </c>
      <c r="D8759" s="358" t="s">
        <v>18678</v>
      </c>
      <c r="E8759" s="358" t="s">
        <v>18679</v>
      </c>
      <c r="F8759" s="358" t="s">
        <v>14505</v>
      </c>
      <c r="G8759" s="358" t="s">
        <v>14506</v>
      </c>
      <c r="H8759" s="358" t="s">
        <v>14328</v>
      </c>
      <c r="I8759" s="358" t="s">
        <v>14506</v>
      </c>
      <c r="J8759" s="358"/>
      <c r="K8759" s="358"/>
      <c r="L8759" s="358"/>
    </row>
    <row r="8760" spans="2:12">
      <c r="B8760" s="367"/>
      <c r="C8760" s="367"/>
      <c r="D8760" s="367"/>
      <c r="E8760" s="367"/>
      <c r="F8760" s="360"/>
      <c r="G8760" s="360"/>
      <c r="H8760" s="360"/>
      <c r="I8760" s="360"/>
      <c r="J8760" s="365"/>
      <c r="K8760" s="365"/>
      <c r="L8760" s="365"/>
    </row>
    <row r="8761" spans="2:12">
      <c r="B8761" s="367"/>
      <c r="C8761" s="367"/>
      <c r="D8761" s="367"/>
      <c r="E8761" s="367"/>
      <c r="F8761" s="359" t="s">
        <v>14389</v>
      </c>
      <c r="G8761" s="359" t="s">
        <v>14390</v>
      </c>
      <c r="H8761" s="359" t="s">
        <v>14367</v>
      </c>
      <c r="I8761" s="359" t="s">
        <v>14390</v>
      </c>
      <c r="J8761" s="365"/>
      <c r="K8761" s="365"/>
      <c r="L8761" s="365"/>
    </row>
    <row r="8762" spans="2:12">
      <c r="B8762" s="367"/>
      <c r="C8762" s="367"/>
      <c r="D8762" s="367"/>
      <c r="E8762" s="367"/>
      <c r="F8762" s="360"/>
      <c r="G8762" s="360"/>
      <c r="H8762" s="360"/>
      <c r="I8762" s="360"/>
      <c r="J8762" s="365"/>
      <c r="K8762" s="365"/>
      <c r="L8762" s="365"/>
    </row>
    <row r="8763" spans="2:12">
      <c r="B8763" s="368"/>
      <c r="C8763" s="368"/>
      <c r="D8763" s="368"/>
      <c r="E8763" s="368"/>
      <c r="F8763" s="362"/>
      <c r="G8763" s="362"/>
      <c r="H8763" s="361" t="s">
        <v>14332</v>
      </c>
      <c r="I8763" s="362"/>
      <c r="J8763" s="366"/>
      <c r="K8763" s="366"/>
      <c r="L8763" s="366"/>
    </row>
    <row r="8764" spans="2:12" ht="99.75">
      <c r="B8764" s="358" t="s">
        <v>18680</v>
      </c>
      <c r="C8764" s="358" t="s">
        <v>30135</v>
      </c>
      <c r="D8764" s="358" t="s">
        <v>18681</v>
      </c>
      <c r="E8764" s="358" t="s">
        <v>8356</v>
      </c>
      <c r="F8764" s="358" t="s">
        <v>14391</v>
      </c>
      <c r="G8764" s="358" t="s">
        <v>14392</v>
      </c>
      <c r="H8764" s="358" t="s">
        <v>14367</v>
      </c>
      <c r="I8764" s="358" t="s">
        <v>14392</v>
      </c>
      <c r="J8764" s="358"/>
      <c r="K8764" s="358"/>
      <c r="L8764" s="358"/>
    </row>
    <row r="8765" spans="2:12">
      <c r="B8765" s="367"/>
      <c r="C8765" s="367"/>
      <c r="D8765" s="367"/>
      <c r="E8765" s="367"/>
      <c r="F8765" s="367"/>
      <c r="G8765" s="367"/>
      <c r="H8765" s="360"/>
      <c r="I8765" s="367"/>
      <c r="J8765" s="365"/>
      <c r="K8765" s="365"/>
      <c r="L8765" s="365"/>
    </row>
    <row r="8766" spans="2:12">
      <c r="B8766" s="368"/>
      <c r="C8766" s="368"/>
      <c r="D8766" s="368"/>
      <c r="E8766" s="368"/>
      <c r="F8766" s="368"/>
      <c r="G8766" s="368"/>
      <c r="H8766" s="361" t="s">
        <v>14422</v>
      </c>
      <c r="I8766" s="368"/>
      <c r="J8766" s="366"/>
      <c r="K8766" s="366"/>
      <c r="L8766" s="366"/>
    </row>
    <row r="8767" spans="2:12" ht="71.25">
      <c r="B8767" s="358" t="s">
        <v>18682</v>
      </c>
      <c r="C8767" s="358" t="s">
        <v>29020</v>
      </c>
      <c r="D8767" s="358" t="s">
        <v>18683</v>
      </c>
      <c r="E8767" s="358" t="s">
        <v>18684</v>
      </c>
      <c r="F8767" s="358" t="s">
        <v>14430</v>
      </c>
      <c r="G8767" s="358" t="s">
        <v>14431</v>
      </c>
      <c r="H8767" s="358" t="s">
        <v>14341</v>
      </c>
      <c r="I8767" s="358" t="s">
        <v>14431</v>
      </c>
      <c r="J8767" s="358"/>
      <c r="K8767" s="358" t="s">
        <v>29021</v>
      </c>
      <c r="L8767" s="358"/>
    </row>
    <row r="8768" spans="2:12">
      <c r="B8768" s="367"/>
      <c r="C8768" s="367"/>
      <c r="D8768" s="367"/>
      <c r="E8768" s="367"/>
      <c r="F8768" s="367"/>
      <c r="G8768" s="367"/>
      <c r="H8768" s="360"/>
      <c r="I8768" s="367"/>
      <c r="J8768" s="365"/>
      <c r="K8768" s="367"/>
      <c r="L8768" s="365"/>
    </row>
    <row r="8769" spans="2:12">
      <c r="B8769" s="368"/>
      <c r="C8769" s="368"/>
      <c r="D8769" s="368"/>
      <c r="E8769" s="368"/>
      <c r="F8769" s="368"/>
      <c r="G8769" s="368"/>
      <c r="H8769" s="361" t="s">
        <v>14332</v>
      </c>
      <c r="I8769" s="368"/>
      <c r="J8769" s="366"/>
      <c r="K8769" s="368"/>
      <c r="L8769" s="366"/>
    </row>
    <row r="8770" spans="2:12" ht="28.5">
      <c r="B8770" s="358" t="s">
        <v>18685</v>
      </c>
      <c r="C8770" s="358" t="s">
        <v>18686</v>
      </c>
      <c r="D8770" s="358" t="s">
        <v>18687</v>
      </c>
      <c r="E8770" s="358" t="s">
        <v>18688</v>
      </c>
      <c r="F8770" s="358" t="s">
        <v>14371</v>
      </c>
      <c r="G8770" s="358" t="s">
        <v>14372</v>
      </c>
      <c r="H8770" s="358" t="s">
        <v>14370</v>
      </c>
      <c r="I8770" s="358" t="s">
        <v>14373</v>
      </c>
      <c r="J8770" s="358"/>
      <c r="K8770" s="358"/>
      <c r="L8770" s="358"/>
    </row>
    <row r="8771" spans="2:12">
      <c r="B8771" s="367"/>
      <c r="C8771" s="367"/>
      <c r="D8771" s="367"/>
      <c r="E8771" s="367"/>
      <c r="F8771" s="360"/>
      <c r="G8771" s="360"/>
      <c r="H8771" s="360"/>
      <c r="I8771" s="367"/>
      <c r="J8771" s="365"/>
      <c r="K8771" s="365"/>
      <c r="L8771" s="365"/>
    </row>
    <row r="8772" spans="2:12" ht="28.5">
      <c r="B8772" s="368"/>
      <c r="C8772" s="368"/>
      <c r="D8772" s="368"/>
      <c r="E8772" s="368"/>
      <c r="F8772" s="361" t="s">
        <v>14374</v>
      </c>
      <c r="G8772" s="361" t="s">
        <v>14373</v>
      </c>
      <c r="H8772" s="361" t="s">
        <v>14422</v>
      </c>
      <c r="I8772" s="368"/>
      <c r="J8772" s="366"/>
      <c r="K8772" s="366"/>
      <c r="L8772" s="366"/>
    </row>
    <row r="8773" spans="2:12">
      <c r="B8773" s="358" t="s">
        <v>18689</v>
      </c>
      <c r="C8773" s="358" t="s">
        <v>18690</v>
      </c>
      <c r="D8773" s="358" t="s">
        <v>18691</v>
      </c>
      <c r="E8773" s="358" t="s">
        <v>18692</v>
      </c>
      <c r="F8773" s="358" t="s">
        <v>14382</v>
      </c>
      <c r="G8773" s="358" t="s">
        <v>14383</v>
      </c>
      <c r="H8773" s="358" t="s">
        <v>14378</v>
      </c>
      <c r="I8773" s="358" t="s">
        <v>14383</v>
      </c>
      <c r="J8773" s="358"/>
      <c r="K8773" s="358"/>
      <c r="L8773" s="358"/>
    </row>
    <row r="8774" spans="2:12">
      <c r="B8774" s="367"/>
      <c r="C8774" s="367"/>
      <c r="D8774" s="367"/>
      <c r="E8774" s="367"/>
      <c r="F8774" s="360"/>
      <c r="G8774" s="360"/>
      <c r="H8774" s="360"/>
      <c r="I8774" s="360"/>
      <c r="J8774" s="365"/>
      <c r="K8774" s="365"/>
      <c r="L8774" s="365"/>
    </row>
    <row r="8775" spans="2:12">
      <c r="B8775" s="367"/>
      <c r="C8775" s="367"/>
      <c r="D8775" s="367"/>
      <c r="E8775" s="367"/>
      <c r="F8775" s="359" t="s">
        <v>14430</v>
      </c>
      <c r="G8775" s="359" t="s">
        <v>14431</v>
      </c>
      <c r="H8775" s="359" t="s">
        <v>14341</v>
      </c>
      <c r="I8775" s="359" t="s">
        <v>14431</v>
      </c>
      <c r="J8775" s="365"/>
      <c r="K8775" s="365"/>
      <c r="L8775" s="365"/>
    </row>
    <row r="8776" spans="2:12">
      <c r="B8776" s="367"/>
      <c r="C8776" s="367"/>
      <c r="D8776" s="367"/>
      <c r="E8776" s="367"/>
      <c r="F8776" s="360"/>
      <c r="G8776" s="360"/>
      <c r="H8776" s="360"/>
      <c r="I8776" s="360"/>
      <c r="J8776" s="365"/>
      <c r="K8776" s="365"/>
      <c r="L8776" s="365"/>
    </row>
    <row r="8777" spans="2:12">
      <c r="B8777" s="367"/>
      <c r="C8777" s="367"/>
      <c r="D8777" s="367"/>
      <c r="E8777" s="367"/>
      <c r="F8777" s="359" t="s">
        <v>14391</v>
      </c>
      <c r="G8777" s="359" t="s">
        <v>14392</v>
      </c>
      <c r="H8777" s="359" t="s">
        <v>14370</v>
      </c>
      <c r="I8777" s="359" t="s">
        <v>14392</v>
      </c>
      <c r="J8777" s="365"/>
      <c r="K8777" s="365"/>
      <c r="L8777" s="365"/>
    </row>
    <row r="8778" spans="2:12">
      <c r="B8778" s="367"/>
      <c r="C8778" s="367"/>
      <c r="D8778" s="367"/>
      <c r="E8778" s="367"/>
      <c r="F8778" s="360"/>
      <c r="G8778" s="360"/>
      <c r="H8778" s="360"/>
      <c r="I8778" s="360"/>
      <c r="J8778" s="365"/>
      <c r="K8778" s="365"/>
      <c r="L8778" s="365"/>
    </row>
    <row r="8779" spans="2:12">
      <c r="B8779" s="367"/>
      <c r="C8779" s="367"/>
      <c r="D8779" s="367"/>
      <c r="E8779" s="367"/>
      <c r="F8779" s="359" t="s">
        <v>14371</v>
      </c>
      <c r="G8779" s="359" t="s">
        <v>14372</v>
      </c>
      <c r="H8779" s="359" t="s">
        <v>14332</v>
      </c>
      <c r="I8779" s="359" t="s">
        <v>14373</v>
      </c>
      <c r="J8779" s="365"/>
      <c r="K8779" s="365"/>
      <c r="L8779" s="365"/>
    </row>
    <row r="8780" spans="2:12">
      <c r="B8780" s="367"/>
      <c r="C8780" s="367"/>
      <c r="D8780" s="367"/>
      <c r="E8780" s="367"/>
      <c r="F8780" s="360"/>
      <c r="G8780" s="360"/>
      <c r="H8780" s="360"/>
      <c r="I8780" s="360"/>
      <c r="J8780" s="365"/>
      <c r="K8780" s="365"/>
      <c r="L8780" s="365"/>
    </row>
    <row r="8781" spans="2:12" ht="28.5">
      <c r="B8781" s="368"/>
      <c r="C8781" s="368"/>
      <c r="D8781" s="368"/>
      <c r="E8781" s="368"/>
      <c r="F8781" s="361" t="s">
        <v>14374</v>
      </c>
      <c r="G8781" s="361" t="s">
        <v>14373</v>
      </c>
      <c r="H8781" s="362"/>
      <c r="I8781" s="362"/>
      <c r="J8781" s="366"/>
      <c r="K8781" s="366"/>
      <c r="L8781" s="366"/>
    </row>
    <row r="8782" spans="2:12" ht="28.5">
      <c r="B8782" s="358" t="s">
        <v>18693</v>
      </c>
      <c r="C8782" s="358" t="s">
        <v>27578</v>
      </c>
      <c r="D8782" s="358" t="s">
        <v>18694</v>
      </c>
      <c r="E8782" s="358" t="s">
        <v>18695</v>
      </c>
      <c r="F8782" s="358" t="s">
        <v>14391</v>
      </c>
      <c r="G8782" s="358" t="s">
        <v>14392</v>
      </c>
      <c r="H8782" s="358" t="s">
        <v>14367</v>
      </c>
      <c r="I8782" s="358" t="s">
        <v>14392</v>
      </c>
      <c r="J8782" s="358"/>
      <c r="K8782" s="358"/>
      <c r="L8782" s="358"/>
    </row>
    <row r="8783" spans="2:12">
      <c r="B8783" s="367"/>
      <c r="C8783" s="367"/>
      <c r="D8783" s="367"/>
      <c r="E8783" s="367"/>
      <c r="F8783" s="367"/>
      <c r="G8783" s="367"/>
      <c r="H8783" s="360"/>
      <c r="I8783" s="367"/>
      <c r="J8783" s="365"/>
      <c r="K8783" s="365"/>
      <c r="L8783" s="365"/>
    </row>
    <row r="8784" spans="2:12">
      <c r="B8784" s="368"/>
      <c r="C8784" s="368"/>
      <c r="D8784" s="368"/>
      <c r="E8784" s="368"/>
      <c r="F8784" s="368"/>
      <c r="G8784" s="368"/>
      <c r="H8784" s="361" t="s">
        <v>14422</v>
      </c>
      <c r="I8784" s="368"/>
      <c r="J8784" s="366"/>
      <c r="K8784" s="366"/>
      <c r="L8784" s="366"/>
    </row>
    <row r="8785" spans="2:12" ht="42.75">
      <c r="B8785" s="358" t="s">
        <v>18696</v>
      </c>
      <c r="C8785" s="358" t="s">
        <v>18697</v>
      </c>
      <c r="D8785" s="358" t="s">
        <v>18698</v>
      </c>
      <c r="E8785" s="358" t="s">
        <v>18699</v>
      </c>
      <c r="F8785" s="358" t="s">
        <v>14371</v>
      </c>
      <c r="G8785" s="358" t="s">
        <v>14372</v>
      </c>
      <c r="H8785" s="358" t="s">
        <v>14370</v>
      </c>
      <c r="I8785" s="358" t="s">
        <v>14373</v>
      </c>
      <c r="J8785" s="358"/>
      <c r="K8785" s="358"/>
      <c r="L8785" s="358"/>
    </row>
    <row r="8786" spans="2:12">
      <c r="B8786" s="367"/>
      <c r="C8786" s="367"/>
      <c r="D8786" s="367"/>
      <c r="E8786" s="367"/>
      <c r="F8786" s="360"/>
      <c r="G8786" s="360"/>
      <c r="H8786" s="360"/>
      <c r="I8786" s="367"/>
      <c r="J8786" s="365"/>
      <c r="K8786" s="365"/>
      <c r="L8786" s="365"/>
    </row>
    <row r="8787" spans="2:12" ht="28.5">
      <c r="B8787" s="368"/>
      <c r="C8787" s="368"/>
      <c r="D8787" s="368"/>
      <c r="E8787" s="368"/>
      <c r="F8787" s="361" t="s">
        <v>14374</v>
      </c>
      <c r="G8787" s="361" t="s">
        <v>14373</v>
      </c>
      <c r="H8787" s="361" t="s">
        <v>14422</v>
      </c>
      <c r="I8787" s="368"/>
      <c r="J8787" s="366"/>
      <c r="K8787" s="366"/>
      <c r="L8787" s="366"/>
    </row>
    <row r="8788" spans="2:12" ht="57">
      <c r="B8788" s="358" t="s">
        <v>18700</v>
      </c>
      <c r="C8788" s="358" t="s">
        <v>29022</v>
      </c>
      <c r="D8788" s="358" t="s">
        <v>18701</v>
      </c>
      <c r="E8788" s="358" t="s">
        <v>8356</v>
      </c>
      <c r="F8788" s="358" t="s">
        <v>14371</v>
      </c>
      <c r="G8788" s="358" t="s">
        <v>14372</v>
      </c>
      <c r="H8788" s="358" t="s">
        <v>14370</v>
      </c>
      <c r="I8788" s="358" t="s">
        <v>14373</v>
      </c>
      <c r="J8788" s="358"/>
      <c r="K8788" s="358"/>
      <c r="L8788" s="358"/>
    </row>
    <row r="8789" spans="2:12">
      <c r="B8789" s="367"/>
      <c r="C8789" s="367"/>
      <c r="D8789" s="367"/>
      <c r="E8789" s="367"/>
      <c r="F8789" s="360"/>
      <c r="G8789" s="360"/>
      <c r="H8789" s="360"/>
      <c r="I8789" s="367"/>
      <c r="J8789" s="365"/>
      <c r="K8789" s="365"/>
      <c r="L8789" s="365"/>
    </row>
    <row r="8790" spans="2:12" ht="28.5">
      <c r="B8790" s="368"/>
      <c r="C8790" s="368"/>
      <c r="D8790" s="368"/>
      <c r="E8790" s="368"/>
      <c r="F8790" s="361" t="s">
        <v>14374</v>
      </c>
      <c r="G8790" s="361" t="s">
        <v>14373</v>
      </c>
      <c r="H8790" s="361" t="s">
        <v>14422</v>
      </c>
      <c r="I8790" s="368"/>
      <c r="J8790" s="366"/>
      <c r="K8790" s="366"/>
      <c r="L8790" s="366"/>
    </row>
    <row r="8791" spans="2:12" ht="42.75">
      <c r="B8791" s="358" t="s">
        <v>18702</v>
      </c>
      <c r="C8791" s="358" t="s">
        <v>18703</v>
      </c>
      <c r="D8791" s="358" t="s">
        <v>18704</v>
      </c>
      <c r="E8791" s="358" t="s">
        <v>8356</v>
      </c>
      <c r="F8791" s="358" t="s">
        <v>14394</v>
      </c>
      <c r="G8791" s="358" t="s">
        <v>14395</v>
      </c>
      <c r="H8791" s="358" t="s">
        <v>14370</v>
      </c>
      <c r="I8791" s="358" t="s">
        <v>14395</v>
      </c>
      <c r="J8791" s="358"/>
      <c r="K8791" s="358"/>
      <c r="L8791" s="358"/>
    </row>
    <row r="8792" spans="2:12">
      <c r="B8792" s="368"/>
      <c r="C8792" s="368"/>
      <c r="D8792" s="368"/>
      <c r="E8792" s="368"/>
      <c r="F8792" s="368"/>
      <c r="G8792" s="368"/>
      <c r="H8792" s="368"/>
      <c r="I8792" s="368"/>
      <c r="J8792" s="366"/>
      <c r="K8792" s="366"/>
      <c r="L8792" s="366"/>
    </row>
    <row r="8793" spans="2:12">
      <c r="B8793" s="358" t="s">
        <v>18705</v>
      </c>
      <c r="C8793" s="358" t="s">
        <v>18706</v>
      </c>
      <c r="D8793" s="358" t="s">
        <v>18707</v>
      </c>
      <c r="E8793" s="358" t="s">
        <v>18708</v>
      </c>
      <c r="F8793" s="358" t="s">
        <v>14389</v>
      </c>
      <c r="G8793" s="358" t="s">
        <v>14390</v>
      </c>
      <c r="H8793" s="358" t="s">
        <v>14367</v>
      </c>
      <c r="I8793" s="358" t="s">
        <v>14390</v>
      </c>
      <c r="J8793" s="358"/>
      <c r="K8793" s="358"/>
      <c r="L8793" s="358"/>
    </row>
    <row r="8794" spans="2:12">
      <c r="B8794" s="367"/>
      <c r="C8794" s="367"/>
      <c r="D8794" s="367"/>
      <c r="E8794" s="367"/>
      <c r="F8794" s="360"/>
      <c r="G8794" s="360"/>
      <c r="H8794" s="360"/>
      <c r="I8794" s="360"/>
      <c r="J8794" s="365"/>
      <c r="K8794" s="365"/>
      <c r="L8794" s="365"/>
    </row>
    <row r="8795" spans="2:12" ht="28.5">
      <c r="B8795" s="368"/>
      <c r="C8795" s="368"/>
      <c r="D8795" s="368"/>
      <c r="E8795" s="368"/>
      <c r="F8795" s="361" t="s">
        <v>14472</v>
      </c>
      <c r="G8795" s="361" t="s">
        <v>14473</v>
      </c>
      <c r="H8795" s="361" t="s">
        <v>14422</v>
      </c>
      <c r="I8795" s="361" t="s">
        <v>14473</v>
      </c>
      <c r="J8795" s="366"/>
      <c r="K8795" s="366"/>
      <c r="L8795" s="366"/>
    </row>
    <row r="8796" spans="2:12" ht="28.5">
      <c r="B8796" s="358" t="s">
        <v>18709</v>
      </c>
      <c r="C8796" s="358" t="s">
        <v>18710</v>
      </c>
      <c r="D8796" s="358" t="s">
        <v>18711</v>
      </c>
      <c r="E8796" s="358" t="s">
        <v>18712</v>
      </c>
      <c r="F8796" s="358" t="s">
        <v>14462</v>
      </c>
      <c r="G8796" s="358" t="s">
        <v>14463</v>
      </c>
      <c r="H8796" s="358" t="s">
        <v>8356</v>
      </c>
      <c r="I8796" s="358" t="s">
        <v>14463</v>
      </c>
      <c r="J8796" s="358"/>
      <c r="K8796" s="358"/>
      <c r="L8796" s="358"/>
    </row>
    <row r="8797" spans="2:12">
      <c r="B8797" s="368"/>
      <c r="C8797" s="368"/>
      <c r="D8797" s="368"/>
      <c r="E8797" s="368"/>
      <c r="F8797" s="368"/>
      <c r="G8797" s="368"/>
      <c r="H8797" s="368"/>
      <c r="I8797" s="368"/>
      <c r="J8797" s="366"/>
      <c r="K8797" s="366"/>
      <c r="L8797" s="366"/>
    </row>
    <row r="8798" spans="2:12">
      <c r="B8798" s="358" t="s">
        <v>18713</v>
      </c>
      <c r="C8798" s="358" t="s">
        <v>27579</v>
      </c>
      <c r="D8798" s="358" t="s">
        <v>18714</v>
      </c>
      <c r="E8798" s="358" t="s">
        <v>18715</v>
      </c>
      <c r="F8798" s="358" t="s">
        <v>14389</v>
      </c>
      <c r="G8798" s="358" t="s">
        <v>14390</v>
      </c>
      <c r="H8798" s="358" t="s">
        <v>14341</v>
      </c>
      <c r="I8798" s="358" t="s">
        <v>14390</v>
      </c>
      <c r="J8798" s="358"/>
      <c r="K8798" s="358"/>
      <c r="L8798" s="358"/>
    </row>
    <row r="8799" spans="2:12">
      <c r="B8799" s="367"/>
      <c r="C8799" s="367"/>
      <c r="D8799" s="367"/>
      <c r="E8799" s="367"/>
      <c r="F8799" s="360"/>
      <c r="G8799" s="360"/>
      <c r="H8799" s="360"/>
      <c r="I8799" s="360"/>
      <c r="J8799" s="365"/>
      <c r="K8799" s="365"/>
      <c r="L8799" s="365"/>
    </row>
    <row r="8800" spans="2:12">
      <c r="B8800" s="367"/>
      <c r="C8800" s="367"/>
      <c r="D8800" s="367"/>
      <c r="E8800" s="367"/>
      <c r="F8800" s="359" t="s">
        <v>14430</v>
      </c>
      <c r="G8800" s="359" t="s">
        <v>14431</v>
      </c>
      <c r="H8800" s="359" t="s">
        <v>14367</v>
      </c>
      <c r="I8800" s="359" t="s">
        <v>14431</v>
      </c>
      <c r="J8800" s="365"/>
      <c r="K8800" s="365"/>
      <c r="L8800" s="365"/>
    </row>
    <row r="8801" spans="2:12">
      <c r="B8801" s="367"/>
      <c r="C8801" s="367"/>
      <c r="D8801" s="367"/>
      <c r="E8801" s="367"/>
      <c r="F8801" s="360"/>
      <c r="G8801" s="360"/>
      <c r="H8801" s="360"/>
      <c r="I8801" s="360"/>
      <c r="J8801" s="365"/>
      <c r="K8801" s="365"/>
      <c r="L8801" s="365"/>
    </row>
    <row r="8802" spans="2:12">
      <c r="B8802" s="367"/>
      <c r="C8802" s="367"/>
      <c r="D8802" s="367"/>
      <c r="E8802" s="367"/>
      <c r="F8802" s="359" t="s">
        <v>14391</v>
      </c>
      <c r="G8802" s="359" t="s">
        <v>14392</v>
      </c>
      <c r="H8802" s="359" t="s">
        <v>14370</v>
      </c>
      <c r="I8802" s="359" t="s">
        <v>14392</v>
      </c>
      <c r="J8802" s="365"/>
      <c r="K8802" s="365"/>
      <c r="L8802" s="365"/>
    </row>
    <row r="8803" spans="2:12">
      <c r="B8803" s="367"/>
      <c r="C8803" s="367"/>
      <c r="D8803" s="367"/>
      <c r="E8803" s="367"/>
      <c r="F8803" s="360"/>
      <c r="G8803" s="360"/>
      <c r="H8803" s="360"/>
      <c r="I8803" s="360"/>
      <c r="J8803" s="365"/>
      <c r="K8803" s="365"/>
      <c r="L8803" s="365"/>
    </row>
    <row r="8804" spans="2:12">
      <c r="B8804" s="367"/>
      <c r="C8804" s="367"/>
      <c r="D8804" s="367"/>
      <c r="E8804" s="367"/>
      <c r="F8804" s="359" t="s">
        <v>14371</v>
      </c>
      <c r="G8804" s="359" t="s">
        <v>14372</v>
      </c>
      <c r="H8804" s="359" t="s">
        <v>14332</v>
      </c>
      <c r="I8804" s="359" t="s">
        <v>14373</v>
      </c>
      <c r="J8804" s="365"/>
      <c r="K8804" s="365"/>
      <c r="L8804" s="365"/>
    </row>
    <row r="8805" spans="2:12">
      <c r="B8805" s="367"/>
      <c r="C8805" s="367"/>
      <c r="D8805" s="367"/>
      <c r="E8805" s="367"/>
      <c r="F8805" s="360"/>
      <c r="G8805" s="360"/>
      <c r="H8805" s="360"/>
      <c r="I8805" s="360"/>
      <c r="J8805" s="365"/>
      <c r="K8805" s="365"/>
      <c r="L8805" s="365"/>
    </row>
    <row r="8806" spans="2:12" ht="28.5">
      <c r="B8806" s="368"/>
      <c r="C8806" s="368"/>
      <c r="D8806" s="368"/>
      <c r="E8806" s="368"/>
      <c r="F8806" s="361" t="s">
        <v>14374</v>
      </c>
      <c r="G8806" s="361" t="s">
        <v>14373</v>
      </c>
      <c r="H8806" s="362"/>
      <c r="I8806" s="362"/>
      <c r="J8806" s="366"/>
      <c r="K8806" s="366"/>
      <c r="L8806" s="366"/>
    </row>
    <row r="8807" spans="2:12">
      <c r="B8807" s="358" t="s">
        <v>18716</v>
      </c>
      <c r="C8807" s="358" t="s">
        <v>18717</v>
      </c>
      <c r="D8807" s="358" t="s">
        <v>18718</v>
      </c>
      <c r="E8807" s="358" t="s">
        <v>18719</v>
      </c>
      <c r="F8807" s="358" t="s">
        <v>14339</v>
      </c>
      <c r="G8807" s="358" t="s">
        <v>14340</v>
      </c>
      <c r="H8807" s="358" t="s">
        <v>14341</v>
      </c>
      <c r="I8807" s="358" t="s">
        <v>14340</v>
      </c>
      <c r="J8807" s="358"/>
      <c r="K8807" s="358"/>
      <c r="L8807" s="358"/>
    </row>
    <row r="8808" spans="2:12">
      <c r="B8808" s="367"/>
      <c r="C8808" s="367"/>
      <c r="D8808" s="367"/>
      <c r="E8808" s="367"/>
      <c r="F8808" s="367"/>
      <c r="G8808" s="367"/>
      <c r="H8808" s="360"/>
      <c r="I8808" s="367"/>
      <c r="J8808" s="365"/>
      <c r="K8808" s="365"/>
      <c r="L8808" s="365"/>
    </row>
    <row r="8809" spans="2:12">
      <c r="B8809" s="368"/>
      <c r="C8809" s="368"/>
      <c r="D8809" s="368"/>
      <c r="E8809" s="368"/>
      <c r="F8809" s="368"/>
      <c r="G8809" s="368"/>
      <c r="H8809" s="361" t="s">
        <v>14332</v>
      </c>
      <c r="I8809" s="368"/>
      <c r="J8809" s="366"/>
      <c r="K8809" s="366"/>
      <c r="L8809" s="366"/>
    </row>
    <row r="8810" spans="2:12" ht="28.5">
      <c r="B8810" s="358" t="s">
        <v>13066</v>
      </c>
      <c r="C8810" s="358" t="s">
        <v>29023</v>
      </c>
      <c r="D8810" s="358" t="s">
        <v>13067</v>
      </c>
      <c r="E8810" s="358" t="s">
        <v>13068</v>
      </c>
      <c r="F8810" s="358" t="s">
        <v>14424</v>
      </c>
      <c r="G8810" s="358" t="s">
        <v>14481</v>
      </c>
      <c r="H8810" s="358" t="s">
        <v>14341</v>
      </c>
      <c r="I8810" s="358" t="s">
        <v>14481</v>
      </c>
      <c r="J8810" s="358"/>
      <c r="K8810" s="358" t="s">
        <v>28944</v>
      </c>
      <c r="L8810" s="358"/>
    </row>
    <row r="8811" spans="2:12">
      <c r="B8811" s="367"/>
      <c r="C8811" s="367"/>
      <c r="D8811" s="367"/>
      <c r="E8811" s="367"/>
      <c r="F8811" s="360"/>
      <c r="G8811" s="360"/>
      <c r="H8811" s="360"/>
      <c r="I8811" s="360"/>
      <c r="J8811" s="365"/>
      <c r="K8811" s="367"/>
      <c r="L8811" s="365"/>
    </row>
    <row r="8812" spans="2:12">
      <c r="B8812" s="367"/>
      <c r="C8812" s="367"/>
      <c r="D8812" s="367"/>
      <c r="E8812" s="367"/>
      <c r="F8812" s="359" t="s">
        <v>14356</v>
      </c>
      <c r="G8812" s="359" t="s">
        <v>14340</v>
      </c>
      <c r="H8812" s="359" t="s">
        <v>14381</v>
      </c>
      <c r="I8812" s="359" t="s">
        <v>14340</v>
      </c>
      <c r="J8812" s="365"/>
      <c r="K8812" s="367"/>
      <c r="L8812" s="365"/>
    </row>
    <row r="8813" spans="2:12">
      <c r="B8813" s="367"/>
      <c r="C8813" s="367"/>
      <c r="D8813" s="367"/>
      <c r="E8813" s="367"/>
      <c r="F8813" s="360"/>
      <c r="G8813" s="360"/>
      <c r="H8813" s="360"/>
      <c r="I8813" s="360"/>
      <c r="J8813" s="365"/>
      <c r="K8813" s="367"/>
      <c r="L8813" s="365"/>
    </row>
    <row r="8814" spans="2:12">
      <c r="B8814" s="367"/>
      <c r="C8814" s="367"/>
      <c r="D8814" s="367"/>
      <c r="E8814" s="367"/>
      <c r="F8814" s="359" t="s">
        <v>14391</v>
      </c>
      <c r="G8814" s="359" t="s">
        <v>14392</v>
      </c>
      <c r="H8814" s="359" t="s">
        <v>14367</v>
      </c>
      <c r="I8814" s="359" t="s">
        <v>14392</v>
      </c>
      <c r="J8814" s="365"/>
      <c r="K8814" s="367"/>
      <c r="L8814" s="365"/>
    </row>
    <row r="8815" spans="2:12">
      <c r="B8815" s="367"/>
      <c r="C8815" s="367"/>
      <c r="D8815" s="367"/>
      <c r="E8815" s="367"/>
      <c r="F8815" s="360"/>
      <c r="G8815" s="360"/>
      <c r="H8815" s="360"/>
      <c r="I8815" s="360"/>
      <c r="J8815" s="365"/>
      <c r="K8815" s="367"/>
      <c r="L8815" s="365"/>
    </row>
    <row r="8816" spans="2:12">
      <c r="B8816" s="368"/>
      <c r="C8816" s="368"/>
      <c r="D8816" s="368"/>
      <c r="E8816" s="368"/>
      <c r="F8816" s="362"/>
      <c r="G8816" s="362"/>
      <c r="H8816" s="361" t="s">
        <v>14332</v>
      </c>
      <c r="I8816" s="362"/>
      <c r="J8816" s="366"/>
      <c r="K8816" s="368"/>
      <c r="L8816" s="366"/>
    </row>
    <row r="8817" spans="2:12" ht="28.5">
      <c r="B8817" s="358" t="s">
        <v>18720</v>
      </c>
      <c r="C8817" s="358" t="s">
        <v>18721</v>
      </c>
      <c r="D8817" s="358" t="s">
        <v>18722</v>
      </c>
      <c r="E8817" s="358" t="s">
        <v>18723</v>
      </c>
      <c r="F8817" s="358" t="s">
        <v>14472</v>
      </c>
      <c r="G8817" s="358" t="s">
        <v>14473</v>
      </c>
      <c r="H8817" s="358" t="s">
        <v>8356</v>
      </c>
      <c r="I8817" s="358" t="s">
        <v>14473</v>
      </c>
      <c r="J8817" s="358"/>
      <c r="K8817" s="358"/>
      <c r="L8817" s="358"/>
    </row>
    <row r="8818" spans="2:12">
      <c r="B8818" s="368"/>
      <c r="C8818" s="368"/>
      <c r="D8818" s="368"/>
      <c r="E8818" s="368"/>
      <c r="F8818" s="368"/>
      <c r="G8818" s="368"/>
      <c r="H8818" s="368"/>
      <c r="I8818" s="368"/>
      <c r="J8818" s="366"/>
      <c r="K8818" s="366"/>
      <c r="L8818" s="366"/>
    </row>
    <row r="8819" spans="2:12">
      <c r="B8819" s="358" t="s">
        <v>18724</v>
      </c>
      <c r="C8819" s="358" t="s">
        <v>27580</v>
      </c>
      <c r="D8819" s="358" t="s">
        <v>18725</v>
      </c>
      <c r="E8819" s="358" t="s">
        <v>18726</v>
      </c>
      <c r="F8819" s="358" t="s">
        <v>14420</v>
      </c>
      <c r="G8819" s="358" t="s">
        <v>14429</v>
      </c>
      <c r="H8819" s="358" t="s">
        <v>14381</v>
      </c>
      <c r="I8819" s="358" t="s">
        <v>14429</v>
      </c>
      <c r="J8819" s="358"/>
      <c r="K8819" s="358"/>
      <c r="L8819" s="358"/>
    </row>
    <row r="8820" spans="2:12">
      <c r="B8820" s="367"/>
      <c r="C8820" s="367"/>
      <c r="D8820" s="367"/>
      <c r="E8820" s="367"/>
      <c r="F8820" s="360"/>
      <c r="G8820" s="360"/>
      <c r="H8820" s="360"/>
      <c r="I8820" s="360"/>
      <c r="J8820" s="365"/>
      <c r="K8820" s="365"/>
      <c r="L8820" s="365"/>
    </row>
    <row r="8821" spans="2:12" ht="28.5">
      <c r="B8821" s="367"/>
      <c r="C8821" s="367"/>
      <c r="D8821" s="367"/>
      <c r="E8821" s="367"/>
      <c r="F8821" s="359" t="s">
        <v>14460</v>
      </c>
      <c r="G8821" s="359" t="s">
        <v>28724</v>
      </c>
      <c r="H8821" s="359" t="s">
        <v>14367</v>
      </c>
      <c r="I8821" s="359" t="s">
        <v>28724</v>
      </c>
      <c r="J8821" s="365"/>
      <c r="K8821" s="365"/>
      <c r="L8821" s="365"/>
    </row>
    <row r="8822" spans="2:12">
      <c r="B8822" s="367"/>
      <c r="C8822" s="367"/>
      <c r="D8822" s="367"/>
      <c r="E8822" s="367"/>
      <c r="F8822" s="360"/>
      <c r="G8822" s="360"/>
      <c r="H8822" s="360"/>
      <c r="I8822" s="360"/>
      <c r="J8822" s="365"/>
      <c r="K8822" s="365"/>
      <c r="L8822" s="365"/>
    </row>
    <row r="8823" spans="2:12" ht="28.5">
      <c r="B8823" s="367"/>
      <c r="C8823" s="367"/>
      <c r="D8823" s="367"/>
      <c r="E8823" s="367"/>
      <c r="F8823" s="359" t="s">
        <v>14394</v>
      </c>
      <c r="G8823" s="360"/>
      <c r="H8823" s="359" t="s">
        <v>14370</v>
      </c>
      <c r="I8823" s="360"/>
      <c r="J8823" s="365"/>
      <c r="K8823" s="365"/>
      <c r="L8823" s="365"/>
    </row>
    <row r="8824" spans="2:12">
      <c r="B8824" s="367"/>
      <c r="C8824" s="367"/>
      <c r="D8824" s="367"/>
      <c r="E8824" s="367"/>
      <c r="F8824" s="360"/>
      <c r="G8824" s="360"/>
      <c r="H8824" s="360"/>
      <c r="I8824" s="360"/>
      <c r="J8824" s="365"/>
      <c r="K8824" s="365"/>
      <c r="L8824" s="365"/>
    </row>
    <row r="8825" spans="2:12">
      <c r="B8825" s="368"/>
      <c r="C8825" s="368"/>
      <c r="D8825" s="368"/>
      <c r="E8825" s="368"/>
      <c r="F8825" s="362"/>
      <c r="G8825" s="362"/>
      <c r="H8825" s="361" t="s">
        <v>14422</v>
      </c>
      <c r="I8825" s="362"/>
      <c r="J8825" s="366"/>
      <c r="K8825" s="366"/>
      <c r="L8825" s="366"/>
    </row>
    <row r="8826" spans="2:12">
      <c r="B8826" s="354" t="s">
        <v>8397</v>
      </c>
      <c r="C8826" s="369"/>
      <c r="D8826" s="369"/>
      <c r="E8826" s="369"/>
      <c r="F8826" s="369"/>
      <c r="G8826" s="369"/>
      <c r="H8826" s="369"/>
      <c r="I8826" s="369"/>
      <c r="J8826" s="369"/>
      <c r="K8826" s="369"/>
      <c r="L8826" s="370"/>
    </row>
    <row r="8827" spans="2:12" ht="28.5">
      <c r="B8827" s="358" t="s">
        <v>18727</v>
      </c>
      <c r="C8827" s="358" t="s">
        <v>18728</v>
      </c>
      <c r="D8827" s="358" t="s">
        <v>18729</v>
      </c>
      <c r="E8827" s="358" t="s">
        <v>1982</v>
      </c>
      <c r="F8827" s="358" t="s">
        <v>14507</v>
      </c>
      <c r="G8827" s="358" t="s">
        <v>14819</v>
      </c>
      <c r="H8827" s="358" t="s">
        <v>14381</v>
      </c>
      <c r="I8827" s="358" t="s">
        <v>14819</v>
      </c>
      <c r="J8827" s="358"/>
      <c r="K8827" s="358" t="s">
        <v>14863</v>
      </c>
      <c r="L8827" s="358"/>
    </row>
    <row r="8828" spans="2:12">
      <c r="B8828" s="367"/>
      <c r="C8828" s="367"/>
      <c r="D8828" s="367"/>
      <c r="E8828" s="367"/>
      <c r="F8828" s="360"/>
      <c r="G8828" s="360"/>
      <c r="H8828" s="360"/>
      <c r="I8828" s="360"/>
      <c r="J8828" s="365"/>
      <c r="K8828" s="360"/>
      <c r="L8828" s="365"/>
    </row>
    <row r="8829" spans="2:12">
      <c r="B8829" s="367"/>
      <c r="C8829" s="367"/>
      <c r="D8829" s="367"/>
      <c r="E8829" s="367"/>
      <c r="F8829" s="359" t="s">
        <v>15089</v>
      </c>
      <c r="G8829" s="359" t="s">
        <v>14429</v>
      </c>
      <c r="H8829" s="359" t="s">
        <v>14367</v>
      </c>
      <c r="I8829" s="359" t="s">
        <v>14429</v>
      </c>
      <c r="J8829" s="365"/>
      <c r="K8829" s="359" t="s">
        <v>14517</v>
      </c>
      <c r="L8829" s="365"/>
    </row>
    <row r="8830" spans="2:12">
      <c r="B8830" s="367"/>
      <c r="C8830" s="367"/>
      <c r="D8830" s="367"/>
      <c r="E8830" s="367"/>
      <c r="F8830" s="360"/>
      <c r="G8830" s="360"/>
      <c r="H8830" s="360"/>
      <c r="I8830" s="360"/>
      <c r="J8830" s="365"/>
      <c r="K8830" s="360"/>
      <c r="L8830" s="365"/>
    </row>
    <row r="8831" spans="2:12">
      <c r="B8831" s="367"/>
      <c r="C8831" s="367"/>
      <c r="D8831" s="367"/>
      <c r="E8831" s="367"/>
      <c r="F8831" s="359" t="s">
        <v>14371</v>
      </c>
      <c r="G8831" s="359" t="s">
        <v>14372</v>
      </c>
      <c r="H8831" s="359" t="s">
        <v>14370</v>
      </c>
      <c r="I8831" s="359" t="s">
        <v>14373</v>
      </c>
      <c r="J8831" s="365"/>
      <c r="K8831" s="360"/>
      <c r="L8831" s="365"/>
    </row>
    <row r="8832" spans="2:12">
      <c r="B8832" s="367"/>
      <c r="C8832" s="367"/>
      <c r="D8832" s="367"/>
      <c r="E8832" s="367"/>
      <c r="F8832" s="360"/>
      <c r="G8832" s="360"/>
      <c r="H8832" s="360"/>
      <c r="I8832" s="360"/>
      <c r="J8832" s="365"/>
      <c r="K8832" s="360"/>
      <c r="L8832" s="365"/>
    </row>
    <row r="8833" spans="2:12" ht="28.5">
      <c r="B8833" s="368"/>
      <c r="C8833" s="368"/>
      <c r="D8833" s="368"/>
      <c r="E8833" s="368"/>
      <c r="F8833" s="361" t="s">
        <v>14374</v>
      </c>
      <c r="G8833" s="361" t="s">
        <v>14373</v>
      </c>
      <c r="H8833" s="361" t="s">
        <v>14422</v>
      </c>
      <c r="I8833" s="362"/>
      <c r="J8833" s="366"/>
      <c r="K8833" s="362"/>
      <c r="L8833" s="366"/>
    </row>
    <row r="8834" spans="2:12">
      <c r="B8834" s="354" t="s">
        <v>28528</v>
      </c>
      <c r="C8834" s="369"/>
      <c r="D8834" s="369"/>
      <c r="E8834" s="369"/>
      <c r="F8834" s="369"/>
      <c r="G8834" s="369"/>
      <c r="H8834" s="369"/>
      <c r="I8834" s="369"/>
      <c r="J8834" s="369"/>
      <c r="K8834" s="369"/>
      <c r="L8834" s="370"/>
    </row>
    <row r="8835" spans="2:12" ht="28.5">
      <c r="B8835" s="358" t="s">
        <v>18730</v>
      </c>
      <c r="C8835" s="358" t="s">
        <v>29024</v>
      </c>
      <c r="D8835" s="358" t="s">
        <v>8356</v>
      </c>
      <c r="E8835" s="358" t="s">
        <v>18731</v>
      </c>
      <c r="F8835" s="358" t="s">
        <v>14371</v>
      </c>
      <c r="G8835" s="358" t="s">
        <v>14372</v>
      </c>
      <c r="H8835" s="358" t="s">
        <v>14370</v>
      </c>
      <c r="I8835" s="358" t="s">
        <v>14373</v>
      </c>
      <c r="J8835" s="358"/>
      <c r="K8835" s="358" t="s">
        <v>14557</v>
      </c>
      <c r="L8835" s="358"/>
    </row>
    <row r="8836" spans="2:12">
      <c r="B8836" s="367"/>
      <c r="C8836" s="367"/>
      <c r="D8836" s="367"/>
      <c r="E8836" s="367"/>
      <c r="F8836" s="360"/>
      <c r="G8836" s="360"/>
      <c r="H8836" s="360"/>
      <c r="I8836" s="367"/>
      <c r="J8836" s="365"/>
      <c r="K8836" s="367"/>
      <c r="L8836" s="365"/>
    </row>
    <row r="8837" spans="2:12" ht="28.5">
      <c r="B8837" s="368"/>
      <c r="C8837" s="368"/>
      <c r="D8837" s="368"/>
      <c r="E8837" s="368"/>
      <c r="F8837" s="361" t="s">
        <v>14374</v>
      </c>
      <c r="G8837" s="361" t="s">
        <v>14373</v>
      </c>
      <c r="H8837" s="361" t="s">
        <v>14422</v>
      </c>
      <c r="I8837" s="368"/>
      <c r="J8837" s="366"/>
      <c r="K8837" s="368"/>
      <c r="L8837" s="366"/>
    </row>
    <row r="8838" spans="2:12">
      <c r="B8838" s="358" t="s">
        <v>18732</v>
      </c>
      <c r="C8838" s="358" t="s">
        <v>29025</v>
      </c>
      <c r="D8838" s="358" t="s">
        <v>18733</v>
      </c>
      <c r="E8838" s="358" t="s">
        <v>18734</v>
      </c>
      <c r="F8838" s="358" t="s">
        <v>14418</v>
      </c>
      <c r="G8838" s="358" t="s">
        <v>14419</v>
      </c>
      <c r="H8838" s="358" t="s">
        <v>14328</v>
      </c>
      <c r="I8838" s="358" t="s">
        <v>14419</v>
      </c>
      <c r="J8838" s="358"/>
      <c r="K8838" s="358"/>
      <c r="L8838" s="358"/>
    </row>
    <row r="8839" spans="2:12">
      <c r="B8839" s="367"/>
      <c r="C8839" s="367"/>
      <c r="D8839" s="360"/>
      <c r="E8839" s="360"/>
      <c r="F8839" s="360"/>
      <c r="G8839" s="360"/>
      <c r="H8839" s="360"/>
      <c r="I8839" s="360"/>
      <c r="J8839" s="365"/>
      <c r="K8839" s="365"/>
      <c r="L8839" s="365"/>
    </row>
    <row r="8840" spans="2:12" ht="28.5">
      <c r="B8840" s="367"/>
      <c r="C8840" s="367"/>
      <c r="D8840" s="359" t="s">
        <v>18735</v>
      </c>
      <c r="E8840" s="359" t="s">
        <v>18736</v>
      </c>
      <c r="F8840" s="359" t="s">
        <v>28913</v>
      </c>
      <c r="G8840" s="359" t="s">
        <v>14459</v>
      </c>
      <c r="H8840" s="359" t="s">
        <v>14367</v>
      </c>
      <c r="I8840" s="359" t="s">
        <v>14459</v>
      </c>
      <c r="J8840" s="365"/>
      <c r="K8840" s="365"/>
      <c r="L8840" s="365"/>
    </row>
    <row r="8841" spans="2:12">
      <c r="B8841" s="367"/>
      <c r="C8841" s="367"/>
      <c r="D8841" s="360"/>
      <c r="E8841" s="360"/>
      <c r="F8841" s="360"/>
      <c r="G8841" s="360"/>
      <c r="H8841" s="360"/>
      <c r="I8841" s="360"/>
      <c r="J8841" s="365"/>
      <c r="K8841" s="365"/>
      <c r="L8841" s="365"/>
    </row>
    <row r="8842" spans="2:12">
      <c r="B8842" s="367"/>
      <c r="C8842" s="367"/>
      <c r="D8842" s="360"/>
      <c r="E8842" s="360"/>
      <c r="F8842" s="359" t="s">
        <v>14389</v>
      </c>
      <c r="G8842" s="359" t="s">
        <v>14388</v>
      </c>
      <c r="H8842" s="359" t="s">
        <v>14422</v>
      </c>
      <c r="I8842" s="359" t="s">
        <v>14388</v>
      </c>
      <c r="J8842" s="365"/>
      <c r="K8842" s="365"/>
      <c r="L8842" s="365"/>
    </row>
    <row r="8843" spans="2:12">
      <c r="B8843" s="367"/>
      <c r="C8843" s="367"/>
      <c r="D8843" s="360"/>
      <c r="E8843" s="360"/>
      <c r="F8843" s="360"/>
      <c r="G8843" s="360"/>
      <c r="H8843" s="360"/>
      <c r="I8843" s="360"/>
      <c r="J8843" s="365"/>
      <c r="K8843" s="365"/>
      <c r="L8843" s="365"/>
    </row>
    <row r="8844" spans="2:12">
      <c r="B8844" s="368"/>
      <c r="C8844" s="368"/>
      <c r="D8844" s="362"/>
      <c r="E8844" s="362"/>
      <c r="F8844" s="362"/>
      <c r="G8844" s="361" t="s">
        <v>14390</v>
      </c>
      <c r="H8844" s="362"/>
      <c r="I8844" s="361" t="s">
        <v>14390</v>
      </c>
      <c r="J8844" s="366"/>
      <c r="K8844" s="366"/>
      <c r="L8844" s="366"/>
    </row>
    <row r="8845" spans="2:12" ht="28.5">
      <c r="B8845" s="358" t="s">
        <v>18737</v>
      </c>
      <c r="C8845" s="358" t="s">
        <v>30136</v>
      </c>
      <c r="D8845" s="358" t="s">
        <v>18738</v>
      </c>
      <c r="E8845" s="358" t="s">
        <v>8356</v>
      </c>
      <c r="F8845" s="358" t="s">
        <v>14389</v>
      </c>
      <c r="G8845" s="358" t="s">
        <v>14390</v>
      </c>
      <c r="H8845" s="358" t="s">
        <v>14367</v>
      </c>
      <c r="I8845" s="358" t="s">
        <v>14390</v>
      </c>
      <c r="J8845" s="358"/>
      <c r="K8845" s="358"/>
      <c r="L8845" s="358"/>
    </row>
    <row r="8846" spans="2:12">
      <c r="B8846" s="367"/>
      <c r="C8846" s="367"/>
      <c r="D8846" s="367"/>
      <c r="E8846" s="367"/>
      <c r="F8846" s="360"/>
      <c r="G8846" s="360"/>
      <c r="H8846" s="360"/>
      <c r="I8846" s="360"/>
      <c r="J8846" s="365"/>
      <c r="K8846" s="365"/>
      <c r="L8846" s="365"/>
    </row>
    <row r="8847" spans="2:12" ht="28.5">
      <c r="B8847" s="368"/>
      <c r="C8847" s="368"/>
      <c r="D8847" s="368"/>
      <c r="E8847" s="368"/>
      <c r="F8847" s="361" t="s">
        <v>14462</v>
      </c>
      <c r="G8847" s="361" t="s">
        <v>14463</v>
      </c>
      <c r="H8847" s="361" t="s">
        <v>14422</v>
      </c>
      <c r="I8847" s="361" t="s">
        <v>14463</v>
      </c>
      <c r="J8847" s="366"/>
      <c r="K8847" s="366"/>
      <c r="L8847" s="366"/>
    </row>
    <row r="8848" spans="2:12">
      <c r="B8848" s="358" t="s">
        <v>18739</v>
      </c>
      <c r="C8848" s="358" t="s">
        <v>18740</v>
      </c>
      <c r="D8848" s="358" t="s">
        <v>18741</v>
      </c>
      <c r="E8848" s="358" t="s">
        <v>18742</v>
      </c>
      <c r="F8848" s="358" t="s">
        <v>14420</v>
      </c>
      <c r="G8848" s="358" t="s">
        <v>14429</v>
      </c>
      <c r="H8848" s="358" t="s">
        <v>14367</v>
      </c>
      <c r="I8848" s="358" t="s">
        <v>14429</v>
      </c>
      <c r="J8848" s="358"/>
      <c r="K8848" s="358"/>
      <c r="L8848" s="358"/>
    </row>
    <row r="8849" spans="2:12">
      <c r="B8849" s="367"/>
      <c r="C8849" s="367"/>
      <c r="D8849" s="367"/>
      <c r="E8849" s="367"/>
      <c r="F8849" s="360"/>
      <c r="G8849" s="360"/>
      <c r="H8849" s="360"/>
      <c r="I8849" s="360"/>
      <c r="J8849" s="365"/>
      <c r="K8849" s="365"/>
      <c r="L8849" s="365"/>
    </row>
    <row r="8850" spans="2:12" ht="28.5">
      <c r="B8850" s="368"/>
      <c r="C8850" s="368"/>
      <c r="D8850" s="368"/>
      <c r="E8850" s="368"/>
      <c r="F8850" s="361" t="s">
        <v>14472</v>
      </c>
      <c r="G8850" s="361" t="s">
        <v>14473</v>
      </c>
      <c r="H8850" s="361" t="s">
        <v>14422</v>
      </c>
      <c r="I8850" s="361" t="s">
        <v>14473</v>
      </c>
      <c r="J8850" s="366"/>
      <c r="K8850" s="366"/>
      <c r="L8850" s="366"/>
    </row>
    <row r="8851" spans="2:12" ht="28.5">
      <c r="B8851" s="358" t="s">
        <v>18743</v>
      </c>
      <c r="C8851" s="358" t="s">
        <v>27581</v>
      </c>
      <c r="D8851" s="358" t="s">
        <v>18744</v>
      </c>
      <c r="E8851" s="358" t="s">
        <v>8356</v>
      </c>
      <c r="F8851" s="358" t="s">
        <v>14389</v>
      </c>
      <c r="G8851" s="358" t="s">
        <v>14390</v>
      </c>
      <c r="H8851" s="358" t="s">
        <v>14367</v>
      </c>
      <c r="I8851" s="358" t="s">
        <v>14390</v>
      </c>
      <c r="J8851" s="358"/>
      <c r="K8851" s="358"/>
      <c r="L8851" s="358"/>
    </row>
    <row r="8852" spans="2:12">
      <c r="B8852" s="367"/>
      <c r="C8852" s="367"/>
      <c r="D8852" s="367"/>
      <c r="E8852" s="367"/>
      <c r="F8852" s="367"/>
      <c r="G8852" s="367"/>
      <c r="H8852" s="360"/>
      <c r="I8852" s="367"/>
      <c r="J8852" s="365"/>
      <c r="K8852" s="365"/>
      <c r="L8852" s="365"/>
    </row>
    <row r="8853" spans="2:12">
      <c r="B8853" s="368"/>
      <c r="C8853" s="368"/>
      <c r="D8853" s="368"/>
      <c r="E8853" s="368"/>
      <c r="F8853" s="368"/>
      <c r="G8853" s="368"/>
      <c r="H8853" s="361" t="s">
        <v>14422</v>
      </c>
      <c r="I8853" s="368"/>
      <c r="J8853" s="366"/>
      <c r="K8853" s="366"/>
      <c r="L8853" s="366"/>
    </row>
    <row r="8854" spans="2:12" ht="28.5">
      <c r="B8854" s="358" t="s">
        <v>18745</v>
      </c>
      <c r="C8854" s="358" t="s">
        <v>29026</v>
      </c>
      <c r="D8854" s="358" t="s">
        <v>18746</v>
      </c>
      <c r="E8854" s="358" t="s">
        <v>8356</v>
      </c>
      <c r="F8854" s="358" t="s">
        <v>14472</v>
      </c>
      <c r="G8854" s="358" t="s">
        <v>14473</v>
      </c>
      <c r="H8854" s="358" t="s">
        <v>8356</v>
      </c>
      <c r="I8854" s="358" t="s">
        <v>14473</v>
      </c>
      <c r="J8854" s="358"/>
      <c r="K8854" s="358"/>
      <c r="L8854" s="358"/>
    </row>
    <row r="8855" spans="2:12">
      <c r="B8855" s="368"/>
      <c r="C8855" s="368"/>
      <c r="D8855" s="368"/>
      <c r="E8855" s="368"/>
      <c r="F8855" s="368"/>
      <c r="G8855" s="368"/>
      <c r="H8855" s="368"/>
      <c r="I8855" s="368"/>
      <c r="J8855" s="366"/>
      <c r="K8855" s="366"/>
      <c r="L8855" s="366"/>
    </row>
    <row r="8856" spans="2:12" ht="28.5">
      <c r="B8856" s="358" t="s">
        <v>18747</v>
      </c>
      <c r="C8856" s="358" t="s">
        <v>27582</v>
      </c>
      <c r="D8856" s="358" t="s">
        <v>18748</v>
      </c>
      <c r="E8856" s="358" t="s">
        <v>18749</v>
      </c>
      <c r="F8856" s="358" t="s">
        <v>14384</v>
      </c>
      <c r="G8856" s="358" t="s">
        <v>29027</v>
      </c>
      <c r="H8856" s="358" t="s">
        <v>14341</v>
      </c>
      <c r="I8856" s="358" t="s">
        <v>29027</v>
      </c>
      <c r="J8856" s="358"/>
      <c r="K8856" s="358"/>
      <c r="L8856" s="358"/>
    </row>
    <row r="8857" spans="2:12">
      <c r="B8857" s="367"/>
      <c r="C8857" s="367"/>
      <c r="D8857" s="367"/>
      <c r="E8857" s="367"/>
      <c r="F8857" s="360"/>
      <c r="G8857" s="360"/>
      <c r="H8857" s="360"/>
      <c r="I8857" s="360"/>
      <c r="J8857" s="365"/>
      <c r="K8857" s="365"/>
      <c r="L8857" s="365"/>
    </row>
    <row r="8858" spans="2:12">
      <c r="B8858" s="367"/>
      <c r="C8858" s="367"/>
      <c r="D8858" s="367"/>
      <c r="E8858" s="367"/>
      <c r="F8858" s="359" t="s">
        <v>14420</v>
      </c>
      <c r="G8858" s="359" t="s">
        <v>14431</v>
      </c>
      <c r="H8858" s="359" t="s">
        <v>14381</v>
      </c>
      <c r="I8858" s="359" t="s">
        <v>14431</v>
      </c>
      <c r="J8858" s="365"/>
      <c r="K8858" s="365"/>
      <c r="L8858" s="365"/>
    </row>
    <row r="8859" spans="2:12">
      <c r="B8859" s="367"/>
      <c r="C8859" s="367"/>
      <c r="D8859" s="367"/>
      <c r="E8859" s="367"/>
      <c r="F8859" s="360"/>
      <c r="G8859" s="360"/>
      <c r="H8859" s="360"/>
      <c r="I8859" s="360"/>
      <c r="J8859" s="365"/>
      <c r="K8859" s="365"/>
      <c r="L8859" s="365"/>
    </row>
    <row r="8860" spans="2:12">
      <c r="B8860" s="367"/>
      <c r="C8860" s="367"/>
      <c r="D8860" s="367"/>
      <c r="E8860" s="367"/>
      <c r="F8860" s="359" t="s">
        <v>14430</v>
      </c>
      <c r="G8860" s="359" t="s">
        <v>14392</v>
      </c>
      <c r="H8860" s="359" t="s">
        <v>14367</v>
      </c>
      <c r="I8860" s="359" t="s">
        <v>14392</v>
      </c>
      <c r="J8860" s="365"/>
      <c r="K8860" s="365"/>
      <c r="L8860" s="365"/>
    </row>
    <row r="8861" spans="2:12">
      <c r="B8861" s="367"/>
      <c r="C8861" s="367"/>
      <c r="D8861" s="367"/>
      <c r="E8861" s="367"/>
      <c r="F8861" s="360"/>
      <c r="G8861" s="360"/>
      <c r="H8861" s="360"/>
      <c r="I8861" s="360"/>
      <c r="J8861" s="365"/>
      <c r="K8861" s="365"/>
      <c r="L8861" s="365"/>
    </row>
    <row r="8862" spans="2:12">
      <c r="B8862" s="367"/>
      <c r="C8862" s="367"/>
      <c r="D8862" s="367"/>
      <c r="E8862" s="367"/>
      <c r="F8862" s="359" t="s">
        <v>14391</v>
      </c>
      <c r="G8862" s="359" t="s">
        <v>14473</v>
      </c>
      <c r="H8862" s="359" t="s">
        <v>14332</v>
      </c>
      <c r="I8862" s="359" t="s">
        <v>14473</v>
      </c>
      <c r="J8862" s="365"/>
      <c r="K8862" s="365"/>
      <c r="L8862" s="365"/>
    </row>
    <row r="8863" spans="2:12">
      <c r="B8863" s="367"/>
      <c r="C8863" s="367"/>
      <c r="D8863" s="367"/>
      <c r="E8863" s="367"/>
      <c r="F8863" s="360"/>
      <c r="G8863" s="360"/>
      <c r="H8863" s="360"/>
      <c r="I8863" s="360"/>
      <c r="J8863" s="365"/>
      <c r="K8863" s="365"/>
      <c r="L8863" s="365"/>
    </row>
    <row r="8864" spans="2:12" ht="28.5">
      <c r="B8864" s="368"/>
      <c r="C8864" s="368"/>
      <c r="D8864" s="368"/>
      <c r="E8864" s="368"/>
      <c r="F8864" s="361" t="s">
        <v>14472</v>
      </c>
      <c r="G8864" s="362"/>
      <c r="H8864" s="362"/>
      <c r="I8864" s="362"/>
      <c r="J8864" s="366"/>
      <c r="K8864" s="366"/>
      <c r="L8864" s="366"/>
    </row>
    <row r="8865" spans="2:12">
      <c r="B8865" s="358" t="s">
        <v>18750</v>
      </c>
      <c r="C8865" s="358" t="s">
        <v>18751</v>
      </c>
      <c r="D8865" s="358" t="s">
        <v>18752</v>
      </c>
      <c r="E8865" s="358" t="s">
        <v>18753</v>
      </c>
      <c r="F8865" s="358" t="s">
        <v>14418</v>
      </c>
      <c r="G8865" s="358" t="s">
        <v>14419</v>
      </c>
      <c r="H8865" s="358" t="s">
        <v>14328</v>
      </c>
      <c r="I8865" s="358" t="s">
        <v>14419</v>
      </c>
      <c r="J8865" s="358" t="s">
        <v>14355</v>
      </c>
      <c r="K8865" s="358"/>
      <c r="L8865" s="358"/>
    </row>
    <row r="8866" spans="2:12">
      <c r="B8866" s="367"/>
      <c r="C8866" s="367"/>
      <c r="D8866" s="367"/>
      <c r="E8866" s="367"/>
      <c r="F8866" s="360"/>
      <c r="G8866" s="360"/>
      <c r="H8866" s="360"/>
      <c r="I8866" s="360"/>
      <c r="J8866" s="367"/>
      <c r="K8866" s="365"/>
      <c r="L8866" s="365"/>
    </row>
    <row r="8867" spans="2:12">
      <c r="B8867" s="367"/>
      <c r="C8867" s="367"/>
      <c r="D8867" s="367"/>
      <c r="E8867" s="367"/>
      <c r="F8867" s="359" t="s">
        <v>14339</v>
      </c>
      <c r="G8867" s="359" t="s">
        <v>14340</v>
      </c>
      <c r="H8867" s="359" t="s">
        <v>14341</v>
      </c>
      <c r="I8867" s="359" t="s">
        <v>14340</v>
      </c>
      <c r="J8867" s="367"/>
      <c r="K8867" s="365"/>
      <c r="L8867" s="365"/>
    </row>
    <row r="8868" spans="2:12">
      <c r="B8868" s="367"/>
      <c r="C8868" s="367"/>
      <c r="D8868" s="367"/>
      <c r="E8868" s="367"/>
      <c r="F8868" s="360"/>
      <c r="G8868" s="360"/>
      <c r="H8868" s="360"/>
      <c r="I8868" s="360"/>
      <c r="J8868" s="367"/>
      <c r="K8868" s="365"/>
      <c r="L8868" s="365"/>
    </row>
    <row r="8869" spans="2:12">
      <c r="B8869" s="367"/>
      <c r="C8869" s="367"/>
      <c r="D8869" s="367"/>
      <c r="E8869" s="367"/>
      <c r="F8869" s="359" t="s">
        <v>14420</v>
      </c>
      <c r="G8869" s="359" t="s">
        <v>14429</v>
      </c>
      <c r="H8869" s="359" t="s">
        <v>14367</v>
      </c>
      <c r="I8869" s="359" t="s">
        <v>14429</v>
      </c>
      <c r="J8869" s="367"/>
      <c r="K8869" s="365"/>
      <c r="L8869" s="365"/>
    </row>
    <row r="8870" spans="2:12">
      <c r="B8870" s="367"/>
      <c r="C8870" s="367"/>
      <c r="D8870" s="367"/>
      <c r="E8870" s="367"/>
      <c r="F8870" s="360"/>
      <c r="G8870" s="360"/>
      <c r="H8870" s="360"/>
      <c r="I8870" s="360"/>
      <c r="J8870" s="367"/>
      <c r="K8870" s="365"/>
      <c r="L8870" s="365"/>
    </row>
    <row r="8871" spans="2:12">
      <c r="B8871" s="368"/>
      <c r="C8871" s="368"/>
      <c r="D8871" s="368"/>
      <c r="E8871" s="368"/>
      <c r="F8871" s="361" t="s">
        <v>14391</v>
      </c>
      <c r="G8871" s="361" t="s">
        <v>14392</v>
      </c>
      <c r="H8871" s="361" t="s">
        <v>14332</v>
      </c>
      <c r="I8871" s="361" t="s">
        <v>14392</v>
      </c>
      <c r="J8871" s="368"/>
      <c r="K8871" s="366"/>
      <c r="L8871" s="366"/>
    </row>
    <row r="8872" spans="2:12">
      <c r="B8872" s="358" t="s">
        <v>18754</v>
      </c>
      <c r="C8872" s="358" t="s">
        <v>18755</v>
      </c>
      <c r="D8872" s="358" t="s">
        <v>18756</v>
      </c>
      <c r="E8872" s="358" t="s">
        <v>18757</v>
      </c>
      <c r="F8872" s="358" t="s">
        <v>14389</v>
      </c>
      <c r="G8872" s="358" t="s">
        <v>14390</v>
      </c>
      <c r="H8872" s="358" t="s">
        <v>14367</v>
      </c>
      <c r="I8872" s="358" t="s">
        <v>14390</v>
      </c>
      <c r="J8872" s="358"/>
      <c r="K8872" s="358"/>
      <c r="L8872" s="358"/>
    </row>
    <row r="8873" spans="2:12">
      <c r="B8873" s="367"/>
      <c r="C8873" s="367"/>
      <c r="D8873" s="367"/>
      <c r="E8873" s="367"/>
      <c r="F8873" s="360"/>
      <c r="G8873" s="360"/>
      <c r="H8873" s="360"/>
      <c r="I8873" s="360"/>
      <c r="J8873" s="365"/>
      <c r="K8873" s="365"/>
      <c r="L8873" s="365"/>
    </row>
    <row r="8874" spans="2:12" ht="28.5">
      <c r="B8874" s="367"/>
      <c r="C8874" s="367"/>
      <c r="D8874" s="367"/>
      <c r="E8874" s="367"/>
      <c r="F8874" s="359" t="s">
        <v>14394</v>
      </c>
      <c r="G8874" s="359" t="s">
        <v>14395</v>
      </c>
      <c r="H8874" s="359" t="s">
        <v>14370</v>
      </c>
      <c r="I8874" s="359" t="s">
        <v>14395</v>
      </c>
      <c r="J8874" s="365"/>
      <c r="K8874" s="365"/>
      <c r="L8874" s="365"/>
    </row>
    <row r="8875" spans="2:12">
      <c r="B8875" s="367"/>
      <c r="C8875" s="367"/>
      <c r="D8875" s="367"/>
      <c r="E8875" s="367"/>
      <c r="F8875" s="360"/>
      <c r="G8875" s="360"/>
      <c r="H8875" s="360"/>
      <c r="I8875" s="360"/>
      <c r="J8875" s="365"/>
      <c r="K8875" s="365"/>
      <c r="L8875" s="365"/>
    </row>
    <row r="8876" spans="2:12">
      <c r="B8876" s="368"/>
      <c r="C8876" s="368"/>
      <c r="D8876" s="368"/>
      <c r="E8876" s="368"/>
      <c r="F8876" s="362"/>
      <c r="G8876" s="362"/>
      <c r="H8876" s="361" t="s">
        <v>14422</v>
      </c>
      <c r="I8876" s="362"/>
      <c r="J8876" s="366"/>
      <c r="K8876" s="366"/>
      <c r="L8876" s="366"/>
    </row>
    <row r="8877" spans="2:12">
      <c r="B8877" s="358" t="s">
        <v>13069</v>
      </c>
      <c r="C8877" s="358" t="s">
        <v>176</v>
      </c>
      <c r="D8877" s="358" t="s">
        <v>177</v>
      </c>
      <c r="E8877" s="358" t="s">
        <v>178</v>
      </c>
      <c r="F8877" s="358" t="s">
        <v>14505</v>
      </c>
      <c r="G8877" s="358" t="s">
        <v>14506</v>
      </c>
      <c r="H8877" s="358" t="s">
        <v>14328</v>
      </c>
      <c r="I8877" s="358" t="s">
        <v>14506</v>
      </c>
      <c r="J8877" s="358" t="s">
        <v>17546</v>
      </c>
      <c r="K8877" s="358"/>
      <c r="L8877" s="358"/>
    </row>
    <row r="8878" spans="2:12">
      <c r="B8878" s="367"/>
      <c r="C8878" s="367"/>
      <c r="D8878" s="367"/>
      <c r="E8878" s="367"/>
      <c r="F8878" s="360"/>
      <c r="G8878" s="360"/>
      <c r="H8878" s="360"/>
      <c r="I8878" s="360"/>
      <c r="J8878" s="367"/>
      <c r="K8878" s="365"/>
      <c r="L8878" s="365"/>
    </row>
    <row r="8879" spans="2:12" ht="28.5">
      <c r="B8879" s="367"/>
      <c r="C8879" s="367"/>
      <c r="D8879" s="367"/>
      <c r="E8879" s="367"/>
      <c r="F8879" s="359" t="s">
        <v>29028</v>
      </c>
      <c r="G8879" s="359" t="s">
        <v>14481</v>
      </c>
      <c r="H8879" s="359" t="s">
        <v>14381</v>
      </c>
      <c r="I8879" s="359" t="s">
        <v>14481</v>
      </c>
      <c r="J8879" s="367"/>
      <c r="K8879" s="365"/>
      <c r="L8879" s="365"/>
    </row>
    <row r="8880" spans="2:12">
      <c r="B8880" s="367"/>
      <c r="C8880" s="367"/>
      <c r="D8880" s="367"/>
      <c r="E8880" s="367"/>
      <c r="F8880" s="360"/>
      <c r="G8880" s="360"/>
      <c r="H8880" s="360"/>
      <c r="I8880" s="360"/>
      <c r="J8880" s="367"/>
      <c r="K8880" s="365"/>
      <c r="L8880" s="365"/>
    </row>
    <row r="8881" spans="2:12">
      <c r="B8881" s="367"/>
      <c r="C8881" s="367"/>
      <c r="D8881" s="367"/>
      <c r="E8881" s="367"/>
      <c r="F8881" s="360"/>
      <c r="G8881" s="359" t="s">
        <v>14387</v>
      </c>
      <c r="H8881" s="359" t="s">
        <v>14367</v>
      </c>
      <c r="I8881" s="359" t="s">
        <v>14387</v>
      </c>
      <c r="J8881" s="367"/>
      <c r="K8881" s="365"/>
      <c r="L8881" s="365"/>
    </row>
    <row r="8882" spans="2:12">
      <c r="B8882" s="367"/>
      <c r="C8882" s="367"/>
      <c r="D8882" s="367"/>
      <c r="E8882" s="367"/>
      <c r="F8882" s="360"/>
      <c r="G8882" s="360"/>
      <c r="H8882" s="360"/>
      <c r="I8882" s="360"/>
      <c r="J8882" s="367"/>
      <c r="K8882" s="365"/>
      <c r="L8882" s="365"/>
    </row>
    <row r="8883" spans="2:12">
      <c r="B8883" s="368"/>
      <c r="C8883" s="368"/>
      <c r="D8883" s="368"/>
      <c r="E8883" s="368"/>
      <c r="F8883" s="362"/>
      <c r="G8883" s="362"/>
      <c r="H8883" s="361" t="s">
        <v>14332</v>
      </c>
      <c r="I8883" s="362"/>
      <c r="J8883" s="368"/>
      <c r="K8883" s="366"/>
      <c r="L8883" s="366"/>
    </row>
    <row r="8884" spans="2:12" ht="228">
      <c r="B8884" s="358" t="s">
        <v>18758</v>
      </c>
      <c r="C8884" s="358" t="s">
        <v>30137</v>
      </c>
      <c r="D8884" s="358" t="s">
        <v>29029</v>
      </c>
      <c r="E8884" s="358" t="s">
        <v>29029</v>
      </c>
      <c r="F8884" s="358" t="s">
        <v>14371</v>
      </c>
      <c r="G8884" s="358" t="s">
        <v>14372</v>
      </c>
      <c r="H8884" s="358" t="s">
        <v>14370</v>
      </c>
      <c r="I8884" s="358" t="s">
        <v>14373</v>
      </c>
      <c r="J8884" s="358"/>
      <c r="K8884" s="358" t="s">
        <v>14820</v>
      </c>
      <c r="L8884" s="358"/>
    </row>
    <row r="8885" spans="2:12">
      <c r="B8885" s="367"/>
      <c r="C8885" s="367"/>
      <c r="D8885" s="360"/>
      <c r="E8885" s="360"/>
      <c r="F8885" s="360"/>
      <c r="G8885" s="360"/>
      <c r="H8885" s="360"/>
      <c r="I8885" s="367"/>
      <c r="J8885" s="365"/>
      <c r="K8885" s="367"/>
      <c r="L8885" s="365"/>
    </row>
    <row r="8886" spans="2:12" ht="28.5">
      <c r="B8886" s="367"/>
      <c r="C8886" s="367"/>
      <c r="D8886" s="359" t="s">
        <v>28737</v>
      </c>
      <c r="E8886" s="359" t="s">
        <v>18760</v>
      </c>
      <c r="F8886" s="359" t="s">
        <v>14374</v>
      </c>
      <c r="G8886" s="359" t="s">
        <v>14373</v>
      </c>
      <c r="H8886" s="359" t="s">
        <v>14422</v>
      </c>
      <c r="I8886" s="367"/>
      <c r="J8886" s="365"/>
      <c r="K8886" s="367"/>
      <c r="L8886" s="365"/>
    </row>
    <row r="8887" spans="2:12">
      <c r="B8887" s="367"/>
      <c r="C8887" s="367"/>
      <c r="D8887" s="360"/>
      <c r="E8887" s="360"/>
      <c r="F8887" s="360"/>
      <c r="G8887" s="360"/>
      <c r="H8887" s="360"/>
      <c r="I8887" s="367"/>
      <c r="J8887" s="365"/>
      <c r="K8887" s="367"/>
      <c r="L8887" s="365"/>
    </row>
    <row r="8888" spans="2:12" ht="28.5">
      <c r="B8888" s="368"/>
      <c r="C8888" s="368"/>
      <c r="D8888" s="361" t="s">
        <v>17239</v>
      </c>
      <c r="E8888" s="361" t="s">
        <v>18761</v>
      </c>
      <c r="F8888" s="362"/>
      <c r="G8888" s="362"/>
      <c r="H8888" s="362"/>
      <c r="I8888" s="368"/>
      <c r="J8888" s="366"/>
      <c r="K8888" s="368"/>
      <c r="L8888" s="366"/>
    </row>
    <row r="8889" spans="2:12">
      <c r="B8889" s="358" t="s">
        <v>18762</v>
      </c>
      <c r="C8889" s="358" t="s">
        <v>18763</v>
      </c>
      <c r="D8889" s="358" t="s">
        <v>18764</v>
      </c>
      <c r="E8889" s="358" t="s">
        <v>18765</v>
      </c>
      <c r="F8889" s="358" t="s">
        <v>14430</v>
      </c>
      <c r="G8889" s="358" t="s">
        <v>14431</v>
      </c>
      <c r="H8889" s="358" t="s">
        <v>14341</v>
      </c>
      <c r="I8889" s="358" t="s">
        <v>14431</v>
      </c>
      <c r="J8889" s="358"/>
      <c r="K8889" s="358"/>
      <c r="L8889" s="358"/>
    </row>
    <row r="8890" spans="2:12">
      <c r="B8890" s="367"/>
      <c r="C8890" s="367"/>
      <c r="D8890" s="367"/>
      <c r="E8890" s="367"/>
      <c r="F8890" s="367"/>
      <c r="G8890" s="367"/>
      <c r="H8890" s="360"/>
      <c r="I8890" s="367"/>
      <c r="J8890" s="365"/>
      <c r="K8890" s="365"/>
      <c r="L8890" s="365"/>
    </row>
    <row r="8891" spans="2:12">
      <c r="B8891" s="368"/>
      <c r="C8891" s="368"/>
      <c r="D8891" s="368"/>
      <c r="E8891" s="368"/>
      <c r="F8891" s="368"/>
      <c r="G8891" s="368"/>
      <c r="H8891" s="361" t="s">
        <v>14332</v>
      </c>
      <c r="I8891" s="368"/>
      <c r="J8891" s="366"/>
      <c r="K8891" s="366"/>
      <c r="L8891" s="366"/>
    </row>
    <row r="8892" spans="2:12" ht="28.5">
      <c r="B8892" s="358" t="s">
        <v>10373</v>
      </c>
      <c r="C8892" s="358" t="s">
        <v>29030</v>
      </c>
      <c r="D8892" s="358" t="s">
        <v>10374</v>
      </c>
      <c r="E8892" s="358" t="s">
        <v>10375</v>
      </c>
      <c r="F8892" s="358" t="s">
        <v>28860</v>
      </c>
      <c r="G8892" s="358" t="s">
        <v>14669</v>
      </c>
      <c r="H8892" s="358" t="s">
        <v>14341</v>
      </c>
      <c r="I8892" s="358" t="s">
        <v>14669</v>
      </c>
      <c r="J8892" s="358"/>
      <c r="K8892" s="358"/>
      <c r="L8892" s="358" t="s">
        <v>10376</v>
      </c>
    </row>
    <row r="8893" spans="2:12">
      <c r="B8893" s="367"/>
      <c r="C8893" s="367"/>
      <c r="D8893" s="367"/>
      <c r="E8893" s="367"/>
      <c r="F8893" s="360"/>
      <c r="G8893" s="360"/>
      <c r="H8893" s="360"/>
      <c r="I8893" s="360"/>
      <c r="J8893" s="365"/>
      <c r="K8893" s="365"/>
      <c r="L8893" s="367"/>
    </row>
    <row r="8894" spans="2:12">
      <c r="B8894" s="367"/>
      <c r="C8894" s="367"/>
      <c r="D8894" s="367"/>
      <c r="E8894" s="367"/>
      <c r="F8894" s="359" t="s">
        <v>14507</v>
      </c>
      <c r="G8894" s="359" t="s">
        <v>14427</v>
      </c>
      <c r="H8894" s="359" t="s">
        <v>14381</v>
      </c>
      <c r="I8894" s="359" t="s">
        <v>14427</v>
      </c>
      <c r="J8894" s="365"/>
      <c r="K8894" s="365"/>
      <c r="L8894" s="367"/>
    </row>
    <row r="8895" spans="2:12">
      <c r="B8895" s="367"/>
      <c r="C8895" s="367"/>
      <c r="D8895" s="367"/>
      <c r="E8895" s="367"/>
      <c r="F8895" s="360"/>
      <c r="G8895" s="360"/>
      <c r="H8895" s="360"/>
      <c r="I8895" s="360"/>
      <c r="J8895" s="365"/>
      <c r="K8895" s="365"/>
      <c r="L8895" s="367"/>
    </row>
    <row r="8896" spans="2:12" ht="28.5">
      <c r="B8896" s="367"/>
      <c r="C8896" s="367"/>
      <c r="D8896" s="367"/>
      <c r="E8896" s="367"/>
      <c r="F8896" s="359" t="s">
        <v>28938</v>
      </c>
      <c r="G8896" s="359" t="s">
        <v>29031</v>
      </c>
      <c r="H8896" s="359" t="s">
        <v>14367</v>
      </c>
      <c r="I8896" s="359" t="s">
        <v>29031</v>
      </c>
      <c r="J8896" s="365"/>
      <c r="K8896" s="365"/>
      <c r="L8896" s="367"/>
    </row>
    <row r="8897" spans="2:12">
      <c r="B8897" s="367"/>
      <c r="C8897" s="367"/>
      <c r="D8897" s="367"/>
      <c r="E8897" s="367"/>
      <c r="F8897" s="360"/>
      <c r="G8897" s="360"/>
      <c r="H8897" s="360"/>
      <c r="I8897" s="360"/>
      <c r="J8897" s="365"/>
      <c r="K8897" s="365"/>
      <c r="L8897" s="367"/>
    </row>
    <row r="8898" spans="2:12">
      <c r="B8898" s="367"/>
      <c r="C8898" s="367"/>
      <c r="D8898" s="367"/>
      <c r="E8898" s="367"/>
      <c r="F8898" s="359" t="s">
        <v>14460</v>
      </c>
      <c r="G8898" s="359" t="s">
        <v>14429</v>
      </c>
      <c r="H8898" s="359" t="s">
        <v>14332</v>
      </c>
      <c r="I8898" s="359" t="s">
        <v>14429</v>
      </c>
      <c r="J8898" s="365"/>
      <c r="K8898" s="365"/>
      <c r="L8898" s="367"/>
    </row>
    <row r="8899" spans="2:12">
      <c r="B8899" s="367"/>
      <c r="C8899" s="367"/>
      <c r="D8899" s="367"/>
      <c r="E8899" s="367"/>
      <c r="F8899" s="360"/>
      <c r="G8899" s="360"/>
      <c r="H8899" s="360"/>
      <c r="I8899" s="360"/>
      <c r="J8899" s="365"/>
      <c r="K8899" s="365"/>
      <c r="L8899" s="367"/>
    </row>
    <row r="8900" spans="2:12" ht="28.5">
      <c r="B8900" s="367"/>
      <c r="C8900" s="367"/>
      <c r="D8900" s="367"/>
      <c r="E8900" s="367"/>
      <c r="F8900" s="359" t="s">
        <v>14430</v>
      </c>
      <c r="G8900" s="359" t="s">
        <v>28797</v>
      </c>
      <c r="H8900" s="360"/>
      <c r="I8900" s="359" t="s">
        <v>28797</v>
      </c>
      <c r="J8900" s="365"/>
      <c r="K8900" s="365"/>
      <c r="L8900" s="367"/>
    </row>
    <row r="8901" spans="2:12">
      <c r="B8901" s="367"/>
      <c r="C8901" s="367"/>
      <c r="D8901" s="367"/>
      <c r="E8901" s="367"/>
      <c r="F8901" s="360"/>
      <c r="G8901" s="360"/>
      <c r="H8901" s="360"/>
      <c r="I8901" s="360"/>
      <c r="J8901" s="365"/>
      <c r="K8901" s="365"/>
      <c r="L8901" s="367"/>
    </row>
    <row r="8902" spans="2:12">
      <c r="B8902" s="367"/>
      <c r="C8902" s="367"/>
      <c r="D8902" s="367"/>
      <c r="E8902" s="367"/>
      <c r="F8902" s="359" t="s">
        <v>14391</v>
      </c>
      <c r="G8902" s="359" t="s">
        <v>14392</v>
      </c>
      <c r="H8902" s="360"/>
      <c r="I8902" s="359" t="s">
        <v>14392</v>
      </c>
      <c r="J8902" s="365"/>
      <c r="K8902" s="365"/>
      <c r="L8902" s="367"/>
    </row>
    <row r="8903" spans="2:12">
      <c r="B8903" s="367"/>
      <c r="C8903" s="367"/>
      <c r="D8903" s="367"/>
      <c r="E8903" s="367"/>
      <c r="F8903" s="360"/>
      <c r="G8903" s="360"/>
      <c r="H8903" s="360"/>
      <c r="I8903" s="360"/>
      <c r="J8903" s="365"/>
      <c r="K8903" s="365"/>
      <c r="L8903" s="367"/>
    </row>
    <row r="8904" spans="2:12" ht="28.5">
      <c r="B8904" s="368"/>
      <c r="C8904" s="368"/>
      <c r="D8904" s="368"/>
      <c r="E8904" s="368"/>
      <c r="F8904" s="361" t="s">
        <v>14472</v>
      </c>
      <c r="G8904" s="361" t="s">
        <v>14473</v>
      </c>
      <c r="H8904" s="362"/>
      <c r="I8904" s="361" t="s">
        <v>14473</v>
      </c>
      <c r="J8904" s="366"/>
      <c r="K8904" s="366"/>
      <c r="L8904" s="368"/>
    </row>
    <row r="8905" spans="2:12" ht="28.5">
      <c r="B8905" s="358" t="s">
        <v>18766</v>
      </c>
      <c r="C8905" s="358" t="s">
        <v>30138</v>
      </c>
      <c r="D8905" s="358" t="s">
        <v>18767</v>
      </c>
      <c r="E8905" s="358" t="s">
        <v>18768</v>
      </c>
      <c r="F8905" s="358" t="s">
        <v>14371</v>
      </c>
      <c r="G8905" s="358" t="s">
        <v>14372</v>
      </c>
      <c r="H8905" s="358" t="s">
        <v>14370</v>
      </c>
      <c r="I8905" s="358" t="s">
        <v>14373</v>
      </c>
      <c r="J8905" s="358"/>
      <c r="K8905" s="358"/>
      <c r="L8905" s="358"/>
    </row>
    <row r="8906" spans="2:12">
      <c r="B8906" s="367"/>
      <c r="C8906" s="367"/>
      <c r="D8906" s="367"/>
      <c r="E8906" s="367"/>
      <c r="F8906" s="360"/>
      <c r="G8906" s="360"/>
      <c r="H8906" s="360"/>
      <c r="I8906" s="367"/>
      <c r="J8906" s="365"/>
      <c r="K8906" s="365"/>
      <c r="L8906" s="365"/>
    </row>
    <row r="8907" spans="2:12" ht="28.5">
      <c r="B8907" s="368"/>
      <c r="C8907" s="368"/>
      <c r="D8907" s="368"/>
      <c r="E8907" s="368"/>
      <c r="F8907" s="361" t="s">
        <v>14374</v>
      </c>
      <c r="G8907" s="361" t="s">
        <v>14373</v>
      </c>
      <c r="H8907" s="361" t="s">
        <v>14422</v>
      </c>
      <c r="I8907" s="368"/>
      <c r="J8907" s="366"/>
      <c r="K8907" s="366"/>
      <c r="L8907" s="366"/>
    </row>
    <row r="8908" spans="2:12">
      <c r="B8908" s="358" t="s">
        <v>18769</v>
      </c>
      <c r="C8908" s="358" t="s">
        <v>30139</v>
      </c>
      <c r="D8908" s="358" t="s">
        <v>18770</v>
      </c>
      <c r="E8908" s="358" t="s">
        <v>18771</v>
      </c>
      <c r="F8908" s="358" t="s">
        <v>14505</v>
      </c>
      <c r="G8908" s="358" t="s">
        <v>14506</v>
      </c>
      <c r="H8908" s="358" t="s">
        <v>14328</v>
      </c>
      <c r="I8908" s="358" t="s">
        <v>14506</v>
      </c>
      <c r="J8908" s="358"/>
      <c r="K8908" s="358"/>
      <c r="L8908" s="358"/>
    </row>
    <row r="8909" spans="2:12">
      <c r="B8909" s="367"/>
      <c r="C8909" s="367"/>
      <c r="D8909" s="367"/>
      <c r="E8909" s="367"/>
      <c r="F8909" s="360"/>
      <c r="G8909" s="360"/>
      <c r="H8909" s="360"/>
      <c r="I8909" s="360"/>
      <c r="J8909" s="365"/>
      <c r="K8909" s="365"/>
      <c r="L8909" s="365"/>
    </row>
    <row r="8910" spans="2:12" ht="28.5">
      <c r="B8910" s="367"/>
      <c r="C8910" s="367"/>
      <c r="D8910" s="367"/>
      <c r="E8910" s="367"/>
      <c r="F8910" s="359" t="s">
        <v>28913</v>
      </c>
      <c r="G8910" s="359" t="s">
        <v>14429</v>
      </c>
      <c r="H8910" s="359" t="s">
        <v>14367</v>
      </c>
      <c r="I8910" s="359" t="s">
        <v>14429</v>
      </c>
      <c r="J8910" s="365"/>
      <c r="K8910" s="365"/>
      <c r="L8910" s="365"/>
    </row>
    <row r="8911" spans="2:12">
      <c r="B8911" s="367"/>
      <c r="C8911" s="367"/>
      <c r="D8911" s="367"/>
      <c r="E8911" s="367"/>
      <c r="F8911" s="360"/>
      <c r="G8911" s="360"/>
      <c r="H8911" s="360"/>
      <c r="I8911" s="360"/>
      <c r="J8911" s="365"/>
      <c r="K8911" s="365"/>
      <c r="L8911" s="365"/>
    </row>
    <row r="8912" spans="2:12">
      <c r="B8912" s="368"/>
      <c r="C8912" s="368"/>
      <c r="D8912" s="368"/>
      <c r="E8912" s="368"/>
      <c r="F8912" s="362"/>
      <c r="G8912" s="361" t="s">
        <v>14369</v>
      </c>
      <c r="H8912" s="361" t="s">
        <v>14332</v>
      </c>
      <c r="I8912" s="361" t="s">
        <v>14369</v>
      </c>
      <c r="J8912" s="366"/>
      <c r="K8912" s="366"/>
      <c r="L8912" s="366"/>
    </row>
    <row r="8913" spans="2:12">
      <c r="B8913" s="358" t="s">
        <v>18772</v>
      </c>
      <c r="C8913" s="358" t="s">
        <v>18773</v>
      </c>
      <c r="D8913" s="358" t="s">
        <v>18774</v>
      </c>
      <c r="E8913" s="358" t="s">
        <v>18775</v>
      </c>
      <c r="F8913" s="358" t="s">
        <v>14356</v>
      </c>
      <c r="G8913" s="358" t="s">
        <v>14340</v>
      </c>
      <c r="H8913" s="358" t="s">
        <v>14341</v>
      </c>
      <c r="I8913" s="358" t="s">
        <v>14340</v>
      </c>
      <c r="J8913" s="358"/>
      <c r="K8913" s="358"/>
      <c r="L8913" s="358"/>
    </row>
    <row r="8914" spans="2:12">
      <c r="B8914" s="367"/>
      <c r="C8914" s="367"/>
      <c r="D8914" s="367"/>
      <c r="E8914" s="367"/>
      <c r="F8914" s="367"/>
      <c r="G8914" s="367"/>
      <c r="H8914" s="360"/>
      <c r="I8914" s="367"/>
      <c r="J8914" s="365"/>
      <c r="K8914" s="365"/>
      <c r="L8914" s="365"/>
    </row>
    <row r="8915" spans="2:12">
      <c r="B8915" s="368"/>
      <c r="C8915" s="368"/>
      <c r="D8915" s="368"/>
      <c r="E8915" s="368"/>
      <c r="F8915" s="368"/>
      <c r="G8915" s="368"/>
      <c r="H8915" s="361" t="s">
        <v>14332</v>
      </c>
      <c r="I8915" s="368"/>
      <c r="J8915" s="366"/>
      <c r="K8915" s="366"/>
      <c r="L8915" s="366"/>
    </row>
    <row r="8916" spans="2:12" ht="28.5">
      <c r="B8916" s="358" t="s">
        <v>18776</v>
      </c>
      <c r="C8916" s="358" t="s">
        <v>18777</v>
      </c>
      <c r="D8916" s="358" t="s">
        <v>18778</v>
      </c>
      <c r="E8916" s="358" t="s">
        <v>18779</v>
      </c>
      <c r="F8916" s="358" t="s">
        <v>18780</v>
      </c>
      <c r="G8916" s="358" t="s">
        <v>15011</v>
      </c>
      <c r="H8916" s="358" t="s">
        <v>14954</v>
      </c>
      <c r="I8916" s="358" t="s">
        <v>15011</v>
      </c>
      <c r="J8916" s="358"/>
      <c r="K8916" s="358"/>
      <c r="L8916" s="358"/>
    </row>
    <row r="8917" spans="2:12">
      <c r="B8917" s="367"/>
      <c r="C8917" s="367"/>
      <c r="D8917" s="367"/>
      <c r="E8917" s="367"/>
      <c r="F8917" s="360"/>
      <c r="G8917" s="360"/>
      <c r="H8917" s="360"/>
      <c r="I8917" s="360"/>
      <c r="J8917" s="365"/>
      <c r="K8917" s="365"/>
      <c r="L8917" s="365"/>
    </row>
    <row r="8918" spans="2:12" ht="28.5">
      <c r="B8918" s="367"/>
      <c r="C8918" s="367"/>
      <c r="D8918" s="367"/>
      <c r="E8918" s="367"/>
      <c r="F8918" s="359" t="s">
        <v>28964</v>
      </c>
      <c r="G8918" s="359" t="s">
        <v>14429</v>
      </c>
      <c r="H8918" s="359" t="s">
        <v>14341</v>
      </c>
      <c r="I8918" s="359" t="s">
        <v>14429</v>
      </c>
      <c r="J8918" s="365"/>
      <c r="K8918" s="365"/>
      <c r="L8918" s="365"/>
    </row>
    <row r="8919" spans="2:12">
      <c r="B8919" s="367"/>
      <c r="C8919" s="367"/>
      <c r="D8919" s="367"/>
      <c r="E8919" s="367"/>
      <c r="F8919" s="360"/>
      <c r="G8919" s="360"/>
      <c r="H8919" s="360"/>
      <c r="I8919" s="360"/>
      <c r="J8919" s="365"/>
      <c r="K8919" s="365"/>
      <c r="L8919" s="365"/>
    </row>
    <row r="8920" spans="2:12" ht="28.5">
      <c r="B8920" s="367"/>
      <c r="C8920" s="367"/>
      <c r="D8920" s="367"/>
      <c r="E8920" s="367"/>
      <c r="F8920" s="359" t="s">
        <v>14430</v>
      </c>
      <c r="G8920" s="359" t="s">
        <v>28797</v>
      </c>
      <c r="H8920" s="359" t="s">
        <v>14381</v>
      </c>
      <c r="I8920" s="359" t="s">
        <v>28797</v>
      </c>
      <c r="J8920" s="365"/>
      <c r="K8920" s="365"/>
      <c r="L8920" s="365"/>
    </row>
    <row r="8921" spans="2:12">
      <c r="B8921" s="367"/>
      <c r="C8921" s="367"/>
      <c r="D8921" s="367"/>
      <c r="E8921" s="367"/>
      <c r="F8921" s="360"/>
      <c r="G8921" s="360"/>
      <c r="H8921" s="360"/>
      <c r="I8921" s="360"/>
      <c r="J8921" s="365"/>
      <c r="K8921" s="365"/>
      <c r="L8921" s="365"/>
    </row>
    <row r="8922" spans="2:12">
      <c r="B8922" s="367"/>
      <c r="C8922" s="367"/>
      <c r="D8922" s="367"/>
      <c r="E8922" s="367"/>
      <c r="F8922" s="359" t="s">
        <v>14391</v>
      </c>
      <c r="G8922" s="359" t="s">
        <v>14392</v>
      </c>
      <c r="H8922" s="359" t="s">
        <v>14367</v>
      </c>
      <c r="I8922" s="359" t="s">
        <v>14392</v>
      </c>
      <c r="J8922" s="365"/>
      <c r="K8922" s="365"/>
      <c r="L8922" s="365"/>
    </row>
    <row r="8923" spans="2:12">
      <c r="B8923" s="367"/>
      <c r="C8923" s="367"/>
      <c r="D8923" s="367"/>
      <c r="E8923" s="367"/>
      <c r="F8923" s="360"/>
      <c r="G8923" s="360"/>
      <c r="H8923" s="360"/>
      <c r="I8923" s="360"/>
      <c r="J8923" s="365"/>
      <c r="K8923" s="365"/>
      <c r="L8923" s="365"/>
    </row>
    <row r="8924" spans="2:12">
      <c r="B8924" s="367"/>
      <c r="C8924" s="367"/>
      <c r="D8924" s="367"/>
      <c r="E8924" s="367"/>
      <c r="F8924" s="359" t="s">
        <v>14371</v>
      </c>
      <c r="G8924" s="359" t="s">
        <v>14372</v>
      </c>
      <c r="H8924" s="359" t="s">
        <v>14370</v>
      </c>
      <c r="I8924" s="359" t="s">
        <v>14373</v>
      </c>
      <c r="J8924" s="365"/>
      <c r="K8924" s="365"/>
      <c r="L8924" s="365"/>
    </row>
    <row r="8925" spans="2:12">
      <c r="B8925" s="367"/>
      <c r="C8925" s="367"/>
      <c r="D8925" s="367"/>
      <c r="E8925" s="367"/>
      <c r="F8925" s="360"/>
      <c r="G8925" s="360"/>
      <c r="H8925" s="360"/>
      <c r="I8925" s="360"/>
      <c r="J8925" s="365"/>
      <c r="K8925" s="365"/>
      <c r="L8925" s="365"/>
    </row>
    <row r="8926" spans="2:12" ht="28.5">
      <c r="B8926" s="368"/>
      <c r="C8926" s="368"/>
      <c r="D8926" s="368"/>
      <c r="E8926" s="368"/>
      <c r="F8926" s="361" t="s">
        <v>14374</v>
      </c>
      <c r="G8926" s="361" t="s">
        <v>14373</v>
      </c>
      <c r="H8926" s="361" t="s">
        <v>14332</v>
      </c>
      <c r="I8926" s="362"/>
      <c r="J8926" s="366"/>
      <c r="K8926" s="366"/>
      <c r="L8926" s="366"/>
    </row>
    <row r="8927" spans="2:12">
      <c r="B8927" s="358" t="s">
        <v>18781</v>
      </c>
      <c r="C8927" s="358" t="s">
        <v>27583</v>
      </c>
      <c r="D8927" s="358" t="s">
        <v>18782</v>
      </c>
      <c r="E8927" s="358" t="s">
        <v>18783</v>
      </c>
      <c r="F8927" s="358" t="s">
        <v>14430</v>
      </c>
      <c r="G8927" s="358" t="s">
        <v>14431</v>
      </c>
      <c r="H8927" s="358" t="s">
        <v>14341</v>
      </c>
      <c r="I8927" s="358" t="s">
        <v>14431</v>
      </c>
      <c r="J8927" s="358"/>
      <c r="K8927" s="358"/>
      <c r="L8927" s="358"/>
    </row>
    <row r="8928" spans="2:12">
      <c r="B8928" s="367"/>
      <c r="C8928" s="367"/>
      <c r="D8928" s="367"/>
      <c r="E8928" s="367"/>
      <c r="F8928" s="360"/>
      <c r="G8928" s="360"/>
      <c r="H8928" s="360"/>
      <c r="I8928" s="360"/>
      <c r="J8928" s="365"/>
      <c r="K8928" s="365"/>
      <c r="L8928" s="365"/>
    </row>
    <row r="8929" spans="2:12">
      <c r="B8929" s="367"/>
      <c r="C8929" s="367"/>
      <c r="D8929" s="367"/>
      <c r="E8929" s="367"/>
      <c r="F8929" s="359" t="s">
        <v>14391</v>
      </c>
      <c r="G8929" s="359" t="s">
        <v>14392</v>
      </c>
      <c r="H8929" s="359" t="s">
        <v>14367</v>
      </c>
      <c r="I8929" s="359" t="s">
        <v>14392</v>
      </c>
      <c r="J8929" s="365"/>
      <c r="K8929" s="365"/>
      <c r="L8929" s="365"/>
    </row>
    <row r="8930" spans="2:12">
      <c r="B8930" s="367"/>
      <c r="C8930" s="367"/>
      <c r="D8930" s="367"/>
      <c r="E8930" s="367"/>
      <c r="F8930" s="360"/>
      <c r="G8930" s="360"/>
      <c r="H8930" s="360"/>
      <c r="I8930" s="360"/>
      <c r="J8930" s="365"/>
      <c r="K8930" s="365"/>
      <c r="L8930" s="365"/>
    </row>
    <row r="8931" spans="2:12" ht="28.5">
      <c r="B8931" s="368"/>
      <c r="C8931" s="368"/>
      <c r="D8931" s="368"/>
      <c r="E8931" s="368"/>
      <c r="F8931" s="361" t="s">
        <v>14472</v>
      </c>
      <c r="G8931" s="361" t="s">
        <v>14473</v>
      </c>
      <c r="H8931" s="361" t="s">
        <v>14332</v>
      </c>
      <c r="I8931" s="361" t="s">
        <v>14473</v>
      </c>
      <c r="J8931" s="366"/>
      <c r="K8931" s="366"/>
      <c r="L8931" s="366"/>
    </row>
    <row r="8932" spans="2:12" ht="28.5">
      <c r="B8932" s="358" t="s">
        <v>18784</v>
      </c>
      <c r="C8932" s="358" t="s">
        <v>27584</v>
      </c>
      <c r="D8932" s="358" t="s">
        <v>18785</v>
      </c>
      <c r="E8932" s="358" t="s">
        <v>18786</v>
      </c>
      <c r="F8932" s="358" t="s">
        <v>14391</v>
      </c>
      <c r="G8932" s="358" t="s">
        <v>14392</v>
      </c>
      <c r="H8932" s="358" t="s">
        <v>14367</v>
      </c>
      <c r="I8932" s="358" t="s">
        <v>14392</v>
      </c>
      <c r="J8932" s="358"/>
      <c r="K8932" s="358"/>
      <c r="L8932" s="358"/>
    </row>
    <row r="8933" spans="2:12">
      <c r="B8933" s="367"/>
      <c r="C8933" s="367"/>
      <c r="D8933" s="367"/>
      <c r="E8933" s="367"/>
      <c r="F8933" s="360"/>
      <c r="G8933" s="360"/>
      <c r="H8933" s="360"/>
      <c r="I8933" s="360"/>
      <c r="J8933" s="365"/>
      <c r="K8933" s="365"/>
      <c r="L8933" s="365"/>
    </row>
    <row r="8934" spans="2:12" ht="28.5">
      <c r="B8934" s="368"/>
      <c r="C8934" s="368"/>
      <c r="D8934" s="368"/>
      <c r="E8934" s="368"/>
      <c r="F8934" s="361" t="s">
        <v>14462</v>
      </c>
      <c r="G8934" s="361" t="s">
        <v>14463</v>
      </c>
      <c r="H8934" s="361" t="s">
        <v>14422</v>
      </c>
      <c r="I8934" s="361" t="s">
        <v>14463</v>
      </c>
      <c r="J8934" s="366"/>
      <c r="K8934" s="366"/>
      <c r="L8934" s="366"/>
    </row>
    <row r="8935" spans="2:12" ht="28.5">
      <c r="B8935" s="358" t="s">
        <v>18787</v>
      </c>
      <c r="C8935" s="358" t="s">
        <v>30140</v>
      </c>
      <c r="D8935" s="358" t="s">
        <v>18788</v>
      </c>
      <c r="E8935" s="358" t="s">
        <v>18789</v>
      </c>
      <c r="F8935" s="358" t="s">
        <v>14462</v>
      </c>
      <c r="G8935" s="358" t="s">
        <v>14463</v>
      </c>
      <c r="H8935" s="358" t="s">
        <v>8356</v>
      </c>
      <c r="I8935" s="358" t="s">
        <v>14463</v>
      </c>
      <c r="J8935" s="358"/>
      <c r="K8935" s="358"/>
      <c r="L8935" s="358"/>
    </row>
    <row r="8936" spans="2:12">
      <c r="B8936" s="368"/>
      <c r="C8936" s="368"/>
      <c r="D8936" s="368"/>
      <c r="E8936" s="368"/>
      <c r="F8936" s="368"/>
      <c r="G8936" s="368"/>
      <c r="H8936" s="368"/>
      <c r="I8936" s="368"/>
      <c r="J8936" s="366"/>
      <c r="K8936" s="366"/>
      <c r="L8936" s="366"/>
    </row>
    <row r="8937" spans="2:12" ht="42.75">
      <c r="B8937" s="358" t="s">
        <v>18790</v>
      </c>
      <c r="C8937" s="358" t="s">
        <v>29032</v>
      </c>
      <c r="D8937" s="358" t="s">
        <v>10379</v>
      </c>
      <c r="E8937" s="358" t="s">
        <v>10380</v>
      </c>
      <c r="F8937" s="358" t="s">
        <v>14420</v>
      </c>
      <c r="G8937" s="358" t="s">
        <v>14429</v>
      </c>
      <c r="H8937" s="358" t="s">
        <v>14341</v>
      </c>
      <c r="I8937" s="358" t="s">
        <v>14429</v>
      </c>
      <c r="J8937" s="358"/>
      <c r="K8937" s="358"/>
      <c r="L8937" s="358"/>
    </row>
    <row r="8938" spans="2:12">
      <c r="B8938" s="367"/>
      <c r="C8938" s="367"/>
      <c r="D8938" s="367"/>
      <c r="E8938" s="367"/>
      <c r="F8938" s="360"/>
      <c r="G8938" s="360"/>
      <c r="H8938" s="360"/>
      <c r="I8938" s="360"/>
      <c r="J8938" s="365"/>
      <c r="K8938" s="365"/>
      <c r="L8938" s="365"/>
    </row>
    <row r="8939" spans="2:12" ht="42.75">
      <c r="B8939" s="367"/>
      <c r="C8939" s="367"/>
      <c r="D8939" s="367"/>
      <c r="E8939" s="367"/>
      <c r="F8939" s="359" t="s">
        <v>29033</v>
      </c>
      <c r="G8939" s="359" t="s">
        <v>14340</v>
      </c>
      <c r="H8939" s="359" t="s">
        <v>14367</v>
      </c>
      <c r="I8939" s="359" t="s">
        <v>14340</v>
      </c>
      <c r="J8939" s="365"/>
      <c r="K8939" s="365"/>
      <c r="L8939" s="365"/>
    </row>
    <row r="8940" spans="2:12">
      <c r="B8940" s="367"/>
      <c r="C8940" s="367"/>
      <c r="D8940" s="367"/>
      <c r="E8940" s="367"/>
      <c r="F8940" s="360"/>
      <c r="G8940" s="360"/>
      <c r="H8940" s="360"/>
      <c r="I8940" s="360"/>
      <c r="J8940" s="365"/>
      <c r="K8940" s="365"/>
      <c r="L8940" s="365"/>
    </row>
    <row r="8941" spans="2:12">
      <c r="B8941" s="367"/>
      <c r="C8941" s="367"/>
      <c r="D8941" s="367"/>
      <c r="E8941" s="367"/>
      <c r="F8941" s="360"/>
      <c r="G8941" s="359" t="s">
        <v>14395</v>
      </c>
      <c r="H8941" s="359" t="s">
        <v>14370</v>
      </c>
      <c r="I8941" s="359" t="s">
        <v>14395</v>
      </c>
      <c r="J8941" s="365"/>
      <c r="K8941" s="365"/>
      <c r="L8941" s="365"/>
    </row>
    <row r="8942" spans="2:12">
      <c r="B8942" s="367"/>
      <c r="C8942" s="367"/>
      <c r="D8942" s="367"/>
      <c r="E8942" s="367"/>
      <c r="F8942" s="360"/>
      <c r="G8942" s="360"/>
      <c r="H8942" s="360"/>
      <c r="I8942" s="360"/>
      <c r="J8942" s="365"/>
      <c r="K8942" s="365"/>
      <c r="L8942" s="365"/>
    </row>
    <row r="8943" spans="2:12">
      <c r="B8943" s="368"/>
      <c r="C8943" s="368"/>
      <c r="D8943" s="368"/>
      <c r="E8943" s="368"/>
      <c r="F8943" s="362"/>
      <c r="G8943" s="362"/>
      <c r="H8943" s="361" t="s">
        <v>14332</v>
      </c>
      <c r="I8943" s="362"/>
      <c r="J8943" s="366"/>
      <c r="K8943" s="366"/>
      <c r="L8943" s="366"/>
    </row>
    <row r="8944" spans="2:12" ht="42.75">
      <c r="B8944" s="358" t="s">
        <v>10378</v>
      </c>
      <c r="C8944" s="358" t="s">
        <v>29034</v>
      </c>
      <c r="D8944" s="358" t="s">
        <v>10379</v>
      </c>
      <c r="E8944" s="358" t="s">
        <v>10380</v>
      </c>
      <c r="F8944" s="358" t="s">
        <v>14376</v>
      </c>
      <c r="G8944" s="358" t="s">
        <v>14669</v>
      </c>
      <c r="H8944" s="358" t="s">
        <v>14341</v>
      </c>
      <c r="I8944" s="358" t="s">
        <v>14669</v>
      </c>
      <c r="J8944" s="358"/>
      <c r="K8944" s="358"/>
      <c r="L8944" s="358"/>
    </row>
    <row r="8945" spans="2:12">
      <c r="B8945" s="367"/>
      <c r="C8945" s="367"/>
      <c r="D8945" s="367"/>
      <c r="E8945" s="367"/>
      <c r="F8945" s="360"/>
      <c r="G8945" s="360"/>
      <c r="H8945" s="360"/>
      <c r="I8945" s="360"/>
      <c r="J8945" s="365"/>
      <c r="K8945" s="365"/>
      <c r="L8945" s="365"/>
    </row>
    <row r="8946" spans="2:12">
      <c r="B8946" s="367"/>
      <c r="C8946" s="367"/>
      <c r="D8946" s="367"/>
      <c r="E8946" s="367"/>
      <c r="F8946" s="359" t="s">
        <v>14420</v>
      </c>
      <c r="G8946" s="359" t="s">
        <v>14429</v>
      </c>
      <c r="H8946" s="359" t="s">
        <v>14381</v>
      </c>
      <c r="I8946" s="359" t="s">
        <v>14429</v>
      </c>
      <c r="J8946" s="365"/>
      <c r="K8946" s="365"/>
      <c r="L8946" s="365"/>
    </row>
    <row r="8947" spans="2:12">
      <c r="B8947" s="367"/>
      <c r="C8947" s="367"/>
      <c r="D8947" s="367"/>
      <c r="E8947" s="367"/>
      <c r="F8947" s="360"/>
      <c r="G8947" s="360"/>
      <c r="H8947" s="360"/>
      <c r="I8947" s="360"/>
      <c r="J8947" s="365"/>
      <c r="K8947" s="365"/>
      <c r="L8947" s="365"/>
    </row>
    <row r="8948" spans="2:12">
      <c r="B8948" s="367"/>
      <c r="C8948" s="367"/>
      <c r="D8948" s="367"/>
      <c r="E8948" s="367"/>
      <c r="F8948" s="359" t="s">
        <v>14356</v>
      </c>
      <c r="G8948" s="359" t="s">
        <v>14340</v>
      </c>
      <c r="H8948" s="359" t="s">
        <v>14367</v>
      </c>
      <c r="I8948" s="359" t="s">
        <v>14340</v>
      </c>
      <c r="J8948" s="365"/>
      <c r="K8948" s="365"/>
      <c r="L8948" s="365"/>
    </row>
    <row r="8949" spans="2:12">
      <c r="B8949" s="367"/>
      <c r="C8949" s="367"/>
      <c r="D8949" s="367"/>
      <c r="E8949" s="367"/>
      <c r="F8949" s="360"/>
      <c r="G8949" s="360"/>
      <c r="H8949" s="360"/>
      <c r="I8949" s="360"/>
      <c r="J8949" s="365"/>
      <c r="K8949" s="365"/>
      <c r="L8949" s="365"/>
    </row>
    <row r="8950" spans="2:12" ht="28.5">
      <c r="B8950" s="367"/>
      <c r="C8950" s="367"/>
      <c r="D8950" s="367"/>
      <c r="E8950" s="367"/>
      <c r="F8950" s="359" t="s">
        <v>14394</v>
      </c>
      <c r="G8950" s="359" t="s">
        <v>14395</v>
      </c>
      <c r="H8950" s="359" t="s">
        <v>14370</v>
      </c>
      <c r="I8950" s="359" t="s">
        <v>14395</v>
      </c>
      <c r="J8950" s="365"/>
      <c r="K8950" s="365"/>
      <c r="L8950" s="365"/>
    </row>
    <row r="8951" spans="2:12">
      <c r="B8951" s="367"/>
      <c r="C8951" s="367"/>
      <c r="D8951" s="367"/>
      <c r="E8951" s="367"/>
      <c r="F8951" s="360"/>
      <c r="G8951" s="360"/>
      <c r="H8951" s="360"/>
      <c r="I8951" s="360"/>
      <c r="J8951" s="365"/>
      <c r="K8951" s="365"/>
      <c r="L8951" s="365"/>
    </row>
    <row r="8952" spans="2:12">
      <c r="B8952" s="368"/>
      <c r="C8952" s="368"/>
      <c r="D8952" s="368"/>
      <c r="E8952" s="368"/>
      <c r="F8952" s="362"/>
      <c r="G8952" s="362"/>
      <c r="H8952" s="361" t="s">
        <v>14332</v>
      </c>
      <c r="I8952" s="362"/>
      <c r="J8952" s="366"/>
      <c r="K8952" s="366"/>
      <c r="L8952" s="366"/>
    </row>
    <row r="8953" spans="2:12" ht="71.25">
      <c r="B8953" s="358" t="s">
        <v>18791</v>
      </c>
      <c r="C8953" s="358" t="s">
        <v>30141</v>
      </c>
      <c r="D8953" s="358" t="s">
        <v>18792</v>
      </c>
      <c r="E8953" s="358" t="s">
        <v>18793</v>
      </c>
      <c r="F8953" s="358" t="s">
        <v>14386</v>
      </c>
      <c r="G8953" s="358" t="s">
        <v>14387</v>
      </c>
      <c r="H8953" s="358" t="s">
        <v>14367</v>
      </c>
      <c r="I8953" s="358" t="s">
        <v>14387</v>
      </c>
      <c r="J8953" s="358"/>
      <c r="K8953" s="358"/>
      <c r="L8953" s="358"/>
    </row>
    <row r="8954" spans="2:12">
      <c r="B8954" s="367"/>
      <c r="C8954" s="367"/>
      <c r="D8954" s="367"/>
      <c r="E8954" s="367"/>
      <c r="F8954" s="367"/>
      <c r="G8954" s="367"/>
      <c r="H8954" s="360"/>
      <c r="I8954" s="367"/>
      <c r="J8954" s="365"/>
      <c r="K8954" s="365"/>
      <c r="L8954" s="365"/>
    </row>
    <row r="8955" spans="2:12">
      <c r="B8955" s="368"/>
      <c r="C8955" s="368"/>
      <c r="D8955" s="368"/>
      <c r="E8955" s="368"/>
      <c r="F8955" s="368"/>
      <c r="G8955" s="368"/>
      <c r="H8955" s="361" t="s">
        <v>14422</v>
      </c>
      <c r="I8955" s="368"/>
      <c r="J8955" s="366"/>
      <c r="K8955" s="366"/>
      <c r="L8955" s="366"/>
    </row>
    <row r="8956" spans="2:12" ht="28.5">
      <c r="B8956" s="358" t="s">
        <v>18794</v>
      </c>
      <c r="C8956" s="358" t="s">
        <v>29035</v>
      </c>
      <c r="D8956" s="358" t="s">
        <v>18795</v>
      </c>
      <c r="E8956" s="358" t="s">
        <v>18796</v>
      </c>
      <c r="F8956" s="358" t="s">
        <v>14389</v>
      </c>
      <c r="G8956" s="358" t="s">
        <v>14390</v>
      </c>
      <c r="H8956" s="358" t="s">
        <v>14341</v>
      </c>
      <c r="I8956" s="358" t="s">
        <v>14390</v>
      </c>
      <c r="J8956" s="358"/>
      <c r="K8956" s="358"/>
      <c r="L8956" s="358"/>
    </row>
    <row r="8957" spans="2:12">
      <c r="B8957" s="367"/>
      <c r="C8957" s="367"/>
      <c r="D8957" s="367"/>
      <c r="E8957" s="367"/>
      <c r="F8957" s="360"/>
      <c r="G8957" s="360"/>
      <c r="H8957" s="360"/>
      <c r="I8957" s="360"/>
      <c r="J8957" s="365"/>
      <c r="K8957" s="365"/>
      <c r="L8957" s="365"/>
    </row>
    <row r="8958" spans="2:12">
      <c r="B8958" s="367"/>
      <c r="C8958" s="367"/>
      <c r="D8958" s="367"/>
      <c r="E8958" s="367"/>
      <c r="F8958" s="359" t="s">
        <v>14430</v>
      </c>
      <c r="G8958" s="359" t="s">
        <v>14431</v>
      </c>
      <c r="H8958" s="359" t="s">
        <v>14332</v>
      </c>
      <c r="I8958" s="359" t="s">
        <v>14431</v>
      </c>
      <c r="J8958" s="365"/>
      <c r="K8958" s="365"/>
      <c r="L8958" s="365"/>
    </row>
    <row r="8959" spans="2:12">
      <c r="B8959" s="367"/>
      <c r="C8959" s="367"/>
      <c r="D8959" s="367"/>
      <c r="E8959" s="367"/>
      <c r="F8959" s="360"/>
      <c r="G8959" s="360"/>
      <c r="H8959" s="360"/>
      <c r="I8959" s="360"/>
      <c r="J8959" s="365"/>
      <c r="K8959" s="365"/>
      <c r="L8959" s="365"/>
    </row>
    <row r="8960" spans="2:12" ht="28.5">
      <c r="B8960" s="368"/>
      <c r="C8960" s="368"/>
      <c r="D8960" s="368"/>
      <c r="E8960" s="368"/>
      <c r="F8960" s="361" t="s">
        <v>14472</v>
      </c>
      <c r="G8960" s="361" t="s">
        <v>14473</v>
      </c>
      <c r="H8960" s="362"/>
      <c r="I8960" s="361" t="s">
        <v>14473</v>
      </c>
      <c r="J8960" s="366"/>
      <c r="K8960" s="366"/>
      <c r="L8960" s="366"/>
    </row>
    <row r="8961" spans="2:12" ht="28.5">
      <c r="B8961" s="358" t="s">
        <v>18797</v>
      </c>
      <c r="C8961" s="358" t="s">
        <v>18798</v>
      </c>
      <c r="D8961" s="358" t="s">
        <v>18799</v>
      </c>
      <c r="E8961" s="358" t="s">
        <v>18800</v>
      </c>
      <c r="F8961" s="358" t="s">
        <v>14462</v>
      </c>
      <c r="G8961" s="358" t="s">
        <v>14463</v>
      </c>
      <c r="H8961" s="358" t="s">
        <v>8356</v>
      </c>
      <c r="I8961" s="358" t="s">
        <v>14463</v>
      </c>
      <c r="J8961" s="358"/>
      <c r="K8961" s="358"/>
      <c r="L8961" s="358"/>
    </row>
    <row r="8962" spans="2:12">
      <c r="B8962" s="368"/>
      <c r="C8962" s="368"/>
      <c r="D8962" s="368"/>
      <c r="E8962" s="368"/>
      <c r="F8962" s="368"/>
      <c r="G8962" s="368"/>
      <c r="H8962" s="368"/>
      <c r="I8962" s="368"/>
      <c r="J8962" s="366"/>
      <c r="K8962" s="366"/>
      <c r="L8962" s="366"/>
    </row>
    <row r="8963" spans="2:12" ht="99.75">
      <c r="B8963" s="358" t="s">
        <v>18801</v>
      </c>
      <c r="C8963" s="358" t="s">
        <v>30142</v>
      </c>
      <c r="D8963" s="358" t="s">
        <v>18802</v>
      </c>
      <c r="E8963" s="358" t="s">
        <v>18803</v>
      </c>
      <c r="F8963" s="358" t="s">
        <v>14394</v>
      </c>
      <c r="G8963" s="358" t="s">
        <v>14395</v>
      </c>
      <c r="H8963" s="358" t="s">
        <v>14370</v>
      </c>
      <c r="I8963" s="358" t="s">
        <v>14395</v>
      </c>
      <c r="J8963" s="358"/>
      <c r="K8963" s="358"/>
      <c r="L8963" s="358"/>
    </row>
    <row r="8964" spans="2:12">
      <c r="B8964" s="368"/>
      <c r="C8964" s="368"/>
      <c r="D8964" s="368"/>
      <c r="E8964" s="368"/>
      <c r="F8964" s="368"/>
      <c r="G8964" s="368"/>
      <c r="H8964" s="368"/>
      <c r="I8964" s="368"/>
      <c r="J8964" s="366"/>
      <c r="K8964" s="366"/>
      <c r="L8964" s="366"/>
    </row>
    <row r="8965" spans="2:12" ht="28.5">
      <c r="B8965" s="358" t="s">
        <v>18804</v>
      </c>
      <c r="C8965" s="358" t="s">
        <v>18805</v>
      </c>
      <c r="D8965" s="358" t="s">
        <v>18806</v>
      </c>
      <c r="E8965" s="358" t="s">
        <v>18807</v>
      </c>
      <c r="F8965" s="358" t="s">
        <v>14472</v>
      </c>
      <c r="G8965" s="358" t="s">
        <v>14473</v>
      </c>
      <c r="H8965" s="358" t="s">
        <v>8356</v>
      </c>
      <c r="I8965" s="358" t="s">
        <v>14473</v>
      </c>
      <c r="J8965" s="358"/>
      <c r="K8965" s="358"/>
      <c r="L8965" s="358"/>
    </row>
    <row r="8966" spans="2:12">
      <c r="B8966" s="368"/>
      <c r="C8966" s="368"/>
      <c r="D8966" s="368"/>
      <c r="E8966" s="368"/>
      <c r="F8966" s="368"/>
      <c r="G8966" s="368"/>
      <c r="H8966" s="368"/>
      <c r="I8966" s="368"/>
      <c r="J8966" s="366"/>
      <c r="K8966" s="366"/>
      <c r="L8966" s="366"/>
    </row>
    <row r="8967" spans="2:12" ht="99.75">
      <c r="B8967" s="358" t="s">
        <v>18808</v>
      </c>
      <c r="C8967" s="358" t="s">
        <v>29036</v>
      </c>
      <c r="D8967" s="358" t="s">
        <v>18809</v>
      </c>
      <c r="E8967" s="358" t="s">
        <v>18810</v>
      </c>
      <c r="F8967" s="358" t="s">
        <v>17129</v>
      </c>
      <c r="G8967" s="358" t="s">
        <v>29037</v>
      </c>
      <c r="H8967" s="358" t="s">
        <v>29038</v>
      </c>
      <c r="I8967" s="358" t="s">
        <v>29039</v>
      </c>
      <c r="J8967" s="358"/>
      <c r="K8967" s="358"/>
      <c r="L8967" s="358"/>
    </row>
    <row r="8968" spans="2:12">
      <c r="B8968" s="367"/>
      <c r="C8968" s="367"/>
      <c r="D8968" s="367"/>
      <c r="E8968" s="367"/>
      <c r="F8968" s="360"/>
      <c r="G8968" s="360"/>
      <c r="H8968" s="360"/>
      <c r="I8968" s="367"/>
      <c r="J8968" s="365"/>
      <c r="K8968" s="365"/>
      <c r="L8968" s="365"/>
    </row>
    <row r="8969" spans="2:12">
      <c r="B8969" s="367"/>
      <c r="C8969" s="367"/>
      <c r="D8969" s="367"/>
      <c r="E8969" s="367"/>
      <c r="F8969" s="359" t="s">
        <v>14371</v>
      </c>
      <c r="G8969" s="359" t="s">
        <v>14373</v>
      </c>
      <c r="H8969" s="359" t="s">
        <v>14422</v>
      </c>
      <c r="I8969" s="367"/>
      <c r="J8969" s="365"/>
      <c r="K8969" s="365"/>
      <c r="L8969" s="365"/>
    </row>
    <row r="8970" spans="2:12">
      <c r="B8970" s="367"/>
      <c r="C8970" s="367"/>
      <c r="D8970" s="367"/>
      <c r="E8970" s="367"/>
      <c r="F8970" s="360"/>
      <c r="G8970" s="360"/>
      <c r="H8970" s="360"/>
      <c r="I8970" s="367"/>
      <c r="J8970" s="365"/>
      <c r="K8970" s="365"/>
      <c r="L8970" s="365"/>
    </row>
    <row r="8971" spans="2:12" ht="28.5">
      <c r="B8971" s="368"/>
      <c r="C8971" s="368"/>
      <c r="D8971" s="368"/>
      <c r="E8971" s="368"/>
      <c r="F8971" s="361" t="s">
        <v>14374</v>
      </c>
      <c r="G8971" s="362"/>
      <c r="H8971" s="362"/>
      <c r="I8971" s="368"/>
      <c r="J8971" s="366"/>
      <c r="K8971" s="366"/>
      <c r="L8971" s="366"/>
    </row>
    <row r="8972" spans="2:12" ht="28.5">
      <c r="B8972" s="358" t="s">
        <v>18811</v>
      </c>
      <c r="C8972" s="358" t="s">
        <v>30143</v>
      </c>
      <c r="D8972" s="358" t="s">
        <v>18812</v>
      </c>
      <c r="E8972" s="358" t="s">
        <v>8356</v>
      </c>
      <c r="F8972" s="358" t="s">
        <v>14391</v>
      </c>
      <c r="G8972" s="358" t="s">
        <v>14392</v>
      </c>
      <c r="H8972" s="358" t="s">
        <v>14367</v>
      </c>
      <c r="I8972" s="358" t="s">
        <v>14392</v>
      </c>
      <c r="J8972" s="358"/>
      <c r="K8972" s="358"/>
      <c r="L8972" s="358"/>
    </row>
    <row r="8973" spans="2:12">
      <c r="B8973" s="367"/>
      <c r="C8973" s="367"/>
      <c r="D8973" s="367"/>
      <c r="E8973" s="367"/>
      <c r="F8973" s="360"/>
      <c r="G8973" s="360"/>
      <c r="H8973" s="360"/>
      <c r="I8973" s="360"/>
      <c r="J8973" s="365"/>
      <c r="K8973" s="365"/>
      <c r="L8973" s="365"/>
    </row>
    <row r="8974" spans="2:12" ht="28.5">
      <c r="B8974" s="367"/>
      <c r="C8974" s="367"/>
      <c r="D8974" s="367"/>
      <c r="E8974" s="367"/>
      <c r="F8974" s="359" t="s">
        <v>14394</v>
      </c>
      <c r="G8974" s="359" t="s">
        <v>14395</v>
      </c>
      <c r="H8974" s="359" t="s">
        <v>14370</v>
      </c>
      <c r="I8974" s="359" t="s">
        <v>14395</v>
      </c>
      <c r="J8974" s="365"/>
      <c r="K8974" s="365"/>
      <c r="L8974" s="365"/>
    </row>
    <row r="8975" spans="2:12">
      <c r="B8975" s="367"/>
      <c r="C8975" s="367"/>
      <c r="D8975" s="367"/>
      <c r="E8975" s="367"/>
      <c r="F8975" s="360"/>
      <c r="G8975" s="360"/>
      <c r="H8975" s="360"/>
      <c r="I8975" s="360"/>
      <c r="J8975" s="365"/>
      <c r="K8975" s="365"/>
      <c r="L8975" s="365"/>
    </row>
    <row r="8976" spans="2:12">
      <c r="B8976" s="368"/>
      <c r="C8976" s="368"/>
      <c r="D8976" s="368"/>
      <c r="E8976" s="368"/>
      <c r="F8976" s="362"/>
      <c r="G8976" s="362"/>
      <c r="H8976" s="361" t="s">
        <v>14422</v>
      </c>
      <c r="I8976" s="362"/>
      <c r="J8976" s="366"/>
      <c r="K8976" s="366"/>
      <c r="L8976" s="366"/>
    </row>
    <row r="8977" spans="2:12" ht="28.5">
      <c r="B8977" s="358" t="s">
        <v>18813</v>
      </c>
      <c r="C8977" s="358" t="s">
        <v>27585</v>
      </c>
      <c r="D8977" s="358" t="s">
        <v>18814</v>
      </c>
      <c r="E8977" s="358" t="s">
        <v>8356</v>
      </c>
      <c r="F8977" s="358" t="s">
        <v>14389</v>
      </c>
      <c r="G8977" s="358" t="s">
        <v>14390</v>
      </c>
      <c r="H8977" s="358" t="s">
        <v>14341</v>
      </c>
      <c r="I8977" s="358" t="s">
        <v>14390</v>
      </c>
      <c r="J8977" s="358"/>
      <c r="K8977" s="358"/>
      <c r="L8977" s="358"/>
    </row>
    <row r="8978" spans="2:12">
      <c r="B8978" s="367"/>
      <c r="C8978" s="367"/>
      <c r="D8978" s="367"/>
      <c r="E8978" s="367"/>
      <c r="F8978" s="360"/>
      <c r="G8978" s="360"/>
      <c r="H8978" s="360"/>
      <c r="I8978" s="360"/>
      <c r="J8978" s="365"/>
      <c r="K8978" s="365"/>
      <c r="L8978" s="365"/>
    </row>
    <row r="8979" spans="2:12">
      <c r="B8979" s="367"/>
      <c r="C8979" s="367"/>
      <c r="D8979" s="367"/>
      <c r="E8979" s="367"/>
      <c r="F8979" s="359" t="s">
        <v>14430</v>
      </c>
      <c r="G8979" s="359" t="s">
        <v>14431</v>
      </c>
      <c r="H8979" s="359" t="s">
        <v>14367</v>
      </c>
      <c r="I8979" s="359" t="s">
        <v>14431</v>
      </c>
      <c r="J8979" s="365"/>
      <c r="K8979" s="365"/>
      <c r="L8979" s="365"/>
    </row>
    <row r="8980" spans="2:12">
      <c r="B8980" s="367"/>
      <c r="C8980" s="367"/>
      <c r="D8980" s="367"/>
      <c r="E8980" s="367"/>
      <c r="F8980" s="360"/>
      <c r="G8980" s="360"/>
      <c r="H8980" s="360"/>
      <c r="I8980" s="360"/>
      <c r="J8980" s="365"/>
      <c r="K8980" s="365"/>
      <c r="L8980" s="365"/>
    </row>
    <row r="8981" spans="2:12">
      <c r="B8981" s="367"/>
      <c r="C8981" s="367"/>
      <c r="D8981" s="367"/>
      <c r="E8981" s="367"/>
      <c r="F8981" s="359" t="s">
        <v>14391</v>
      </c>
      <c r="G8981" s="359" t="s">
        <v>14392</v>
      </c>
      <c r="H8981" s="359" t="s">
        <v>14370</v>
      </c>
      <c r="I8981" s="359" t="s">
        <v>14392</v>
      </c>
      <c r="J8981" s="365"/>
      <c r="K8981" s="365"/>
      <c r="L8981" s="365"/>
    </row>
    <row r="8982" spans="2:12">
      <c r="B8982" s="367"/>
      <c r="C8982" s="367"/>
      <c r="D8982" s="367"/>
      <c r="E8982" s="367"/>
      <c r="F8982" s="360"/>
      <c r="G8982" s="360"/>
      <c r="H8982" s="360"/>
      <c r="I8982" s="360"/>
      <c r="J8982" s="365"/>
      <c r="K8982" s="365"/>
      <c r="L8982" s="365"/>
    </row>
    <row r="8983" spans="2:12">
      <c r="B8983" s="367"/>
      <c r="C8983" s="367"/>
      <c r="D8983" s="367"/>
      <c r="E8983" s="367"/>
      <c r="F8983" s="359" t="s">
        <v>14371</v>
      </c>
      <c r="G8983" s="359" t="s">
        <v>14372</v>
      </c>
      <c r="H8983" s="359" t="s">
        <v>14332</v>
      </c>
      <c r="I8983" s="359" t="s">
        <v>14373</v>
      </c>
      <c r="J8983" s="365"/>
      <c r="K8983" s="365"/>
      <c r="L8983" s="365"/>
    </row>
    <row r="8984" spans="2:12">
      <c r="B8984" s="367"/>
      <c r="C8984" s="367"/>
      <c r="D8984" s="367"/>
      <c r="E8984" s="367"/>
      <c r="F8984" s="360"/>
      <c r="G8984" s="360"/>
      <c r="H8984" s="360"/>
      <c r="I8984" s="360"/>
      <c r="J8984" s="365"/>
      <c r="K8984" s="365"/>
      <c r="L8984" s="365"/>
    </row>
    <row r="8985" spans="2:12" ht="28.5">
      <c r="B8985" s="368"/>
      <c r="C8985" s="368"/>
      <c r="D8985" s="368"/>
      <c r="E8985" s="368"/>
      <c r="F8985" s="361" t="s">
        <v>14374</v>
      </c>
      <c r="G8985" s="361" t="s">
        <v>14373</v>
      </c>
      <c r="H8985" s="362"/>
      <c r="I8985" s="362"/>
      <c r="J8985" s="366"/>
      <c r="K8985" s="366"/>
      <c r="L8985" s="366"/>
    </row>
    <row r="8986" spans="2:12" ht="28.5">
      <c r="B8986" s="358" t="s">
        <v>18815</v>
      </c>
      <c r="C8986" s="358" t="s">
        <v>27586</v>
      </c>
      <c r="D8986" s="358" t="s">
        <v>18816</v>
      </c>
      <c r="E8986" s="358" t="s">
        <v>8356</v>
      </c>
      <c r="F8986" s="358" t="s">
        <v>14389</v>
      </c>
      <c r="G8986" s="358" t="s">
        <v>14390</v>
      </c>
      <c r="H8986" s="358" t="s">
        <v>14341</v>
      </c>
      <c r="I8986" s="358" t="s">
        <v>14390</v>
      </c>
      <c r="J8986" s="358"/>
      <c r="K8986" s="358"/>
      <c r="L8986" s="358"/>
    </row>
    <row r="8987" spans="2:12">
      <c r="B8987" s="367"/>
      <c r="C8987" s="367"/>
      <c r="D8987" s="367"/>
      <c r="E8987" s="367"/>
      <c r="F8987" s="360"/>
      <c r="G8987" s="360"/>
      <c r="H8987" s="360"/>
      <c r="I8987" s="360"/>
      <c r="J8987" s="365"/>
      <c r="K8987" s="365"/>
      <c r="L8987" s="365"/>
    </row>
    <row r="8988" spans="2:12">
      <c r="B8988" s="367"/>
      <c r="C8988" s="367"/>
      <c r="D8988" s="367"/>
      <c r="E8988" s="367"/>
      <c r="F8988" s="359" t="s">
        <v>14430</v>
      </c>
      <c r="G8988" s="359" t="s">
        <v>14431</v>
      </c>
      <c r="H8988" s="359" t="s">
        <v>14332</v>
      </c>
      <c r="I8988" s="359" t="s">
        <v>14431</v>
      </c>
      <c r="J8988" s="365"/>
      <c r="K8988" s="365"/>
      <c r="L8988" s="365"/>
    </row>
    <row r="8989" spans="2:12">
      <c r="B8989" s="367"/>
      <c r="C8989" s="367"/>
      <c r="D8989" s="367"/>
      <c r="E8989" s="367"/>
      <c r="F8989" s="360"/>
      <c r="G8989" s="360"/>
      <c r="H8989" s="360"/>
      <c r="I8989" s="360"/>
      <c r="J8989" s="365"/>
      <c r="K8989" s="365"/>
      <c r="L8989" s="365"/>
    </row>
    <row r="8990" spans="2:12" ht="28.5">
      <c r="B8990" s="368"/>
      <c r="C8990" s="368"/>
      <c r="D8990" s="368"/>
      <c r="E8990" s="368"/>
      <c r="F8990" s="361" t="s">
        <v>14462</v>
      </c>
      <c r="G8990" s="361" t="s">
        <v>14463</v>
      </c>
      <c r="H8990" s="362"/>
      <c r="I8990" s="361" t="s">
        <v>14463</v>
      </c>
      <c r="J8990" s="366"/>
      <c r="K8990" s="366"/>
      <c r="L8990" s="366"/>
    </row>
    <row r="8991" spans="2:12" ht="28.5">
      <c r="B8991" s="358" t="s">
        <v>18817</v>
      </c>
      <c r="C8991" s="358" t="s">
        <v>27587</v>
      </c>
      <c r="D8991" s="358" t="s">
        <v>18818</v>
      </c>
      <c r="E8991" s="358" t="s">
        <v>8356</v>
      </c>
      <c r="F8991" s="358" t="s">
        <v>14472</v>
      </c>
      <c r="G8991" s="358" t="s">
        <v>14473</v>
      </c>
      <c r="H8991" s="358" t="s">
        <v>8356</v>
      </c>
      <c r="I8991" s="358" t="s">
        <v>14473</v>
      </c>
      <c r="J8991" s="358"/>
      <c r="K8991" s="358"/>
      <c r="L8991" s="358"/>
    </row>
    <row r="8992" spans="2:12">
      <c r="B8992" s="368"/>
      <c r="C8992" s="368"/>
      <c r="D8992" s="368"/>
      <c r="E8992" s="368"/>
      <c r="F8992" s="368"/>
      <c r="G8992" s="368"/>
      <c r="H8992" s="368"/>
      <c r="I8992" s="368"/>
      <c r="J8992" s="366"/>
      <c r="K8992" s="366"/>
      <c r="L8992" s="366"/>
    </row>
    <row r="8993" spans="2:12" ht="28.5">
      <c r="B8993" s="358" t="s">
        <v>18819</v>
      </c>
      <c r="C8993" s="358" t="s">
        <v>18820</v>
      </c>
      <c r="D8993" s="358" t="s">
        <v>18821</v>
      </c>
      <c r="E8993" s="358" t="s">
        <v>8356</v>
      </c>
      <c r="F8993" s="358" t="s">
        <v>14462</v>
      </c>
      <c r="G8993" s="358" t="s">
        <v>14463</v>
      </c>
      <c r="H8993" s="358" t="s">
        <v>8356</v>
      </c>
      <c r="I8993" s="358" t="s">
        <v>14463</v>
      </c>
      <c r="J8993" s="358"/>
      <c r="K8993" s="358"/>
      <c r="L8993" s="358"/>
    </row>
    <row r="8994" spans="2:12">
      <c r="B8994" s="368"/>
      <c r="C8994" s="368"/>
      <c r="D8994" s="368"/>
      <c r="E8994" s="368"/>
      <c r="F8994" s="368"/>
      <c r="G8994" s="368"/>
      <c r="H8994" s="368"/>
      <c r="I8994" s="368"/>
      <c r="J8994" s="366"/>
      <c r="K8994" s="366"/>
      <c r="L8994" s="366"/>
    </row>
    <row r="8995" spans="2:12" ht="142.5">
      <c r="B8995" s="358" t="s">
        <v>18822</v>
      </c>
      <c r="C8995" s="358" t="s">
        <v>30144</v>
      </c>
      <c r="D8995" s="358" t="s">
        <v>18823</v>
      </c>
      <c r="E8995" s="358" t="s">
        <v>8356</v>
      </c>
      <c r="F8995" s="358" t="s">
        <v>14394</v>
      </c>
      <c r="G8995" s="358" t="s">
        <v>14395</v>
      </c>
      <c r="H8995" s="358" t="s">
        <v>14370</v>
      </c>
      <c r="I8995" s="358" t="s">
        <v>14395</v>
      </c>
      <c r="J8995" s="358"/>
      <c r="K8995" s="358"/>
      <c r="L8995" s="358"/>
    </row>
    <row r="8996" spans="2:12">
      <c r="B8996" s="368"/>
      <c r="C8996" s="368"/>
      <c r="D8996" s="368"/>
      <c r="E8996" s="368"/>
      <c r="F8996" s="368"/>
      <c r="G8996" s="368"/>
      <c r="H8996" s="368"/>
      <c r="I8996" s="368"/>
      <c r="J8996" s="366"/>
      <c r="K8996" s="366"/>
      <c r="L8996" s="366"/>
    </row>
    <row r="8997" spans="2:12" ht="28.5">
      <c r="B8997" s="358" t="s">
        <v>18824</v>
      </c>
      <c r="C8997" s="358" t="s">
        <v>27588</v>
      </c>
      <c r="D8997" s="358" t="s">
        <v>18825</v>
      </c>
      <c r="E8997" s="358" t="s">
        <v>8356</v>
      </c>
      <c r="F8997" s="358" t="s">
        <v>14389</v>
      </c>
      <c r="G8997" s="358" t="s">
        <v>14390</v>
      </c>
      <c r="H8997" s="358" t="s">
        <v>14367</v>
      </c>
      <c r="I8997" s="358" t="s">
        <v>14390</v>
      </c>
      <c r="J8997" s="358"/>
      <c r="K8997" s="358"/>
      <c r="L8997" s="358"/>
    </row>
    <row r="8998" spans="2:12">
      <c r="B8998" s="367"/>
      <c r="C8998" s="367"/>
      <c r="D8998" s="367"/>
      <c r="E8998" s="367"/>
      <c r="F8998" s="360"/>
      <c r="G8998" s="360"/>
      <c r="H8998" s="360"/>
      <c r="I8998" s="360"/>
      <c r="J8998" s="365"/>
      <c r="K8998" s="365"/>
      <c r="L8998" s="365"/>
    </row>
    <row r="8999" spans="2:12" ht="28.5">
      <c r="B8999" s="367"/>
      <c r="C8999" s="367"/>
      <c r="D8999" s="367"/>
      <c r="E8999" s="367"/>
      <c r="F8999" s="359" t="s">
        <v>14394</v>
      </c>
      <c r="G8999" s="359" t="s">
        <v>14395</v>
      </c>
      <c r="H8999" s="359" t="s">
        <v>14370</v>
      </c>
      <c r="I8999" s="359" t="s">
        <v>14395</v>
      </c>
      <c r="J8999" s="365"/>
      <c r="K8999" s="365"/>
      <c r="L8999" s="365"/>
    </row>
    <row r="9000" spans="2:12">
      <c r="B9000" s="367"/>
      <c r="C9000" s="367"/>
      <c r="D9000" s="367"/>
      <c r="E9000" s="367"/>
      <c r="F9000" s="360"/>
      <c r="G9000" s="360"/>
      <c r="H9000" s="360"/>
      <c r="I9000" s="360"/>
      <c r="J9000" s="365"/>
      <c r="K9000" s="365"/>
      <c r="L9000" s="365"/>
    </row>
    <row r="9001" spans="2:12">
      <c r="B9001" s="368"/>
      <c r="C9001" s="368"/>
      <c r="D9001" s="368"/>
      <c r="E9001" s="368"/>
      <c r="F9001" s="362"/>
      <c r="G9001" s="362"/>
      <c r="H9001" s="361" t="s">
        <v>14422</v>
      </c>
      <c r="I9001" s="362"/>
      <c r="J9001" s="366"/>
      <c r="K9001" s="366"/>
      <c r="L9001" s="366"/>
    </row>
    <row r="9002" spans="2:12">
      <c r="B9002" s="354" t="s">
        <v>8444</v>
      </c>
      <c r="C9002" s="369"/>
      <c r="D9002" s="369"/>
      <c r="E9002" s="369"/>
      <c r="F9002" s="369"/>
      <c r="G9002" s="369"/>
      <c r="H9002" s="369"/>
      <c r="I9002" s="369"/>
      <c r="J9002" s="369"/>
      <c r="K9002" s="369"/>
      <c r="L9002" s="370"/>
    </row>
    <row r="9003" spans="2:12">
      <c r="B9003" s="358" t="s">
        <v>18826</v>
      </c>
      <c r="C9003" s="358" t="s">
        <v>18827</v>
      </c>
      <c r="D9003" s="358" t="s">
        <v>18828</v>
      </c>
      <c r="E9003" s="358" t="s">
        <v>18829</v>
      </c>
      <c r="F9003" s="358" t="s">
        <v>17695</v>
      </c>
      <c r="G9003" s="358" t="s">
        <v>14392</v>
      </c>
      <c r="H9003" s="358" t="s">
        <v>14367</v>
      </c>
      <c r="I9003" s="358" t="s">
        <v>14392</v>
      </c>
      <c r="J9003" s="358"/>
      <c r="K9003" s="358"/>
      <c r="L9003" s="358"/>
    </row>
    <row r="9004" spans="2:12">
      <c r="B9004" s="367"/>
      <c r="C9004" s="360"/>
      <c r="D9004" s="360"/>
      <c r="E9004" s="360"/>
      <c r="F9004" s="367"/>
      <c r="G9004" s="367"/>
      <c r="H9004" s="360"/>
      <c r="I9004" s="367"/>
      <c r="J9004" s="365"/>
      <c r="K9004" s="365"/>
      <c r="L9004" s="365"/>
    </row>
    <row r="9005" spans="2:12" ht="28.5">
      <c r="B9005" s="367"/>
      <c r="C9005" s="359" t="s">
        <v>18830</v>
      </c>
      <c r="D9005" s="359" t="s">
        <v>18831</v>
      </c>
      <c r="E9005" s="359" t="s">
        <v>18832</v>
      </c>
      <c r="F9005" s="367"/>
      <c r="G9005" s="367"/>
      <c r="H9005" s="359" t="s">
        <v>14422</v>
      </c>
      <c r="I9005" s="367"/>
      <c r="J9005" s="365"/>
      <c r="K9005" s="365"/>
      <c r="L9005" s="365"/>
    </row>
    <row r="9006" spans="2:12">
      <c r="B9006" s="367"/>
      <c r="C9006" s="360"/>
      <c r="D9006" s="360"/>
      <c r="E9006" s="360"/>
      <c r="F9006" s="367"/>
      <c r="G9006" s="367"/>
      <c r="H9006" s="360"/>
      <c r="I9006" s="367"/>
      <c r="J9006" s="365"/>
      <c r="K9006" s="365"/>
      <c r="L9006" s="365"/>
    </row>
    <row r="9007" spans="2:12" ht="28.5">
      <c r="B9007" s="368"/>
      <c r="C9007" s="361" t="s">
        <v>18833</v>
      </c>
      <c r="D9007" s="361" t="s">
        <v>18834</v>
      </c>
      <c r="E9007" s="361" t="s">
        <v>18835</v>
      </c>
      <c r="F9007" s="368"/>
      <c r="G9007" s="368"/>
      <c r="H9007" s="362"/>
      <c r="I9007" s="368"/>
      <c r="J9007" s="366"/>
      <c r="K9007" s="366"/>
      <c r="L9007" s="366"/>
    </row>
    <row r="9008" spans="2:12">
      <c r="B9008" s="354" t="s">
        <v>28528</v>
      </c>
      <c r="C9008" s="369"/>
      <c r="D9008" s="369"/>
      <c r="E9008" s="369"/>
      <c r="F9008" s="369"/>
      <c r="G9008" s="369"/>
      <c r="H9008" s="369"/>
      <c r="I9008" s="369"/>
      <c r="J9008" s="369"/>
      <c r="K9008" s="369"/>
      <c r="L9008" s="370"/>
    </row>
    <row r="9009" spans="2:12" ht="28.5">
      <c r="B9009" s="358" t="s">
        <v>18836</v>
      </c>
      <c r="C9009" s="358" t="s">
        <v>29040</v>
      </c>
      <c r="D9009" s="358" t="s">
        <v>18837</v>
      </c>
      <c r="E9009" s="358" t="s">
        <v>6105</v>
      </c>
      <c r="F9009" s="358" t="s">
        <v>14426</v>
      </c>
      <c r="G9009" s="358" t="s">
        <v>14427</v>
      </c>
      <c r="H9009" s="358" t="s">
        <v>14378</v>
      </c>
      <c r="I9009" s="358" t="s">
        <v>14427</v>
      </c>
      <c r="J9009" s="358"/>
      <c r="K9009" s="358" t="s">
        <v>14929</v>
      </c>
      <c r="L9009" s="358"/>
    </row>
    <row r="9010" spans="2:12">
      <c r="B9010" s="367"/>
      <c r="C9010" s="367"/>
      <c r="D9010" s="367"/>
      <c r="E9010" s="367"/>
      <c r="F9010" s="360"/>
      <c r="G9010" s="360"/>
      <c r="H9010" s="360"/>
      <c r="I9010" s="360"/>
      <c r="J9010" s="365"/>
      <c r="K9010" s="360"/>
      <c r="L9010" s="365"/>
    </row>
    <row r="9011" spans="2:12" ht="42.75">
      <c r="B9011" s="367"/>
      <c r="C9011" s="367"/>
      <c r="D9011" s="367"/>
      <c r="E9011" s="367"/>
      <c r="F9011" s="359" t="s">
        <v>28960</v>
      </c>
      <c r="G9011" s="359" t="s">
        <v>14483</v>
      </c>
      <c r="H9011" s="359" t="s">
        <v>14381</v>
      </c>
      <c r="I9011" s="359" t="s">
        <v>14483</v>
      </c>
      <c r="J9011" s="365"/>
      <c r="K9011" s="359" t="s">
        <v>29042</v>
      </c>
      <c r="L9011" s="365"/>
    </row>
    <row r="9012" spans="2:12">
      <c r="B9012" s="367"/>
      <c r="C9012" s="367"/>
      <c r="D9012" s="367"/>
      <c r="E9012" s="367"/>
      <c r="F9012" s="360"/>
      <c r="G9012" s="360"/>
      <c r="H9012" s="360"/>
      <c r="I9012" s="360"/>
      <c r="J9012" s="365"/>
      <c r="K9012" s="360"/>
      <c r="L9012" s="365"/>
    </row>
    <row r="9013" spans="2:12" ht="42.75">
      <c r="B9013" s="367"/>
      <c r="C9013" s="367"/>
      <c r="D9013" s="367"/>
      <c r="E9013" s="367"/>
      <c r="F9013" s="359" t="s">
        <v>29041</v>
      </c>
      <c r="G9013" s="359" t="s">
        <v>14579</v>
      </c>
      <c r="H9013" s="359" t="s">
        <v>14341</v>
      </c>
      <c r="I9013" s="359" t="s">
        <v>14579</v>
      </c>
      <c r="J9013" s="365"/>
      <c r="K9013" s="359" t="s">
        <v>29043</v>
      </c>
      <c r="L9013" s="365"/>
    </row>
    <row r="9014" spans="2:12">
      <c r="B9014" s="367"/>
      <c r="C9014" s="367"/>
      <c r="D9014" s="367"/>
      <c r="E9014" s="367"/>
      <c r="F9014" s="360"/>
      <c r="G9014" s="360"/>
      <c r="H9014" s="360"/>
      <c r="I9014" s="360"/>
      <c r="J9014" s="365"/>
      <c r="K9014" s="360"/>
      <c r="L9014" s="365"/>
    </row>
    <row r="9015" spans="2:12" ht="42.75">
      <c r="B9015" s="367"/>
      <c r="C9015" s="367"/>
      <c r="D9015" s="367"/>
      <c r="E9015" s="367"/>
      <c r="F9015" s="359" t="s">
        <v>14356</v>
      </c>
      <c r="G9015" s="359" t="s">
        <v>14383</v>
      </c>
      <c r="H9015" s="359" t="s">
        <v>14332</v>
      </c>
      <c r="I9015" s="359" t="s">
        <v>14383</v>
      </c>
      <c r="J9015" s="365"/>
      <c r="K9015" s="359" t="s">
        <v>29044</v>
      </c>
      <c r="L9015" s="365"/>
    </row>
    <row r="9016" spans="2:12">
      <c r="B9016" s="367"/>
      <c r="C9016" s="367"/>
      <c r="D9016" s="367"/>
      <c r="E9016" s="367"/>
      <c r="F9016" s="360"/>
      <c r="G9016" s="360"/>
      <c r="H9016" s="360"/>
      <c r="I9016" s="360"/>
      <c r="J9016" s="365"/>
      <c r="K9016" s="360"/>
      <c r="L9016" s="365"/>
    </row>
    <row r="9017" spans="2:12" ht="28.5">
      <c r="B9017" s="368"/>
      <c r="C9017" s="368"/>
      <c r="D9017" s="368"/>
      <c r="E9017" s="368"/>
      <c r="F9017" s="362"/>
      <c r="G9017" s="361" t="s">
        <v>28647</v>
      </c>
      <c r="H9017" s="362"/>
      <c r="I9017" s="361" t="s">
        <v>28647</v>
      </c>
      <c r="J9017" s="366"/>
      <c r="K9017" s="362"/>
      <c r="L9017" s="366"/>
    </row>
    <row r="9018" spans="2:12">
      <c r="B9018" s="358" t="s">
        <v>18838</v>
      </c>
      <c r="C9018" s="358" t="s">
        <v>18839</v>
      </c>
      <c r="D9018" s="358" t="s">
        <v>18840</v>
      </c>
      <c r="E9018" s="358" t="s">
        <v>6038</v>
      </c>
      <c r="F9018" s="358" t="s">
        <v>14443</v>
      </c>
      <c r="G9018" s="358" t="s">
        <v>14444</v>
      </c>
      <c r="H9018" s="358" t="s">
        <v>14378</v>
      </c>
      <c r="I9018" s="358" t="s">
        <v>14444</v>
      </c>
      <c r="J9018" s="358"/>
      <c r="K9018" s="358"/>
      <c r="L9018" s="358"/>
    </row>
    <row r="9019" spans="2:12">
      <c r="B9019" s="367"/>
      <c r="C9019" s="367"/>
      <c r="D9019" s="367"/>
      <c r="E9019" s="367"/>
      <c r="F9019" s="360"/>
      <c r="G9019" s="360"/>
      <c r="H9019" s="360"/>
      <c r="I9019" s="360"/>
      <c r="J9019" s="365"/>
      <c r="K9019" s="365"/>
      <c r="L9019" s="365"/>
    </row>
    <row r="9020" spans="2:12" ht="28.5">
      <c r="B9020" s="367"/>
      <c r="C9020" s="367"/>
      <c r="D9020" s="367"/>
      <c r="E9020" s="367"/>
      <c r="F9020" s="359" t="s">
        <v>29045</v>
      </c>
      <c r="G9020" s="359" t="s">
        <v>14380</v>
      </c>
      <c r="H9020" s="359" t="s">
        <v>14381</v>
      </c>
      <c r="I9020" s="359" t="s">
        <v>14380</v>
      </c>
      <c r="J9020" s="365"/>
      <c r="K9020" s="365"/>
      <c r="L9020" s="365"/>
    </row>
    <row r="9021" spans="2:12">
      <c r="B9021" s="367"/>
      <c r="C9021" s="367"/>
      <c r="D9021" s="367"/>
      <c r="E9021" s="367"/>
      <c r="F9021" s="360"/>
      <c r="G9021" s="360"/>
      <c r="H9021" s="360"/>
      <c r="I9021" s="360"/>
      <c r="J9021" s="365"/>
      <c r="K9021" s="365"/>
      <c r="L9021" s="365"/>
    </row>
    <row r="9022" spans="2:12">
      <c r="B9022" s="367"/>
      <c r="C9022" s="367"/>
      <c r="D9022" s="367"/>
      <c r="E9022" s="367"/>
      <c r="F9022" s="359" t="s">
        <v>14382</v>
      </c>
      <c r="G9022" s="359" t="s">
        <v>14579</v>
      </c>
      <c r="H9022" s="359" t="s">
        <v>14370</v>
      </c>
      <c r="I9022" s="359" t="s">
        <v>14579</v>
      </c>
      <c r="J9022" s="365"/>
      <c r="K9022" s="365"/>
      <c r="L9022" s="365"/>
    </row>
    <row r="9023" spans="2:12">
      <c r="B9023" s="367"/>
      <c r="C9023" s="367"/>
      <c r="D9023" s="367"/>
      <c r="E9023" s="367"/>
      <c r="F9023" s="360"/>
      <c r="G9023" s="360"/>
      <c r="H9023" s="360"/>
      <c r="I9023" s="360"/>
      <c r="J9023" s="365"/>
      <c r="K9023" s="365"/>
      <c r="L9023" s="365"/>
    </row>
    <row r="9024" spans="2:12">
      <c r="B9024" s="367"/>
      <c r="C9024" s="367"/>
      <c r="D9024" s="367"/>
      <c r="E9024" s="367"/>
      <c r="F9024" s="359" t="s">
        <v>14386</v>
      </c>
      <c r="G9024" s="359" t="s">
        <v>14383</v>
      </c>
      <c r="H9024" s="359" t="s">
        <v>14332</v>
      </c>
      <c r="I9024" s="359" t="s">
        <v>14383</v>
      </c>
      <c r="J9024" s="365"/>
      <c r="K9024" s="365"/>
      <c r="L9024" s="365"/>
    </row>
    <row r="9025" spans="2:12">
      <c r="B9025" s="367"/>
      <c r="C9025" s="367"/>
      <c r="D9025" s="367"/>
      <c r="E9025" s="367"/>
      <c r="F9025" s="360"/>
      <c r="G9025" s="360"/>
      <c r="H9025" s="360"/>
      <c r="I9025" s="360"/>
      <c r="J9025" s="365"/>
      <c r="K9025" s="365"/>
      <c r="L9025" s="365"/>
    </row>
    <row r="9026" spans="2:12">
      <c r="B9026" s="367"/>
      <c r="C9026" s="367"/>
      <c r="D9026" s="367"/>
      <c r="E9026" s="367"/>
      <c r="F9026" s="359" t="s">
        <v>14368</v>
      </c>
      <c r="G9026" s="359" t="s">
        <v>14387</v>
      </c>
      <c r="H9026" s="360"/>
      <c r="I9026" s="359" t="s">
        <v>14387</v>
      </c>
      <c r="J9026" s="365"/>
      <c r="K9026" s="365"/>
      <c r="L9026" s="365"/>
    </row>
    <row r="9027" spans="2:12">
      <c r="B9027" s="367"/>
      <c r="C9027" s="367"/>
      <c r="D9027" s="367"/>
      <c r="E9027" s="367"/>
      <c r="F9027" s="360"/>
      <c r="G9027" s="360"/>
      <c r="H9027" s="360"/>
      <c r="I9027" s="360"/>
      <c r="J9027" s="365"/>
      <c r="K9027" s="365"/>
      <c r="L9027" s="365"/>
    </row>
    <row r="9028" spans="2:12">
      <c r="B9028" s="367"/>
      <c r="C9028" s="367"/>
      <c r="D9028" s="367"/>
      <c r="E9028" s="367"/>
      <c r="F9028" s="359" t="s">
        <v>14389</v>
      </c>
      <c r="G9028" s="359" t="s">
        <v>14388</v>
      </c>
      <c r="H9028" s="360"/>
      <c r="I9028" s="359" t="s">
        <v>14388</v>
      </c>
      <c r="J9028" s="365"/>
      <c r="K9028" s="365"/>
      <c r="L9028" s="365"/>
    </row>
    <row r="9029" spans="2:12">
      <c r="B9029" s="367"/>
      <c r="C9029" s="367"/>
      <c r="D9029" s="367"/>
      <c r="E9029" s="367"/>
      <c r="F9029" s="360"/>
      <c r="G9029" s="360"/>
      <c r="H9029" s="360"/>
      <c r="I9029" s="360"/>
      <c r="J9029" s="365"/>
      <c r="K9029" s="365"/>
      <c r="L9029" s="365"/>
    </row>
    <row r="9030" spans="2:12">
      <c r="B9030" s="367"/>
      <c r="C9030" s="367"/>
      <c r="D9030" s="367"/>
      <c r="E9030" s="367"/>
      <c r="F9030" s="359" t="s">
        <v>14371</v>
      </c>
      <c r="G9030" s="359" t="s">
        <v>14390</v>
      </c>
      <c r="H9030" s="360"/>
      <c r="I9030" s="359" t="s">
        <v>14390</v>
      </c>
      <c r="J9030" s="365"/>
      <c r="K9030" s="365"/>
      <c r="L9030" s="365"/>
    </row>
    <row r="9031" spans="2:12">
      <c r="B9031" s="367"/>
      <c r="C9031" s="367"/>
      <c r="D9031" s="367"/>
      <c r="E9031" s="367"/>
      <c r="F9031" s="360"/>
      <c r="G9031" s="360"/>
      <c r="H9031" s="360"/>
      <c r="I9031" s="360"/>
      <c r="J9031" s="365"/>
      <c r="K9031" s="365"/>
      <c r="L9031" s="365"/>
    </row>
    <row r="9032" spans="2:12" ht="28.5">
      <c r="B9032" s="367"/>
      <c r="C9032" s="367"/>
      <c r="D9032" s="367"/>
      <c r="E9032" s="367"/>
      <c r="F9032" s="359" t="s">
        <v>14374</v>
      </c>
      <c r="G9032" s="359" t="s">
        <v>14372</v>
      </c>
      <c r="H9032" s="360"/>
      <c r="I9032" s="359" t="s">
        <v>14373</v>
      </c>
      <c r="J9032" s="365"/>
      <c r="K9032" s="365"/>
      <c r="L9032" s="365"/>
    </row>
    <row r="9033" spans="2:12">
      <c r="B9033" s="367"/>
      <c r="C9033" s="367"/>
      <c r="D9033" s="367"/>
      <c r="E9033" s="367"/>
      <c r="F9033" s="360"/>
      <c r="G9033" s="360"/>
      <c r="H9033" s="360"/>
      <c r="I9033" s="360"/>
      <c r="J9033" s="365"/>
      <c r="K9033" s="365"/>
      <c r="L9033" s="365"/>
    </row>
    <row r="9034" spans="2:12">
      <c r="B9034" s="368"/>
      <c r="C9034" s="368"/>
      <c r="D9034" s="368"/>
      <c r="E9034" s="368"/>
      <c r="F9034" s="362"/>
      <c r="G9034" s="361" t="s">
        <v>14373</v>
      </c>
      <c r="H9034" s="362"/>
      <c r="I9034" s="362"/>
      <c r="J9034" s="366"/>
      <c r="K9034" s="366"/>
      <c r="L9034" s="366"/>
    </row>
    <row r="9035" spans="2:12" ht="28.5">
      <c r="B9035" s="358" t="s">
        <v>18841</v>
      </c>
      <c r="C9035" s="358" t="s">
        <v>29046</v>
      </c>
      <c r="D9035" s="358" t="s">
        <v>18842</v>
      </c>
      <c r="E9035" s="358" t="s">
        <v>18843</v>
      </c>
      <c r="F9035" s="358" t="s">
        <v>14443</v>
      </c>
      <c r="G9035" s="358" t="s">
        <v>14444</v>
      </c>
      <c r="H9035" s="358" t="s">
        <v>14378</v>
      </c>
      <c r="I9035" s="358" t="s">
        <v>14444</v>
      </c>
      <c r="J9035" s="358"/>
      <c r="K9035" s="358"/>
      <c r="L9035" s="358"/>
    </row>
    <row r="9036" spans="2:12">
      <c r="B9036" s="367"/>
      <c r="C9036" s="367"/>
      <c r="D9036" s="360"/>
      <c r="E9036" s="360"/>
      <c r="F9036" s="360"/>
      <c r="G9036" s="360"/>
      <c r="H9036" s="360"/>
      <c r="I9036" s="360"/>
      <c r="J9036" s="365"/>
      <c r="K9036" s="365"/>
      <c r="L9036" s="365"/>
    </row>
    <row r="9037" spans="2:12" ht="42.75">
      <c r="B9037" s="367"/>
      <c r="C9037" s="367"/>
      <c r="D9037" s="359" t="s">
        <v>18844</v>
      </c>
      <c r="E9037" s="359" t="s">
        <v>18845</v>
      </c>
      <c r="F9037" s="359" t="s">
        <v>28950</v>
      </c>
      <c r="G9037" s="359" t="s">
        <v>14380</v>
      </c>
      <c r="H9037" s="359" t="s">
        <v>14381</v>
      </c>
      <c r="I9037" s="359" t="s">
        <v>14380</v>
      </c>
      <c r="J9037" s="365"/>
      <c r="K9037" s="365"/>
      <c r="L9037" s="365"/>
    </row>
    <row r="9038" spans="2:12">
      <c r="B9038" s="367"/>
      <c r="C9038" s="367"/>
      <c r="D9038" s="360"/>
      <c r="E9038" s="360"/>
      <c r="F9038" s="360"/>
      <c r="G9038" s="360"/>
      <c r="H9038" s="360"/>
      <c r="I9038" s="360"/>
      <c r="J9038" s="365"/>
      <c r="K9038" s="365"/>
      <c r="L9038" s="365"/>
    </row>
    <row r="9039" spans="2:12">
      <c r="B9039" s="367"/>
      <c r="C9039" s="367"/>
      <c r="D9039" s="360"/>
      <c r="E9039" s="360"/>
      <c r="F9039" s="359" t="s">
        <v>14386</v>
      </c>
      <c r="G9039" s="359" t="s">
        <v>14579</v>
      </c>
      <c r="H9039" s="359" t="s">
        <v>14370</v>
      </c>
      <c r="I9039" s="359" t="s">
        <v>14579</v>
      </c>
      <c r="J9039" s="365"/>
      <c r="K9039" s="365"/>
      <c r="L9039" s="365"/>
    </row>
    <row r="9040" spans="2:12">
      <c r="B9040" s="367"/>
      <c r="C9040" s="367"/>
      <c r="D9040" s="360"/>
      <c r="E9040" s="360"/>
      <c r="F9040" s="360"/>
      <c r="G9040" s="360"/>
      <c r="H9040" s="360"/>
      <c r="I9040" s="360"/>
      <c r="J9040" s="365"/>
      <c r="K9040" s="365"/>
      <c r="L9040" s="365"/>
    </row>
    <row r="9041" spans="2:12">
      <c r="B9041" s="367"/>
      <c r="C9041" s="367"/>
      <c r="D9041" s="360"/>
      <c r="E9041" s="360"/>
      <c r="F9041" s="359" t="s">
        <v>14368</v>
      </c>
      <c r="G9041" s="359" t="s">
        <v>14383</v>
      </c>
      <c r="H9041" s="359" t="s">
        <v>14332</v>
      </c>
      <c r="I9041" s="359" t="s">
        <v>14383</v>
      </c>
      <c r="J9041" s="365"/>
      <c r="K9041" s="365"/>
      <c r="L9041" s="365"/>
    </row>
    <row r="9042" spans="2:12">
      <c r="B9042" s="367"/>
      <c r="C9042" s="367"/>
      <c r="D9042" s="360"/>
      <c r="E9042" s="360"/>
      <c r="F9042" s="360"/>
      <c r="G9042" s="360"/>
      <c r="H9042" s="360"/>
      <c r="I9042" s="360"/>
      <c r="J9042" s="365"/>
      <c r="K9042" s="365"/>
      <c r="L9042" s="365"/>
    </row>
    <row r="9043" spans="2:12">
      <c r="B9043" s="367"/>
      <c r="C9043" s="367"/>
      <c r="D9043" s="360"/>
      <c r="E9043" s="360"/>
      <c r="F9043" s="359" t="s">
        <v>14389</v>
      </c>
      <c r="G9043" s="359" t="s">
        <v>14387</v>
      </c>
      <c r="H9043" s="360"/>
      <c r="I9043" s="359" t="s">
        <v>14387</v>
      </c>
      <c r="J9043" s="365"/>
      <c r="K9043" s="365"/>
      <c r="L9043" s="365"/>
    </row>
    <row r="9044" spans="2:12">
      <c r="B9044" s="367"/>
      <c r="C9044" s="367"/>
      <c r="D9044" s="360"/>
      <c r="E9044" s="360"/>
      <c r="F9044" s="360"/>
      <c r="G9044" s="360"/>
      <c r="H9044" s="360"/>
      <c r="I9044" s="360"/>
      <c r="J9044" s="365"/>
      <c r="K9044" s="365"/>
      <c r="L9044" s="365"/>
    </row>
    <row r="9045" spans="2:12">
      <c r="B9045" s="367"/>
      <c r="C9045" s="367"/>
      <c r="D9045" s="360"/>
      <c r="E9045" s="360"/>
      <c r="F9045" s="359" t="s">
        <v>14371</v>
      </c>
      <c r="G9045" s="359" t="s">
        <v>14388</v>
      </c>
      <c r="H9045" s="360"/>
      <c r="I9045" s="359" t="s">
        <v>14388</v>
      </c>
      <c r="J9045" s="365"/>
      <c r="K9045" s="365"/>
      <c r="L9045" s="365"/>
    </row>
    <row r="9046" spans="2:12">
      <c r="B9046" s="367"/>
      <c r="C9046" s="367"/>
      <c r="D9046" s="360"/>
      <c r="E9046" s="360"/>
      <c r="F9046" s="360"/>
      <c r="G9046" s="360"/>
      <c r="H9046" s="360"/>
      <c r="I9046" s="360"/>
      <c r="J9046" s="365"/>
      <c r="K9046" s="365"/>
      <c r="L9046" s="365"/>
    </row>
    <row r="9047" spans="2:12" ht="28.5">
      <c r="B9047" s="367"/>
      <c r="C9047" s="367"/>
      <c r="D9047" s="360"/>
      <c r="E9047" s="360"/>
      <c r="F9047" s="359" t="s">
        <v>14374</v>
      </c>
      <c r="G9047" s="359" t="s">
        <v>14390</v>
      </c>
      <c r="H9047" s="360"/>
      <c r="I9047" s="359" t="s">
        <v>14390</v>
      </c>
      <c r="J9047" s="365"/>
      <c r="K9047" s="365"/>
      <c r="L9047" s="365"/>
    </row>
    <row r="9048" spans="2:12">
      <c r="B9048" s="367"/>
      <c r="C9048" s="367"/>
      <c r="D9048" s="360"/>
      <c r="E9048" s="360"/>
      <c r="F9048" s="360"/>
      <c r="G9048" s="360"/>
      <c r="H9048" s="360"/>
      <c r="I9048" s="360"/>
      <c r="J9048" s="365"/>
      <c r="K9048" s="365"/>
      <c r="L9048" s="365"/>
    </row>
    <row r="9049" spans="2:12">
      <c r="B9049" s="367"/>
      <c r="C9049" s="367"/>
      <c r="D9049" s="360"/>
      <c r="E9049" s="360"/>
      <c r="F9049" s="360"/>
      <c r="G9049" s="359" t="s">
        <v>14372</v>
      </c>
      <c r="H9049" s="360"/>
      <c r="I9049" s="359" t="s">
        <v>14373</v>
      </c>
      <c r="J9049" s="365"/>
      <c r="K9049" s="365"/>
      <c r="L9049" s="365"/>
    </row>
    <row r="9050" spans="2:12">
      <c r="B9050" s="367"/>
      <c r="C9050" s="367"/>
      <c r="D9050" s="360"/>
      <c r="E9050" s="360"/>
      <c r="F9050" s="360"/>
      <c r="G9050" s="360"/>
      <c r="H9050" s="360"/>
      <c r="I9050" s="360"/>
      <c r="J9050" s="365"/>
      <c r="K9050" s="365"/>
      <c r="L9050" s="365"/>
    </row>
    <row r="9051" spans="2:12">
      <c r="B9051" s="368"/>
      <c r="C9051" s="368"/>
      <c r="D9051" s="362"/>
      <c r="E9051" s="362"/>
      <c r="F9051" s="362"/>
      <c r="G9051" s="361" t="s">
        <v>14373</v>
      </c>
      <c r="H9051" s="362"/>
      <c r="I9051" s="362"/>
      <c r="J9051" s="366"/>
      <c r="K9051" s="366"/>
      <c r="L9051" s="366"/>
    </row>
    <row r="9052" spans="2:12" ht="28.5">
      <c r="B9052" s="358" t="s">
        <v>18846</v>
      </c>
      <c r="C9052" s="358" t="s">
        <v>30145</v>
      </c>
      <c r="D9052" s="358" t="s">
        <v>18847</v>
      </c>
      <c r="E9052" s="358" t="s">
        <v>18848</v>
      </c>
      <c r="F9052" s="358" t="s">
        <v>28960</v>
      </c>
      <c r="G9052" s="358" t="s">
        <v>14579</v>
      </c>
      <c r="H9052" s="358" t="s">
        <v>14378</v>
      </c>
      <c r="I9052" s="358" t="s">
        <v>14579</v>
      </c>
      <c r="J9052" s="358"/>
      <c r="K9052" s="358" t="s">
        <v>14929</v>
      </c>
      <c r="L9052" s="358" t="s">
        <v>14611</v>
      </c>
    </row>
    <row r="9053" spans="2:12">
      <c r="B9053" s="367"/>
      <c r="C9053" s="367"/>
      <c r="D9053" s="360"/>
      <c r="E9053" s="360"/>
      <c r="F9053" s="360"/>
      <c r="G9053" s="360"/>
      <c r="H9053" s="360"/>
      <c r="I9053" s="360"/>
      <c r="J9053" s="365"/>
      <c r="K9053" s="367"/>
      <c r="L9053" s="367"/>
    </row>
    <row r="9054" spans="2:12">
      <c r="B9054" s="367"/>
      <c r="C9054" s="367"/>
      <c r="D9054" s="359" t="s">
        <v>18849</v>
      </c>
      <c r="E9054" s="359" t="s">
        <v>18850</v>
      </c>
      <c r="F9054" s="359" t="s">
        <v>14356</v>
      </c>
      <c r="G9054" s="359" t="s">
        <v>14383</v>
      </c>
      <c r="H9054" s="359" t="s">
        <v>14341</v>
      </c>
      <c r="I9054" s="359" t="s">
        <v>14383</v>
      </c>
      <c r="J9054" s="365"/>
      <c r="K9054" s="367"/>
      <c r="L9054" s="367"/>
    </row>
    <row r="9055" spans="2:12">
      <c r="B9055" s="367"/>
      <c r="C9055" s="367"/>
      <c r="D9055" s="360"/>
      <c r="E9055" s="360"/>
      <c r="F9055" s="360"/>
      <c r="G9055" s="360"/>
      <c r="H9055" s="360"/>
      <c r="I9055" s="360"/>
      <c r="J9055" s="365"/>
      <c r="K9055" s="367"/>
      <c r="L9055" s="367"/>
    </row>
    <row r="9056" spans="2:12">
      <c r="B9056" s="367"/>
      <c r="C9056" s="367"/>
      <c r="D9056" s="359" t="s">
        <v>18851</v>
      </c>
      <c r="E9056" s="359" t="s">
        <v>18852</v>
      </c>
      <c r="F9056" s="360"/>
      <c r="G9056" s="359" t="s">
        <v>14340</v>
      </c>
      <c r="H9056" s="359" t="s">
        <v>14332</v>
      </c>
      <c r="I9056" s="359" t="s">
        <v>14340</v>
      </c>
      <c r="J9056" s="365"/>
      <c r="K9056" s="367"/>
      <c r="L9056" s="367"/>
    </row>
    <row r="9057" spans="2:12">
      <c r="B9057" s="367"/>
      <c r="C9057" s="367"/>
      <c r="D9057" s="360"/>
      <c r="E9057" s="360"/>
      <c r="F9057" s="360"/>
      <c r="G9057" s="360"/>
      <c r="H9057" s="360"/>
      <c r="I9057" s="360"/>
      <c r="J9057" s="365"/>
      <c r="K9057" s="367"/>
      <c r="L9057" s="367"/>
    </row>
    <row r="9058" spans="2:12" ht="28.5">
      <c r="B9058" s="368"/>
      <c r="C9058" s="368"/>
      <c r="D9058" s="361" t="s">
        <v>18853</v>
      </c>
      <c r="E9058" s="361" t="s">
        <v>18854</v>
      </c>
      <c r="F9058" s="362"/>
      <c r="G9058" s="362"/>
      <c r="H9058" s="362"/>
      <c r="I9058" s="362"/>
      <c r="J9058" s="366"/>
      <c r="K9058" s="368"/>
      <c r="L9058" s="368"/>
    </row>
    <row r="9059" spans="2:12">
      <c r="B9059" s="358" t="s">
        <v>18855</v>
      </c>
      <c r="C9059" s="358" t="s">
        <v>29047</v>
      </c>
      <c r="D9059" s="358" t="s">
        <v>18856</v>
      </c>
      <c r="E9059" s="358" t="s">
        <v>1392</v>
      </c>
      <c r="F9059" s="358" t="s">
        <v>14443</v>
      </c>
      <c r="G9059" s="358" t="s">
        <v>14444</v>
      </c>
      <c r="H9059" s="358" t="s">
        <v>14341</v>
      </c>
      <c r="I9059" s="358" t="s">
        <v>14444</v>
      </c>
      <c r="J9059" s="358"/>
      <c r="K9059" s="358" t="s">
        <v>14820</v>
      </c>
      <c r="L9059" s="358"/>
    </row>
    <row r="9060" spans="2:12">
      <c r="B9060" s="367"/>
      <c r="C9060" s="367"/>
      <c r="D9060" s="367"/>
      <c r="E9060" s="367"/>
      <c r="F9060" s="360"/>
      <c r="G9060" s="360"/>
      <c r="H9060" s="360"/>
      <c r="I9060" s="360"/>
      <c r="J9060" s="365"/>
      <c r="K9060" s="367"/>
      <c r="L9060" s="365"/>
    </row>
    <row r="9061" spans="2:12">
      <c r="B9061" s="367"/>
      <c r="C9061" s="367"/>
      <c r="D9061" s="367"/>
      <c r="E9061" s="367"/>
      <c r="F9061" s="359" t="s">
        <v>14426</v>
      </c>
      <c r="G9061" s="359" t="s">
        <v>14427</v>
      </c>
      <c r="H9061" s="359" t="s">
        <v>14381</v>
      </c>
      <c r="I9061" s="359" t="s">
        <v>14427</v>
      </c>
      <c r="J9061" s="365"/>
      <c r="K9061" s="367"/>
      <c r="L9061" s="365"/>
    </row>
    <row r="9062" spans="2:12">
      <c r="B9062" s="367"/>
      <c r="C9062" s="367"/>
      <c r="D9062" s="367"/>
      <c r="E9062" s="367"/>
      <c r="F9062" s="360"/>
      <c r="G9062" s="360"/>
      <c r="H9062" s="360"/>
      <c r="I9062" s="360"/>
      <c r="J9062" s="365"/>
      <c r="K9062" s="367"/>
      <c r="L9062" s="365"/>
    </row>
    <row r="9063" spans="2:12">
      <c r="B9063" s="367"/>
      <c r="C9063" s="367"/>
      <c r="D9063" s="367"/>
      <c r="E9063" s="367"/>
      <c r="F9063" s="359" t="s">
        <v>14420</v>
      </c>
      <c r="G9063" s="359" t="s">
        <v>14429</v>
      </c>
      <c r="H9063" s="359" t="s">
        <v>14367</v>
      </c>
      <c r="I9063" s="359" t="s">
        <v>14429</v>
      </c>
      <c r="J9063" s="365"/>
      <c r="K9063" s="367"/>
      <c r="L9063" s="365"/>
    </row>
    <row r="9064" spans="2:12">
      <c r="B9064" s="367"/>
      <c r="C9064" s="367"/>
      <c r="D9064" s="367"/>
      <c r="E9064" s="367"/>
      <c r="F9064" s="360"/>
      <c r="G9064" s="360"/>
      <c r="H9064" s="360"/>
      <c r="I9064" s="360"/>
      <c r="J9064" s="365"/>
      <c r="K9064" s="367"/>
      <c r="L9064" s="365"/>
    </row>
    <row r="9065" spans="2:12">
      <c r="B9065" s="367"/>
      <c r="C9065" s="367"/>
      <c r="D9065" s="367"/>
      <c r="E9065" s="367"/>
      <c r="F9065" s="359" t="s">
        <v>14430</v>
      </c>
      <c r="G9065" s="359" t="s">
        <v>14431</v>
      </c>
      <c r="H9065" s="359" t="s">
        <v>14370</v>
      </c>
      <c r="I9065" s="359" t="s">
        <v>14431</v>
      </c>
      <c r="J9065" s="365"/>
      <c r="K9065" s="367"/>
      <c r="L9065" s="365"/>
    </row>
    <row r="9066" spans="2:12">
      <c r="B9066" s="367"/>
      <c r="C9066" s="367"/>
      <c r="D9066" s="367"/>
      <c r="E9066" s="367"/>
      <c r="F9066" s="360"/>
      <c r="G9066" s="360"/>
      <c r="H9066" s="360"/>
      <c r="I9066" s="360"/>
      <c r="J9066" s="365"/>
      <c r="K9066" s="367"/>
      <c r="L9066" s="365"/>
    </row>
    <row r="9067" spans="2:12">
      <c r="B9067" s="367"/>
      <c r="C9067" s="367"/>
      <c r="D9067" s="367"/>
      <c r="E9067" s="367"/>
      <c r="F9067" s="359" t="s">
        <v>14391</v>
      </c>
      <c r="G9067" s="359" t="s">
        <v>14392</v>
      </c>
      <c r="H9067" s="359" t="s">
        <v>14332</v>
      </c>
      <c r="I9067" s="359" t="s">
        <v>14392</v>
      </c>
      <c r="J9067" s="365"/>
      <c r="K9067" s="367"/>
      <c r="L9067" s="365"/>
    </row>
    <row r="9068" spans="2:12">
      <c r="B9068" s="367"/>
      <c r="C9068" s="367"/>
      <c r="D9068" s="367"/>
      <c r="E9068" s="367"/>
      <c r="F9068" s="360"/>
      <c r="G9068" s="360"/>
      <c r="H9068" s="360"/>
      <c r="I9068" s="360"/>
      <c r="J9068" s="365"/>
      <c r="K9068" s="367"/>
      <c r="L9068" s="365"/>
    </row>
    <row r="9069" spans="2:12">
      <c r="B9069" s="368"/>
      <c r="C9069" s="368"/>
      <c r="D9069" s="368"/>
      <c r="E9069" s="368"/>
      <c r="F9069" s="361" t="s">
        <v>14371</v>
      </c>
      <c r="G9069" s="361" t="s">
        <v>14372</v>
      </c>
      <c r="H9069" s="362"/>
      <c r="I9069" s="361" t="s">
        <v>14372</v>
      </c>
      <c r="J9069" s="366"/>
      <c r="K9069" s="368"/>
      <c r="L9069" s="366"/>
    </row>
    <row r="9070" spans="2:12" ht="42.75">
      <c r="B9070" s="358" t="s">
        <v>18857</v>
      </c>
      <c r="C9070" s="358" t="s">
        <v>29048</v>
      </c>
      <c r="D9070" s="358" t="s">
        <v>18858</v>
      </c>
      <c r="E9070" s="358" t="s">
        <v>18859</v>
      </c>
      <c r="F9070" s="358" t="s">
        <v>14382</v>
      </c>
      <c r="G9070" s="358" t="s">
        <v>14579</v>
      </c>
      <c r="H9070" s="358" t="s">
        <v>14378</v>
      </c>
      <c r="I9070" s="358" t="s">
        <v>14579</v>
      </c>
      <c r="J9070" s="358"/>
      <c r="K9070" s="358"/>
      <c r="L9070" s="358" t="s">
        <v>14611</v>
      </c>
    </row>
    <row r="9071" spans="2:12">
      <c r="B9071" s="367"/>
      <c r="C9071" s="367"/>
      <c r="D9071" s="360"/>
      <c r="E9071" s="360"/>
      <c r="F9071" s="360"/>
      <c r="G9071" s="360"/>
      <c r="H9071" s="360"/>
      <c r="I9071" s="360"/>
      <c r="J9071" s="365"/>
      <c r="K9071" s="365"/>
      <c r="L9071" s="367"/>
    </row>
    <row r="9072" spans="2:12">
      <c r="B9072" s="367"/>
      <c r="C9072" s="367"/>
      <c r="D9072" s="359" t="s">
        <v>18860</v>
      </c>
      <c r="E9072" s="359" t="s">
        <v>18861</v>
      </c>
      <c r="F9072" s="359" t="s">
        <v>14382</v>
      </c>
      <c r="G9072" s="359" t="s">
        <v>14383</v>
      </c>
      <c r="H9072" s="359" t="s">
        <v>14341</v>
      </c>
      <c r="I9072" s="359" t="s">
        <v>14383</v>
      </c>
      <c r="J9072" s="365"/>
      <c r="K9072" s="365"/>
      <c r="L9072" s="367"/>
    </row>
    <row r="9073" spans="2:12">
      <c r="B9073" s="367"/>
      <c r="C9073" s="367"/>
      <c r="D9073" s="360"/>
      <c r="E9073" s="360"/>
      <c r="F9073" s="360"/>
      <c r="G9073" s="360"/>
      <c r="H9073" s="360"/>
      <c r="I9073" s="360"/>
      <c r="J9073" s="365"/>
      <c r="K9073" s="365"/>
      <c r="L9073" s="367"/>
    </row>
    <row r="9074" spans="2:12">
      <c r="B9074" s="367"/>
      <c r="C9074" s="367"/>
      <c r="D9074" s="359" t="s">
        <v>18862</v>
      </c>
      <c r="E9074" s="359" t="s">
        <v>18863</v>
      </c>
      <c r="F9074" s="359" t="s">
        <v>14356</v>
      </c>
      <c r="G9074" s="359" t="s">
        <v>14340</v>
      </c>
      <c r="H9074" s="359" t="s">
        <v>14370</v>
      </c>
      <c r="I9074" s="359" t="s">
        <v>14340</v>
      </c>
      <c r="J9074" s="365"/>
      <c r="K9074" s="365"/>
      <c r="L9074" s="367"/>
    </row>
    <row r="9075" spans="2:12">
      <c r="B9075" s="367"/>
      <c r="C9075" s="367"/>
      <c r="D9075" s="360"/>
      <c r="E9075" s="360"/>
      <c r="F9075" s="360"/>
      <c r="G9075" s="360"/>
      <c r="H9075" s="360"/>
      <c r="I9075" s="360"/>
      <c r="J9075" s="365"/>
      <c r="K9075" s="365"/>
      <c r="L9075" s="367"/>
    </row>
    <row r="9076" spans="2:12" ht="28.5">
      <c r="B9076" s="367"/>
      <c r="C9076" s="367"/>
      <c r="D9076" s="359" t="s">
        <v>18864</v>
      </c>
      <c r="E9076" s="359" t="s">
        <v>18865</v>
      </c>
      <c r="F9076" s="359" t="s">
        <v>14394</v>
      </c>
      <c r="G9076" s="359" t="s">
        <v>14395</v>
      </c>
      <c r="H9076" s="359" t="s">
        <v>14332</v>
      </c>
      <c r="I9076" s="359" t="s">
        <v>14395</v>
      </c>
      <c r="J9076" s="365"/>
      <c r="K9076" s="365"/>
      <c r="L9076" s="367"/>
    </row>
    <row r="9077" spans="2:12">
      <c r="B9077" s="367"/>
      <c r="C9077" s="367"/>
      <c r="D9077" s="360"/>
      <c r="E9077" s="360"/>
      <c r="F9077" s="360"/>
      <c r="G9077" s="360"/>
      <c r="H9077" s="360"/>
      <c r="I9077" s="360"/>
      <c r="J9077" s="365"/>
      <c r="K9077" s="365"/>
      <c r="L9077" s="367"/>
    </row>
    <row r="9078" spans="2:12">
      <c r="B9078" s="367"/>
      <c r="C9078" s="367"/>
      <c r="D9078" s="359" t="s">
        <v>18866</v>
      </c>
      <c r="E9078" s="359" t="s">
        <v>18867</v>
      </c>
      <c r="F9078" s="360"/>
      <c r="G9078" s="360"/>
      <c r="H9078" s="360"/>
      <c r="I9078" s="360"/>
      <c r="J9078" s="365"/>
      <c r="K9078" s="365"/>
      <c r="L9078" s="367"/>
    </row>
    <row r="9079" spans="2:12">
      <c r="B9079" s="367"/>
      <c r="C9079" s="367"/>
      <c r="D9079" s="360"/>
      <c r="E9079" s="360"/>
      <c r="F9079" s="360"/>
      <c r="G9079" s="360"/>
      <c r="H9079" s="360"/>
      <c r="I9079" s="360"/>
      <c r="J9079" s="365"/>
      <c r="K9079" s="365"/>
      <c r="L9079" s="367"/>
    </row>
    <row r="9080" spans="2:12" ht="28.5">
      <c r="B9080" s="367"/>
      <c r="C9080" s="367"/>
      <c r="D9080" s="359" t="s">
        <v>18868</v>
      </c>
      <c r="E9080" s="359" t="s">
        <v>18869</v>
      </c>
      <c r="F9080" s="360"/>
      <c r="G9080" s="360"/>
      <c r="H9080" s="360"/>
      <c r="I9080" s="360"/>
      <c r="J9080" s="365"/>
      <c r="K9080" s="365"/>
      <c r="L9080" s="367"/>
    </row>
    <row r="9081" spans="2:12">
      <c r="B9081" s="367"/>
      <c r="C9081" s="367"/>
      <c r="D9081" s="360"/>
      <c r="E9081" s="360"/>
      <c r="F9081" s="360"/>
      <c r="G9081" s="360"/>
      <c r="H9081" s="360"/>
      <c r="I9081" s="360"/>
      <c r="J9081" s="365"/>
      <c r="K9081" s="365"/>
      <c r="L9081" s="367"/>
    </row>
    <row r="9082" spans="2:12" ht="28.5">
      <c r="B9082" s="368"/>
      <c r="C9082" s="368"/>
      <c r="D9082" s="361" t="s">
        <v>18870</v>
      </c>
      <c r="E9082" s="361" t="s">
        <v>18871</v>
      </c>
      <c r="F9082" s="362"/>
      <c r="G9082" s="362"/>
      <c r="H9082" s="362"/>
      <c r="I9082" s="362"/>
      <c r="J9082" s="366"/>
      <c r="K9082" s="366"/>
      <c r="L9082" s="368"/>
    </row>
    <row r="9083" spans="2:12">
      <c r="B9083" s="358" t="s">
        <v>18872</v>
      </c>
      <c r="C9083" s="358" t="s">
        <v>18873</v>
      </c>
      <c r="D9083" s="358" t="s">
        <v>18874</v>
      </c>
      <c r="E9083" s="358" t="s">
        <v>18875</v>
      </c>
      <c r="F9083" s="358" t="s">
        <v>14420</v>
      </c>
      <c r="G9083" s="358" t="s">
        <v>14459</v>
      </c>
      <c r="H9083" s="358" t="s">
        <v>14367</v>
      </c>
      <c r="I9083" s="358" t="s">
        <v>14459</v>
      </c>
      <c r="J9083" s="358"/>
      <c r="K9083" s="358"/>
      <c r="L9083" s="358"/>
    </row>
    <row r="9084" spans="2:12">
      <c r="B9084" s="367"/>
      <c r="C9084" s="367"/>
      <c r="D9084" s="367"/>
      <c r="E9084" s="367"/>
      <c r="F9084" s="360"/>
      <c r="G9084" s="360"/>
      <c r="H9084" s="360"/>
      <c r="I9084" s="360"/>
      <c r="J9084" s="365"/>
      <c r="K9084" s="365"/>
      <c r="L9084" s="365"/>
    </row>
    <row r="9085" spans="2:12" ht="28.5">
      <c r="B9085" s="367"/>
      <c r="C9085" s="367"/>
      <c r="D9085" s="367"/>
      <c r="E9085" s="367"/>
      <c r="F9085" s="359" t="s">
        <v>29049</v>
      </c>
      <c r="G9085" s="359" t="s">
        <v>14429</v>
      </c>
      <c r="H9085" s="359" t="s">
        <v>14370</v>
      </c>
      <c r="I9085" s="359" t="s">
        <v>14429</v>
      </c>
      <c r="J9085" s="365"/>
      <c r="K9085" s="365"/>
      <c r="L9085" s="365"/>
    </row>
    <row r="9086" spans="2:12">
      <c r="B9086" s="367"/>
      <c r="C9086" s="367"/>
      <c r="D9086" s="367"/>
      <c r="E9086" s="367"/>
      <c r="F9086" s="360"/>
      <c r="G9086" s="360"/>
      <c r="H9086" s="360"/>
      <c r="I9086" s="360"/>
      <c r="J9086" s="365"/>
      <c r="K9086" s="365"/>
      <c r="L9086" s="365"/>
    </row>
    <row r="9087" spans="2:12">
      <c r="B9087" s="368"/>
      <c r="C9087" s="368"/>
      <c r="D9087" s="368"/>
      <c r="E9087" s="368"/>
      <c r="F9087" s="362"/>
      <c r="G9087" s="361" t="s">
        <v>14372</v>
      </c>
      <c r="H9087" s="361" t="s">
        <v>14422</v>
      </c>
      <c r="I9087" s="361" t="s">
        <v>14372</v>
      </c>
      <c r="J9087" s="366"/>
      <c r="K9087" s="366"/>
      <c r="L9087" s="366"/>
    </row>
    <row r="9088" spans="2:12" ht="28.5">
      <c r="B9088" s="358" t="s">
        <v>18876</v>
      </c>
      <c r="C9088" s="358" t="s">
        <v>29050</v>
      </c>
      <c r="D9088" s="358" t="s">
        <v>18877</v>
      </c>
      <c r="E9088" s="358" t="s">
        <v>18878</v>
      </c>
      <c r="F9088" s="358" t="s">
        <v>14420</v>
      </c>
      <c r="G9088" s="358" t="s">
        <v>14459</v>
      </c>
      <c r="H9088" s="358" t="s">
        <v>14367</v>
      </c>
      <c r="I9088" s="358" t="s">
        <v>14459</v>
      </c>
      <c r="J9088" s="358"/>
      <c r="K9088" s="358"/>
      <c r="L9088" s="358" t="s">
        <v>14611</v>
      </c>
    </row>
    <row r="9089" spans="2:12">
      <c r="B9089" s="367"/>
      <c r="C9089" s="367"/>
      <c r="D9089" s="360"/>
      <c r="E9089" s="360"/>
      <c r="F9089" s="360"/>
      <c r="G9089" s="360"/>
      <c r="H9089" s="360"/>
      <c r="I9089" s="360"/>
      <c r="J9089" s="365"/>
      <c r="K9089" s="365"/>
      <c r="L9089" s="367"/>
    </row>
    <row r="9090" spans="2:12">
      <c r="B9090" s="367"/>
      <c r="C9090" s="367"/>
      <c r="D9090" s="359" t="s">
        <v>18879</v>
      </c>
      <c r="E9090" s="359" t="s">
        <v>18880</v>
      </c>
      <c r="F9090" s="359" t="s">
        <v>14420</v>
      </c>
      <c r="G9090" s="359" t="s">
        <v>14421</v>
      </c>
      <c r="H9090" s="359" t="s">
        <v>14370</v>
      </c>
      <c r="I9090" s="359" t="s">
        <v>14421</v>
      </c>
      <c r="J9090" s="365"/>
      <c r="K9090" s="365"/>
      <c r="L9090" s="367"/>
    </row>
    <row r="9091" spans="2:12">
      <c r="B9091" s="367"/>
      <c r="C9091" s="367"/>
      <c r="D9091" s="360"/>
      <c r="E9091" s="360"/>
      <c r="F9091" s="360"/>
      <c r="G9091" s="360"/>
      <c r="H9091" s="360"/>
      <c r="I9091" s="360"/>
      <c r="J9091" s="365"/>
      <c r="K9091" s="365"/>
      <c r="L9091" s="367"/>
    </row>
    <row r="9092" spans="2:12">
      <c r="B9092" s="367"/>
      <c r="C9092" s="367"/>
      <c r="D9092" s="359" t="s">
        <v>18881</v>
      </c>
      <c r="E9092" s="359" t="s">
        <v>18882</v>
      </c>
      <c r="F9092" s="359" t="s">
        <v>14420</v>
      </c>
      <c r="G9092" s="359" t="s">
        <v>14429</v>
      </c>
      <c r="H9092" s="359" t="s">
        <v>14422</v>
      </c>
      <c r="I9092" s="359" t="s">
        <v>14429</v>
      </c>
      <c r="J9092" s="365"/>
      <c r="K9092" s="365"/>
      <c r="L9092" s="367"/>
    </row>
    <row r="9093" spans="2:12">
      <c r="B9093" s="367"/>
      <c r="C9093" s="367"/>
      <c r="D9093" s="360"/>
      <c r="E9093" s="360"/>
      <c r="F9093" s="360"/>
      <c r="G9093" s="360"/>
      <c r="H9093" s="360"/>
      <c r="I9093" s="360"/>
      <c r="J9093" s="365"/>
      <c r="K9093" s="365"/>
      <c r="L9093" s="367"/>
    </row>
    <row r="9094" spans="2:12" ht="28.5">
      <c r="B9094" s="368"/>
      <c r="C9094" s="368"/>
      <c r="D9094" s="361" t="s">
        <v>18883</v>
      </c>
      <c r="E9094" s="361" t="s">
        <v>18884</v>
      </c>
      <c r="F9094" s="361" t="s">
        <v>14394</v>
      </c>
      <c r="G9094" s="361" t="s">
        <v>14395</v>
      </c>
      <c r="H9094" s="362"/>
      <c r="I9094" s="361" t="s">
        <v>14395</v>
      </c>
      <c r="J9094" s="366"/>
      <c r="K9094" s="366"/>
      <c r="L9094" s="368"/>
    </row>
    <row r="9095" spans="2:12">
      <c r="B9095" s="358" t="s">
        <v>18885</v>
      </c>
      <c r="C9095" s="358" t="s">
        <v>29051</v>
      </c>
      <c r="D9095" s="358" t="s">
        <v>18886</v>
      </c>
      <c r="E9095" s="358" t="s">
        <v>18887</v>
      </c>
      <c r="F9095" s="358" t="s">
        <v>14426</v>
      </c>
      <c r="G9095" s="358" t="s">
        <v>14427</v>
      </c>
      <c r="H9095" s="358" t="s">
        <v>14381</v>
      </c>
      <c r="I9095" s="358" t="s">
        <v>14427</v>
      </c>
      <c r="J9095" s="358"/>
      <c r="K9095" s="358" t="s">
        <v>14929</v>
      </c>
      <c r="L9095" s="358"/>
    </row>
    <row r="9096" spans="2:12">
      <c r="B9096" s="367"/>
      <c r="C9096" s="367"/>
      <c r="D9096" s="367"/>
      <c r="E9096" s="367"/>
      <c r="F9096" s="360"/>
      <c r="G9096" s="360"/>
      <c r="H9096" s="360"/>
      <c r="I9096" s="360"/>
      <c r="J9096" s="365"/>
      <c r="K9096" s="367"/>
      <c r="L9096" s="365"/>
    </row>
    <row r="9097" spans="2:12">
      <c r="B9097" s="367"/>
      <c r="C9097" s="367"/>
      <c r="D9097" s="367"/>
      <c r="E9097" s="367"/>
      <c r="F9097" s="359" t="s">
        <v>14420</v>
      </c>
      <c r="G9097" s="359" t="s">
        <v>14459</v>
      </c>
      <c r="H9097" s="359" t="s">
        <v>14367</v>
      </c>
      <c r="I9097" s="359" t="s">
        <v>14459</v>
      </c>
      <c r="J9097" s="365"/>
      <c r="K9097" s="367"/>
      <c r="L9097" s="365"/>
    </row>
    <row r="9098" spans="2:12">
      <c r="B9098" s="367"/>
      <c r="C9098" s="367"/>
      <c r="D9098" s="367"/>
      <c r="E9098" s="367"/>
      <c r="F9098" s="360"/>
      <c r="G9098" s="360"/>
      <c r="H9098" s="360"/>
      <c r="I9098" s="360"/>
      <c r="J9098" s="365"/>
      <c r="K9098" s="367"/>
      <c r="L9098" s="365"/>
    </row>
    <row r="9099" spans="2:12">
      <c r="B9099" s="367"/>
      <c r="C9099" s="367"/>
      <c r="D9099" s="367"/>
      <c r="E9099" s="367"/>
      <c r="F9099" s="359" t="s">
        <v>14420</v>
      </c>
      <c r="G9099" s="359" t="s">
        <v>14421</v>
      </c>
      <c r="H9099" s="359" t="s">
        <v>14422</v>
      </c>
      <c r="I9099" s="359" t="s">
        <v>14421</v>
      </c>
      <c r="J9099" s="365"/>
      <c r="K9099" s="367"/>
      <c r="L9099" s="365"/>
    </row>
    <row r="9100" spans="2:12">
      <c r="B9100" s="367"/>
      <c r="C9100" s="367"/>
      <c r="D9100" s="367"/>
      <c r="E9100" s="367"/>
      <c r="F9100" s="360"/>
      <c r="G9100" s="360"/>
      <c r="H9100" s="360"/>
      <c r="I9100" s="360"/>
      <c r="J9100" s="365"/>
      <c r="K9100" s="367"/>
      <c r="L9100" s="365"/>
    </row>
    <row r="9101" spans="2:12">
      <c r="B9101" s="367"/>
      <c r="C9101" s="367"/>
      <c r="D9101" s="367"/>
      <c r="E9101" s="367"/>
      <c r="F9101" s="359" t="s">
        <v>14420</v>
      </c>
      <c r="G9101" s="359" t="s">
        <v>14429</v>
      </c>
      <c r="H9101" s="360"/>
      <c r="I9101" s="359" t="s">
        <v>14429</v>
      </c>
      <c r="J9101" s="365"/>
      <c r="K9101" s="367"/>
      <c r="L9101" s="365"/>
    </row>
    <row r="9102" spans="2:12">
      <c r="B9102" s="367"/>
      <c r="C9102" s="367"/>
      <c r="D9102" s="367"/>
      <c r="E9102" s="367"/>
      <c r="F9102" s="360"/>
      <c r="G9102" s="360"/>
      <c r="H9102" s="360"/>
      <c r="I9102" s="360"/>
      <c r="J9102" s="365"/>
      <c r="K9102" s="367"/>
      <c r="L9102" s="365"/>
    </row>
    <row r="9103" spans="2:12" ht="28.5">
      <c r="B9103" s="368"/>
      <c r="C9103" s="368"/>
      <c r="D9103" s="368"/>
      <c r="E9103" s="368"/>
      <c r="F9103" s="361" t="s">
        <v>14472</v>
      </c>
      <c r="G9103" s="361" t="s">
        <v>14473</v>
      </c>
      <c r="H9103" s="362"/>
      <c r="I9103" s="361" t="s">
        <v>14473</v>
      </c>
      <c r="J9103" s="366"/>
      <c r="K9103" s="368"/>
      <c r="L9103" s="366"/>
    </row>
    <row r="9104" spans="2:12">
      <c r="B9104" s="358" t="s">
        <v>18888</v>
      </c>
      <c r="C9104" s="358" t="s">
        <v>29052</v>
      </c>
      <c r="D9104" s="358" t="s">
        <v>18889</v>
      </c>
      <c r="E9104" s="358" t="s">
        <v>18890</v>
      </c>
      <c r="F9104" s="358" t="s">
        <v>14420</v>
      </c>
      <c r="G9104" s="358" t="s">
        <v>14429</v>
      </c>
      <c r="H9104" s="358" t="s">
        <v>14367</v>
      </c>
      <c r="I9104" s="358" t="s">
        <v>14429</v>
      </c>
      <c r="J9104" s="358"/>
      <c r="K9104" s="358" t="s">
        <v>14929</v>
      </c>
      <c r="L9104" s="358"/>
    </row>
    <row r="9105" spans="2:12">
      <c r="B9105" s="367"/>
      <c r="C9105" s="367"/>
      <c r="D9105" s="367"/>
      <c r="E9105" s="367"/>
      <c r="F9105" s="360"/>
      <c r="G9105" s="360"/>
      <c r="H9105" s="360"/>
      <c r="I9105" s="360"/>
      <c r="J9105" s="365"/>
      <c r="K9105" s="367"/>
      <c r="L9105" s="365"/>
    </row>
    <row r="9106" spans="2:12">
      <c r="B9106" s="367"/>
      <c r="C9106" s="367"/>
      <c r="D9106" s="367"/>
      <c r="E9106" s="367"/>
      <c r="F9106" s="359" t="s">
        <v>14386</v>
      </c>
      <c r="G9106" s="359" t="s">
        <v>14387</v>
      </c>
      <c r="H9106" s="359" t="s">
        <v>14370</v>
      </c>
      <c r="I9106" s="359" t="s">
        <v>14387</v>
      </c>
      <c r="J9106" s="365"/>
      <c r="K9106" s="367"/>
      <c r="L9106" s="365"/>
    </row>
    <row r="9107" spans="2:12">
      <c r="B9107" s="367"/>
      <c r="C9107" s="367"/>
      <c r="D9107" s="367"/>
      <c r="E9107" s="367"/>
      <c r="F9107" s="360"/>
      <c r="G9107" s="360"/>
      <c r="H9107" s="360"/>
      <c r="I9107" s="360"/>
      <c r="J9107" s="365"/>
      <c r="K9107" s="367"/>
      <c r="L9107" s="365"/>
    </row>
    <row r="9108" spans="2:12">
      <c r="B9108" s="367"/>
      <c r="C9108" s="367"/>
      <c r="D9108" s="367"/>
      <c r="E9108" s="367"/>
      <c r="F9108" s="359" t="s">
        <v>14389</v>
      </c>
      <c r="G9108" s="359" t="s">
        <v>14390</v>
      </c>
      <c r="H9108" s="359" t="s">
        <v>14422</v>
      </c>
      <c r="I9108" s="359" t="s">
        <v>14390</v>
      </c>
      <c r="J9108" s="365"/>
      <c r="K9108" s="367"/>
      <c r="L9108" s="365"/>
    </row>
    <row r="9109" spans="2:12">
      <c r="B9109" s="367"/>
      <c r="C9109" s="367"/>
      <c r="D9109" s="367"/>
      <c r="E9109" s="367"/>
      <c r="F9109" s="360"/>
      <c r="G9109" s="360"/>
      <c r="H9109" s="360"/>
      <c r="I9109" s="360"/>
      <c r="J9109" s="365"/>
      <c r="K9109" s="367"/>
      <c r="L9109" s="365"/>
    </row>
    <row r="9110" spans="2:12">
      <c r="B9110" s="368"/>
      <c r="C9110" s="368"/>
      <c r="D9110" s="368"/>
      <c r="E9110" s="368"/>
      <c r="F9110" s="361" t="s">
        <v>14371</v>
      </c>
      <c r="G9110" s="361" t="s">
        <v>14372</v>
      </c>
      <c r="H9110" s="362"/>
      <c r="I9110" s="361" t="s">
        <v>14372</v>
      </c>
      <c r="J9110" s="366"/>
      <c r="K9110" s="368"/>
      <c r="L9110" s="366"/>
    </row>
    <row r="9111" spans="2:12">
      <c r="B9111" s="358" t="s">
        <v>18891</v>
      </c>
      <c r="C9111" s="358" t="s">
        <v>18892</v>
      </c>
      <c r="D9111" s="358" t="s">
        <v>18893</v>
      </c>
      <c r="E9111" s="358" t="s">
        <v>18894</v>
      </c>
      <c r="F9111" s="358" t="s">
        <v>14382</v>
      </c>
      <c r="G9111" s="358" t="s">
        <v>14579</v>
      </c>
      <c r="H9111" s="358" t="s">
        <v>14378</v>
      </c>
      <c r="I9111" s="358" t="s">
        <v>14579</v>
      </c>
      <c r="J9111" s="358"/>
      <c r="K9111" s="358"/>
      <c r="L9111" s="358"/>
    </row>
    <row r="9112" spans="2:12">
      <c r="B9112" s="367"/>
      <c r="C9112" s="367"/>
      <c r="D9112" s="367"/>
      <c r="E9112" s="367"/>
      <c r="F9112" s="360"/>
      <c r="G9112" s="360"/>
      <c r="H9112" s="360"/>
      <c r="I9112" s="360"/>
      <c r="J9112" s="365"/>
      <c r="K9112" s="365"/>
      <c r="L9112" s="365"/>
    </row>
    <row r="9113" spans="2:12">
      <c r="B9113" s="367"/>
      <c r="C9113" s="367"/>
      <c r="D9113" s="367"/>
      <c r="E9113" s="367"/>
      <c r="F9113" s="359" t="s">
        <v>14420</v>
      </c>
      <c r="G9113" s="359" t="s">
        <v>14429</v>
      </c>
      <c r="H9113" s="359" t="s">
        <v>14341</v>
      </c>
      <c r="I9113" s="359" t="s">
        <v>14429</v>
      </c>
      <c r="J9113" s="365"/>
      <c r="K9113" s="365"/>
      <c r="L9113" s="365"/>
    </row>
    <row r="9114" spans="2:12">
      <c r="B9114" s="367"/>
      <c r="C9114" s="367"/>
      <c r="D9114" s="367"/>
      <c r="E9114" s="367"/>
      <c r="F9114" s="360"/>
      <c r="G9114" s="360"/>
      <c r="H9114" s="360"/>
      <c r="I9114" s="360"/>
      <c r="J9114" s="365"/>
      <c r="K9114" s="365"/>
      <c r="L9114" s="365"/>
    </row>
    <row r="9115" spans="2:12">
      <c r="B9115" s="367"/>
      <c r="C9115" s="367"/>
      <c r="D9115" s="367"/>
      <c r="E9115" s="367"/>
      <c r="F9115" s="359" t="s">
        <v>14356</v>
      </c>
      <c r="G9115" s="359" t="s">
        <v>14340</v>
      </c>
      <c r="H9115" s="359" t="s">
        <v>14370</v>
      </c>
      <c r="I9115" s="359" t="s">
        <v>14340</v>
      </c>
      <c r="J9115" s="365"/>
      <c r="K9115" s="365"/>
      <c r="L9115" s="365"/>
    </row>
    <row r="9116" spans="2:12">
      <c r="B9116" s="367"/>
      <c r="C9116" s="367"/>
      <c r="D9116" s="367"/>
      <c r="E9116" s="367"/>
      <c r="F9116" s="360"/>
      <c r="G9116" s="360"/>
      <c r="H9116" s="360"/>
      <c r="I9116" s="360"/>
      <c r="J9116" s="365"/>
      <c r="K9116" s="365"/>
      <c r="L9116" s="365"/>
    </row>
    <row r="9117" spans="2:12" ht="28.5">
      <c r="B9117" s="368"/>
      <c r="C9117" s="368"/>
      <c r="D9117" s="368"/>
      <c r="E9117" s="368"/>
      <c r="F9117" s="361" t="s">
        <v>14394</v>
      </c>
      <c r="G9117" s="361" t="s">
        <v>14395</v>
      </c>
      <c r="H9117" s="361" t="s">
        <v>14332</v>
      </c>
      <c r="I9117" s="361" t="s">
        <v>14395</v>
      </c>
      <c r="J9117" s="366"/>
      <c r="K9117" s="366"/>
      <c r="L9117" s="366"/>
    </row>
    <row r="9118" spans="2:12" ht="28.5">
      <c r="B9118" s="358" t="s">
        <v>18895</v>
      </c>
      <c r="C9118" s="358" t="s">
        <v>30146</v>
      </c>
      <c r="D9118" s="358" t="s">
        <v>18896</v>
      </c>
      <c r="E9118" s="358" t="s">
        <v>18897</v>
      </c>
      <c r="F9118" s="358" t="s">
        <v>14382</v>
      </c>
      <c r="G9118" s="358" t="s">
        <v>14483</v>
      </c>
      <c r="H9118" s="358" t="s">
        <v>14378</v>
      </c>
      <c r="I9118" s="358" t="s">
        <v>14483</v>
      </c>
      <c r="J9118" s="358"/>
      <c r="K9118" s="358" t="s">
        <v>29054</v>
      </c>
      <c r="L9118" s="358"/>
    </row>
    <row r="9119" spans="2:12">
      <c r="B9119" s="367"/>
      <c r="C9119" s="367"/>
      <c r="D9119" s="367"/>
      <c r="E9119" s="367"/>
      <c r="F9119" s="360"/>
      <c r="G9119" s="360"/>
      <c r="H9119" s="360"/>
      <c r="I9119" s="360"/>
      <c r="J9119" s="365"/>
      <c r="K9119" s="367"/>
      <c r="L9119" s="365"/>
    </row>
    <row r="9120" spans="2:12" ht="28.5">
      <c r="B9120" s="367"/>
      <c r="C9120" s="367"/>
      <c r="D9120" s="367"/>
      <c r="E9120" s="367"/>
      <c r="F9120" s="359" t="s">
        <v>29053</v>
      </c>
      <c r="G9120" s="359" t="s">
        <v>14340</v>
      </c>
      <c r="H9120" s="359" t="s">
        <v>14341</v>
      </c>
      <c r="I9120" s="359" t="s">
        <v>14340</v>
      </c>
      <c r="J9120" s="365"/>
      <c r="K9120" s="367"/>
      <c r="L9120" s="365"/>
    </row>
    <row r="9121" spans="2:12">
      <c r="B9121" s="367"/>
      <c r="C9121" s="367"/>
      <c r="D9121" s="367"/>
      <c r="E9121" s="367"/>
      <c r="F9121" s="360"/>
      <c r="G9121" s="360"/>
      <c r="H9121" s="360"/>
      <c r="I9121" s="360"/>
      <c r="J9121" s="365"/>
      <c r="K9121" s="367"/>
      <c r="L9121" s="365"/>
    </row>
    <row r="9122" spans="2:12">
      <c r="B9122" s="367"/>
      <c r="C9122" s="367"/>
      <c r="D9122" s="367"/>
      <c r="E9122" s="367"/>
      <c r="F9122" s="360"/>
      <c r="G9122" s="359" t="s">
        <v>14372</v>
      </c>
      <c r="H9122" s="359" t="s">
        <v>14370</v>
      </c>
      <c r="I9122" s="359" t="s">
        <v>14372</v>
      </c>
      <c r="J9122" s="365"/>
      <c r="K9122" s="367"/>
      <c r="L9122" s="365"/>
    </row>
    <row r="9123" spans="2:12">
      <c r="B9123" s="367"/>
      <c r="C9123" s="367"/>
      <c r="D9123" s="367"/>
      <c r="E9123" s="367"/>
      <c r="F9123" s="360"/>
      <c r="G9123" s="360"/>
      <c r="H9123" s="360"/>
      <c r="I9123" s="360"/>
      <c r="J9123" s="365"/>
      <c r="K9123" s="367"/>
      <c r="L9123" s="365"/>
    </row>
    <row r="9124" spans="2:12">
      <c r="B9124" s="368"/>
      <c r="C9124" s="368"/>
      <c r="D9124" s="368"/>
      <c r="E9124" s="368"/>
      <c r="F9124" s="362"/>
      <c r="G9124" s="362"/>
      <c r="H9124" s="361" t="s">
        <v>14332</v>
      </c>
      <c r="I9124" s="362"/>
      <c r="J9124" s="366"/>
      <c r="K9124" s="368"/>
      <c r="L9124" s="366"/>
    </row>
    <row r="9125" spans="2:12">
      <c r="B9125" s="358" t="s">
        <v>18898</v>
      </c>
      <c r="C9125" s="358" t="s">
        <v>18899</v>
      </c>
      <c r="D9125" s="358" t="s">
        <v>18900</v>
      </c>
      <c r="E9125" s="358" t="s">
        <v>18901</v>
      </c>
      <c r="F9125" s="358" t="s">
        <v>14382</v>
      </c>
      <c r="G9125" s="358" t="s">
        <v>14383</v>
      </c>
      <c r="H9125" s="358" t="s">
        <v>14378</v>
      </c>
      <c r="I9125" s="358" t="s">
        <v>14383</v>
      </c>
      <c r="J9125" s="358"/>
      <c r="K9125" s="358" t="s">
        <v>14929</v>
      </c>
      <c r="L9125" s="358"/>
    </row>
    <row r="9126" spans="2:12">
      <c r="B9126" s="367"/>
      <c r="C9126" s="367"/>
      <c r="D9126" s="367"/>
      <c r="E9126" s="367"/>
      <c r="F9126" s="360"/>
      <c r="G9126" s="360"/>
      <c r="H9126" s="360"/>
      <c r="I9126" s="360"/>
      <c r="J9126" s="365"/>
      <c r="K9126" s="360"/>
      <c r="L9126" s="365"/>
    </row>
    <row r="9127" spans="2:12" ht="42.75">
      <c r="B9127" s="367"/>
      <c r="C9127" s="367"/>
      <c r="D9127" s="367"/>
      <c r="E9127" s="367"/>
      <c r="F9127" s="359" t="s">
        <v>14386</v>
      </c>
      <c r="G9127" s="359" t="s">
        <v>14387</v>
      </c>
      <c r="H9127" s="359" t="s">
        <v>14370</v>
      </c>
      <c r="I9127" s="359" t="s">
        <v>14387</v>
      </c>
      <c r="J9127" s="365"/>
      <c r="K9127" s="359" t="s">
        <v>29055</v>
      </c>
      <c r="L9127" s="365"/>
    </row>
    <row r="9128" spans="2:12">
      <c r="B9128" s="367"/>
      <c r="C9128" s="367"/>
      <c r="D9128" s="367"/>
      <c r="E9128" s="367"/>
      <c r="F9128" s="360"/>
      <c r="G9128" s="360"/>
      <c r="H9128" s="360"/>
      <c r="I9128" s="360"/>
      <c r="J9128" s="365"/>
      <c r="K9128" s="360"/>
      <c r="L9128" s="365"/>
    </row>
    <row r="9129" spans="2:12">
      <c r="B9129" s="367"/>
      <c r="C9129" s="367"/>
      <c r="D9129" s="367"/>
      <c r="E9129" s="367"/>
      <c r="F9129" s="359" t="s">
        <v>14389</v>
      </c>
      <c r="G9129" s="359" t="s">
        <v>14390</v>
      </c>
      <c r="H9129" s="359" t="s">
        <v>14332</v>
      </c>
      <c r="I9129" s="359" t="s">
        <v>14390</v>
      </c>
      <c r="J9129" s="365"/>
      <c r="K9129" s="359" t="s">
        <v>29056</v>
      </c>
      <c r="L9129" s="365"/>
    </row>
    <row r="9130" spans="2:12">
      <c r="B9130" s="367"/>
      <c r="C9130" s="367"/>
      <c r="D9130" s="367"/>
      <c r="E9130" s="367"/>
      <c r="F9130" s="360"/>
      <c r="G9130" s="360"/>
      <c r="H9130" s="360"/>
      <c r="I9130" s="360"/>
      <c r="J9130" s="365"/>
      <c r="K9130" s="360"/>
      <c r="L9130" s="365"/>
    </row>
    <row r="9131" spans="2:12">
      <c r="B9131" s="367"/>
      <c r="C9131" s="367"/>
      <c r="D9131" s="367"/>
      <c r="E9131" s="367"/>
      <c r="F9131" s="359" t="s">
        <v>14371</v>
      </c>
      <c r="G9131" s="359" t="s">
        <v>14372</v>
      </c>
      <c r="H9131" s="360"/>
      <c r="I9131" s="359" t="s">
        <v>14373</v>
      </c>
      <c r="J9131" s="365"/>
      <c r="K9131" s="360"/>
      <c r="L9131" s="365"/>
    </row>
    <row r="9132" spans="2:12">
      <c r="B9132" s="367"/>
      <c r="C9132" s="367"/>
      <c r="D9132" s="367"/>
      <c r="E9132" s="367"/>
      <c r="F9132" s="360"/>
      <c r="G9132" s="360"/>
      <c r="H9132" s="360"/>
      <c r="I9132" s="360"/>
      <c r="J9132" s="365"/>
      <c r="K9132" s="360"/>
      <c r="L9132" s="365"/>
    </row>
    <row r="9133" spans="2:12" ht="28.5">
      <c r="B9133" s="368"/>
      <c r="C9133" s="368"/>
      <c r="D9133" s="368"/>
      <c r="E9133" s="368"/>
      <c r="F9133" s="361" t="s">
        <v>14374</v>
      </c>
      <c r="G9133" s="361" t="s">
        <v>14373</v>
      </c>
      <c r="H9133" s="362"/>
      <c r="I9133" s="362"/>
      <c r="J9133" s="366"/>
      <c r="K9133" s="362"/>
      <c r="L9133" s="366"/>
    </row>
    <row r="9134" spans="2:12">
      <c r="B9134" s="354" t="s">
        <v>28574</v>
      </c>
      <c r="C9134" s="369"/>
      <c r="D9134" s="369"/>
      <c r="E9134" s="369"/>
      <c r="F9134" s="369"/>
      <c r="G9134" s="369"/>
      <c r="H9134" s="369"/>
      <c r="I9134" s="369"/>
      <c r="J9134" s="369"/>
      <c r="K9134" s="369"/>
      <c r="L9134" s="370"/>
    </row>
    <row r="9135" spans="2:12">
      <c r="B9135" s="358" t="s">
        <v>18902</v>
      </c>
      <c r="C9135" s="358" t="s">
        <v>18903</v>
      </c>
      <c r="D9135" s="358" t="s">
        <v>18904</v>
      </c>
      <c r="E9135" s="358" t="s">
        <v>1688</v>
      </c>
      <c r="F9135" s="358" t="s">
        <v>15089</v>
      </c>
      <c r="G9135" s="358" t="s">
        <v>14429</v>
      </c>
      <c r="H9135" s="358" t="s">
        <v>14367</v>
      </c>
      <c r="I9135" s="358" t="s">
        <v>14429</v>
      </c>
      <c r="J9135" s="358"/>
      <c r="K9135" s="358" t="s">
        <v>14863</v>
      </c>
      <c r="L9135" s="358"/>
    </row>
    <row r="9136" spans="2:12">
      <c r="B9136" s="367"/>
      <c r="C9136" s="360"/>
      <c r="D9136" s="367"/>
      <c r="E9136" s="367"/>
      <c r="F9136" s="360"/>
      <c r="G9136" s="360"/>
      <c r="H9136" s="360"/>
      <c r="I9136" s="360"/>
      <c r="J9136" s="365"/>
      <c r="K9136" s="367"/>
      <c r="L9136" s="365"/>
    </row>
    <row r="9137" spans="2:12">
      <c r="B9137" s="367"/>
      <c r="C9137" s="359" t="s">
        <v>27589</v>
      </c>
      <c r="D9137" s="367"/>
      <c r="E9137" s="367"/>
      <c r="F9137" s="359" t="s">
        <v>15892</v>
      </c>
      <c r="G9137" s="359" t="s">
        <v>14340</v>
      </c>
      <c r="H9137" s="359" t="s">
        <v>14341</v>
      </c>
      <c r="I9137" s="359" t="s">
        <v>14340</v>
      </c>
      <c r="J9137" s="365"/>
      <c r="K9137" s="367"/>
      <c r="L9137" s="365"/>
    </row>
    <row r="9138" spans="2:12">
      <c r="B9138" s="367"/>
      <c r="C9138" s="360"/>
      <c r="D9138" s="367"/>
      <c r="E9138" s="367"/>
      <c r="F9138" s="360"/>
      <c r="G9138" s="360"/>
      <c r="H9138" s="360"/>
      <c r="I9138" s="360"/>
      <c r="J9138" s="365"/>
      <c r="K9138" s="367"/>
      <c r="L9138" s="365"/>
    </row>
    <row r="9139" spans="2:12">
      <c r="B9139" s="367"/>
      <c r="C9139" s="359" t="s">
        <v>18905</v>
      </c>
      <c r="D9139" s="367"/>
      <c r="E9139" s="367"/>
      <c r="F9139" s="359" t="s">
        <v>14430</v>
      </c>
      <c r="G9139" s="359" t="s">
        <v>14431</v>
      </c>
      <c r="H9139" s="359" t="s">
        <v>14370</v>
      </c>
      <c r="I9139" s="359" t="s">
        <v>14388</v>
      </c>
      <c r="J9139" s="365"/>
      <c r="K9139" s="367"/>
      <c r="L9139" s="365"/>
    </row>
    <row r="9140" spans="2:12">
      <c r="B9140" s="367"/>
      <c r="C9140" s="360"/>
      <c r="D9140" s="367"/>
      <c r="E9140" s="367"/>
      <c r="F9140" s="360"/>
      <c r="G9140" s="360"/>
      <c r="H9140" s="360"/>
      <c r="I9140" s="360"/>
      <c r="J9140" s="365"/>
      <c r="K9140" s="367"/>
      <c r="L9140" s="365"/>
    </row>
    <row r="9141" spans="2:12">
      <c r="B9141" s="367"/>
      <c r="C9141" s="360"/>
      <c r="D9141" s="367"/>
      <c r="E9141" s="367"/>
      <c r="F9141" s="359" t="s">
        <v>14368</v>
      </c>
      <c r="G9141" s="359" t="s">
        <v>14388</v>
      </c>
      <c r="H9141" s="359" t="s">
        <v>14332</v>
      </c>
      <c r="I9141" s="359" t="s">
        <v>14392</v>
      </c>
      <c r="J9141" s="365"/>
      <c r="K9141" s="367"/>
      <c r="L9141" s="365"/>
    </row>
    <row r="9142" spans="2:12">
      <c r="B9142" s="367"/>
      <c r="C9142" s="360"/>
      <c r="D9142" s="367"/>
      <c r="E9142" s="367"/>
      <c r="F9142" s="360"/>
      <c r="G9142" s="360"/>
      <c r="H9142" s="360"/>
      <c r="I9142" s="360"/>
      <c r="J9142" s="365"/>
      <c r="K9142" s="367"/>
      <c r="L9142" s="365"/>
    </row>
    <row r="9143" spans="2:12" ht="28.5">
      <c r="B9143" s="367"/>
      <c r="C9143" s="360"/>
      <c r="D9143" s="367"/>
      <c r="E9143" s="367"/>
      <c r="F9143" s="359" t="s">
        <v>28389</v>
      </c>
      <c r="G9143" s="359" t="s">
        <v>14392</v>
      </c>
      <c r="H9143" s="360"/>
      <c r="I9143" s="359" t="s">
        <v>14373</v>
      </c>
      <c r="J9143" s="365"/>
      <c r="K9143" s="367"/>
      <c r="L9143" s="365"/>
    </row>
    <row r="9144" spans="2:12">
      <c r="B9144" s="367"/>
      <c r="C9144" s="360"/>
      <c r="D9144" s="367"/>
      <c r="E9144" s="367"/>
      <c r="F9144" s="360"/>
      <c r="G9144" s="360"/>
      <c r="H9144" s="360"/>
      <c r="I9144" s="360"/>
      <c r="J9144" s="365"/>
      <c r="K9144" s="367"/>
      <c r="L9144" s="365"/>
    </row>
    <row r="9145" spans="2:12" ht="28.5">
      <c r="B9145" s="367"/>
      <c r="C9145" s="360"/>
      <c r="D9145" s="367"/>
      <c r="E9145" s="367"/>
      <c r="F9145" s="359" t="s">
        <v>14472</v>
      </c>
      <c r="G9145" s="359" t="s">
        <v>14372</v>
      </c>
      <c r="H9145" s="360"/>
      <c r="I9145" s="360"/>
      <c r="J9145" s="365"/>
      <c r="K9145" s="367"/>
      <c r="L9145" s="365"/>
    </row>
    <row r="9146" spans="2:12">
      <c r="B9146" s="367"/>
      <c r="C9146" s="360"/>
      <c r="D9146" s="367"/>
      <c r="E9146" s="367"/>
      <c r="F9146" s="360"/>
      <c r="G9146" s="360"/>
      <c r="H9146" s="360"/>
      <c r="I9146" s="360"/>
      <c r="J9146" s="365"/>
      <c r="K9146" s="367"/>
      <c r="L9146" s="365"/>
    </row>
    <row r="9147" spans="2:12">
      <c r="B9147" s="368"/>
      <c r="C9147" s="362"/>
      <c r="D9147" s="368"/>
      <c r="E9147" s="368"/>
      <c r="F9147" s="362"/>
      <c r="G9147" s="361" t="s">
        <v>14473</v>
      </c>
      <c r="H9147" s="362"/>
      <c r="I9147" s="362"/>
      <c r="J9147" s="366"/>
      <c r="K9147" s="368"/>
      <c r="L9147" s="366"/>
    </row>
    <row r="9148" spans="2:12">
      <c r="B9148" s="354" t="s">
        <v>28528</v>
      </c>
      <c r="C9148" s="369"/>
      <c r="D9148" s="369"/>
      <c r="E9148" s="369"/>
      <c r="F9148" s="369"/>
      <c r="G9148" s="369"/>
      <c r="H9148" s="369"/>
      <c r="I9148" s="369"/>
      <c r="J9148" s="369"/>
      <c r="K9148" s="369"/>
      <c r="L9148" s="370"/>
    </row>
    <row r="9149" spans="2:12" ht="28.5">
      <c r="B9149" s="358" t="s">
        <v>18906</v>
      </c>
      <c r="C9149" s="358" t="s">
        <v>29057</v>
      </c>
      <c r="D9149" s="358" t="s">
        <v>18907</v>
      </c>
      <c r="E9149" s="358" t="s">
        <v>18908</v>
      </c>
      <c r="F9149" s="358" t="s">
        <v>14382</v>
      </c>
      <c r="G9149" s="358" t="s">
        <v>14579</v>
      </c>
      <c r="H9149" s="358" t="s">
        <v>14378</v>
      </c>
      <c r="I9149" s="358" t="s">
        <v>14579</v>
      </c>
      <c r="J9149" s="358"/>
      <c r="K9149" s="358" t="s">
        <v>14929</v>
      </c>
      <c r="L9149" s="358"/>
    </row>
    <row r="9150" spans="2:12">
      <c r="B9150" s="367"/>
      <c r="C9150" s="367"/>
      <c r="D9150" s="367"/>
      <c r="E9150" s="367"/>
      <c r="F9150" s="360"/>
      <c r="G9150" s="360"/>
      <c r="H9150" s="360"/>
      <c r="I9150" s="360"/>
      <c r="J9150" s="365"/>
      <c r="K9150" s="367"/>
      <c r="L9150" s="365"/>
    </row>
    <row r="9151" spans="2:12" ht="28.5">
      <c r="B9151" s="367"/>
      <c r="C9151" s="367"/>
      <c r="D9151" s="367"/>
      <c r="E9151" s="367"/>
      <c r="F9151" s="359" t="s">
        <v>28568</v>
      </c>
      <c r="G9151" s="359" t="s">
        <v>14383</v>
      </c>
      <c r="H9151" s="359" t="s">
        <v>14370</v>
      </c>
      <c r="I9151" s="359" t="s">
        <v>14383</v>
      </c>
      <c r="J9151" s="365"/>
      <c r="K9151" s="367"/>
      <c r="L9151" s="365"/>
    </row>
    <row r="9152" spans="2:12">
      <c r="B9152" s="367"/>
      <c r="C9152" s="367"/>
      <c r="D9152" s="367"/>
      <c r="E9152" s="367"/>
      <c r="F9152" s="360"/>
      <c r="G9152" s="360"/>
      <c r="H9152" s="360"/>
      <c r="I9152" s="360"/>
      <c r="J9152" s="365"/>
      <c r="K9152" s="367"/>
      <c r="L9152" s="365"/>
    </row>
    <row r="9153" spans="2:12" ht="28.5">
      <c r="B9153" s="367"/>
      <c r="C9153" s="367"/>
      <c r="D9153" s="367"/>
      <c r="E9153" s="367"/>
      <c r="F9153" s="359" t="s">
        <v>14374</v>
      </c>
      <c r="G9153" s="359" t="s">
        <v>14372</v>
      </c>
      <c r="H9153" s="359" t="s">
        <v>14332</v>
      </c>
      <c r="I9153" s="359" t="s">
        <v>14373</v>
      </c>
      <c r="J9153" s="365"/>
      <c r="K9153" s="367"/>
      <c r="L9153" s="365"/>
    </row>
    <row r="9154" spans="2:12">
      <c r="B9154" s="367"/>
      <c r="C9154" s="367"/>
      <c r="D9154" s="367"/>
      <c r="E9154" s="367"/>
      <c r="F9154" s="360"/>
      <c r="G9154" s="360"/>
      <c r="H9154" s="360"/>
      <c r="I9154" s="360"/>
      <c r="J9154" s="365"/>
      <c r="K9154" s="367"/>
      <c r="L9154" s="365"/>
    </row>
    <row r="9155" spans="2:12">
      <c r="B9155" s="368"/>
      <c r="C9155" s="368"/>
      <c r="D9155" s="368"/>
      <c r="E9155" s="368"/>
      <c r="F9155" s="362"/>
      <c r="G9155" s="361" t="s">
        <v>14373</v>
      </c>
      <c r="H9155" s="362"/>
      <c r="I9155" s="362"/>
      <c r="J9155" s="366"/>
      <c r="K9155" s="368"/>
      <c r="L9155" s="366"/>
    </row>
    <row r="9156" spans="2:12">
      <c r="B9156" s="354" t="s">
        <v>28574</v>
      </c>
      <c r="C9156" s="369"/>
      <c r="D9156" s="369"/>
      <c r="E9156" s="369"/>
      <c r="F9156" s="369"/>
      <c r="G9156" s="369"/>
      <c r="H9156" s="369"/>
      <c r="I9156" s="369"/>
      <c r="J9156" s="369"/>
      <c r="K9156" s="369"/>
      <c r="L9156" s="370"/>
    </row>
    <row r="9157" spans="2:12">
      <c r="B9157" s="358" t="s">
        <v>18909</v>
      </c>
      <c r="C9157" s="358" t="s">
        <v>18910</v>
      </c>
      <c r="D9157" s="358" t="s">
        <v>18911</v>
      </c>
      <c r="E9157" s="358" t="s">
        <v>18912</v>
      </c>
      <c r="F9157" s="358" t="s">
        <v>28390</v>
      </c>
      <c r="G9157" s="358" t="s">
        <v>14669</v>
      </c>
      <c r="H9157" s="358" t="s">
        <v>14381</v>
      </c>
      <c r="I9157" s="358" t="s">
        <v>14669</v>
      </c>
      <c r="J9157" s="358"/>
      <c r="K9157" s="371" t="s">
        <v>24918</v>
      </c>
      <c r="L9157" s="358"/>
    </row>
    <row r="9158" spans="2:12">
      <c r="B9158" s="367"/>
      <c r="C9158" s="360"/>
      <c r="D9158" s="367"/>
      <c r="E9158" s="367"/>
      <c r="F9158" s="360"/>
      <c r="G9158" s="360"/>
      <c r="H9158" s="360"/>
      <c r="I9158" s="360"/>
      <c r="J9158" s="365"/>
      <c r="K9158" s="372"/>
      <c r="L9158" s="365"/>
    </row>
    <row r="9159" spans="2:12" ht="28.5">
      <c r="B9159" s="367"/>
      <c r="C9159" s="359" t="s">
        <v>18913</v>
      </c>
      <c r="D9159" s="367"/>
      <c r="E9159" s="367"/>
      <c r="F9159" s="359" t="s">
        <v>14426</v>
      </c>
      <c r="G9159" s="359" t="s">
        <v>14427</v>
      </c>
      <c r="H9159" s="359" t="s">
        <v>14378</v>
      </c>
      <c r="I9159" s="359" t="s">
        <v>14427</v>
      </c>
      <c r="J9159" s="365"/>
      <c r="K9159" s="373" t="s">
        <v>28391</v>
      </c>
      <c r="L9159" s="365"/>
    </row>
    <row r="9160" spans="2:12">
      <c r="B9160" s="367"/>
      <c r="C9160" s="360"/>
      <c r="D9160" s="367"/>
      <c r="E9160" s="367"/>
      <c r="F9160" s="360"/>
      <c r="G9160" s="360"/>
      <c r="H9160" s="360"/>
      <c r="I9160" s="360"/>
      <c r="J9160" s="365"/>
      <c r="K9160" s="372"/>
      <c r="L9160" s="365"/>
    </row>
    <row r="9161" spans="2:12">
      <c r="B9161" s="367"/>
      <c r="C9161" s="360"/>
      <c r="D9161" s="367"/>
      <c r="E9161" s="367"/>
      <c r="F9161" s="359" t="s">
        <v>14656</v>
      </c>
      <c r="G9161" s="359" t="s">
        <v>14579</v>
      </c>
      <c r="H9161" s="359" t="s">
        <v>14332</v>
      </c>
      <c r="I9161" s="359" t="s">
        <v>14579</v>
      </c>
      <c r="J9161" s="365"/>
      <c r="K9161" s="373" t="s">
        <v>24917</v>
      </c>
      <c r="L9161" s="365"/>
    </row>
    <row r="9162" spans="2:12">
      <c r="B9162" s="367"/>
      <c r="C9162" s="360"/>
      <c r="D9162" s="367"/>
      <c r="E9162" s="367"/>
      <c r="F9162" s="360"/>
      <c r="G9162" s="360"/>
      <c r="H9162" s="360"/>
      <c r="I9162" s="360"/>
      <c r="J9162" s="365"/>
      <c r="K9162" s="372"/>
      <c r="L9162" s="365"/>
    </row>
    <row r="9163" spans="2:12" ht="28.5">
      <c r="B9163" s="367"/>
      <c r="C9163" s="360"/>
      <c r="D9163" s="367"/>
      <c r="E9163" s="367"/>
      <c r="F9163" s="359" t="s">
        <v>14656</v>
      </c>
      <c r="G9163" s="359" t="s">
        <v>14383</v>
      </c>
      <c r="H9163" s="360"/>
      <c r="I9163" s="359" t="s">
        <v>14383</v>
      </c>
      <c r="J9163" s="365"/>
      <c r="K9163" s="373" t="s">
        <v>29058</v>
      </c>
      <c r="L9163" s="365"/>
    </row>
    <row r="9164" spans="2:12">
      <c r="B9164" s="367"/>
      <c r="C9164" s="360"/>
      <c r="D9164" s="367"/>
      <c r="E9164" s="367"/>
      <c r="F9164" s="360"/>
      <c r="G9164" s="360"/>
      <c r="H9164" s="360"/>
      <c r="I9164" s="360"/>
      <c r="J9164" s="365"/>
      <c r="K9164" s="360"/>
      <c r="L9164" s="365"/>
    </row>
    <row r="9165" spans="2:12">
      <c r="B9165" s="367"/>
      <c r="C9165" s="360"/>
      <c r="D9165" s="367"/>
      <c r="E9165" s="367"/>
      <c r="F9165" s="359" t="s">
        <v>14389</v>
      </c>
      <c r="G9165" s="359" t="s">
        <v>14390</v>
      </c>
      <c r="H9165" s="360"/>
      <c r="I9165" s="359" t="s">
        <v>14390</v>
      </c>
      <c r="J9165" s="365"/>
      <c r="K9165" s="360"/>
      <c r="L9165" s="365"/>
    </row>
    <row r="9166" spans="2:12">
      <c r="B9166" s="367"/>
      <c r="C9166" s="360"/>
      <c r="D9166" s="367"/>
      <c r="E9166" s="367"/>
      <c r="F9166" s="360"/>
      <c r="G9166" s="360"/>
      <c r="H9166" s="360"/>
      <c r="I9166" s="360"/>
      <c r="J9166" s="365"/>
      <c r="K9166" s="360"/>
      <c r="L9166" s="365"/>
    </row>
    <row r="9167" spans="2:12">
      <c r="B9167" s="368"/>
      <c r="C9167" s="362"/>
      <c r="D9167" s="368"/>
      <c r="E9167" s="368"/>
      <c r="F9167" s="361" t="s">
        <v>14386</v>
      </c>
      <c r="G9167" s="361" t="s">
        <v>14387</v>
      </c>
      <c r="H9167" s="362"/>
      <c r="I9167" s="361" t="s">
        <v>14387</v>
      </c>
      <c r="J9167" s="366"/>
      <c r="K9167" s="362"/>
      <c r="L9167" s="366"/>
    </row>
    <row r="9168" spans="2:12">
      <c r="B9168" s="354" t="s">
        <v>28528</v>
      </c>
      <c r="C9168" s="369"/>
      <c r="D9168" s="369"/>
      <c r="E9168" s="369"/>
      <c r="F9168" s="369"/>
      <c r="G9168" s="369"/>
      <c r="H9168" s="369"/>
      <c r="I9168" s="369"/>
      <c r="J9168" s="369"/>
      <c r="K9168" s="369"/>
      <c r="L9168" s="370"/>
    </row>
    <row r="9169" spans="2:12">
      <c r="B9169" s="358" t="s">
        <v>18914</v>
      </c>
      <c r="C9169" s="358" t="s">
        <v>18915</v>
      </c>
      <c r="D9169" s="358" t="s">
        <v>18916</v>
      </c>
      <c r="E9169" s="358" t="s">
        <v>6603</v>
      </c>
      <c r="F9169" s="358" t="s">
        <v>14420</v>
      </c>
      <c r="G9169" s="358" t="s">
        <v>14429</v>
      </c>
      <c r="H9169" s="358" t="s">
        <v>14367</v>
      </c>
      <c r="I9169" s="358" t="s">
        <v>14429</v>
      </c>
      <c r="J9169" s="358"/>
      <c r="K9169" s="358" t="s">
        <v>14929</v>
      </c>
      <c r="L9169" s="358"/>
    </row>
    <row r="9170" spans="2:12">
      <c r="B9170" s="367"/>
      <c r="C9170" s="367"/>
      <c r="D9170" s="367"/>
      <c r="E9170" s="367"/>
      <c r="F9170" s="360"/>
      <c r="G9170" s="360"/>
      <c r="H9170" s="360"/>
      <c r="I9170" s="360"/>
      <c r="J9170" s="365"/>
      <c r="K9170" s="360"/>
      <c r="L9170" s="365"/>
    </row>
    <row r="9171" spans="2:12" ht="28.5">
      <c r="B9171" s="367"/>
      <c r="C9171" s="367"/>
      <c r="D9171" s="367"/>
      <c r="E9171" s="367"/>
      <c r="F9171" s="359" t="s">
        <v>14386</v>
      </c>
      <c r="G9171" s="359" t="s">
        <v>14387</v>
      </c>
      <c r="H9171" s="359" t="s">
        <v>14370</v>
      </c>
      <c r="I9171" s="359" t="s">
        <v>14387</v>
      </c>
      <c r="J9171" s="365"/>
      <c r="K9171" s="359" t="s">
        <v>29059</v>
      </c>
      <c r="L9171" s="365"/>
    </row>
    <row r="9172" spans="2:12">
      <c r="B9172" s="367"/>
      <c r="C9172" s="367"/>
      <c r="D9172" s="367"/>
      <c r="E9172" s="367"/>
      <c r="F9172" s="360"/>
      <c r="G9172" s="360"/>
      <c r="H9172" s="360"/>
      <c r="I9172" s="360"/>
      <c r="J9172" s="365"/>
      <c r="K9172" s="360"/>
      <c r="L9172" s="365"/>
    </row>
    <row r="9173" spans="2:12" ht="42.75">
      <c r="B9173" s="367"/>
      <c r="C9173" s="367"/>
      <c r="D9173" s="367"/>
      <c r="E9173" s="367"/>
      <c r="F9173" s="359" t="s">
        <v>14389</v>
      </c>
      <c r="G9173" s="359" t="s">
        <v>14390</v>
      </c>
      <c r="H9173" s="359" t="s">
        <v>14422</v>
      </c>
      <c r="I9173" s="359" t="s">
        <v>14390</v>
      </c>
      <c r="J9173" s="365"/>
      <c r="K9173" s="359" t="s">
        <v>29060</v>
      </c>
      <c r="L9173" s="365"/>
    </row>
    <row r="9174" spans="2:12">
      <c r="B9174" s="367"/>
      <c r="C9174" s="367"/>
      <c r="D9174" s="367"/>
      <c r="E9174" s="367"/>
      <c r="F9174" s="360"/>
      <c r="G9174" s="360"/>
      <c r="H9174" s="360"/>
      <c r="I9174" s="360"/>
      <c r="J9174" s="365"/>
      <c r="K9174" s="360"/>
      <c r="L9174" s="365"/>
    </row>
    <row r="9175" spans="2:12">
      <c r="B9175" s="367"/>
      <c r="C9175" s="367"/>
      <c r="D9175" s="367"/>
      <c r="E9175" s="367"/>
      <c r="F9175" s="359" t="s">
        <v>14371</v>
      </c>
      <c r="G9175" s="359" t="s">
        <v>14372</v>
      </c>
      <c r="H9175" s="360"/>
      <c r="I9175" s="359" t="s">
        <v>14373</v>
      </c>
      <c r="J9175" s="365"/>
      <c r="K9175" s="360"/>
      <c r="L9175" s="365"/>
    </row>
    <row r="9176" spans="2:12">
      <c r="B9176" s="367"/>
      <c r="C9176" s="367"/>
      <c r="D9176" s="367"/>
      <c r="E9176" s="367"/>
      <c r="F9176" s="360"/>
      <c r="G9176" s="360"/>
      <c r="H9176" s="360"/>
      <c r="I9176" s="360"/>
      <c r="J9176" s="365"/>
      <c r="K9176" s="360"/>
      <c r="L9176" s="365"/>
    </row>
    <row r="9177" spans="2:12" ht="28.5">
      <c r="B9177" s="368"/>
      <c r="C9177" s="368"/>
      <c r="D9177" s="368"/>
      <c r="E9177" s="368"/>
      <c r="F9177" s="361" t="s">
        <v>14374</v>
      </c>
      <c r="G9177" s="361" t="s">
        <v>14373</v>
      </c>
      <c r="H9177" s="362"/>
      <c r="I9177" s="362"/>
      <c r="J9177" s="366"/>
      <c r="K9177" s="362"/>
      <c r="L9177" s="366"/>
    </row>
    <row r="9178" spans="2:12">
      <c r="B9178" s="358" t="s">
        <v>18917</v>
      </c>
      <c r="C9178" s="358" t="s">
        <v>18918</v>
      </c>
      <c r="D9178" s="358" t="s">
        <v>18919</v>
      </c>
      <c r="E9178" s="358" t="s">
        <v>6605</v>
      </c>
      <c r="F9178" s="358" t="s">
        <v>14443</v>
      </c>
      <c r="G9178" s="358" t="s">
        <v>14444</v>
      </c>
      <c r="H9178" s="358" t="s">
        <v>14381</v>
      </c>
      <c r="I9178" s="358" t="s">
        <v>14444</v>
      </c>
      <c r="J9178" s="358"/>
      <c r="K9178" s="358"/>
      <c r="L9178" s="358"/>
    </row>
    <row r="9179" spans="2:12">
      <c r="B9179" s="367"/>
      <c r="C9179" s="367"/>
      <c r="D9179" s="367"/>
      <c r="E9179" s="367"/>
      <c r="F9179" s="360"/>
      <c r="G9179" s="360"/>
      <c r="H9179" s="360"/>
      <c r="I9179" s="360"/>
      <c r="J9179" s="365"/>
      <c r="K9179" s="365"/>
      <c r="L9179" s="365"/>
    </row>
    <row r="9180" spans="2:12">
      <c r="B9180" s="367"/>
      <c r="C9180" s="367"/>
      <c r="D9180" s="367"/>
      <c r="E9180" s="367"/>
      <c r="F9180" s="359" t="s">
        <v>14420</v>
      </c>
      <c r="G9180" s="359" t="s">
        <v>14429</v>
      </c>
      <c r="H9180" s="359" t="s">
        <v>14367</v>
      </c>
      <c r="I9180" s="359" t="s">
        <v>14429</v>
      </c>
      <c r="J9180" s="365"/>
      <c r="K9180" s="365"/>
      <c r="L9180" s="365"/>
    </row>
    <row r="9181" spans="2:12">
      <c r="B9181" s="367"/>
      <c r="C9181" s="367"/>
      <c r="D9181" s="367"/>
      <c r="E9181" s="367"/>
      <c r="F9181" s="360"/>
      <c r="G9181" s="360"/>
      <c r="H9181" s="360"/>
      <c r="I9181" s="360"/>
      <c r="J9181" s="365"/>
      <c r="K9181" s="365"/>
      <c r="L9181" s="365"/>
    </row>
    <row r="9182" spans="2:12">
      <c r="B9182" s="367"/>
      <c r="C9182" s="367"/>
      <c r="D9182" s="367"/>
      <c r="E9182" s="367"/>
      <c r="F9182" s="359" t="s">
        <v>14386</v>
      </c>
      <c r="G9182" s="359" t="s">
        <v>14387</v>
      </c>
      <c r="H9182" s="359" t="s">
        <v>14370</v>
      </c>
      <c r="I9182" s="359" t="s">
        <v>14387</v>
      </c>
      <c r="J9182" s="365"/>
      <c r="K9182" s="365"/>
      <c r="L9182" s="365"/>
    </row>
    <row r="9183" spans="2:12">
      <c r="B9183" s="367"/>
      <c r="C9183" s="367"/>
      <c r="D9183" s="367"/>
      <c r="E9183" s="367"/>
      <c r="F9183" s="360"/>
      <c r="G9183" s="360"/>
      <c r="H9183" s="360"/>
      <c r="I9183" s="360"/>
      <c r="J9183" s="365"/>
      <c r="K9183" s="365"/>
      <c r="L9183" s="365"/>
    </row>
    <row r="9184" spans="2:12">
      <c r="B9184" s="367"/>
      <c r="C9184" s="367"/>
      <c r="D9184" s="367"/>
      <c r="E9184" s="367"/>
      <c r="F9184" s="359" t="s">
        <v>14389</v>
      </c>
      <c r="G9184" s="359" t="s">
        <v>14390</v>
      </c>
      <c r="H9184" s="359" t="s">
        <v>14422</v>
      </c>
      <c r="I9184" s="359" t="s">
        <v>14390</v>
      </c>
      <c r="J9184" s="365"/>
      <c r="K9184" s="365"/>
      <c r="L9184" s="365"/>
    </row>
    <row r="9185" spans="2:12">
      <c r="B9185" s="367"/>
      <c r="C9185" s="367"/>
      <c r="D9185" s="367"/>
      <c r="E9185" s="367"/>
      <c r="F9185" s="360"/>
      <c r="G9185" s="360"/>
      <c r="H9185" s="360"/>
      <c r="I9185" s="360"/>
      <c r="J9185" s="365"/>
      <c r="K9185" s="365"/>
      <c r="L9185" s="365"/>
    </row>
    <row r="9186" spans="2:12">
      <c r="B9186" s="367"/>
      <c r="C9186" s="367"/>
      <c r="D9186" s="367"/>
      <c r="E9186" s="367"/>
      <c r="F9186" s="359" t="s">
        <v>14371</v>
      </c>
      <c r="G9186" s="359" t="s">
        <v>14372</v>
      </c>
      <c r="H9186" s="360"/>
      <c r="I9186" s="359" t="s">
        <v>14373</v>
      </c>
      <c r="J9186" s="365"/>
      <c r="K9186" s="365"/>
      <c r="L9186" s="365"/>
    </row>
    <row r="9187" spans="2:12">
      <c r="B9187" s="367"/>
      <c r="C9187" s="367"/>
      <c r="D9187" s="367"/>
      <c r="E9187" s="367"/>
      <c r="F9187" s="360"/>
      <c r="G9187" s="360"/>
      <c r="H9187" s="360"/>
      <c r="I9187" s="360"/>
      <c r="J9187" s="365"/>
      <c r="K9187" s="365"/>
      <c r="L9187" s="365"/>
    </row>
    <row r="9188" spans="2:12" ht="28.5">
      <c r="B9188" s="368"/>
      <c r="C9188" s="368"/>
      <c r="D9188" s="368"/>
      <c r="E9188" s="368"/>
      <c r="F9188" s="361" t="s">
        <v>14374</v>
      </c>
      <c r="G9188" s="361" t="s">
        <v>14373</v>
      </c>
      <c r="H9188" s="362"/>
      <c r="I9188" s="362"/>
      <c r="J9188" s="366"/>
      <c r="K9188" s="366"/>
      <c r="L9188" s="366"/>
    </row>
    <row r="9189" spans="2:12">
      <c r="B9189" s="358" t="s">
        <v>18920</v>
      </c>
      <c r="C9189" s="358" t="s">
        <v>18921</v>
      </c>
      <c r="D9189" s="358" t="s">
        <v>18922</v>
      </c>
      <c r="E9189" s="358" t="s">
        <v>1742</v>
      </c>
      <c r="F9189" s="358" t="s">
        <v>14420</v>
      </c>
      <c r="G9189" s="358" t="s">
        <v>14429</v>
      </c>
      <c r="H9189" s="358" t="s">
        <v>14367</v>
      </c>
      <c r="I9189" s="358" t="s">
        <v>14429</v>
      </c>
      <c r="J9189" s="358"/>
      <c r="K9189" s="358"/>
      <c r="L9189" s="358"/>
    </row>
    <row r="9190" spans="2:12">
      <c r="B9190" s="367"/>
      <c r="C9190" s="367"/>
      <c r="D9190" s="367"/>
      <c r="E9190" s="367"/>
      <c r="F9190" s="360"/>
      <c r="G9190" s="360"/>
      <c r="H9190" s="360"/>
      <c r="I9190" s="360"/>
      <c r="J9190" s="365"/>
      <c r="K9190" s="365"/>
      <c r="L9190" s="365"/>
    </row>
    <row r="9191" spans="2:12">
      <c r="B9191" s="367"/>
      <c r="C9191" s="367"/>
      <c r="D9191" s="367"/>
      <c r="E9191" s="367"/>
      <c r="F9191" s="359" t="s">
        <v>14386</v>
      </c>
      <c r="G9191" s="359" t="s">
        <v>14387</v>
      </c>
      <c r="H9191" s="359" t="s">
        <v>14370</v>
      </c>
      <c r="I9191" s="359" t="s">
        <v>14387</v>
      </c>
      <c r="J9191" s="365"/>
      <c r="K9191" s="365"/>
      <c r="L9191" s="365"/>
    </row>
    <row r="9192" spans="2:12">
      <c r="B9192" s="367"/>
      <c r="C9192" s="367"/>
      <c r="D9192" s="367"/>
      <c r="E9192" s="367"/>
      <c r="F9192" s="360"/>
      <c r="G9192" s="360"/>
      <c r="H9192" s="360"/>
      <c r="I9192" s="360"/>
      <c r="J9192" s="365"/>
      <c r="K9192" s="365"/>
      <c r="L9192" s="365"/>
    </row>
    <row r="9193" spans="2:12">
      <c r="B9193" s="367"/>
      <c r="C9193" s="367"/>
      <c r="D9193" s="367"/>
      <c r="E9193" s="367"/>
      <c r="F9193" s="359" t="s">
        <v>14371</v>
      </c>
      <c r="G9193" s="359" t="s">
        <v>14372</v>
      </c>
      <c r="H9193" s="359" t="s">
        <v>14422</v>
      </c>
      <c r="I9193" s="359" t="s">
        <v>14373</v>
      </c>
      <c r="J9193" s="365"/>
      <c r="K9193" s="365"/>
      <c r="L9193" s="365"/>
    </row>
    <row r="9194" spans="2:12">
      <c r="B9194" s="367"/>
      <c r="C9194" s="367"/>
      <c r="D9194" s="367"/>
      <c r="E9194" s="367"/>
      <c r="F9194" s="360"/>
      <c r="G9194" s="360"/>
      <c r="H9194" s="360"/>
      <c r="I9194" s="360"/>
      <c r="J9194" s="365"/>
      <c r="K9194" s="365"/>
      <c r="L9194" s="365"/>
    </row>
    <row r="9195" spans="2:12" ht="28.5">
      <c r="B9195" s="368"/>
      <c r="C9195" s="368"/>
      <c r="D9195" s="368"/>
      <c r="E9195" s="368"/>
      <c r="F9195" s="361" t="s">
        <v>14374</v>
      </c>
      <c r="G9195" s="361" t="s">
        <v>14373</v>
      </c>
      <c r="H9195" s="362"/>
      <c r="I9195" s="362"/>
      <c r="J9195" s="366"/>
      <c r="K9195" s="366"/>
      <c r="L9195" s="366"/>
    </row>
    <row r="9196" spans="2:12">
      <c r="B9196" s="358" t="s">
        <v>18923</v>
      </c>
      <c r="C9196" s="358" t="s">
        <v>29061</v>
      </c>
      <c r="D9196" s="358" t="s">
        <v>18924</v>
      </c>
      <c r="E9196" s="358" t="s">
        <v>1609</v>
      </c>
      <c r="F9196" s="358" t="s">
        <v>14386</v>
      </c>
      <c r="G9196" s="358" t="s">
        <v>14387</v>
      </c>
      <c r="H9196" s="358" t="s">
        <v>14367</v>
      </c>
      <c r="I9196" s="358" t="s">
        <v>14387</v>
      </c>
      <c r="J9196" s="358"/>
      <c r="K9196" s="358"/>
      <c r="L9196" s="358"/>
    </row>
    <row r="9197" spans="2:12">
      <c r="B9197" s="367"/>
      <c r="C9197" s="367"/>
      <c r="D9197" s="367"/>
      <c r="E9197" s="367"/>
      <c r="F9197" s="360"/>
      <c r="G9197" s="360"/>
      <c r="H9197" s="360"/>
      <c r="I9197" s="360"/>
      <c r="J9197" s="365"/>
      <c r="K9197" s="365"/>
      <c r="L9197" s="365"/>
    </row>
    <row r="9198" spans="2:12">
      <c r="B9198" s="367"/>
      <c r="C9198" s="367"/>
      <c r="D9198" s="367"/>
      <c r="E9198" s="367"/>
      <c r="F9198" s="359" t="s">
        <v>14368</v>
      </c>
      <c r="G9198" s="359" t="s">
        <v>14388</v>
      </c>
      <c r="H9198" s="359" t="s">
        <v>14370</v>
      </c>
      <c r="I9198" s="359" t="s">
        <v>14388</v>
      </c>
      <c r="J9198" s="365"/>
      <c r="K9198" s="365"/>
      <c r="L9198" s="365"/>
    </row>
    <row r="9199" spans="2:12">
      <c r="B9199" s="367"/>
      <c r="C9199" s="367"/>
      <c r="D9199" s="367"/>
      <c r="E9199" s="367"/>
      <c r="F9199" s="360"/>
      <c r="G9199" s="360"/>
      <c r="H9199" s="360"/>
      <c r="I9199" s="360"/>
      <c r="J9199" s="365"/>
      <c r="K9199" s="365"/>
      <c r="L9199" s="365"/>
    </row>
    <row r="9200" spans="2:12">
      <c r="B9200" s="367"/>
      <c r="C9200" s="367"/>
      <c r="D9200" s="367"/>
      <c r="E9200" s="367"/>
      <c r="F9200" s="359" t="s">
        <v>14389</v>
      </c>
      <c r="G9200" s="359" t="s">
        <v>14390</v>
      </c>
      <c r="H9200" s="359" t="s">
        <v>14422</v>
      </c>
      <c r="I9200" s="359" t="s">
        <v>14390</v>
      </c>
      <c r="J9200" s="365"/>
      <c r="K9200" s="365"/>
      <c r="L9200" s="365"/>
    </row>
    <row r="9201" spans="2:12">
      <c r="B9201" s="367"/>
      <c r="C9201" s="367"/>
      <c r="D9201" s="367"/>
      <c r="E9201" s="367"/>
      <c r="F9201" s="360"/>
      <c r="G9201" s="360"/>
      <c r="H9201" s="360"/>
      <c r="I9201" s="360"/>
      <c r="J9201" s="365"/>
      <c r="K9201" s="365"/>
      <c r="L9201" s="365"/>
    </row>
    <row r="9202" spans="2:12">
      <c r="B9202" s="368"/>
      <c r="C9202" s="368"/>
      <c r="D9202" s="368"/>
      <c r="E9202" s="368"/>
      <c r="F9202" s="361" t="s">
        <v>14371</v>
      </c>
      <c r="G9202" s="361" t="s">
        <v>14372</v>
      </c>
      <c r="H9202" s="362"/>
      <c r="I9202" s="361" t="s">
        <v>14372</v>
      </c>
      <c r="J9202" s="366"/>
      <c r="K9202" s="366"/>
      <c r="L9202" s="366"/>
    </row>
    <row r="9203" spans="2:12" ht="28.5">
      <c r="B9203" s="358" t="s">
        <v>18925</v>
      </c>
      <c r="C9203" s="358" t="s">
        <v>29062</v>
      </c>
      <c r="D9203" s="358" t="s">
        <v>18926</v>
      </c>
      <c r="E9203" s="358" t="s">
        <v>1956</v>
      </c>
      <c r="F9203" s="358" t="s">
        <v>28913</v>
      </c>
      <c r="G9203" s="358" t="s">
        <v>14429</v>
      </c>
      <c r="H9203" s="358" t="s">
        <v>14341</v>
      </c>
      <c r="I9203" s="358" t="s">
        <v>14429</v>
      </c>
      <c r="J9203" s="358"/>
      <c r="K9203" s="358"/>
      <c r="L9203" s="358"/>
    </row>
    <row r="9204" spans="2:12">
      <c r="B9204" s="367"/>
      <c r="C9204" s="367"/>
      <c r="D9204" s="367"/>
      <c r="E9204" s="367"/>
      <c r="F9204" s="360"/>
      <c r="G9204" s="360"/>
      <c r="H9204" s="360"/>
      <c r="I9204" s="360"/>
      <c r="J9204" s="365"/>
      <c r="K9204" s="365"/>
      <c r="L9204" s="365"/>
    </row>
    <row r="9205" spans="2:12">
      <c r="B9205" s="367"/>
      <c r="C9205" s="367"/>
      <c r="D9205" s="367"/>
      <c r="E9205" s="367"/>
      <c r="F9205" s="359" t="s">
        <v>14389</v>
      </c>
      <c r="G9205" s="359" t="s">
        <v>14388</v>
      </c>
      <c r="H9205" s="359" t="s">
        <v>14367</v>
      </c>
      <c r="I9205" s="359" t="s">
        <v>14388</v>
      </c>
      <c r="J9205" s="365"/>
      <c r="K9205" s="365"/>
      <c r="L9205" s="365"/>
    </row>
    <row r="9206" spans="2:12">
      <c r="B9206" s="367"/>
      <c r="C9206" s="367"/>
      <c r="D9206" s="367"/>
      <c r="E9206" s="367"/>
      <c r="F9206" s="360"/>
      <c r="G9206" s="360"/>
      <c r="H9206" s="360"/>
      <c r="I9206" s="360"/>
      <c r="J9206" s="365"/>
      <c r="K9206" s="365"/>
      <c r="L9206" s="365"/>
    </row>
    <row r="9207" spans="2:12">
      <c r="B9207" s="367"/>
      <c r="C9207" s="367"/>
      <c r="D9207" s="367"/>
      <c r="E9207" s="367"/>
      <c r="F9207" s="359" t="s">
        <v>14430</v>
      </c>
      <c r="G9207" s="359" t="s">
        <v>14390</v>
      </c>
      <c r="H9207" s="359" t="s">
        <v>14370</v>
      </c>
      <c r="I9207" s="359" t="s">
        <v>14390</v>
      </c>
      <c r="J9207" s="365"/>
      <c r="K9207" s="365"/>
      <c r="L9207" s="365"/>
    </row>
    <row r="9208" spans="2:12">
      <c r="B9208" s="367"/>
      <c r="C9208" s="367"/>
      <c r="D9208" s="367"/>
      <c r="E9208" s="367"/>
      <c r="F9208" s="360"/>
      <c r="G9208" s="360"/>
      <c r="H9208" s="360"/>
      <c r="I9208" s="360"/>
      <c r="J9208" s="365"/>
      <c r="K9208" s="365"/>
      <c r="L9208" s="365"/>
    </row>
    <row r="9209" spans="2:12">
      <c r="B9209" s="367"/>
      <c r="C9209" s="367"/>
      <c r="D9209" s="367"/>
      <c r="E9209" s="367"/>
      <c r="F9209" s="359" t="s">
        <v>14371</v>
      </c>
      <c r="G9209" s="359" t="s">
        <v>14431</v>
      </c>
      <c r="H9209" s="359" t="s">
        <v>14422</v>
      </c>
      <c r="I9209" s="359" t="s">
        <v>14431</v>
      </c>
      <c r="J9209" s="365"/>
      <c r="K9209" s="365"/>
      <c r="L9209" s="365"/>
    </row>
    <row r="9210" spans="2:12">
      <c r="B9210" s="367"/>
      <c r="C9210" s="367"/>
      <c r="D9210" s="367"/>
      <c r="E9210" s="367"/>
      <c r="F9210" s="360"/>
      <c r="G9210" s="360"/>
      <c r="H9210" s="360"/>
      <c r="I9210" s="360"/>
      <c r="J9210" s="365"/>
      <c r="K9210" s="365"/>
      <c r="L9210" s="365"/>
    </row>
    <row r="9211" spans="2:12">
      <c r="B9211" s="368"/>
      <c r="C9211" s="368"/>
      <c r="D9211" s="368"/>
      <c r="E9211" s="368"/>
      <c r="F9211" s="362"/>
      <c r="G9211" s="361" t="s">
        <v>14372</v>
      </c>
      <c r="H9211" s="362"/>
      <c r="I9211" s="361" t="s">
        <v>14372</v>
      </c>
      <c r="J9211" s="366"/>
      <c r="K9211" s="366"/>
      <c r="L9211" s="366"/>
    </row>
    <row r="9212" spans="2:12">
      <c r="B9212" s="358" t="s">
        <v>18927</v>
      </c>
      <c r="C9212" s="358" t="s">
        <v>18928</v>
      </c>
      <c r="D9212" s="358" t="s">
        <v>18929</v>
      </c>
      <c r="E9212" s="358" t="s">
        <v>18930</v>
      </c>
      <c r="F9212" s="358" t="s">
        <v>14430</v>
      </c>
      <c r="G9212" s="358" t="s">
        <v>14431</v>
      </c>
      <c r="H9212" s="358" t="s">
        <v>14341</v>
      </c>
      <c r="I9212" s="358" t="s">
        <v>14431</v>
      </c>
      <c r="J9212" s="358"/>
      <c r="K9212" s="358"/>
      <c r="L9212" s="358"/>
    </row>
    <row r="9213" spans="2:12">
      <c r="B9213" s="367"/>
      <c r="C9213" s="367"/>
      <c r="D9213" s="367"/>
      <c r="E9213" s="367"/>
      <c r="F9213" s="367"/>
      <c r="G9213" s="367"/>
      <c r="H9213" s="360"/>
      <c r="I9213" s="367"/>
      <c r="J9213" s="365"/>
      <c r="K9213" s="365"/>
      <c r="L9213" s="365"/>
    </row>
    <row r="9214" spans="2:12">
      <c r="B9214" s="368"/>
      <c r="C9214" s="368"/>
      <c r="D9214" s="368"/>
      <c r="E9214" s="368"/>
      <c r="F9214" s="368"/>
      <c r="G9214" s="368"/>
      <c r="H9214" s="361" t="s">
        <v>14332</v>
      </c>
      <c r="I9214" s="368"/>
      <c r="J9214" s="366"/>
      <c r="K9214" s="366"/>
      <c r="L9214" s="366"/>
    </row>
    <row r="9215" spans="2:12" ht="28.5">
      <c r="B9215" s="358" t="s">
        <v>18931</v>
      </c>
      <c r="C9215" s="358" t="s">
        <v>18932</v>
      </c>
      <c r="D9215" s="358" t="s">
        <v>18933</v>
      </c>
      <c r="E9215" s="358" t="s">
        <v>8356</v>
      </c>
      <c r="F9215" s="358" t="s">
        <v>29063</v>
      </c>
      <c r="G9215" s="358" t="s">
        <v>14340</v>
      </c>
      <c r="H9215" s="358" t="s">
        <v>14341</v>
      </c>
      <c r="I9215" s="358" t="s">
        <v>14340</v>
      </c>
      <c r="J9215" s="358"/>
      <c r="K9215" s="358"/>
      <c r="L9215" s="358"/>
    </row>
    <row r="9216" spans="2:12">
      <c r="B9216" s="367"/>
      <c r="C9216" s="367"/>
      <c r="D9216" s="367"/>
      <c r="E9216" s="367"/>
      <c r="F9216" s="360"/>
      <c r="G9216" s="360"/>
      <c r="H9216" s="360"/>
      <c r="I9216" s="360"/>
      <c r="J9216" s="365"/>
      <c r="K9216" s="365"/>
      <c r="L9216" s="365"/>
    </row>
    <row r="9217" spans="2:12" ht="28.5">
      <c r="B9217" s="367"/>
      <c r="C9217" s="367"/>
      <c r="D9217" s="367"/>
      <c r="E9217" s="367"/>
      <c r="F9217" s="359" t="s">
        <v>14374</v>
      </c>
      <c r="G9217" s="359" t="s">
        <v>14372</v>
      </c>
      <c r="H9217" s="359" t="s">
        <v>14370</v>
      </c>
      <c r="I9217" s="359" t="s">
        <v>14373</v>
      </c>
      <c r="J9217" s="365"/>
      <c r="K9217" s="365"/>
      <c r="L9217" s="365"/>
    </row>
    <row r="9218" spans="2:12">
      <c r="B9218" s="367"/>
      <c r="C9218" s="367"/>
      <c r="D9218" s="367"/>
      <c r="E9218" s="367"/>
      <c r="F9218" s="360"/>
      <c r="G9218" s="360"/>
      <c r="H9218" s="360"/>
      <c r="I9218" s="360"/>
      <c r="J9218" s="365"/>
      <c r="K9218" s="365"/>
      <c r="L9218" s="365"/>
    </row>
    <row r="9219" spans="2:12">
      <c r="B9219" s="368"/>
      <c r="C9219" s="368"/>
      <c r="D9219" s="368"/>
      <c r="E9219" s="368"/>
      <c r="F9219" s="362"/>
      <c r="G9219" s="361" t="s">
        <v>14373</v>
      </c>
      <c r="H9219" s="361" t="s">
        <v>14332</v>
      </c>
      <c r="I9219" s="362"/>
      <c r="J9219" s="366"/>
      <c r="K9219" s="366"/>
      <c r="L9219" s="366"/>
    </row>
    <row r="9220" spans="2:12" ht="28.5">
      <c r="B9220" s="358" t="s">
        <v>13071</v>
      </c>
      <c r="C9220" s="358" t="s">
        <v>18934</v>
      </c>
      <c r="D9220" s="358" t="s">
        <v>13072</v>
      </c>
      <c r="E9220" s="358" t="s">
        <v>13073</v>
      </c>
      <c r="F9220" s="358" t="s">
        <v>14424</v>
      </c>
      <c r="G9220" s="358" t="s">
        <v>29064</v>
      </c>
      <c r="H9220" s="358" t="s">
        <v>14381</v>
      </c>
      <c r="I9220" s="358" t="s">
        <v>29064</v>
      </c>
      <c r="J9220" s="358"/>
      <c r="K9220" s="358"/>
      <c r="L9220" s="358"/>
    </row>
    <row r="9221" spans="2:12">
      <c r="B9221" s="367"/>
      <c r="C9221" s="367"/>
      <c r="D9221" s="367"/>
      <c r="E9221" s="367"/>
      <c r="F9221" s="360"/>
      <c r="G9221" s="360"/>
      <c r="H9221" s="360"/>
      <c r="I9221" s="360"/>
      <c r="J9221" s="365"/>
      <c r="K9221" s="365"/>
      <c r="L9221" s="365"/>
    </row>
    <row r="9222" spans="2:12">
      <c r="B9222" s="367"/>
      <c r="C9222" s="367"/>
      <c r="D9222" s="367"/>
      <c r="E9222" s="367"/>
      <c r="F9222" s="359" t="s">
        <v>14386</v>
      </c>
      <c r="G9222" s="359" t="s">
        <v>14372</v>
      </c>
      <c r="H9222" s="359" t="s">
        <v>14370</v>
      </c>
      <c r="I9222" s="359" t="s">
        <v>14373</v>
      </c>
      <c r="J9222" s="365"/>
      <c r="K9222" s="365"/>
      <c r="L9222" s="365"/>
    </row>
    <row r="9223" spans="2:12">
      <c r="B9223" s="367"/>
      <c r="C9223" s="367"/>
      <c r="D9223" s="367"/>
      <c r="E9223" s="367"/>
      <c r="F9223" s="360"/>
      <c r="G9223" s="360"/>
      <c r="H9223" s="360"/>
      <c r="I9223" s="360"/>
      <c r="J9223" s="365"/>
      <c r="K9223" s="365"/>
      <c r="L9223" s="365"/>
    </row>
    <row r="9224" spans="2:12">
      <c r="B9224" s="367"/>
      <c r="C9224" s="367"/>
      <c r="D9224" s="367"/>
      <c r="E9224" s="367"/>
      <c r="F9224" s="359" t="s">
        <v>14371</v>
      </c>
      <c r="G9224" s="359" t="s">
        <v>14373</v>
      </c>
      <c r="H9224" s="359" t="s">
        <v>14332</v>
      </c>
      <c r="I9224" s="360"/>
      <c r="J9224" s="365"/>
      <c r="K9224" s="365"/>
      <c r="L9224" s="365"/>
    </row>
    <row r="9225" spans="2:12">
      <c r="B9225" s="367"/>
      <c r="C9225" s="367"/>
      <c r="D9225" s="367"/>
      <c r="E9225" s="367"/>
      <c r="F9225" s="360"/>
      <c r="G9225" s="360"/>
      <c r="H9225" s="360"/>
      <c r="I9225" s="360"/>
      <c r="J9225" s="365"/>
      <c r="K9225" s="365"/>
      <c r="L9225" s="365"/>
    </row>
    <row r="9226" spans="2:12" ht="28.5">
      <c r="B9226" s="368"/>
      <c r="C9226" s="368"/>
      <c r="D9226" s="368"/>
      <c r="E9226" s="368"/>
      <c r="F9226" s="361" t="s">
        <v>14374</v>
      </c>
      <c r="G9226" s="362"/>
      <c r="H9226" s="362"/>
      <c r="I9226" s="362"/>
      <c r="J9226" s="366"/>
      <c r="K9226" s="366"/>
      <c r="L9226" s="366"/>
    </row>
    <row r="9227" spans="2:12" ht="28.5">
      <c r="B9227" s="358" t="s">
        <v>18935</v>
      </c>
      <c r="C9227" s="358" t="s">
        <v>18936</v>
      </c>
      <c r="D9227" s="358" t="s">
        <v>18937</v>
      </c>
      <c r="E9227" s="358" t="s">
        <v>8356</v>
      </c>
      <c r="F9227" s="358" t="s">
        <v>14394</v>
      </c>
      <c r="G9227" s="358" t="s">
        <v>14395</v>
      </c>
      <c r="H9227" s="358" t="s">
        <v>14370</v>
      </c>
      <c r="I9227" s="358" t="s">
        <v>14395</v>
      </c>
      <c r="J9227" s="358"/>
      <c r="K9227" s="358"/>
      <c r="L9227" s="358"/>
    </row>
    <row r="9228" spans="2:12">
      <c r="B9228" s="368"/>
      <c r="C9228" s="368"/>
      <c r="D9228" s="368"/>
      <c r="E9228" s="368"/>
      <c r="F9228" s="368"/>
      <c r="G9228" s="368"/>
      <c r="H9228" s="368"/>
      <c r="I9228" s="368"/>
      <c r="J9228" s="366"/>
      <c r="K9228" s="366"/>
      <c r="L9228" s="366"/>
    </row>
    <row r="9229" spans="2:12" ht="28.5">
      <c r="B9229" s="358" t="s">
        <v>18938</v>
      </c>
      <c r="C9229" s="358" t="s">
        <v>18939</v>
      </c>
      <c r="D9229" s="358" t="s">
        <v>18940</v>
      </c>
      <c r="E9229" s="358" t="s">
        <v>8356</v>
      </c>
      <c r="F9229" s="358" t="s">
        <v>14394</v>
      </c>
      <c r="G9229" s="358" t="s">
        <v>14395</v>
      </c>
      <c r="H9229" s="358" t="s">
        <v>14370</v>
      </c>
      <c r="I9229" s="358" t="s">
        <v>14395</v>
      </c>
      <c r="J9229" s="358"/>
      <c r="K9229" s="358"/>
      <c r="L9229" s="358"/>
    </row>
    <row r="9230" spans="2:12">
      <c r="B9230" s="368"/>
      <c r="C9230" s="368"/>
      <c r="D9230" s="368"/>
      <c r="E9230" s="368"/>
      <c r="F9230" s="368"/>
      <c r="G9230" s="368"/>
      <c r="H9230" s="368"/>
      <c r="I9230" s="368"/>
      <c r="J9230" s="366"/>
      <c r="K9230" s="366"/>
      <c r="L9230" s="366"/>
    </row>
    <row r="9231" spans="2:12">
      <c r="B9231" s="358" t="s">
        <v>18941</v>
      </c>
      <c r="C9231" s="358" t="s">
        <v>18942</v>
      </c>
      <c r="D9231" s="358" t="s">
        <v>18943</v>
      </c>
      <c r="E9231" s="358" t="s">
        <v>8356</v>
      </c>
      <c r="F9231" s="358" t="s">
        <v>14430</v>
      </c>
      <c r="G9231" s="358" t="s">
        <v>14431</v>
      </c>
      <c r="H9231" s="358" t="s">
        <v>14341</v>
      </c>
      <c r="I9231" s="358" t="s">
        <v>14431</v>
      </c>
      <c r="J9231" s="358"/>
      <c r="K9231" s="358"/>
      <c r="L9231" s="358"/>
    </row>
    <row r="9232" spans="2:12">
      <c r="B9232" s="367"/>
      <c r="C9232" s="367"/>
      <c r="D9232" s="367"/>
      <c r="E9232" s="367"/>
      <c r="F9232" s="360"/>
      <c r="G9232" s="360"/>
      <c r="H9232" s="360"/>
      <c r="I9232" s="360"/>
      <c r="J9232" s="365"/>
      <c r="K9232" s="365"/>
      <c r="L9232" s="365"/>
    </row>
    <row r="9233" spans="2:12">
      <c r="B9233" s="367"/>
      <c r="C9233" s="367"/>
      <c r="D9233" s="367"/>
      <c r="E9233" s="367"/>
      <c r="F9233" s="359" t="s">
        <v>14391</v>
      </c>
      <c r="G9233" s="359" t="s">
        <v>14392</v>
      </c>
      <c r="H9233" s="359" t="s">
        <v>14367</v>
      </c>
      <c r="I9233" s="359" t="s">
        <v>14392</v>
      </c>
      <c r="J9233" s="365"/>
      <c r="K9233" s="365"/>
      <c r="L9233" s="365"/>
    </row>
    <row r="9234" spans="2:12">
      <c r="B9234" s="367"/>
      <c r="C9234" s="367"/>
      <c r="D9234" s="367"/>
      <c r="E9234" s="367"/>
      <c r="F9234" s="360"/>
      <c r="G9234" s="360"/>
      <c r="H9234" s="360"/>
      <c r="I9234" s="360"/>
      <c r="J9234" s="365"/>
      <c r="K9234" s="365"/>
      <c r="L9234" s="365"/>
    </row>
    <row r="9235" spans="2:12" ht="28.5">
      <c r="B9235" s="367"/>
      <c r="C9235" s="367"/>
      <c r="D9235" s="367"/>
      <c r="E9235" s="367"/>
      <c r="F9235" s="359" t="s">
        <v>14394</v>
      </c>
      <c r="G9235" s="359" t="s">
        <v>14395</v>
      </c>
      <c r="H9235" s="359" t="s">
        <v>14370</v>
      </c>
      <c r="I9235" s="359" t="s">
        <v>14395</v>
      </c>
      <c r="J9235" s="365"/>
      <c r="K9235" s="365"/>
      <c r="L9235" s="365"/>
    </row>
    <row r="9236" spans="2:12">
      <c r="B9236" s="367"/>
      <c r="C9236" s="367"/>
      <c r="D9236" s="367"/>
      <c r="E9236" s="367"/>
      <c r="F9236" s="360"/>
      <c r="G9236" s="360"/>
      <c r="H9236" s="360"/>
      <c r="I9236" s="360"/>
      <c r="J9236" s="365"/>
      <c r="K9236" s="365"/>
      <c r="L9236" s="365"/>
    </row>
    <row r="9237" spans="2:12">
      <c r="B9237" s="368"/>
      <c r="C9237" s="368"/>
      <c r="D9237" s="368"/>
      <c r="E9237" s="368"/>
      <c r="F9237" s="362"/>
      <c r="G9237" s="362"/>
      <c r="H9237" s="361" t="s">
        <v>14332</v>
      </c>
      <c r="I9237" s="362"/>
      <c r="J9237" s="366"/>
      <c r="K9237" s="366"/>
      <c r="L9237" s="366"/>
    </row>
    <row r="9238" spans="2:12">
      <c r="B9238" s="358" t="s">
        <v>10382</v>
      </c>
      <c r="C9238" s="358" t="s">
        <v>18944</v>
      </c>
      <c r="D9238" s="358" t="s">
        <v>10383</v>
      </c>
      <c r="E9238" s="358" t="s">
        <v>10384</v>
      </c>
      <c r="F9238" s="358" t="s">
        <v>14376</v>
      </c>
      <c r="G9238" s="358" t="s">
        <v>14669</v>
      </c>
      <c r="H9238" s="358" t="s">
        <v>14381</v>
      </c>
      <c r="I9238" s="358" t="s">
        <v>14669</v>
      </c>
      <c r="J9238" s="358"/>
      <c r="K9238" s="358"/>
      <c r="L9238" s="358"/>
    </row>
    <row r="9239" spans="2:12">
      <c r="B9239" s="367"/>
      <c r="C9239" s="367"/>
      <c r="D9239" s="367"/>
      <c r="E9239" s="367"/>
      <c r="F9239" s="360"/>
      <c r="G9239" s="360"/>
      <c r="H9239" s="360"/>
      <c r="I9239" s="360"/>
      <c r="J9239" s="365"/>
      <c r="K9239" s="365"/>
      <c r="L9239" s="365"/>
    </row>
    <row r="9240" spans="2:12">
      <c r="B9240" s="367"/>
      <c r="C9240" s="367"/>
      <c r="D9240" s="367"/>
      <c r="E9240" s="367"/>
      <c r="F9240" s="359" t="s">
        <v>14420</v>
      </c>
      <c r="G9240" s="359" t="s">
        <v>14429</v>
      </c>
      <c r="H9240" s="359" t="s">
        <v>14367</v>
      </c>
      <c r="I9240" s="359" t="s">
        <v>14429</v>
      </c>
      <c r="J9240" s="365"/>
      <c r="K9240" s="365"/>
      <c r="L9240" s="365"/>
    </row>
    <row r="9241" spans="2:12">
      <c r="B9241" s="367"/>
      <c r="C9241" s="367"/>
      <c r="D9241" s="367"/>
      <c r="E9241" s="367"/>
      <c r="F9241" s="360"/>
      <c r="G9241" s="360"/>
      <c r="H9241" s="360"/>
      <c r="I9241" s="360"/>
      <c r="J9241" s="365"/>
      <c r="K9241" s="365"/>
      <c r="L9241" s="365"/>
    </row>
    <row r="9242" spans="2:12">
      <c r="B9242" s="367"/>
      <c r="C9242" s="367"/>
      <c r="D9242" s="367"/>
      <c r="E9242" s="367"/>
      <c r="F9242" s="359" t="s">
        <v>14391</v>
      </c>
      <c r="G9242" s="359" t="s">
        <v>14392</v>
      </c>
      <c r="H9242" s="359" t="s">
        <v>14370</v>
      </c>
      <c r="I9242" s="359" t="s">
        <v>14392</v>
      </c>
      <c r="J9242" s="365"/>
      <c r="K9242" s="365"/>
      <c r="L9242" s="365"/>
    </row>
    <row r="9243" spans="2:12">
      <c r="B9243" s="367"/>
      <c r="C9243" s="367"/>
      <c r="D9243" s="367"/>
      <c r="E9243" s="367"/>
      <c r="F9243" s="360"/>
      <c r="G9243" s="360"/>
      <c r="H9243" s="360"/>
      <c r="I9243" s="360"/>
      <c r="J9243" s="365"/>
      <c r="K9243" s="365"/>
      <c r="L9243" s="365"/>
    </row>
    <row r="9244" spans="2:12" ht="28.5">
      <c r="B9244" s="368"/>
      <c r="C9244" s="368"/>
      <c r="D9244" s="368"/>
      <c r="E9244" s="368"/>
      <c r="F9244" s="361" t="s">
        <v>14394</v>
      </c>
      <c r="G9244" s="361" t="s">
        <v>14395</v>
      </c>
      <c r="H9244" s="361" t="s">
        <v>14332</v>
      </c>
      <c r="I9244" s="361" t="s">
        <v>14395</v>
      </c>
      <c r="J9244" s="366"/>
      <c r="K9244" s="366"/>
      <c r="L9244" s="366"/>
    </row>
    <row r="9245" spans="2:12" ht="42.75">
      <c r="B9245" s="358" t="s">
        <v>18945</v>
      </c>
      <c r="C9245" s="358" t="s">
        <v>18946</v>
      </c>
      <c r="D9245" s="358" t="s">
        <v>18947</v>
      </c>
      <c r="E9245" s="358" t="s">
        <v>18948</v>
      </c>
      <c r="F9245" s="358" t="s">
        <v>28931</v>
      </c>
      <c r="G9245" s="358" t="s">
        <v>14421</v>
      </c>
      <c r="H9245" s="358" t="s">
        <v>14341</v>
      </c>
      <c r="I9245" s="358" t="s">
        <v>14421</v>
      </c>
      <c r="J9245" s="358"/>
      <c r="K9245" s="358"/>
      <c r="L9245" s="358"/>
    </row>
    <row r="9246" spans="2:12">
      <c r="B9246" s="367"/>
      <c r="C9246" s="367"/>
      <c r="D9246" s="367"/>
      <c r="E9246" s="367"/>
      <c r="F9246" s="360"/>
      <c r="G9246" s="360"/>
      <c r="H9246" s="360"/>
      <c r="I9246" s="360"/>
      <c r="J9246" s="365"/>
      <c r="K9246" s="365"/>
      <c r="L9246" s="365"/>
    </row>
    <row r="9247" spans="2:12">
      <c r="B9247" s="367"/>
      <c r="C9247" s="367"/>
      <c r="D9247" s="367"/>
      <c r="E9247" s="367"/>
      <c r="F9247" s="359" t="s">
        <v>14389</v>
      </c>
      <c r="G9247" s="359" t="s">
        <v>14429</v>
      </c>
      <c r="H9247" s="359" t="s">
        <v>14367</v>
      </c>
      <c r="I9247" s="359" t="s">
        <v>14429</v>
      </c>
      <c r="J9247" s="365"/>
      <c r="K9247" s="365"/>
      <c r="L9247" s="365"/>
    </row>
    <row r="9248" spans="2:12">
      <c r="B9248" s="367"/>
      <c r="C9248" s="367"/>
      <c r="D9248" s="367"/>
      <c r="E9248" s="367"/>
      <c r="F9248" s="360"/>
      <c r="G9248" s="360"/>
      <c r="H9248" s="360"/>
      <c r="I9248" s="360"/>
      <c r="J9248" s="365"/>
      <c r="K9248" s="365"/>
      <c r="L9248" s="365"/>
    </row>
    <row r="9249" spans="2:12">
      <c r="B9249" s="367"/>
      <c r="C9249" s="367"/>
      <c r="D9249" s="367"/>
      <c r="E9249" s="367"/>
      <c r="F9249" s="359" t="s">
        <v>14430</v>
      </c>
      <c r="G9249" s="359" t="s">
        <v>14388</v>
      </c>
      <c r="H9249" s="359" t="s">
        <v>14332</v>
      </c>
      <c r="I9249" s="359" t="s">
        <v>14388</v>
      </c>
      <c r="J9249" s="365"/>
      <c r="K9249" s="365"/>
      <c r="L9249" s="365"/>
    </row>
    <row r="9250" spans="2:12">
      <c r="B9250" s="367"/>
      <c r="C9250" s="367"/>
      <c r="D9250" s="367"/>
      <c r="E9250" s="367"/>
      <c r="F9250" s="360"/>
      <c r="G9250" s="360"/>
      <c r="H9250" s="360"/>
      <c r="I9250" s="360"/>
      <c r="J9250" s="365"/>
      <c r="K9250" s="365"/>
      <c r="L9250" s="365"/>
    </row>
    <row r="9251" spans="2:12">
      <c r="B9251" s="367"/>
      <c r="C9251" s="367"/>
      <c r="D9251" s="367"/>
      <c r="E9251" s="367"/>
      <c r="F9251" s="360"/>
      <c r="G9251" s="359" t="s">
        <v>14390</v>
      </c>
      <c r="H9251" s="360"/>
      <c r="I9251" s="359" t="s">
        <v>14390</v>
      </c>
      <c r="J9251" s="365"/>
      <c r="K9251" s="365"/>
      <c r="L9251" s="365"/>
    </row>
    <row r="9252" spans="2:12">
      <c r="B9252" s="367"/>
      <c r="C9252" s="367"/>
      <c r="D9252" s="367"/>
      <c r="E9252" s="367"/>
      <c r="F9252" s="360"/>
      <c r="G9252" s="360"/>
      <c r="H9252" s="360"/>
      <c r="I9252" s="360"/>
      <c r="J9252" s="365"/>
      <c r="K9252" s="365"/>
      <c r="L9252" s="365"/>
    </row>
    <row r="9253" spans="2:12">
      <c r="B9253" s="368"/>
      <c r="C9253" s="368"/>
      <c r="D9253" s="368"/>
      <c r="E9253" s="368"/>
      <c r="F9253" s="362"/>
      <c r="G9253" s="361" t="s">
        <v>14431</v>
      </c>
      <c r="H9253" s="362"/>
      <c r="I9253" s="361" t="s">
        <v>14431</v>
      </c>
      <c r="J9253" s="366"/>
      <c r="K9253" s="366"/>
      <c r="L9253" s="366"/>
    </row>
    <row r="9254" spans="2:12">
      <c r="B9254" s="354" t="s">
        <v>14492</v>
      </c>
      <c r="C9254" s="369"/>
      <c r="D9254" s="369"/>
      <c r="E9254" s="369"/>
      <c r="F9254" s="369"/>
      <c r="G9254" s="369"/>
      <c r="H9254" s="369"/>
      <c r="I9254" s="369"/>
      <c r="J9254" s="369"/>
      <c r="K9254" s="369"/>
      <c r="L9254" s="370"/>
    </row>
    <row r="9255" spans="2:12">
      <c r="B9255" s="358" t="s">
        <v>13750</v>
      </c>
      <c r="C9255" s="358" t="s">
        <v>18949</v>
      </c>
      <c r="D9255" s="358" t="s">
        <v>72</v>
      </c>
      <c r="E9255" s="358" t="s">
        <v>573</v>
      </c>
      <c r="F9255" s="358" t="s">
        <v>14424</v>
      </c>
      <c r="G9255" s="358" t="s">
        <v>16046</v>
      </c>
      <c r="H9255" s="358" t="s">
        <v>14381</v>
      </c>
      <c r="I9255" s="358" t="s">
        <v>16046</v>
      </c>
      <c r="J9255" s="358"/>
      <c r="K9255" s="358"/>
      <c r="L9255" s="358"/>
    </row>
    <row r="9256" spans="2:12">
      <c r="B9256" s="367"/>
      <c r="C9256" s="360"/>
      <c r="D9256" s="367"/>
      <c r="E9256" s="367"/>
      <c r="F9256" s="360"/>
      <c r="G9256" s="360"/>
      <c r="H9256" s="360"/>
      <c r="I9256" s="360"/>
      <c r="J9256" s="365"/>
      <c r="K9256" s="365"/>
      <c r="L9256" s="365"/>
    </row>
    <row r="9257" spans="2:12" ht="28.5">
      <c r="B9257" s="367"/>
      <c r="C9257" s="359" t="s">
        <v>18950</v>
      </c>
      <c r="D9257" s="367"/>
      <c r="E9257" s="367"/>
      <c r="F9257" s="359" t="s">
        <v>14368</v>
      </c>
      <c r="G9257" s="359" t="s">
        <v>14388</v>
      </c>
      <c r="H9257" s="359" t="s">
        <v>18372</v>
      </c>
      <c r="I9257" s="359" t="s">
        <v>14388</v>
      </c>
      <c r="J9257" s="365"/>
      <c r="K9257" s="365"/>
      <c r="L9257" s="365"/>
    </row>
    <row r="9258" spans="2:12">
      <c r="B9258" s="367"/>
      <c r="C9258" s="360"/>
      <c r="D9258" s="367"/>
      <c r="E9258" s="367"/>
      <c r="F9258" s="360"/>
      <c r="G9258" s="360"/>
      <c r="H9258" s="360"/>
      <c r="I9258" s="360"/>
      <c r="J9258" s="365"/>
      <c r="K9258" s="365"/>
      <c r="L9258" s="365"/>
    </row>
    <row r="9259" spans="2:12">
      <c r="B9259" s="367"/>
      <c r="C9259" s="360"/>
      <c r="D9259" s="367"/>
      <c r="E9259" s="367"/>
      <c r="F9259" s="359" t="s">
        <v>14430</v>
      </c>
      <c r="G9259" s="359" t="s">
        <v>14431</v>
      </c>
      <c r="H9259" s="359" t="s">
        <v>14332</v>
      </c>
      <c r="I9259" s="359" t="s">
        <v>14431</v>
      </c>
      <c r="J9259" s="365"/>
      <c r="K9259" s="365"/>
      <c r="L9259" s="365"/>
    </row>
    <row r="9260" spans="2:12">
      <c r="B9260" s="367"/>
      <c r="C9260" s="360"/>
      <c r="D9260" s="367"/>
      <c r="E9260" s="367"/>
      <c r="F9260" s="360"/>
      <c r="G9260" s="360"/>
      <c r="H9260" s="360"/>
      <c r="I9260" s="360"/>
      <c r="J9260" s="365"/>
      <c r="K9260" s="365"/>
      <c r="L9260" s="365"/>
    </row>
    <row r="9261" spans="2:12">
      <c r="B9261" s="368"/>
      <c r="C9261" s="362"/>
      <c r="D9261" s="368"/>
      <c r="E9261" s="368"/>
      <c r="F9261" s="361" t="s">
        <v>14391</v>
      </c>
      <c r="G9261" s="361" t="s">
        <v>14392</v>
      </c>
      <c r="H9261" s="362"/>
      <c r="I9261" s="361" t="s">
        <v>14392</v>
      </c>
      <c r="J9261" s="366"/>
      <c r="K9261" s="366"/>
      <c r="L9261" s="366"/>
    </row>
    <row r="9262" spans="2:12">
      <c r="B9262" s="354" t="s">
        <v>28528</v>
      </c>
      <c r="C9262" s="369"/>
      <c r="D9262" s="369"/>
      <c r="E9262" s="369"/>
      <c r="F9262" s="369"/>
      <c r="G9262" s="369"/>
      <c r="H9262" s="369"/>
      <c r="I9262" s="369"/>
      <c r="J9262" s="369"/>
      <c r="K9262" s="369"/>
      <c r="L9262" s="370"/>
    </row>
    <row r="9263" spans="2:12">
      <c r="B9263" s="358" t="s">
        <v>18951</v>
      </c>
      <c r="C9263" s="358" t="s">
        <v>18952</v>
      </c>
      <c r="D9263" s="358" t="s">
        <v>18953</v>
      </c>
      <c r="E9263" s="358" t="s">
        <v>18954</v>
      </c>
      <c r="F9263" s="358" t="s">
        <v>14420</v>
      </c>
      <c r="G9263" s="358" t="s">
        <v>14429</v>
      </c>
      <c r="H9263" s="358" t="s">
        <v>14367</v>
      </c>
      <c r="I9263" s="358" t="s">
        <v>14429</v>
      </c>
      <c r="J9263" s="358"/>
      <c r="K9263" s="358"/>
      <c r="L9263" s="358"/>
    </row>
    <row r="9264" spans="2:12">
      <c r="B9264" s="367"/>
      <c r="C9264" s="367"/>
      <c r="D9264" s="367"/>
      <c r="E9264" s="367"/>
      <c r="F9264" s="360"/>
      <c r="G9264" s="360"/>
      <c r="H9264" s="360"/>
      <c r="I9264" s="360"/>
      <c r="J9264" s="365"/>
      <c r="K9264" s="365"/>
      <c r="L9264" s="365"/>
    </row>
    <row r="9265" spans="2:12">
      <c r="B9265" s="367"/>
      <c r="C9265" s="367"/>
      <c r="D9265" s="367"/>
      <c r="E9265" s="367"/>
      <c r="F9265" s="359" t="s">
        <v>14386</v>
      </c>
      <c r="G9265" s="359" t="s">
        <v>14387</v>
      </c>
      <c r="H9265" s="359" t="s">
        <v>14422</v>
      </c>
      <c r="I9265" s="359" t="s">
        <v>14387</v>
      </c>
      <c r="J9265" s="365"/>
      <c r="K9265" s="365"/>
      <c r="L9265" s="365"/>
    </row>
    <row r="9266" spans="2:12">
      <c r="B9266" s="367"/>
      <c r="C9266" s="367"/>
      <c r="D9266" s="367"/>
      <c r="E9266" s="367"/>
      <c r="F9266" s="360"/>
      <c r="G9266" s="360"/>
      <c r="H9266" s="360"/>
      <c r="I9266" s="360"/>
      <c r="J9266" s="365"/>
      <c r="K9266" s="365"/>
      <c r="L9266" s="365"/>
    </row>
    <row r="9267" spans="2:12">
      <c r="B9267" s="368"/>
      <c r="C9267" s="368"/>
      <c r="D9267" s="368"/>
      <c r="E9267" s="368"/>
      <c r="F9267" s="361" t="s">
        <v>14389</v>
      </c>
      <c r="G9267" s="361" t="s">
        <v>14390</v>
      </c>
      <c r="H9267" s="362"/>
      <c r="I9267" s="361" t="s">
        <v>14390</v>
      </c>
      <c r="J9267" s="366"/>
      <c r="K9267" s="366"/>
      <c r="L9267" s="366"/>
    </row>
    <row r="9268" spans="2:12">
      <c r="B9268" s="358" t="s">
        <v>18955</v>
      </c>
      <c r="C9268" s="358" t="s">
        <v>18956</v>
      </c>
      <c r="D9268" s="358" t="s">
        <v>18957</v>
      </c>
      <c r="E9268" s="358" t="s">
        <v>18958</v>
      </c>
      <c r="F9268" s="358" t="s">
        <v>14420</v>
      </c>
      <c r="G9268" s="358" t="s">
        <v>14429</v>
      </c>
      <c r="H9268" s="358" t="s">
        <v>14341</v>
      </c>
      <c r="I9268" s="358" t="s">
        <v>14429</v>
      </c>
      <c r="J9268" s="358"/>
      <c r="K9268" s="358"/>
      <c r="L9268" s="358"/>
    </row>
    <row r="9269" spans="2:12">
      <c r="B9269" s="367"/>
      <c r="C9269" s="367"/>
      <c r="D9269" s="367"/>
      <c r="E9269" s="367"/>
      <c r="F9269" s="360"/>
      <c r="G9269" s="360"/>
      <c r="H9269" s="360"/>
      <c r="I9269" s="360"/>
      <c r="J9269" s="365"/>
      <c r="K9269" s="365"/>
      <c r="L9269" s="365"/>
    </row>
    <row r="9270" spans="2:12">
      <c r="B9270" s="367"/>
      <c r="C9270" s="367"/>
      <c r="D9270" s="367"/>
      <c r="E9270" s="367"/>
      <c r="F9270" s="359" t="s">
        <v>14356</v>
      </c>
      <c r="G9270" s="359" t="s">
        <v>14340</v>
      </c>
      <c r="H9270" s="359" t="s">
        <v>14367</v>
      </c>
      <c r="I9270" s="359" t="s">
        <v>14340</v>
      </c>
      <c r="J9270" s="365"/>
      <c r="K9270" s="365"/>
      <c r="L9270" s="365"/>
    </row>
    <row r="9271" spans="2:12">
      <c r="B9271" s="367"/>
      <c r="C9271" s="367"/>
      <c r="D9271" s="367"/>
      <c r="E9271" s="367"/>
      <c r="F9271" s="360"/>
      <c r="G9271" s="360"/>
      <c r="H9271" s="360"/>
      <c r="I9271" s="360"/>
      <c r="J9271" s="365"/>
      <c r="K9271" s="365"/>
      <c r="L9271" s="365"/>
    </row>
    <row r="9272" spans="2:12" ht="28.5">
      <c r="B9272" s="367"/>
      <c r="C9272" s="367"/>
      <c r="D9272" s="367"/>
      <c r="E9272" s="367"/>
      <c r="F9272" s="359" t="s">
        <v>14394</v>
      </c>
      <c r="G9272" s="359" t="s">
        <v>14395</v>
      </c>
      <c r="H9272" s="359" t="s">
        <v>14370</v>
      </c>
      <c r="I9272" s="359" t="s">
        <v>14395</v>
      </c>
      <c r="J9272" s="365"/>
      <c r="K9272" s="365"/>
      <c r="L9272" s="365"/>
    </row>
    <row r="9273" spans="2:12">
      <c r="B9273" s="367"/>
      <c r="C9273" s="367"/>
      <c r="D9273" s="367"/>
      <c r="E9273" s="367"/>
      <c r="F9273" s="360"/>
      <c r="G9273" s="360"/>
      <c r="H9273" s="360"/>
      <c r="I9273" s="360"/>
      <c r="J9273" s="365"/>
      <c r="K9273" s="365"/>
      <c r="L9273" s="365"/>
    </row>
    <row r="9274" spans="2:12">
      <c r="B9274" s="368"/>
      <c r="C9274" s="368"/>
      <c r="D9274" s="368"/>
      <c r="E9274" s="368"/>
      <c r="F9274" s="362"/>
      <c r="G9274" s="362"/>
      <c r="H9274" s="361" t="s">
        <v>14332</v>
      </c>
      <c r="I9274" s="362"/>
      <c r="J9274" s="366"/>
      <c r="K9274" s="366"/>
      <c r="L9274" s="366"/>
    </row>
    <row r="9275" spans="2:12">
      <c r="B9275" s="358" t="s">
        <v>18959</v>
      </c>
      <c r="C9275" s="358" t="s">
        <v>18960</v>
      </c>
      <c r="D9275" s="358" t="s">
        <v>18961</v>
      </c>
      <c r="E9275" s="358" t="s">
        <v>18962</v>
      </c>
      <c r="F9275" s="358" t="s">
        <v>14418</v>
      </c>
      <c r="G9275" s="358" t="s">
        <v>14419</v>
      </c>
      <c r="H9275" s="358" t="s">
        <v>14328</v>
      </c>
      <c r="I9275" s="358" t="s">
        <v>14419</v>
      </c>
      <c r="J9275" s="358"/>
      <c r="K9275" s="358"/>
      <c r="L9275" s="358"/>
    </row>
    <row r="9276" spans="2:12">
      <c r="B9276" s="367"/>
      <c r="C9276" s="367"/>
      <c r="D9276" s="367"/>
      <c r="E9276" s="367"/>
      <c r="F9276" s="367"/>
      <c r="G9276" s="367"/>
      <c r="H9276" s="360"/>
      <c r="I9276" s="367"/>
      <c r="J9276" s="365"/>
      <c r="K9276" s="365"/>
      <c r="L9276" s="365"/>
    </row>
    <row r="9277" spans="2:12">
      <c r="B9277" s="368"/>
      <c r="C9277" s="368"/>
      <c r="D9277" s="368"/>
      <c r="E9277" s="368"/>
      <c r="F9277" s="368"/>
      <c r="G9277" s="368"/>
      <c r="H9277" s="361" t="s">
        <v>14422</v>
      </c>
      <c r="I9277" s="368"/>
      <c r="J9277" s="366"/>
      <c r="K9277" s="366"/>
      <c r="L9277" s="366"/>
    </row>
    <row r="9278" spans="2:12">
      <c r="B9278" s="358" t="s">
        <v>18963</v>
      </c>
      <c r="C9278" s="358" t="s">
        <v>27590</v>
      </c>
      <c r="D9278" s="358" t="s">
        <v>18964</v>
      </c>
      <c r="E9278" s="358" t="s">
        <v>18965</v>
      </c>
      <c r="F9278" s="358" t="s">
        <v>14430</v>
      </c>
      <c r="G9278" s="358" t="s">
        <v>14431</v>
      </c>
      <c r="H9278" s="358" t="s">
        <v>14341</v>
      </c>
      <c r="I9278" s="358" t="s">
        <v>14431</v>
      </c>
      <c r="J9278" s="358"/>
      <c r="K9278" s="358"/>
      <c r="L9278" s="358"/>
    </row>
    <row r="9279" spans="2:12">
      <c r="B9279" s="367"/>
      <c r="C9279" s="367"/>
      <c r="D9279" s="367"/>
      <c r="E9279" s="367"/>
      <c r="F9279" s="360"/>
      <c r="G9279" s="360"/>
      <c r="H9279" s="360"/>
      <c r="I9279" s="360"/>
      <c r="J9279" s="365"/>
      <c r="K9279" s="365"/>
      <c r="L9279" s="365"/>
    </row>
    <row r="9280" spans="2:12">
      <c r="B9280" s="367"/>
      <c r="C9280" s="367"/>
      <c r="D9280" s="367"/>
      <c r="E9280" s="367"/>
      <c r="F9280" s="359" t="s">
        <v>14371</v>
      </c>
      <c r="G9280" s="359" t="s">
        <v>14372</v>
      </c>
      <c r="H9280" s="359" t="s">
        <v>14370</v>
      </c>
      <c r="I9280" s="359" t="s">
        <v>14373</v>
      </c>
      <c r="J9280" s="365"/>
      <c r="K9280" s="365"/>
      <c r="L9280" s="365"/>
    </row>
    <row r="9281" spans="2:12">
      <c r="B9281" s="367"/>
      <c r="C9281" s="367"/>
      <c r="D9281" s="367"/>
      <c r="E9281" s="367"/>
      <c r="F9281" s="360"/>
      <c r="G9281" s="360"/>
      <c r="H9281" s="360"/>
      <c r="I9281" s="360"/>
      <c r="J9281" s="365"/>
      <c r="K9281" s="365"/>
      <c r="L9281" s="365"/>
    </row>
    <row r="9282" spans="2:12" ht="28.5">
      <c r="B9282" s="368"/>
      <c r="C9282" s="368"/>
      <c r="D9282" s="368"/>
      <c r="E9282" s="368"/>
      <c r="F9282" s="361" t="s">
        <v>14374</v>
      </c>
      <c r="G9282" s="361" t="s">
        <v>14373</v>
      </c>
      <c r="H9282" s="361" t="s">
        <v>14332</v>
      </c>
      <c r="I9282" s="362"/>
      <c r="J9282" s="366"/>
      <c r="K9282" s="366"/>
      <c r="L9282" s="366"/>
    </row>
    <row r="9283" spans="2:12" ht="28.5">
      <c r="B9283" s="358" t="s">
        <v>18966</v>
      </c>
      <c r="C9283" s="358" t="s">
        <v>18967</v>
      </c>
      <c r="D9283" s="358" t="s">
        <v>18968</v>
      </c>
      <c r="E9283" s="358" t="s">
        <v>8356</v>
      </c>
      <c r="F9283" s="358" t="s">
        <v>14391</v>
      </c>
      <c r="G9283" s="358" t="s">
        <v>14392</v>
      </c>
      <c r="H9283" s="358" t="s">
        <v>14367</v>
      </c>
      <c r="I9283" s="358" t="s">
        <v>14392</v>
      </c>
      <c r="J9283" s="358"/>
      <c r="K9283" s="358"/>
      <c r="L9283" s="358"/>
    </row>
    <row r="9284" spans="2:12">
      <c r="B9284" s="367"/>
      <c r="C9284" s="367"/>
      <c r="D9284" s="367"/>
      <c r="E9284" s="367"/>
      <c r="F9284" s="360"/>
      <c r="G9284" s="360"/>
      <c r="H9284" s="360"/>
      <c r="I9284" s="360"/>
      <c r="J9284" s="365"/>
      <c r="K9284" s="365"/>
      <c r="L9284" s="365"/>
    </row>
    <row r="9285" spans="2:12" ht="28.5">
      <c r="B9285" s="368"/>
      <c r="C9285" s="368"/>
      <c r="D9285" s="368"/>
      <c r="E9285" s="368"/>
      <c r="F9285" s="361" t="s">
        <v>14462</v>
      </c>
      <c r="G9285" s="361" t="s">
        <v>14463</v>
      </c>
      <c r="H9285" s="361" t="s">
        <v>14422</v>
      </c>
      <c r="I9285" s="361" t="s">
        <v>14463</v>
      </c>
      <c r="J9285" s="366"/>
      <c r="K9285" s="366"/>
      <c r="L9285" s="366"/>
    </row>
    <row r="9286" spans="2:12">
      <c r="B9286" s="358" t="s">
        <v>18969</v>
      </c>
      <c r="C9286" s="358" t="s">
        <v>18970</v>
      </c>
      <c r="D9286" s="358" t="s">
        <v>18971</v>
      </c>
      <c r="E9286" s="358" t="s">
        <v>18972</v>
      </c>
      <c r="F9286" s="358" t="s">
        <v>14391</v>
      </c>
      <c r="G9286" s="358" t="s">
        <v>14392</v>
      </c>
      <c r="H9286" s="358" t="s">
        <v>14367</v>
      </c>
      <c r="I9286" s="358" t="s">
        <v>14392</v>
      </c>
      <c r="J9286" s="358"/>
      <c r="K9286" s="358"/>
      <c r="L9286" s="358"/>
    </row>
    <row r="9287" spans="2:12">
      <c r="B9287" s="367"/>
      <c r="C9287" s="367"/>
      <c r="D9287" s="367"/>
      <c r="E9287" s="367"/>
      <c r="F9287" s="360"/>
      <c r="G9287" s="360"/>
      <c r="H9287" s="360"/>
      <c r="I9287" s="360"/>
      <c r="J9287" s="365"/>
      <c r="K9287" s="365"/>
      <c r="L9287" s="365"/>
    </row>
    <row r="9288" spans="2:12" ht="28.5">
      <c r="B9288" s="367"/>
      <c r="C9288" s="367"/>
      <c r="D9288" s="367"/>
      <c r="E9288" s="367"/>
      <c r="F9288" s="359" t="s">
        <v>14394</v>
      </c>
      <c r="G9288" s="359" t="s">
        <v>14395</v>
      </c>
      <c r="H9288" s="359" t="s">
        <v>14370</v>
      </c>
      <c r="I9288" s="359" t="s">
        <v>14395</v>
      </c>
      <c r="J9288" s="365"/>
      <c r="K9288" s="365"/>
      <c r="L9288" s="365"/>
    </row>
    <row r="9289" spans="2:12">
      <c r="B9289" s="367"/>
      <c r="C9289" s="367"/>
      <c r="D9289" s="367"/>
      <c r="E9289" s="367"/>
      <c r="F9289" s="360"/>
      <c r="G9289" s="360"/>
      <c r="H9289" s="360"/>
      <c r="I9289" s="360"/>
      <c r="J9289" s="365"/>
      <c r="K9289" s="365"/>
      <c r="L9289" s="365"/>
    </row>
    <row r="9290" spans="2:12">
      <c r="B9290" s="368"/>
      <c r="C9290" s="368"/>
      <c r="D9290" s="368"/>
      <c r="E9290" s="368"/>
      <c r="F9290" s="362"/>
      <c r="G9290" s="362"/>
      <c r="H9290" s="361" t="s">
        <v>14422</v>
      </c>
      <c r="I9290" s="362"/>
      <c r="J9290" s="366"/>
      <c r="K9290" s="366"/>
      <c r="L9290" s="366"/>
    </row>
    <row r="9291" spans="2:12" ht="28.5">
      <c r="B9291" s="358" t="s">
        <v>18973</v>
      </c>
      <c r="C9291" s="358" t="s">
        <v>29065</v>
      </c>
      <c r="D9291" s="358" t="s">
        <v>18974</v>
      </c>
      <c r="E9291" s="358" t="s">
        <v>18975</v>
      </c>
      <c r="F9291" s="358" t="s">
        <v>28960</v>
      </c>
      <c r="G9291" s="358" t="s">
        <v>14579</v>
      </c>
      <c r="H9291" s="358" t="s">
        <v>14378</v>
      </c>
      <c r="I9291" s="358" t="s">
        <v>14579</v>
      </c>
      <c r="J9291" s="358"/>
      <c r="K9291" s="358"/>
      <c r="L9291" s="358"/>
    </row>
    <row r="9292" spans="2:12">
      <c r="B9292" s="367"/>
      <c r="C9292" s="367"/>
      <c r="D9292" s="367"/>
      <c r="E9292" s="367"/>
      <c r="F9292" s="360"/>
      <c r="G9292" s="360"/>
      <c r="H9292" s="360"/>
      <c r="I9292" s="360"/>
      <c r="J9292" s="365"/>
      <c r="K9292" s="365"/>
      <c r="L9292" s="365"/>
    </row>
    <row r="9293" spans="2:12">
      <c r="B9293" s="367"/>
      <c r="C9293" s="367"/>
      <c r="D9293" s="367"/>
      <c r="E9293" s="367"/>
      <c r="F9293" s="359" t="s">
        <v>14356</v>
      </c>
      <c r="G9293" s="359" t="s">
        <v>14383</v>
      </c>
      <c r="H9293" s="359" t="s">
        <v>14341</v>
      </c>
      <c r="I9293" s="359" t="s">
        <v>14383</v>
      </c>
      <c r="J9293" s="365"/>
      <c r="K9293" s="365"/>
      <c r="L9293" s="365"/>
    </row>
    <row r="9294" spans="2:12">
      <c r="B9294" s="367"/>
      <c r="C9294" s="367"/>
      <c r="D9294" s="367"/>
      <c r="E9294" s="367"/>
      <c r="F9294" s="360"/>
      <c r="G9294" s="360"/>
      <c r="H9294" s="360"/>
      <c r="I9294" s="360"/>
      <c r="J9294" s="365"/>
      <c r="K9294" s="365"/>
      <c r="L9294" s="365"/>
    </row>
    <row r="9295" spans="2:12">
      <c r="B9295" s="368"/>
      <c r="C9295" s="368"/>
      <c r="D9295" s="368"/>
      <c r="E9295" s="368"/>
      <c r="F9295" s="362"/>
      <c r="G9295" s="361" t="s">
        <v>14340</v>
      </c>
      <c r="H9295" s="361" t="s">
        <v>14332</v>
      </c>
      <c r="I9295" s="361" t="s">
        <v>14340</v>
      </c>
      <c r="J9295" s="366"/>
      <c r="K9295" s="366"/>
      <c r="L9295" s="366"/>
    </row>
    <row r="9296" spans="2:12">
      <c r="B9296" s="358" t="s">
        <v>18976</v>
      </c>
      <c r="C9296" s="358" t="s">
        <v>29066</v>
      </c>
      <c r="D9296" s="358" t="s">
        <v>18977</v>
      </c>
      <c r="E9296" s="358" t="s">
        <v>18978</v>
      </c>
      <c r="F9296" s="358" t="s">
        <v>14420</v>
      </c>
      <c r="G9296" s="358" t="s">
        <v>14429</v>
      </c>
      <c r="H9296" s="358" t="s">
        <v>14367</v>
      </c>
      <c r="I9296" s="358" t="s">
        <v>14429</v>
      </c>
      <c r="J9296" s="358"/>
      <c r="K9296" s="358"/>
      <c r="L9296" s="358"/>
    </row>
    <row r="9297" spans="2:12">
      <c r="B9297" s="367"/>
      <c r="C9297" s="367"/>
      <c r="D9297" s="360"/>
      <c r="E9297" s="360"/>
      <c r="F9297" s="360"/>
      <c r="G9297" s="360"/>
      <c r="H9297" s="360"/>
      <c r="I9297" s="360"/>
      <c r="J9297" s="365"/>
      <c r="K9297" s="365"/>
      <c r="L9297" s="365"/>
    </row>
    <row r="9298" spans="2:12" ht="28.5">
      <c r="B9298" s="367"/>
      <c r="C9298" s="367"/>
      <c r="D9298" s="359" t="s">
        <v>18979</v>
      </c>
      <c r="E9298" s="359" t="s">
        <v>18980</v>
      </c>
      <c r="F9298" s="359" t="s">
        <v>14386</v>
      </c>
      <c r="G9298" s="359" t="s">
        <v>14387</v>
      </c>
      <c r="H9298" s="359" t="s">
        <v>14422</v>
      </c>
      <c r="I9298" s="359" t="s">
        <v>14387</v>
      </c>
      <c r="J9298" s="365"/>
      <c r="K9298" s="365"/>
      <c r="L9298" s="365"/>
    </row>
    <row r="9299" spans="2:12">
      <c r="B9299" s="367"/>
      <c r="C9299" s="367"/>
      <c r="D9299" s="360"/>
      <c r="E9299" s="360"/>
      <c r="F9299" s="360"/>
      <c r="G9299" s="360"/>
      <c r="H9299" s="360"/>
      <c r="I9299" s="360"/>
      <c r="J9299" s="365"/>
      <c r="K9299" s="365"/>
      <c r="L9299" s="365"/>
    </row>
    <row r="9300" spans="2:12">
      <c r="B9300" s="367"/>
      <c r="C9300" s="367"/>
      <c r="D9300" s="360"/>
      <c r="E9300" s="360"/>
      <c r="F9300" s="359" t="s">
        <v>14389</v>
      </c>
      <c r="G9300" s="359" t="s">
        <v>14390</v>
      </c>
      <c r="H9300" s="360"/>
      <c r="I9300" s="359" t="s">
        <v>14390</v>
      </c>
      <c r="J9300" s="365"/>
      <c r="K9300" s="365"/>
      <c r="L9300" s="365"/>
    </row>
    <row r="9301" spans="2:12">
      <c r="B9301" s="367"/>
      <c r="C9301" s="367"/>
      <c r="D9301" s="360"/>
      <c r="E9301" s="360"/>
      <c r="F9301" s="360"/>
      <c r="G9301" s="360"/>
      <c r="H9301" s="360"/>
      <c r="I9301" s="360"/>
      <c r="J9301" s="365"/>
      <c r="K9301" s="365"/>
      <c r="L9301" s="365"/>
    </row>
    <row r="9302" spans="2:12">
      <c r="B9302" s="368"/>
      <c r="C9302" s="368"/>
      <c r="D9302" s="362"/>
      <c r="E9302" s="362"/>
      <c r="F9302" s="361" t="s">
        <v>14391</v>
      </c>
      <c r="G9302" s="361" t="s">
        <v>14392</v>
      </c>
      <c r="H9302" s="362"/>
      <c r="I9302" s="361" t="s">
        <v>14392</v>
      </c>
      <c r="J9302" s="366"/>
      <c r="K9302" s="366"/>
      <c r="L9302" s="366"/>
    </row>
    <row r="9303" spans="2:12" ht="28.5">
      <c r="B9303" s="358" t="s">
        <v>18981</v>
      </c>
      <c r="C9303" s="358" t="s">
        <v>29067</v>
      </c>
      <c r="D9303" s="358" t="s">
        <v>18982</v>
      </c>
      <c r="E9303" s="358" t="s">
        <v>18983</v>
      </c>
      <c r="F9303" s="358" t="s">
        <v>14391</v>
      </c>
      <c r="G9303" s="358" t="s">
        <v>14392</v>
      </c>
      <c r="H9303" s="358" t="s">
        <v>14367</v>
      </c>
      <c r="I9303" s="358" t="s">
        <v>14392</v>
      </c>
      <c r="J9303" s="358"/>
      <c r="K9303" s="358"/>
      <c r="L9303" s="358"/>
    </row>
    <row r="9304" spans="2:12">
      <c r="B9304" s="367"/>
      <c r="C9304" s="367"/>
      <c r="D9304" s="367"/>
      <c r="E9304" s="367"/>
      <c r="F9304" s="360"/>
      <c r="G9304" s="360"/>
      <c r="H9304" s="360"/>
      <c r="I9304" s="360"/>
      <c r="J9304" s="365"/>
      <c r="K9304" s="365"/>
      <c r="L9304" s="365"/>
    </row>
    <row r="9305" spans="2:12">
      <c r="B9305" s="367"/>
      <c r="C9305" s="367"/>
      <c r="D9305" s="367"/>
      <c r="E9305" s="367"/>
      <c r="F9305" s="359" t="s">
        <v>14371</v>
      </c>
      <c r="G9305" s="359" t="s">
        <v>14372</v>
      </c>
      <c r="H9305" s="359" t="s">
        <v>14370</v>
      </c>
      <c r="I9305" s="359" t="s">
        <v>14373</v>
      </c>
      <c r="J9305" s="365"/>
      <c r="K9305" s="365"/>
      <c r="L9305" s="365"/>
    </row>
    <row r="9306" spans="2:12">
      <c r="B9306" s="367"/>
      <c r="C9306" s="367"/>
      <c r="D9306" s="367"/>
      <c r="E9306" s="367"/>
      <c r="F9306" s="360"/>
      <c r="G9306" s="360"/>
      <c r="H9306" s="360"/>
      <c r="I9306" s="360"/>
      <c r="J9306" s="365"/>
      <c r="K9306" s="365"/>
      <c r="L9306" s="365"/>
    </row>
    <row r="9307" spans="2:12" ht="28.5">
      <c r="B9307" s="368"/>
      <c r="C9307" s="368"/>
      <c r="D9307" s="368"/>
      <c r="E9307" s="368"/>
      <c r="F9307" s="361" t="s">
        <v>14374</v>
      </c>
      <c r="G9307" s="361" t="s">
        <v>14373</v>
      </c>
      <c r="H9307" s="361" t="s">
        <v>14422</v>
      </c>
      <c r="I9307" s="362"/>
      <c r="J9307" s="366"/>
      <c r="K9307" s="366"/>
      <c r="L9307" s="366"/>
    </row>
    <row r="9308" spans="2:12" ht="42.75">
      <c r="B9308" s="358" t="s">
        <v>18984</v>
      </c>
      <c r="C9308" s="358" t="s">
        <v>30147</v>
      </c>
      <c r="D9308" s="358" t="s">
        <v>18985</v>
      </c>
      <c r="E9308" s="358" t="s">
        <v>18986</v>
      </c>
      <c r="F9308" s="358" t="s">
        <v>14420</v>
      </c>
      <c r="G9308" s="358" t="s">
        <v>14429</v>
      </c>
      <c r="H9308" s="358" t="s">
        <v>14367</v>
      </c>
      <c r="I9308" s="358" t="s">
        <v>14429</v>
      </c>
      <c r="J9308" s="358"/>
      <c r="K9308" s="358"/>
      <c r="L9308" s="358"/>
    </row>
    <row r="9309" spans="2:12">
      <c r="B9309" s="367"/>
      <c r="C9309" s="367"/>
      <c r="D9309" s="367"/>
      <c r="E9309" s="367"/>
      <c r="F9309" s="367"/>
      <c r="G9309" s="367"/>
      <c r="H9309" s="360"/>
      <c r="I9309" s="367"/>
      <c r="J9309" s="365"/>
      <c r="K9309" s="365"/>
      <c r="L9309" s="365"/>
    </row>
    <row r="9310" spans="2:12">
      <c r="B9310" s="368"/>
      <c r="C9310" s="368"/>
      <c r="D9310" s="368"/>
      <c r="E9310" s="368"/>
      <c r="F9310" s="368"/>
      <c r="G9310" s="368"/>
      <c r="H9310" s="361" t="s">
        <v>14422</v>
      </c>
      <c r="I9310" s="368"/>
      <c r="J9310" s="366"/>
      <c r="K9310" s="366"/>
      <c r="L9310" s="366"/>
    </row>
    <row r="9311" spans="2:12" ht="57">
      <c r="B9311" s="358" t="s">
        <v>18987</v>
      </c>
      <c r="C9311" s="358" t="s">
        <v>29068</v>
      </c>
      <c r="D9311" s="358" t="s">
        <v>18988</v>
      </c>
      <c r="E9311" s="358" t="s">
        <v>18989</v>
      </c>
      <c r="F9311" s="358" t="s">
        <v>14420</v>
      </c>
      <c r="G9311" s="358" t="s">
        <v>14429</v>
      </c>
      <c r="H9311" s="358" t="s">
        <v>14341</v>
      </c>
      <c r="I9311" s="358" t="s">
        <v>14429</v>
      </c>
      <c r="J9311" s="358"/>
      <c r="K9311" s="358"/>
      <c r="L9311" s="358"/>
    </row>
    <row r="9312" spans="2:12">
      <c r="B9312" s="367"/>
      <c r="C9312" s="367"/>
      <c r="D9312" s="360"/>
      <c r="E9312" s="360"/>
      <c r="F9312" s="360"/>
      <c r="G9312" s="360"/>
      <c r="H9312" s="360"/>
      <c r="I9312" s="360"/>
      <c r="J9312" s="365"/>
      <c r="K9312" s="365"/>
      <c r="L9312" s="365"/>
    </row>
    <row r="9313" spans="2:12" ht="28.5">
      <c r="B9313" s="367"/>
      <c r="C9313" s="367"/>
      <c r="D9313" s="359" t="s">
        <v>18990</v>
      </c>
      <c r="E9313" s="359" t="s">
        <v>18991</v>
      </c>
      <c r="F9313" s="359" t="s">
        <v>14389</v>
      </c>
      <c r="G9313" s="359" t="s">
        <v>14390</v>
      </c>
      <c r="H9313" s="359" t="s">
        <v>14367</v>
      </c>
      <c r="I9313" s="359" t="s">
        <v>14390</v>
      </c>
      <c r="J9313" s="365"/>
      <c r="K9313" s="365"/>
      <c r="L9313" s="365"/>
    </row>
    <row r="9314" spans="2:12">
      <c r="B9314" s="367"/>
      <c r="C9314" s="367"/>
      <c r="D9314" s="360"/>
      <c r="E9314" s="360"/>
      <c r="F9314" s="360"/>
      <c r="G9314" s="360"/>
      <c r="H9314" s="360"/>
      <c r="I9314" s="360"/>
      <c r="J9314" s="365"/>
      <c r="K9314" s="365"/>
      <c r="L9314" s="365"/>
    </row>
    <row r="9315" spans="2:12">
      <c r="B9315" s="367"/>
      <c r="C9315" s="367"/>
      <c r="D9315" s="360"/>
      <c r="E9315" s="360"/>
      <c r="F9315" s="359" t="s">
        <v>14430</v>
      </c>
      <c r="G9315" s="359" t="s">
        <v>14431</v>
      </c>
      <c r="H9315" s="359" t="s">
        <v>14370</v>
      </c>
      <c r="I9315" s="359" t="s">
        <v>14431</v>
      </c>
      <c r="J9315" s="365"/>
      <c r="K9315" s="365"/>
      <c r="L9315" s="365"/>
    </row>
    <row r="9316" spans="2:12">
      <c r="B9316" s="367"/>
      <c r="C9316" s="367"/>
      <c r="D9316" s="360"/>
      <c r="E9316" s="360"/>
      <c r="F9316" s="360"/>
      <c r="G9316" s="360"/>
      <c r="H9316" s="360"/>
      <c r="I9316" s="360"/>
      <c r="J9316" s="365"/>
      <c r="K9316" s="365"/>
      <c r="L9316" s="365"/>
    </row>
    <row r="9317" spans="2:12">
      <c r="B9317" s="367"/>
      <c r="C9317" s="367"/>
      <c r="D9317" s="360"/>
      <c r="E9317" s="360"/>
      <c r="F9317" s="359" t="s">
        <v>14371</v>
      </c>
      <c r="G9317" s="359" t="s">
        <v>14372</v>
      </c>
      <c r="H9317" s="359" t="s">
        <v>14332</v>
      </c>
      <c r="I9317" s="359" t="s">
        <v>14373</v>
      </c>
      <c r="J9317" s="365"/>
      <c r="K9317" s="365"/>
      <c r="L9317" s="365"/>
    </row>
    <row r="9318" spans="2:12">
      <c r="B9318" s="367"/>
      <c r="C9318" s="367"/>
      <c r="D9318" s="360"/>
      <c r="E9318" s="360"/>
      <c r="F9318" s="360"/>
      <c r="G9318" s="360"/>
      <c r="H9318" s="360"/>
      <c r="I9318" s="360"/>
      <c r="J9318" s="365"/>
      <c r="K9318" s="365"/>
      <c r="L9318" s="365"/>
    </row>
    <row r="9319" spans="2:12" ht="28.5">
      <c r="B9319" s="368"/>
      <c r="C9319" s="368"/>
      <c r="D9319" s="362"/>
      <c r="E9319" s="362"/>
      <c r="F9319" s="361" t="s">
        <v>14374</v>
      </c>
      <c r="G9319" s="361" t="s">
        <v>14373</v>
      </c>
      <c r="H9319" s="362"/>
      <c r="I9319" s="362"/>
      <c r="J9319" s="366"/>
      <c r="K9319" s="366"/>
      <c r="L9319" s="366"/>
    </row>
    <row r="9320" spans="2:12">
      <c r="B9320" s="358" t="s">
        <v>18992</v>
      </c>
      <c r="C9320" s="358" t="s">
        <v>18993</v>
      </c>
      <c r="D9320" s="358" t="s">
        <v>18994</v>
      </c>
      <c r="E9320" s="358" t="s">
        <v>18995</v>
      </c>
      <c r="F9320" s="358" t="s">
        <v>14426</v>
      </c>
      <c r="G9320" s="358" t="s">
        <v>14427</v>
      </c>
      <c r="H9320" s="358" t="s">
        <v>14381</v>
      </c>
      <c r="I9320" s="358" t="s">
        <v>14427</v>
      </c>
      <c r="J9320" s="358"/>
      <c r="K9320" s="358"/>
      <c r="L9320" s="358"/>
    </row>
    <row r="9321" spans="2:12">
      <c r="B9321" s="367"/>
      <c r="C9321" s="367"/>
      <c r="D9321" s="367"/>
      <c r="E9321" s="367"/>
      <c r="F9321" s="360"/>
      <c r="G9321" s="360"/>
      <c r="H9321" s="360"/>
      <c r="I9321" s="360"/>
      <c r="J9321" s="365"/>
      <c r="K9321" s="365"/>
      <c r="L9321" s="365"/>
    </row>
    <row r="9322" spans="2:12">
      <c r="B9322" s="367"/>
      <c r="C9322" s="367"/>
      <c r="D9322" s="367"/>
      <c r="E9322" s="367"/>
      <c r="F9322" s="359" t="s">
        <v>14420</v>
      </c>
      <c r="G9322" s="359" t="s">
        <v>14429</v>
      </c>
      <c r="H9322" s="359" t="s">
        <v>14341</v>
      </c>
      <c r="I9322" s="359" t="s">
        <v>14429</v>
      </c>
      <c r="J9322" s="365"/>
      <c r="K9322" s="365"/>
      <c r="L9322" s="365"/>
    </row>
    <row r="9323" spans="2:12">
      <c r="B9323" s="367"/>
      <c r="C9323" s="367"/>
      <c r="D9323" s="367"/>
      <c r="E9323" s="367"/>
      <c r="F9323" s="360"/>
      <c r="G9323" s="360"/>
      <c r="H9323" s="360"/>
      <c r="I9323" s="360"/>
      <c r="J9323" s="365"/>
      <c r="K9323" s="365"/>
      <c r="L9323" s="365"/>
    </row>
    <row r="9324" spans="2:12">
      <c r="B9324" s="367"/>
      <c r="C9324" s="367"/>
      <c r="D9324" s="367"/>
      <c r="E9324" s="367"/>
      <c r="F9324" s="359" t="s">
        <v>14430</v>
      </c>
      <c r="G9324" s="359" t="s">
        <v>14431</v>
      </c>
      <c r="H9324" s="359" t="s">
        <v>14367</v>
      </c>
      <c r="I9324" s="359" t="s">
        <v>14431</v>
      </c>
      <c r="J9324" s="365"/>
      <c r="K9324" s="365"/>
      <c r="L9324" s="365"/>
    </row>
    <row r="9325" spans="2:12">
      <c r="B9325" s="367"/>
      <c r="C9325" s="367"/>
      <c r="D9325" s="367"/>
      <c r="E9325" s="367"/>
      <c r="F9325" s="360"/>
      <c r="G9325" s="360"/>
      <c r="H9325" s="360"/>
      <c r="I9325" s="360"/>
      <c r="J9325" s="365"/>
      <c r="K9325" s="365"/>
      <c r="L9325" s="365"/>
    </row>
    <row r="9326" spans="2:12" ht="28.5">
      <c r="B9326" s="367"/>
      <c r="C9326" s="367"/>
      <c r="D9326" s="367"/>
      <c r="E9326" s="367"/>
      <c r="F9326" s="359" t="s">
        <v>14394</v>
      </c>
      <c r="G9326" s="359" t="s">
        <v>14395</v>
      </c>
      <c r="H9326" s="359" t="s">
        <v>14370</v>
      </c>
      <c r="I9326" s="359" t="s">
        <v>14395</v>
      </c>
      <c r="J9326" s="365"/>
      <c r="K9326" s="365"/>
      <c r="L9326" s="365"/>
    </row>
    <row r="9327" spans="2:12">
      <c r="B9327" s="367"/>
      <c r="C9327" s="367"/>
      <c r="D9327" s="367"/>
      <c r="E9327" s="367"/>
      <c r="F9327" s="360"/>
      <c r="G9327" s="360"/>
      <c r="H9327" s="360"/>
      <c r="I9327" s="360"/>
      <c r="J9327" s="365"/>
      <c r="K9327" s="365"/>
      <c r="L9327" s="365"/>
    </row>
    <row r="9328" spans="2:12">
      <c r="B9328" s="368"/>
      <c r="C9328" s="368"/>
      <c r="D9328" s="368"/>
      <c r="E9328" s="368"/>
      <c r="F9328" s="362"/>
      <c r="G9328" s="362"/>
      <c r="H9328" s="361" t="s">
        <v>14332</v>
      </c>
      <c r="I9328" s="362"/>
      <c r="J9328" s="366"/>
      <c r="K9328" s="366"/>
      <c r="L9328" s="366"/>
    </row>
    <row r="9329" spans="2:12" ht="28.5">
      <c r="B9329" s="358" t="s">
        <v>18996</v>
      </c>
      <c r="C9329" s="358" t="s">
        <v>29069</v>
      </c>
      <c r="D9329" s="358" t="s">
        <v>18997</v>
      </c>
      <c r="E9329" s="358" t="s">
        <v>18998</v>
      </c>
      <c r="F9329" s="358" t="s">
        <v>14386</v>
      </c>
      <c r="G9329" s="358" t="s">
        <v>14387</v>
      </c>
      <c r="H9329" s="358" t="s">
        <v>14367</v>
      </c>
      <c r="I9329" s="358" t="s">
        <v>14387</v>
      </c>
      <c r="J9329" s="358"/>
      <c r="K9329" s="358"/>
      <c r="L9329" s="358"/>
    </row>
    <row r="9330" spans="2:12">
      <c r="B9330" s="367"/>
      <c r="C9330" s="367"/>
      <c r="D9330" s="367"/>
      <c r="E9330" s="367"/>
      <c r="F9330" s="360"/>
      <c r="G9330" s="360"/>
      <c r="H9330" s="360"/>
      <c r="I9330" s="360"/>
      <c r="J9330" s="365"/>
      <c r="K9330" s="365"/>
      <c r="L9330" s="365"/>
    </row>
    <row r="9331" spans="2:12">
      <c r="B9331" s="368"/>
      <c r="C9331" s="368"/>
      <c r="D9331" s="368"/>
      <c r="E9331" s="368"/>
      <c r="F9331" s="361" t="s">
        <v>14391</v>
      </c>
      <c r="G9331" s="361" t="s">
        <v>14392</v>
      </c>
      <c r="H9331" s="361" t="s">
        <v>14422</v>
      </c>
      <c r="I9331" s="361" t="s">
        <v>14392</v>
      </c>
      <c r="J9331" s="366"/>
      <c r="K9331" s="366"/>
      <c r="L9331" s="366"/>
    </row>
    <row r="9332" spans="2:12" ht="28.5">
      <c r="B9332" s="358" t="s">
        <v>18999</v>
      </c>
      <c r="C9332" s="358" t="s">
        <v>29070</v>
      </c>
      <c r="D9332" s="358" t="s">
        <v>19000</v>
      </c>
      <c r="E9332" s="358" t="s">
        <v>19001</v>
      </c>
      <c r="F9332" s="358" t="s">
        <v>14420</v>
      </c>
      <c r="G9332" s="358" t="s">
        <v>14429</v>
      </c>
      <c r="H9332" s="358" t="s">
        <v>14367</v>
      </c>
      <c r="I9332" s="358" t="s">
        <v>14429</v>
      </c>
      <c r="J9332" s="358"/>
      <c r="K9332" s="358"/>
      <c r="L9332" s="358"/>
    </row>
    <row r="9333" spans="2:12">
      <c r="B9333" s="367"/>
      <c r="C9333" s="367"/>
      <c r="D9333" s="367"/>
      <c r="E9333" s="367"/>
      <c r="F9333" s="360"/>
      <c r="G9333" s="360"/>
      <c r="H9333" s="360"/>
      <c r="I9333" s="360"/>
      <c r="J9333" s="365"/>
      <c r="K9333" s="365"/>
      <c r="L9333" s="365"/>
    </row>
    <row r="9334" spans="2:12">
      <c r="B9334" s="367"/>
      <c r="C9334" s="367"/>
      <c r="D9334" s="367"/>
      <c r="E9334" s="367"/>
      <c r="F9334" s="359" t="s">
        <v>14386</v>
      </c>
      <c r="G9334" s="359" t="s">
        <v>14387</v>
      </c>
      <c r="H9334" s="359" t="s">
        <v>14422</v>
      </c>
      <c r="I9334" s="359" t="s">
        <v>14387</v>
      </c>
      <c r="J9334" s="365"/>
      <c r="K9334" s="365"/>
      <c r="L9334" s="365"/>
    </row>
    <row r="9335" spans="2:12">
      <c r="B9335" s="367"/>
      <c r="C9335" s="367"/>
      <c r="D9335" s="367"/>
      <c r="E9335" s="367"/>
      <c r="F9335" s="360"/>
      <c r="G9335" s="360"/>
      <c r="H9335" s="360"/>
      <c r="I9335" s="360"/>
      <c r="J9335" s="365"/>
      <c r="K9335" s="365"/>
      <c r="L9335" s="365"/>
    </row>
    <row r="9336" spans="2:12">
      <c r="B9336" s="368"/>
      <c r="C9336" s="368"/>
      <c r="D9336" s="368"/>
      <c r="E9336" s="368"/>
      <c r="F9336" s="361" t="s">
        <v>14391</v>
      </c>
      <c r="G9336" s="361" t="s">
        <v>14392</v>
      </c>
      <c r="H9336" s="362"/>
      <c r="I9336" s="361" t="s">
        <v>14392</v>
      </c>
      <c r="J9336" s="366"/>
      <c r="K9336" s="366"/>
      <c r="L9336" s="366"/>
    </row>
    <row r="9337" spans="2:12" ht="28.5">
      <c r="B9337" s="358" t="s">
        <v>19002</v>
      </c>
      <c r="C9337" s="358" t="s">
        <v>19003</v>
      </c>
      <c r="D9337" s="358" t="s">
        <v>19004</v>
      </c>
      <c r="E9337" s="358" t="s">
        <v>19005</v>
      </c>
      <c r="F9337" s="358" t="s">
        <v>28913</v>
      </c>
      <c r="G9337" s="358" t="s">
        <v>14459</v>
      </c>
      <c r="H9337" s="358" t="s">
        <v>14341</v>
      </c>
      <c r="I9337" s="358" t="s">
        <v>14459</v>
      </c>
      <c r="J9337" s="358"/>
      <c r="K9337" s="358"/>
      <c r="L9337" s="358"/>
    </row>
    <row r="9338" spans="2:12">
      <c r="B9338" s="367"/>
      <c r="C9338" s="367"/>
      <c r="D9338" s="367"/>
      <c r="E9338" s="367"/>
      <c r="F9338" s="360"/>
      <c r="G9338" s="360"/>
      <c r="H9338" s="360"/>
      <c r="I9338" s="360"/>
      <c r="J9338" s="365"/>
      <c r="K9338" s="365"/>
      <c r="L9338" s="365"/>
    </row>
    <row r="9339" spans="2:12">
      <c r="B9339" s="367"/>
      <c r="C9339" s="367"/>
      <c r="D9339" s="367"/>
      <c r="E9339" s="367"/>
      <c r="F9339" s="359" t="s">
        <v>14389</v>
      </c>
      <c r="G9339" s="359" t="s">
        <v>14388</v>
      </c>
      <c r="H9339" s="359" t="s">
        <v>14367</v>
      </c>
      <c r="I9339" s="359" t="s">
        <v>14388</v>
      </c>
      <c r="J9339" s="365"/>
      <c r="K9339" s="365"/>
      <c r="L9339" s="365"/>
    </row>
    <row r="9340" spans="2:12">
      <c r="B9340" s="367"/>
      <c r="C9340" s="367"/>
      <c r="D9340" s="367"/>
      <c r="E9340" s="367"/>
      <c r="F9340" s="360"/>
      <c r="G9340" s="360"/>
      <c r="H9340" s="360"/>
      <c r="I9340" s="360"/>
      <c r="J9340" s="365"/>
      <c r="K9340" s="365"/>
      <c r="L9340" s="365"/>
    </row>
    <row r="9341" spans="2:12">
      <c r="B9341" s="367"/>
      <c r="C9341" s="367"/>
      <c r="D9341" s="367"/>
      <c r="E9341" s="367"/>
      <c r="F9341" s="359" t="s">
        <v>14430</v>
      </c>
      <c r="G9341" s="359" t="s">
        <v>14390</v>
      </c>
      <c r="H9341" s="359" t="s">
        <v>14370</v>
      </c>
      <c r="I9341" s="359" t="s">
        <v>14390</v>
      </c>
      <c r="J9341" s="365"/>
      <c r="K9341" s="365"/>
      <c r="L9341" s="365"/>
    </row>
    <row r="9342" spans="2:12">
      <c r="B9342" s="367"/>
      <c r="C9342" s="367"/>
      <c r="D9342" s="367"/>
      <c r="E9342" s="367"/>
      <c r="F9342" s="360"/>
      <c r="G9342" s="360"/>
      <c r="H9342" s="360"/>
      <c r="I9342" s="360"/>
      <c r="J9342" s="365"/>
      <c r="K9342" s="365"/>
      <c r="L9342" s="365"/>
    </row>
    <row r="9343" spans="2:12">
      <c r="B9343" s="367"/>
      <c r="C9343" s="367"/>
      <c r="D9343" s="367"/>
      <c r="E9343" s="367"/>
      <c r="F9343" s="359" t="s">
        <v>14391</v>
      </c>
      <c r="G9343" s="359" t="s">
        <v>14431</v>
      </c>
      <c r="H9343" s="359" t="s">
        <v>14332</v>
      </c>
      <c r="I9343" s="359" t="s">
        <v>14431</v>
      </c>
      <c r="J9343" s="365"/>
      <c r="K9343" s="365"/>
      <c r="L9343" s="365"/>
    </row>
    <row r="9344" spans="2:12">
      <c r="B9344" s="367"/>
      <c r="C9344" s="367"/>
      <c r="D9344" s="367"/>
      <c r="E9344" s="367"/>
      <c r="F9344" s="360"/>
      <c r="G9344" s="360"/>
      <c r="H9344" s="360"/>
      <c r="I9344" s="360"/>
      <c r="J9344" s="365"/>
      <c r="K9344" s="365"/>
      <c r="L9344" s="365"/>
    </row>
    <row r="9345" spans="2:12">
      <c r="B9345" s="367"/>
      <c r="C9345" s="367"/>
      <c r="D9345" s="367"/>
      <c r="E9345" s="367"/>
      <c r="F9345" s="359" t="s">
        <v>14371</v>
      </c>
      <c r="G9345" s="359" t="s">
        <v>14392</v>
      </c>
      <c r="H9345" s="360"/>
      <c r="I9345" s="359" t="s">
        <v>14392</v>
      </c>
      <c r="J9345" s="365"/>
      <c r="K9345" s="365"/>
      <c r="L9345" s="365"/>
    </row>
    <row r="9346" spans="2:12">
      <c r="B9346" s="367"/>
      <c r="C9346" s="367"/>
      <c r="D9346" s="367"/>
      <c r="E9346" s="367"/>
      <c r="F9346" s="360"/>
      <c r="G9346" s="360"/>
      <c r="H9346" s="360"/>
      <c r="I9346" s="360"/>
      <c r="J9346" s="365"/>
      <c r="K9346" s="365"/>
      <c r="L9346" s="365"/>
    </row>
    <row r="9347" spans="2:12" ht="28.5">
      <c r="B9347" s="367"/>
      <c r="C9347" s="367"/>
      <c r="D9347" s="367"/>
      <c r="E9347" s="367"/>
      <c r="F9347" s="359" t="s">
        <v>14374</v>
      </c>
      <c r="G9347" s="359" t="s">
        <v>14372</v>
      </c>
      <c r="H9347" s="360"/>
      <c r="I9347" s="359" t="s">
        <v>14373</v>
      </c>
      <c r="J9347" s="365"/>
      <c r="K9347" s="365"/>
      <c r="L9347" s="365"/>
    </row>
    <row r="9348" spans="2:12">
      <c r="B9348" s="367"/>
      <c r="C9348" s="367"/>
      <c r="D9348" s="367"/>
      <c r="E9348" s="367"/>
      <c r="F9348" s="360"/>
      <c r="G9348" s="360"/>
      <c r="H9348" s="360"/>
      <c r="I9348" s="360"/>
      <c r="J9348" s="365"/>
      <c r="K9348" s="365"/>
      <c r="L9348" s="365"/>
    </row>
    <row r="9349" spans="2:12">
      <c r="B9349" s="368"/>
      <c r="C9349" s="368"/>
      <c r="D9349" s="368"/>
      <c r="E9349" s="368"/>
      <c r="F9349" s="362"/>
      <c r="G9349" s="361" t="s">
        <v>14373</v>
      </c>
      <c r="H9349" s="362"/>
      <c r="I9349" s="362"/>
      <c r="J9349" s="366"/>
      <c r="K9349" s="366"/>
      <c r="L9349" s="366"/>
    </row>
    <row r="9350" spans="2:12" ht="28.5">
      <c r="B9350" s="358" t="s">
        <v>19006</v>
      </c>
      <c r="C9350" s="358" t="s">
        <v>19007</v>
      </c>
      <c r="D9350" s="358" t="s">
        <v>19008</v>
      </c>
      <c r="E9350" s="358" t="s">
        <v>19009</v>
      </c>
      <c r="F9350" s="358" t="s">
        <v>14394</v>
      </c>
      <c r="G9350" s="358" t="s">
        <v>14395</v>
      </c>
      <c r="H9350" s="358" t="s">
        <v>14370</v>
      </c>
      <c r="I9350" s="358" t="s">
        <v>14395</v>
      </c>
      <c r="J9350" s="358"/>
      <c r="K9350" s="358"/>
      <c r="L9350" s="358"/>
    </row>
    <row r="9351" spans="2:12">
      <c r="B9351" s="368"/>
      <c r="C9351" s="368"/>
      <c r="D9351" s="368"/>
      <c r="E9351" s="368"/>
      <c r="F9351" s="368"/>
      <c r="G9351" s="368"/>
      <c r="H9351" s="368"/>
      <c r="I9351" s="368"/>
      <c r="J9351" s="366"/>
      <c r="K9351" s="366"/>
      <c r="L9351" s="366"/>
    </row>
    <row r="9352" spans="2:12" ht="28.5">
      <c r="B9352" s="358" t="s">
        <v>19010</v>
      </c>
      <c r="C9352" s="358" t="s">
        <v>19011</v>
      </c>
      <c r="D9352" s="358" t="s">
        <v>19012</v>
      </c>
      <c r="E9352" s="358" t="s">
        <v>19013</v>
      </c>
      <c r="F9352" s="358" t="s">
        <v>14460</v>
      </c>
      <c r="G9352" s="358" t="s">
        <v>28791</v>
      </c>
      <c r="H9352" s="358" t="s">
        <v>14381</v>
      </c>
      <c r="I9352" s="358" t="s">
        <v>28791</v>
      </c>
      <c r="J9352" s="358"/>
      <c r="K9352" s="358"/>
      <c r="L9352" s="358"/>
    </row>
    <row r="9353" spans="2:12">
      <c r="B9353" s="367"/>
      <c r="C9353" s="367"/>
      <c r="D9353" s="367"/>
      <c r="E9353" s="367"/>
      <c r="F9353" s="360"/>
      <c r="G9353" s="367"/>
      <c r="H9353" s="360"/>
      <c r="I9353" s="367"/>
      <c r="J9353" s="365"/>
      <c r="K9353" s="365"/>
      <c r="L9353" s="365"/>
    </row>
    <row r="9354" spans="2:12" ht="28.5">
      <c r="B9354" s="368"/>
      <c r="C9354" s="368"/>
      <c r="D9354" s="368"/>
      <c r="E9354" s="368"/>
      <c r="F9354" s="361" t="s">
        <v>14462</v>
      </c>
      <c r="G9354" s="368"/>
      <c r="H9354" s="361" t="s">
        <v>14422</v>
      </c>
      <c r="I9354" s="368"/>
      <c r="J9354" s="366"/>
      <c r="K9354" s="366"/>
      <c r="L9354" s="366"/>
    </row>
    <row r="9355" spans="2:12" ht="28.5">
      <c r="B9355" s="358" t="s">
        <v>19014</v>
      </c>
      <c r="C9355" s="358" t="s">
        <v>19015</v>
      </c>
      <c r="D9355" s="358" t="s">
        <v>19016</v>
      </c>
      <c r="E9355" s="358" t="s">
        <v>19017</v>
      </c>
      <c r="F9355" s="358" t="s">
        <v>14394</v>
      </c>
      <c r="G9355" s="358" t="s">
        <v>14395</v>
      </c>
      <c r="H9355" s="358" t="s">
        <v>14370</v>
      </c>
      <c r="I9355" s="358" t="s">
        <v>14395</v>
      </c>
      <c r="J9355" s="358"/>
      <c r="K9355" s="358"/>
      <c r="L9355" s="358"/>
    </row>
    <row r="9356" spans="2:12">
      <c r="B9356" s="368"/>
      <c r="C9356" s="368"/>
      <c r="D9356" s="368"/>
      <c r="E9356" s="368"/>
      <c r="F9356" s="368"/>
      <c r="G9356" s="368"/>
      <c r="H9356" s="368"/>
      <c r="I9356" s="368"/>
      <c r="J9356" s="366"/>
      <c r="K9356" s="366"/>
      <c r="L9356" s="366"/>
    </row>
    <row r="9357" spans="2:12" ht="28.5">
      <c r="B9357" s="358" t="s">
        <v>19018</v>
      </c>
      <c r="C9357" s="358" t="s">
        <v>19019</v>
      </c>
      <c r="D9357" s="358" t="s">
        <v>19020</v>
      </c>
      <c r="E9357" s="358" t="s">
        <v>19021</v>
      </c>
      <c r="F9357" s="358" t="s">
        <v>14394</v>
      </c>
      <c r="G9357" s="358" t="s">
        <v>14395</v>
      </c>
      <c r="H9357" s="358" t="s">
        <v>14370</v>
      </c>
      <c r="I9357" s="358" t="s">
        <v>14395</v>
      </c>
      <c r="J9357" s="358"/>
      <c r="K9357" s="358"/>
      <c r="L9357" s="358"/>
    </row>
    <row r="9358" spans="2:12">
      <c r="B9358" s="368"/>
      <c r="C9358" s="368"/>
      <c r="D9358" s="368"/>
      <c r="E9358" s="368"/>
      <c r="F9358" s="368"/>
      <c r="G9358" s="368"/>
      <c r="H9358" s="368"/>
      <c r="I9358" s="368"/>
      <c r="J9358" s="366"/>
      <c r="K9358" s="366"/>
      <c r="L9358" s="366"/>
    </row>
    <row r="9359" spans="2:12" ht="28.5">
      <c r="B9359" s="358" t="s">
        <v>19022</v>
      </c>
      <c r="C9359" s="358" t="s">
        <v>27591</v>
      </c>
      <c r="D9359" s="358" t="s">
        <v>19023</v>
      </c>
      <c r="E9359" s="358" t="s">
        <v>19024</v>
      </c>
      <c r="F9359" s="358" t="s">
        <v>14472</v>
      </c>
      <c r="G9359" s="358" t="s">
        <v>14473</v>
      </c>
      <c r="H9359" s="358" t="s">
        <v>8356</v>
      </c>
      <c r="I9359" s="358" t="s">
        <v>14473</v>
      </c>
      <c r="J9359" s="358"/>
      <c r="K9359" s="358"/>
      <c r="L9359" s="358"/>
    </row>
    <row r="9360" spans="2:12">
      <c r="B9360" s="368"/>
      <c r="C9360" s="368"/>
      <c r="D9360" s="368"/>
      <c r="E9360" s="368"/>
      <c r="F9360" s="368"/>
      <c r="G9360" s="368"/>
      <c r="H9360" s="368"/>
      <c r="I9360" s="368"/>
      <c r="J9360" s="366"/>
      <c r="K9360" s="366"/>
      <c r="L9360" s="366"/>
    </row>
    <row r="9361" spans="2:12" ht="28.5">
      <c r="B9361" s="358" t="s">
        <v>19025</v>
      </c>
      <c r="C9361" s="358" t="s">
        <v>27592</v>
      </c>
      <c r="D9361" s="358" t="s">
        <v>19026</v>
      </c>
      <c r="E9361" s="358" t="s">
        <v>19027</v>
      </c>
      <c r="F9361" s="358" t="s">
        <v>14462</v>
      </c>
      <c r="G9361" s="358" t="s">
        <v>14463</v>
      </c>
      <c r="H9361" s="358" t="s">
        <v>8356</v>
      </c>
      <c r="I9361" s="358" t="s">
        <v>14463</v>
      </c>
      <c r="J9361" s="358"/>
      <c r="K9361" s="358"/>
      <c r="L9361" s="358"/>
    </row>
    <row r="9362" spans="2:12">
      <c r="B9362" s="368"/>
      <c r="C9362" s="368"/>
      <c r="D9362" s="368"/>
      <c r="E9362" s="368"/>
      <c r="F9362" s="368"/>
      <c r="G9362" s="368"/>
      <c r="H9362" s="368"/>
      <c r="I9362" s="368"/>
      <c r="J9362" s="366"/>
      <c r="K9362" s="366"/>
      <c r="L9362" s="366"/>
    </row>
    <row r="9363" spans="2:12" ht="28.5">
      <c r="B9363" s="358" t="s">
        <v>19028</v>
      </c>
      <c r="C9363" s="358" t="s">
        <v>19029</v>
      </c>
      <c r="D9363" s="358" t="s">
        <v>19030</v>
      </c>
      <c r="E9363" s="358" t="s">
        <v>19031</v>
      </c>
      <c r="F9363" s="358" t="s">
        <v>14389</v>
      </c>
      <c r="G9363" s="358" t="s">
        <v>14390</v>
      </c>
      <c r="H9363" s="358" t="s">
        <v>14367</v>
      </c>
      <c r="I9363" s="358" t="s">
        <v>14390</v>
      </c>
      <c r="J9363" s="358"/>
      <c r="K9363" s="358"/>
      <c r="L9363" s="358"/>
    </row>
    <row r="9364" spans="2:12">
      <c r="B9364" s="367"/>
      <c r="C9364" s="367"/>
      <c r="D9364" s="367"/>
      <c r="E9364" s="367"/>
      <c r="F9364" s="360"/>
      <c r="G9364" s="360"/>
      <c r="H9364" s="360"/>
      <c r="I9364" s="360"/>
      <c r="J9364" s="365"/>
      <c r="K9364" s="365"/>
      <c r="L9364" s="365"/>
    </row>
    <row r="9365" spans="2:12">
      <c r="B9365" s="367"/>
      <c r="C9365" s="367"/>
      <c r="D9365" s="367"/>
      <c r="E9365" s="367"/>
      <c r="F9365" s="359" t="s">
        <v>14391</v>
      </c>
      <c r="G9365" s="359" t="s">
        <v>14392</v>
      </c>
      <c r="H9365" s="359" t="s">
        <v>14370</v>
      </c>
      <c r="I9365" s="359" t="s">
        <v>14392</v>
      </c>
      <c r="J9365" s="365"/>
      <c r="K9365" s="365"/>
      <c r="L9365" s="365"/>
    </row>
    <row r="9366" spans="2:12">
      <c r="B9366" s="367"/>
      <c r="C9366" s="367"/>
      <c r="D9366" s="367"/>
      <c r="E9366" s="367"/>
      <c r="F9366" s="360"/>
      <c r="G9366" s="360"/>
      <c r="H9366" s="360"/>
      <c r="I9366" s="360"/>
      <c r="J9366" s="365"/>
      <c r="K9366" s="365"/>
      <c r="L9366" s="365"/>
    </row>
    <row r="9367" spans="2:12">
      <c r="B9367" s="367"/>
      <c r="C9367" s="367"/>
      <c r="D9367" s="367"/>
      <c r="E9367" s="367"/>
      <c r="F9367" s="359" t="s">
        <v>14371</v>
      </c>
      <c r="G9367" s="359" t="s">
        <v>14372</v>
      </c>
      <c r="H9367" s="359" t="s">
        <v>14422</v>
      </c>
      <c r="I9367" s="359" t="s">
        <v>14373</v>
      </c>
      <c r="J9367" s="365"/>
      <c r="K9367" s="365"/>
      <c r="L9367" s="365"/>
    </row>
    <row r="9368" spans="2:12">
      <c r="B9368" s="367"/>
      <c r="C9368" s="367"/>
      <c r="D9368" s="367"/>
      <c r="E9368" s="367"/>
      <c r="F9368" s="360"/>
      <c r="G9368" s="360"/>
      <c r="H9368" s="360"/>
      <c r="I9368" s="360"/>
      <c r="J9368" s="365"/>
      <c r="K9368" s="365"/>
      <c r="L9368" s="365"/>
    </row>
    <row r="9369" spans="2:12" ht="28.5">
      <c r="B9369" s="368"/>
      <c r="C9369" s="368"/>
      <c r="D9369" s="368"/>
      <c r="E9369" s="368"/>
      <c r="F9369" s="361" t="s">
        <v>14374</v>
      </c>
      <c r="G9369" s="361" t="s">
        <v>14373</v>
      </c>
      <c r="H9369" s="362"/>
      <c r="I9369" s="362"/>
      <c r="J9369" s="366"/>
      <c r="K9369" s="366"/>
      <c r="L9369" s="366"/>
    </row>
    <row r="9370" spans="2:12" ht="42.75">
      <c r="B9370" s="358" t="s">
        <v>19032</v>
      </c>
      <c r="C9370" s="358" t="s">
        <v>30148</v>
      </c>
      <c r="D9370" s="358" t="s">
        <v>19033</v>
      </c>
      <c r="E9370" s="358" t="s">
        <v>8356</v>
      </c>
      <c r="F9370" s="358" t="s">
        <v>14391</v>
      </c>
      <c r="G9370" s="358" t="s">
        <v>14392</v>
      </c>
      <c r="H9370" s="358" t="s">
        <v>14367</v>
      </c>
      <c r="I9370" s="358" t="s">
        <v>14392</v>
      </c>
      <c r="J9370" s="358"/>
      <c r="K9370" s="358"/>
      <c r="L9370" s="358"/>
    </row>
    <row r="9371" spans="2:12">
      <c r="B9371" s="367"/>
      <c r="C9371" s="367"/>
      <c r="D9371" s="367"/>
      <c r="E9371" s="367"/>
      <c r="F9371" s="360"/>
      <c r="G9371" s="360"/>
      <c r="H9371" s="360"/>
      <c r="I9371" s="360"/>
      <c r="J9371" s="365"/>
      <c r="K9371" s="365"/>
      <c r="L9371" s="365"/>
    </row>
    <row r="9372" spans="2:12" ht="28.5">
      <c r="B9372" s="368"/>
      <c r="C9372" s="368"/>
      <c r="D9372" s="368"/>
      <c r="E9372" s="368"/>
      <c r="F9372" s="361" t="s">
        <v>14472</v>
      </c>
      <c r="G9372" s="361" t="s">
        <v>14473</v>
      </c>
      <c r="H9372" s="361" t="s">
        <v>14422</v>
      </c>
      <c r="I9372" s="361" t="s">
        <v>14473</v>
      </c>
      <c r="J9372" s="366"/>
      <c r="K9372" s="366"/>
      <c r="L9372" s="366"/>
    </row>
    <row r="9373" spans="2:12" ht="28.5">
      <c r="B9373" s="358" t="s">
        <v>19034</v>
      </c>
      <c r="C9373" s="358" t="s">
        <v>19035</v>
      </c>
      <c r="D9373" s="358" t="s">
        <v>19036</v>
      </c>
      <c r="E9373" s="358" t="s">
        <v>19037</v>
      </c>
      <c r="F9373" s="358" t="s">
        <v>14443</v>
      </c>
      <c r="G9373" s="358" t="s">
        <v>14444</v>
      </c>
      <c r="H9373" s="358" t="s">
        <v>14381</v>
      </c>
      <c r="I9373" s="358" t="s">
        <v>14444</v>
      </c>
      <c r="J9373" s="358"/>
      <c r="K9373" s="358"/>
      <c r="L9373" s="358"/>
    </row>
    <row r="9374" spans="2:12">
      <c r="B9374" s="367"/>
      <c r="C9374" s="367"/>
      <c r="D9374" s="367"/>
      <c r="E9374" s="367"/>
      <c r="F9374" s="360"/>
      <c r="G9374" s="360"/>
      <c r="H9374" s="360"/>
      <c r="I9374" s="360"/>
      <c r="J9374" s="365"/>
      <c r="K9374" s="365"/>
      <c r="L9374" s="365"/>
    </row>
    <row r="9375" spans="2:12">
      <c r="B9375" s="367"/>
      <c r="C9375" s="367"/>
      <c r="D9375" s="367"/>
      <c r="E9375" s="367"/>
      <c r="F9375" s="359" t="s">
        <v>14391</v>
      </c>
      <c r="G9375" s="359" t="s">
        <v>14392</v>
      </c>
      <c r="H9375" s="359" t="s">
        <v>14367</v>
      </c>
      <c r="I9375" s="359" t="s">
        <v>14392</v>
      </c>
      <c r="J9375" s="365"/>
      <c r="K9375" s="365"/>
      <c r="L9375" s="365"/>
    </row>
    <row r="9376" spans="2:12">
      <c r="B9376" s="367"/>
      <c r="C9376" s="367"/>
      <c r="D9376" s="367"/>
      <c r="E9376" s="367"/>
      <c r="F9376" s="360"/>
      <c r="G9376" s="360"/>
      <c r="H9376" s="360"/>
      <c r="I9376" s="360"/>
      <c r="J9376" s="365"/>
      <c r="K9376" s="365"/>
      <c r="L9376" s="365"/>
    </row>
    <row r="9377" spans="2:12">
      <c r="B9377" s="368"/>
      <c r="C9377" s="368"/>
      <c r="D9377" s="368"/>
      <c r="E9377" s="368"/>
      <c r="F9377" s="362"/>
      <c r="G9377" s="362"/>
      <c r="H9377" s="361" t="s">
        <v>14422</v>
      </c>
      <c r="I9377" s="362"/>
      <c r="J9377" s="366"/>
      <c r="K9377" s="366"/>
      <c r="L9377" s="366"/>
    </row>
    <row r="9378" spans="2:12">
      <c r="B9378" s="358" t="s">
        <v>19038</v>
      </c>
      <c r="C9378" s="358" t="s">
        <v>19039</v>
      </c>
      <c r="D9378" s="358" t="s">
        <v>19040</v>
      </c>
      <c r="E9378" s="358" t="s">
        <v>19041</v>
      </c>
      <c r="F9378" s="358" t="s">
        <v>15370</v>
      </c>
      <c r="G9378" s="358" t="s">
        <v>15097</v>
      </c>
      <c r="H9378" s="358" t="s">
        <v>14328</v>
      </c>
      <c r="I9378" s="358" t="s">
        <v>15097</v>
      </c>
      <c r="J9378" s="358"/>
      <c r="K9378" s="358"/>
      <c r="L9378" s="358"/>
    </row>
    <row r="9379" spans="2:12">
      <c r="B9379" s="367"/>
      <c r="C9379" s="367"/>
      <c r="D9379" s="367"/>
      <c r="E9379" s="367"/>
      <c r="F9379" s="360"/>
      <c r="G9379" s="360"/>
      <c r="H9379" s="360"/>
      <c r="I9379" s="360"/>
      <c r="J9379" s="365"/>
      <c r="K9379" s="365"/>
      <c r="L9379" s="365"/>
    </row>
    <row r="9380" spans="2:12" ht="28.5">
      <c r="B9380" s="367"/>
      <c r="C9380" s="367"/>
      <c r="D9380" s="367"/>
      <c r="E9380" s="367"/>
      <c r="F9380" s="359" t="s">
        <v>14507</v>
      </c>
      <c r="G9380" s="359" t="s">
        <v>28621</v>
      </c>
      <c r="H9380" s="359" t="s">
        <v>14367</v>
      </c>
      <c r="I9380" s="359" t="s">
        <v>28621</v>
      </c>
      <c r="J9380" s="365"/>
      <c r="K9380" s="365"/>
      <c r="L9380" s="365"/>
    </row>
    <row r="9381" spans="2:12">
      <c r="B9381" s="367"/>
      <c r="C9381" s="367"/>
      <c r="D9381" s="367"/>
      <c r="E9381" s="367"/>
      <c r="F9381" s="360"/>
      <c r="G9381" s="360"/>
      <c r="H9381" s="360"/>
      <c r="I9381" s="360"/>
      <c r="J9381" s="365"/>
      <c r="K9381" s="365"/>
      <c r="L9381" s="365"/>
    </row>
    <row r="9382" spans="2:12">
      <c r="B9382" s="367"/>
      <c r="C9382" s="367"/>
      <c r="D9382" s="367"/>
      <c r="E9382" s="367"/>
      <c r="F9382" s="359" t="s">
        <v>14420</v>
      </c>
      <c r="G9382" s="360"/>
      <c r="H9382" s="359" t="s">
        <v>14381</v>
      </c>
      <c r="I9382" s="360"/>
      <c r="J9382" s="365"/>
      <c r="K9382" s="365"/>
      <c r="L9382" s="365"/>
    </row>
    <row r="9383" spans="2:12">
      <c r="B9383" s="367"/>
      <c r="C9383" s="367"/>
      <c r="D9383" s="367"/>
      <c r="E9383" s="367"/>
      <c r="F9383" s="360"/>
      <c r="G9383" s="360"/>
      <c r="H9383" s="360"/>
      <c r="I9383" s="360"/>
      <c r="J9383" s="365"/>
      <c r="K9383" s="365"/>
      <c r="L9383" s="365"/>
    </row>
    <row r="9384" spans="2:12">
      <c r="B9384" s="368"/>
      <c r="C9384" s="368"/>
      <c r="D9384" s="368"/>
      <c r="E9384" s="368"/>
      <c r="F9384" s="362"/>
      <c r="G9384" s="362"/>
      <c r="H9384" s="361" t="s">
        <v>14332</v>
      </c>
      <c r="I9384" s="362"/>
      <c r="J9384" s="366"/>
      <c r="K9384" s="366"/>
      <c r="L9384" s="366"/>
    </row>
    <row r="9385" spans="2:12">
      <c r="B9385" s="354" t="s">
        <v>8444</v>
      </c>
      <c r="C9385" s="369"/>
      <c r="D9385" s="369"/>
      <c r="E9385" s="369"/>
      <c r="F9385" s="369"/>
      <c r="G9385" s="369"/>
      <c r="H9385" s="369"/>
      <c r="I9385" s="369"/>
      <c r="J9385" s="369"/>
      <c r="K9385" s="369"/>
      <c r="L9385" s="370"/>
    </row>
    <row r="9386" spans="2:12" ht="71.25">
      <c r="B9386" s="358" t="s">
        <v>19042</v>
      </c>
      <c r="C9386" s="358" t="s">
        <v>19043</v>
      </c>
      <c r="D9386" s="358" t="s">
        <v>19044</v>
      </c>
      <c r="E9386" s="358" t="s">
        <v>8356</v>
      </c>
      <c r="F9386" s="358" t="s">
        <v>14462</v>
      </c>
      <c r="G9386" s="358" t="s">
        <v>14463</v>
      </c>
      <c r="H9386" s="358"/>
      <c r="I9386" s="358" t="s">
        <v>14463</v>
      </c>
      <c r="J9386" s="358"/>
      <c r="K9386" s="358"/>
      <c r="L9386" s="358"/>
    </row>
    <row r="9387" spans="2:12">
      <c r="B9387" s="368"/>
      <c r="C9387" s="368"/>
      <c r="D9387" s="368"/>
      <c r="E9387" s="368"/>
      <c r="F9387" s="368"/>
      <c r="G9387" s="368"/>
      <c r="H9387" s="366"/>
      <c r="I9387" s="368"/>
      <c r="J9387" s="366"/>
      <c r="K9387" s="366"/>
      <c r="L9387" s="366"/>
    </row>
    <row r="9388" spans="2:12">
      <c r="B9388" s="354" t="s">
        <v>28528</v>
      </c>
      <c r="C9388" s="369"/>
      <c r="D9388" s="369"/>
      <c r="E9388" s="369"/>
      <c r="F9388" s="369"/>
      <c r="G9388" s="369"/>
      <c r="H9388" s="369"/>
      <c r="I9388" s="369"/>
      <c r="J9388" s="369"/>
      <c r="K9388" s="369"/>
      <c r="L9388" s="370"/>
    </row>
    <row r="9389" spans="2:12">
      <c r="B9389" s="358" t="s">
        <v>19045</v>
      </c>
      <c r="C9389" s="358" t="s">
        <v>19046</v>
      </c>
      <c r="D9389" s="358" t="s">
        <v>19047</v>
      </c>
      <c r="E9389" s="358" t="s">
        <v>19048</v>
      </c>
      <c r="F9389" s="358" t="s">
        <v>14371</v>
      </c>
      <c r="G9389" s="358" t="s">
        <v>14372</v>
      </c>
      <c r="H9389" s="358" t="s">
        <v>14370</v>
      </c>
      <c r="I9389" s="358" t="s">
        <v>14373</v>
      </c>
      <c r="J9389" s="358"/>
      <c r="K9389" s="358"/>
      <c r="L9389" s="358"/>
    </row>
    <row r="9390" spans="2:12">
      <c r="B9390" s="367"/>
      <c r="C9390" s="367"/>
      <c r="D9390" s="367"/>
      <c r="E9390" s="367"/>
      <c r="F9390" s="360"/>
      <c r="G9390" s="360"/>
      <c r="H9390" s="360"/>
      <c r="I9390" s="367"/>
      <c r="J9390" s="365"/>
      <c r="K9390" s="365"/>
      <c r="L9390" s="365"/>
    </row>
    <row r="9391" spans="2:12" ht="28.5">
      <c r="B9391" s="368"/>
      <c r="C9391" s="368"/>
      <c r="D9391" s="368"/>
      <c r="E9391" s="368"/>
      <c r="F9391" s="361" t="s">
        <v>14374</v>
      </c>
      <c r="G9391" s="361" t="s">
        <v>14373</v>
      </c>
      <c r="H9391" s="361" t="s">
        <v>14422</v>
      </c>
      <c r="I9391" s="368"/>
      <c r="J9391" s="366"/>
      <c r="K9391" s="366"/>
      <c r="L9391" s="366"/>
    </row>
    <row r="9392" spans="2:12" ht="28.5">
      <c r="B9392" s="358" t="s">
        <v>19049</v>
      </c>
      <c r="C9392" s="358" t="s">
        <v>27593</v>
      </c>
      <c r="D9392" s="358" t="s">
        <v>19050</v>
      </c>
      <c r="E9392" s="358" t="s">
        <v>8356</v>
      </c>
      <c r="F9392" s="358" t="s">
        <v>14460</v>
      </c>
      <c r="G9392" s="358" t="s">
        <v>28851</v>
      </c>
      <c r="H9392" s="358" t="s">
        <v>14381</v>
      </c>
      <c r="I9392" s="358" t="s">
        <v>28851</v>
      </c>
      <c r="J9392" s="358"/>
      <c r="K9392" s="358"/>
      <c r="L9392" s="358"/>
    </row>
    <row r="9393" spans="2:12">
      <c r="B9393" s="367"/>
      <c r="C9393" s="367"/>
      <c r="D9393" s="367"/>
      <c r="E9393" s="367"/>
      <c r="F9393" s="360"/>
      <c r="G9393" s="360"/>
      <c r="H9393" s="360"/>
      <c r="I9393" s="360"/>
      <c r="J9393" s="365"/>
      <c r="K9393" s="365"/>
      <c r="L9393" s="365"/>
    </row>
    <row r="9394" spans="2:12">
      <c r="B9394" s="367"/>
      <c r="C9394" s="367"/>
      <c r="D9394" s="367"/>
      <c r="E9394" s="367"/>
      <c r="F9394" s="359" t="s">
        <v>14389</v>
      </c>
      <c r="G9394" s="359" t="s">
        <v>14392</v>
      </c>
      <c r="H9394" s="359" t="s">
        <v>14367</v>
      </c>
      <c r="I9394" s="359" t="s">
        <v>14392</v>
      </c>
      <c r="J9394" s="365"/>
      <c r="K9394" s="365"/>
      <c r="L9394" s="365"/>
    </row>
    <row r="9395" spans="2:12">
      <c r="B9395" s="367"/>
      <c r="C9395" s="367"/>
      <c r="D9395" s="367"/>
      <c r="E9395" s="367"/>
      <c r="F9395" s="360"/>
      <c r="G9395" s="360"/>
      <c r="H9395" s="360"/>
      <c r="I9395" s="360"/>
      <c r="J9395" s="365"/>
      <c r="K9395" s="365"/>
      <c r="L9395" s="365"/>
    </row>
    <row r="9396" spans="2:12">
      <c r="B9396" s="367"/>
      <c r="C9396" s="367"/>
      <c r="D9396" s="367"/>
      <c r="E9396" s="367"/>
      <c r="F9396" s="359" t="s">
        <v>14391</v>
      </c>
      <c r="G9396" s="359" t="s">
        <v>14463</v>
      </c>
      <c r="H9396" s="359" t="s">
        <v>14422</v>
      </c>
      <c r="I9396" s="359" t="s">
        <v>14463</v>
      </c>
      <c r="J9396" s="365"/>
      <c r="K9396" s="365"/>
      <c r="L9396" s="365"/>
    </row>
    <row r="9397" spans="2:12">
      <c r="B9397" s="367"/>
      <c r="C9397" s="367"/>
      <c r="D9397" s="367"/>
      <c r="E9397" s="367"/>
      <c r="F9397" s="360"/>
      <c r="G9397" s="360"/>
      <c r="H9397" s="360"/>
      <c r="I9397" s="360"/>
      <c r="J9397" s="365"/>
      <c r="K9397" s="365"/>
      <c r="L9397" s="365"/>
    </row>
    <row r="9398" spans="2:12" ht="28.5">
      <c r="B9398" s="368"/>
      <c r="C9398" s="368"/>
      <c r="D9398" s="368"/>
      <c r="E9398" s="368"/>
      <c r="F9398" s="361" t="s">
        <v>14462</v>
      </c>
      <c r="G9398" s="362"/>
      <c r="H9398" s="362"/>
      <c r="I9398" s="362"/>
      <c r="J9398" s="366"/>
      <c r="K9398" s="366"/>
      <c r="L9398" s="366"/>
    </row>
    <row r="9399" spans="2:12">
      <c r="B9399" s="358" t="s">
        <v>19051</v>
      </c>
      <c r="C9399" s="358" t="s">
        <v>19052</v>
      </c>
      <c r="D9399" s="358" t="s">
        <v>19053</v>
      </c>
      <c r="E9399" s="358" t="s">
        <v>19054</v>
      </c>
      <c r="F9399" s="358" t="s">
        <v>14386</v>
      </c>
      <c r="G9399" s="358" t="s">
        <v>14387</v>
      </c>
      <c r="H9399" s="358" t="s">
        <v>14367</v>
      </c>
      <c r="I9399" s="358" t="s">
        <v>14387</v>
      </c>
      <c r="J9399" s="358"/>
      <c r="K9399" s="358"/>
      <c r="L9399" s="358"/>
    </row>
    <row r="9400" spans="2:12">
      <c r="B9400" s="367"/>
      <c r="C9400" s="367"/>
      <c r="D9400" s="367"/>
      <c r="E9400" s="367"/>
      <c r="F9400" s="360"/>
      <c r="G9400" s="360"/>
      <c r="H9400" s="360"/>
      <c r="I9400" s="360"/>
      <c r="J9400" s="365"/>
      <c r="K9400" s="365"/>
      <c r="L9400" s="365"/>
    </row>
    <row r="9401" spans="2:12">
      <c r="B9401" s="367"/>
      <c r="C9401" s="367"/>
      <c r="D9401" s="367"/>
      <c r="E9401" s="367"/>
      <c r="F9401" s="359" t="s">
        <v>14389</v>
      </c>
      <c r="G9401" s="359" t="s">
        <v>14390</v>
      </c>
      <c r="H9401" s="359" t="s">
        <v>14370</v>
      </c>
      <c r="I9401" s="359" t="s">
        <v>14390</v>
      </c>
      <c r="J9401" s="365"/>
      <c r="K9401" s="365"/>
      <c r="L9401" s="365"/>
    </row>
    <row r="9402" spans="2:12">
      <c r="B9402" s="367"/>
      <c r="C9402" s="367"/>
      <c r="D9402" s="367"/>
      <c r="E9402" s="367"/>
      <c r="F9402" s="360"/>
      <c r="G9402" s="360"/>
      <c r="H9402" s="360"/>
      <c r="I9402" s="360"/>
      <c r="J9402" s="365"/>
      <c r="K9402" s="365"/>
      <c r="L9402" s="365"/>
    </row>
    <row r="9403" spans="2:12">
      <c r="B9403" s="367"/>
      <c r="C9403" s="367"/>
      <c r="D9403" s="367"/>
      <c r="E9403" s="367"/>
      <c r="F9403" s="359" t="s">
        <v>14371</v>
      </c>
      <c r="G9403" s="359" t="s">
        <v>14372</v>
      </c>
      <c r="H9403" s="359" t="s">
        <v>14422</v>
      </c>
      <c r="I9403" s="359" t="s">
        <v>14373</v>
      </c>
      <c r="J9403" s="365"/>
      <c r="K9403" s="365"/>
      <c r="L9403" s="365"/>
    </row>
    <row r="9404" spans="2:12">
      <c r="B9404" s="367"/>
      <c r="C9404" s="367"/>
      <c r="D9404" s="367"/>
      <c r="E9404" s="367"/>
      <c r="F9404" s="360"/>
      <c r="G9404" s="360"/>
      <c r="H9404" s="360"/>
      <c r="I9404" s="360"/>
      <c r="J9404" s="365"/>
      <c r="K9404" s="365"/>
      <c r="L9404" s="365"/>
    </row>
    <row r="9405" spans="2:12" ht="28.5">
      <c r="B9405" s="368"/>
      <c r="C9405" s="368"/>
      <c r="D9405" s="368"/>
      <c r="E9405" s="368"/>
      <c r="F9405" s="361" t="s">
        <v>14374</v>
      </c>
      <c r="G9405" s="361" t="s">
        <v>14373</v>
      </c>
      <c r="H9405" s="362"/>
      <c r="I9405" s="362"/>
      <c r="J9405" s="366"/>
      <c r="K9405" s="366"/>
      <c r="L9405" s="366"/>
    </row>
    <row r="9406" spans="2:12" ht="57">
      <c r="B9406" s="358" t="s">
        <v>19055</v>
      </c>
      <c r="C9406" s="358" t="s">
        <v>30149</v>
      </c>
      <c r="D9406" s="358" t="s">
        <v>19056</v>
      </c>
      <c r="E9406" s="358" t="s">
        <v>8356</v>
      </c>
      <c r="F9406" s="358" t="s">
        <v>14389</v>
      </c>
      <c r="G9406" s="358" t="s">
        <v>14390</v>
      </c>
      <c r="H9406" s="358" t="s">
        <v>14367</v>
      </c>
      <c r="I9406" s="358" t="s">
        <v>14390</v>
      </c>
      <c r="J9406" s="358"/>
      <c r="K9406" s="358"/>
      <c r="L9406" s="358"/>
    </row>
    <row r="9407" spans="2:12">
      <c r="B9407" s="367"/>
      <c r="C9407" s="367"/>
      <c r="D9407" s="367"/>
      <c r="E9407" s="367"/>
      <c r="F9407" s="360"/>
      <c r="G9407" s="360"/>
      <c r="H9407" s="360"/>
      <c r="I9407" s="360"/>
      <c r="J9407" s="365"/>
      <c r="K9407" s="365"/>
      <c r="L9407" s="365"/>
    </row>
    <row r="9408" spans="2:12">
      <c r="B9408" s="367"/>
      <c r="C9408" s="367"/>
      <c r="D9408" s="367"/>
      <c r="E9408" s="367"/>
      <c r="F9408" s="359" t="s">
        <v>14391</v>
      </c>
      <c r="G9408" s="359" t="s">
        <v>14392</v>
      </c>
      <c r="H9408" s="359" t="s">
        <v>14422</v>
      </c>
      <c r="I9408" s="359" t="s">
        <v>14392</v>
      </c>
      <c r="J9408" s="365"/>
      <c r="K9408" s="365"/>
      <c r="L9408" s="365"/>
    </row>
    <row r="9409" spans="2:12">
      <c r="B9409" s="367"/>
      <c r="C9409" s="367"/>
      <c r="D9409" s="367"/>
      <c r="E9409" s="367"/>
      <c r="F9409" s="360"/>
      <c r="G9409" s="360"/>
      <c r="H9409" s="360"/>
      <c r="I9409" s="360"/>
      <c r="J9409" s="365"/>
      <c r="K9409" s="365"/>
      <c r="L9409" s="365"/>
    </row>
    <row r="9410" spans="2:12" ht="28.5">
      <c r="B9410" s="368"/>
      <c r="C9410" s="368"/>
      <c r="D9410" s="368"/>
      <c r="E9410" s="368"/>
      <c r="F9410" s="361" t="s">
        <v>14472</v>
      </c>
      <c r="G9410" s="361" t="s">
        <v>14473</v>
      </c>
      <c r="H9410" s="362"/>
      <c r="I9410" s="361" t="s">
        <v>14473</v>
      </c>
      <c r="J9410" s="366"/>
      <c r="K9410" s="366"/>
      <c r="L9410" s="366"/>
    </row>
    <row r="9411" spans="2:12">
      <c r="B9411" s="358" t="s">
        <v>19057</v>
      </c>
      <c r="C9411" s="358" t="s">
        <v>19058</v>
      </c>
      <c r="D9411" s="358" t="s">
        <v>19059</v>
      </c>
      <c r="E9411" s="358" t="s">
        <v>8356</v>
      </c>
      <c r="F9411" s="358" t="s">
        <v>14389</v>
      </c>
      <c r="G9411" s="358" t="s">
        <v>14390</v>
      </c>
      <c r="H9411" s="358" t="s">
        <v>14367</v>
      </c>
      <c r="I9411" s="358" t="s">
        <v>14390</v>
      </c>
      <c r="J9411" s="358"/>
      <c r="K9411" s="358"/>
      <c r="L9411" s="358"/>
    </row>
    <row r="9412" spans="2:12">
      <c r="B9412" s="367"/>
      <c r="C9412" s="367"/>
      <c r="D9412" s="367"/>
      <c r="E9412" s="367"/>
      <c r="F9412" s="360"/>
      <c r="G9412" s="360"/>
      <c r="H9412" s="360"/>
      <c r="I9412" s="360"/>
      <c r="J9412" s="365"/>
      <c r="K9412" s="365"/>
      <c r="L9412" s="365"/>
    </row>
    <row r="9413" spans="2:12">
      <c r="B9413" s="367"/>
      <c r="C9413" s="367"/>
      <c r="D9413" s="367"/>
      <c r="E9413" s="367"/>
      <c r="F9413" s="359" t="s">
        <v>14391</v>
      </c>
      <c r="G9413" s="359" t="s">
        <v>14392</v>
      </c>
      <c r="H9413" s="359" t="s">
        <v>14370</v>
      </c>
      <c r="I9413" s="359" t="s">
        <v>14392</v>
      </c>
      <c r="J9413" s="365"/>
      <c r="K9413" s="365"/>
      <c r="L9413" s="365"/>
    </row>
    <row r="9414" spans="2:12">
      <c r="B9414" s="367"/>
      <c r="C9414" s="367"/>
      <c r="D9414" s="367"/>
      <c r="E9414" s="367"/>
      <c r="F9414" s="360"/>
      <c r="G9414" s="360"/>
      <c r="H9414" s="360"/>
      <c r="I9414" s="360"/>
      <c r="J9414" s="365"/>
      <c r="K9414" s="365"/>
      <c r="L9414" s="365"/>
    </row>
    <row r="9415" spans="2:12">
      <c r="B9415" s="367"/>
      <c r="C9415" s="367"/>
      <c r="D9415" s="367"/>
      <c r="E9415" s="367"/>
      <c r="F9415" s="359" t="s">
        <v>14371</v>
      </c>
      <c r="G9415" s="359" t="s">
        <v>14372</v>
      </c>
      <c r="H9415" s="359" t="s">
        <v>14422</v>
      </c>
      <c r="I9415" s="359" t="s">
        <v>14373</v>
      </c>
      <c r="J9415" s="365"/>
      <c r="K9415" s="365"/>
      <c r="L9415" s="365"/>
    </row>
    <row r="9416" spans="2:12">
      <c r="B9416" s="367"/>
      <c r="C9416" s="367"/>
      <c r="D9416" s="367"/>
      <c r="E9416" s="367"/>
      <c r="F9416" s="360"/>
      <c r="G9416" s="360"/>
      <c r="H9416" s="360"/>
      <c r="I9416" s="360"/>
      <c r="J9416" s="365"/>
      <c r="K9416" s="365"/>
      <c r="L9416" s="365"/>
    </row>
    <row r="9417" spans="2:12" ht="28.5">
      <c r="B9417" s="368"/>
      <c r="C9417" s="368"/>
      <c r="D9417" s="368"/>
      <c r="E9417" s="368"/>
      <c r="F9417" s="361" t="s">
        <v>14374</v>
      </c>
      <c r="G9417" s="361" t="s">
        <v>14373</v>
      </c>
      <c r="H9417" s="362"/>
      <c r="I9417" s="362"/>
      <c r="J9417" s="366"/>
      <c r="K9417" s="366"/>
      <c r="L9417" s="366"/>
    </row>
    <row r="9418" spans="2:12">
      <c r="B9418" s="358" t="s">
        <v>19060</v>
      </c>
      <c r="C9418" s="358" t="s">
        <v>19061</v>
      </c>
      <c r="D9418" s="358" t="s">
        <v>19062</v>
      </c>
      <c r="E9418" s="358" t="s">
        <v>19063</v>
      </c>
      <c r="F9418" s="358" t="s">
        <v>14420</v>
      </c>
      <c r="G9418" s="358" t="s">
        <v>14429</v>
      </c>
      <c r="H9418" s="358" t="s">
        <v>14341</v>
      </c>
      <c r="I9418" s="358" t="s">
        <v>14429</v>
      </c>
      <c r="J9418" s="358"/>
      <c r="K9418" s="358"/>
      <c r="L9418" s="358"/>
    </row>
    <row r="9419" spans="2:12">
      <c r="B9419" s="367"/>
      <c r="C9419" s="367"/>
      <c r="D9419" s="367"/>
      <c r="E9419" s="367"/>
      <c r="F9419" s="360"/>
      <c r="G9419" s="360"/>
      <c r="H9419" s="360"/>
      <c r="I9419" s="360"/>
      <c r="J9419" s="365"/>
      <c r="K9419" s="365"/>
      <c r="L9419" s="365"/>
    </row>
    <row r="9420" spans="2:12">
      <c r="B9420" s="367"/>
      <c r="C9420" s="367"/>
      <c r="D9420" s="367"/>
      <c r="E9420" s="367"/>
      <c r="F9420" s="359" t="s">
        <v>14430</v>
      </c>
      <c r="G9420" s="359" t="s">
        <v>14431</v>
      </c>
      <c r="H9420" s="359" t="s">
        <v>14367</v>
      </c>
      <c r="I9420" s="359" t="s">
        <v>14431</v>
      </c>
      <c r="J9420" s="365"/>
      <c r="K9420" s="365"/>
      <c r="L9420" s="365"/>
    </row>
    <row r="9421" spans="2:12">
      <c r="B9421" s="367"/>
      <c r="C9421" s="367"/>
      <c r="D9421" s="367"/>
      <c r="E9421" s="367"/>
      <c r="F9421" s="360"/>
      <c r="G9421" s="360"/>
      <c r="H9421" s="360"/>
      <c r="I9421" s="360"/>
      <c r="J9421" s="365"/>
      <c r="K9421" s="365"/>
      <c r="L9421" s="365"/>
    </row>
    <row r="9422" spans="2:12" ht="28.5">
      <c r="B9422" s="367"/>
      <c r="C9422" s="367"/>
      <c r="D9422" s="367"/>
      <c r="E9422" s="367"/>
      <c r="F9422" s="359" t="s">
        <v>14394</v>
      </c>
      <c r="G9422" s="359" t="s">
        <v>14395</v>
      </c>
      <c r="H9422" s="359" t="s">
        <v>14370</v>
      </c>
      <c r="I9422" s="359" t="s">
        <v>14395</v>
      </c>
      <c r="J9422" s="365"/>
      <c r="K9422" s="365"/>
      <c r="L9422" s="365"/>
    </row>
    <row r="9423" spans="2:12">
      <c r="B9423" s="367"/>
      <c r="C9423" s="367"/>
      <c r="D9423" s="367"/>
      <c r="E9423" s="367"/>
      <c r="F9423" s="360"/>
      <c r="G9423" s="360"/>
      <c r="H9423" s="360"/>
      <c r="I9423" s="360"/>
      <c r="J9423" s="365"/>
      <c r="K9423" s="365"/>
      <c r="L9423" s="365"/>
    </row>
    <row r="9424" spans="2:12">
      <c r="B9424" s="368"/>
      <c r="C9424" s="368"/>
      <c r="D9424" s="368"/>
      <c r="E9424" s="368"/>
      <c r="F9424" s="362"/>
      <c r="G9424" s="362"/>
      <c r="H9424" s="361" t="s">
        <v>14332</v>
      </c>
      <c r="I9424" s="362"/>
      <c r="J9424" s="366"/>
      <c r="K9424" s="366"/>
      <c r="L9424" s="366"/>
    </row>
    <row r="9425" spans="2:12" ht="28.5">
      <c r="B9425" s="358" t="s">
        <v>19064</v>
      </c>
      <c r="C9425" s="358" t="s">
        <v>19065</v>
      </c>
      <c r="D9425" s="358" t="s">
        <v>19066</v>
      </c>
      <c r="E9425" s="358" t="s">
        <v>19067</v>
      </c>
      <c r="F9425" s="358" t="s">
        <v>14462</v>
      </c>
      <c r="G9425" s="358" t="s">
        <v>14463</v>
      </c>
      <c r="H9425" s="358" t="s">
        <v>8356</v>
      </c>
      <c r="I9425" s="358" t="s">
        <v>14463</v>
      </c>
      <c r="J9425" s="358"/>
      <c r="K9425" s="358"/>
      <c r="L9425" s="358"/>
    </row>
    <row r="9426" spans="2:12">
      <c r="B9426" s="368"/>
      <c r="C9426" s="368"/>
      <c r="D9426" s="368"/>
      <c r="E9426" s="368"/>
      <c r="F9426" s="368"/>
      <c r="G9426" s="368"/>
      <c r="H9426" s="368"/>
      <c r="I9426" s="368"/>
      <c r="J9426" s="366"/>
      <c r="K9426" s="366"/>
      <c r="L9426" s="366"/>
    </row>
    <row r="9427" spans="2:12" ht="28.5">
      <c r="B9427" s="358" t="s">
        <v>19068</v>
      </c>
      <c r="C9427" s="358" t="s">
        <v>19069</v>
      </c>
      <c r="D9427" s="358" t="s">
        <v>19070</v>
      </c>
      <c r="E9427" s="358" t="s">
        <v>19071</v>
      </c>
      <c r="F9427" s="358" t="s">
        <v>14394</v>
      </c>
      <c r="G9427" s="358" t="s">
        <v>14395</v>
      </c>
      <c r="H9427" s="358" t="s">
        <v>14370</v>
      </c>
      <c r="I9427" s="358" t="s">
        <v>14395</v>
      </c>
      <c r="J9427" s="358"/>
      <c r="K9427" s="358"/>
      <c r="L9427" s="358"/>
    </row>
    <row r="9428" spans="2:12">
      <c r="B9428" s="368"/>
      <c r="C9428" s="368"/>
      <c r="D9428" s="368"/>
      <c r="E9428" s="368"/>
      <c r="F9428" s="368"/>
      <c r="G9428" s="368"/>
      <c r="H9428" s="368"/>
      <c r="I9428" s="368"/>
      <c r="J9428" s="366"/>
      <c r="K9428" s="366"/>
      <c r="L9428" s="366"/>
    </row>
    <row r="9429" spans="2:12" ht="156.75">
      <c r="B9429" s="358" t="s">
        <v>19072</v>
      </c>
      <c r="C9429" s="358" t="s">
        <v>30150</v>
      </c>
      <c r="D9429" s="358" t="s">
        <v>19073</v>
      </c>
      <c r="E9429" s="358" t="s">
        <v>8356</v>
      </c>
      <c r="F9429" s="358" t="s">
        <v>14371</v>
      </c>
      <c r="G9429" s="358" t="s">
        <v>14372</v>
      </c>
      <c r="H9429" s="358" t="s">
        <v>14370</v>
      </c>
      <c r="I9429" s="358" t="s">
        <v>14373</v>
      </c>
      <c r="J9429" s="358"/>
      <c r="K9429" s="358"/>
      <c r="L9429" s="358"/>
    </row>
    <row r="9430" spans="2:12">
      <c r="B9430" s="367"/>
      <c r="C9430" s="367"/>
      <c r="D9430" s="367"/>
      <c r="E9430" s="367"/>
      <c r="F9430" s="360"/>
      <c r="G9430" s="360"/>
      <c r="H9430" s="360"/>
      <c r="I9430" s="367"/>
      <c r="J9430" s="365"/>
      <c r="K9430" s="365"/>
      <c r="L9430" s="365"/>
    </row>
    <row r="9431" spans="2:12" ht="28.5">
      <c r="B9431" s="368"/>
      <c r="C9431" s="368"/>
      <c r="D9431" s="368"/>
      <c r="E9431" s="368"/>
      <c r="F9431" s="361" t="s">
        <v>14374</v>
      </c>
      <c r="G9431" s="361" t="s">
        <v>14373</v>
      </c>
      <c r="H9431" s="361" t="s">
        <v>14422</v>
      </c>
      <c r="I9431" s="368"/>
      <c r="J9431" s="366"/>
      <c r="K9431" s="366"/>
      <c r="L9431" s="366"/>
    </row>
    <row r="9432" spans="2:12" ht="85.5">
      <c r="B9432" s="358" t="s">
        <v>19074</v>
      </c>
      <c r="C9432" s="358" t="s">
        <v>29071</v>
      </c>
      <c r="D9432" s="358" t="s">
        <v>19075</v>
      </c>
      <c r="E9432" s="358" t="s">
        <v>8356</v>
      </c>
      <c r="F9432" s="358" t="s">
        <v>14389</v>
      </c>
      <c r="G9432" s="358" t="s">
        <v>14390</v>
      </c>
      <c r="H9432" s="358" t="s">
        <v>14341</v>
      </c>
      <c r="I9432" s="358" t="s">
        <v>14390</v>
      </c>
      <c r="J9432" s="358"/>
      <c r="K9432" s="358"/>
      <c r="L9432" s="358"/>
    </row>
    <row r="9433" spans="2:12">
      <c r="B9433" s="367"/>
      <c r="C9433" s="367"/>
      <c r="D9433" s="367"/>
      <c r="E9433" s="367"/>
      <c r="F9433" s="360"/>
      <c r="G9433" s="360"/>
      <c r="H9433" s="360"/>
      <c r="I9433" s="360"/>
      <c r="J9433" s="365"/>
      <c r="K9433" s="365"/>
      <c r="L9433" s="365"/>
    </row>
    <row r="9434" spans="2:12">
      <c r="B9434" s="367"/>
      <c r="C9434" s="367"/>
      <c r="D9434" s="367"/>
      <c r="E9434" s="367"/>
      <c r="F9434" s="359" t="s">
        <v>14430</v>
      </c>
      <c r="G9434" s="359" t="s">
        <v>14431</v>
      </c>
      <c r="H9434" s="359" t="s">
        <v>14370</v>
      </c>
      <c r="I9434" s="359" t="s">
        <v>14431</v>
      </c>
      <c r="J9434" s="365"/>
      <c r="K9434" s="365"/>
      <c r="L9434" s="365"/>
    </row>
    <row r="9435" spans="2:12">
      <c r="B9435" s="367"/>
      <c r="C9435" s="367"/>
      <c r="D9435" s="367"/>
      <c r="E9435" s="367"/>
      <c r="F9435" s="360"/>
      <c r="G9435" s="360"/>
      <c r="H9435" s="360"/>
      <c r="I9435" s="360"/>
      <c r="J9435" s="365"/>
      <c r="K9435" s="365"/>
      <c r="L9435" s="365"/>
    </row>
    <row r="9436" spans="2:12">
      <c r="B9436" s="367"/>
      <c r="C9436" s="367"/>
      <c r="D9436" s="367"/>
      <c r="E9436" s="367"/>
      <c r="F9436" s="359" t="s">
        <v>14371</v>
      </c>
      <c r="G9436" s="359" t="s">
        <v>14372</v>
      </c>
      <c r="H9436" s="359" t="s">
        <v>14332</v>
      </c>
      <c r="I9436" s="359" t="s">
        <v>14373</v>
      </c>
      <c r="J9436" s="365"/>
      <c r="K9436" s="365"/>
      <c r="L9436" s="365"/>
    </row>
    <row r="9437" spans="2:12">
      <c r="B9437" s="367"/>
      <c r="C9437" s="367"/>
      <c r="D9437" s="367"/>
      <c r="E9437" s="367"/>
      <c r="F9437" s="360"/>
      <c r="G9437" s="360"/>
      <c r="H9437" s="360"/>
      <c r="I9437" s="360"/>
      <c r="J9437" s="365"/>
      <c r="K9437" s="365"/>
      <c r="L9437" s="365"/>
    </row>
    <row r="9438" spans="2:12" ht="28.5">
      <c r="B9438" s="368"/>
      <c r="C9438" s="368"/>
      <c r="D9438" s="368"/>
      <c r="E9438" s="368"/>
      <c r="F9438" s="361" t="s">
        <v>14374</v>
      </c>
      <c r="G9438" s="361" t="s">
        <v>14373</v>
      </c>
      <c r="H9438" s="362"/>
      <c r="I9438" s="362"/>
      <c r="J9438" s="366"/>
      <c r="K9438" s="366"/>
      <c r="L9438" s="366"/>
    </row>
    <row r="9439" spans="2:12" ht="42.75">
      <c r="B9439" s="358" t="s">
        <v>19076</v>
      </c>
      <c r="C9439" s="358" t="s">
        <v>19077</v>
      </c>
      <c r="D9439" s="358" t="s">
        <v>19078</v>
      </c>
      <c r="E9439" s="358" t="s">
        <v>19079</v>
      </c>
      <c r="F9439" s="358" t="s">
        <v>28938</v>
      </c>
      <c r="G9439" s="358" t="s">
        <v>14459</v>
      </c>
      <c r="H9439" s="358" t="s">
        <v>14367</v>
      </c>
      <c r="I9439" s="358" t="s">
        <v>14459</v>
      </c>
      <c r="J9439" s="358"/>
      <c r="K9439" s="358"/>
      <c r="L9439" s="358"/>
    </row>
    <row r="9440" spans="2:12">
      <c r="B9440" s="367"/>
      <c r="C9440" s="367"/>
      <c r="D9440" s="367"/>
      <c r="E9440" s="367"/>
      <c r="F9440" s="360"/>
      <c r="G9440" s="360"/>
      <c r="H9440" s="360"/>
      <c r="I9440" s="360"/>
      <c r="J9440" s="365"/>
      <c r="K9440" s="365"/>
      <c r="L9440" s="365"/>
    </row>
    <row r="9441" spans="2:12">
      <c r="B9441" s="367"/>
      <c r="C9441" s="367"/>
      <c r="D9441" s="367"/>
      <c r="E9441" s="367"/>
      <c r="F9441" s="359" t="s">
        <v>14391</v>
      </c>
      <c r="G9441" s="359" t="s">
        <v>14429</v>
      </c>
      <c r="H9441" s="359" t="s">
        <v>14422</v>
      </c>
      <c r="I9441" s="359" t="s">
        <v>14429</v>
      </c>
      <c r="J9441" s="365"/>
      <c r="K9441" s="365"/>
      <c r="L9441" s="365"/>
    </row>
    <row r="9442" spans="2:12">
      <c r="B9442" s="367"/>
      <c r="C9442" s="367"/>
      <c r="D9442" s="367"/>
      <c r="E9442" s="367"/>
      <c r="F9442" s="360"/>
      <c r="G9442" s="360"/>
      <c r="H9442" s="360"/>
      <c r="I9442" s="360"/>
      <c r="J9442" s="365"/>
      <c r="K9442" s="365"/>
      <c r="L9442" s="365"/>
    </row>
    <row r="9443" spans="2:12">
      <c r="B9443" s="368"/>
      <c r="C9443" s="368"/>
      <c r="D9443" s="368"/>
      <c r="E9443" s="368"/>
      <c r="F9443" s="362"/>
      <c r="G9443" s="361" t="s">
        <v>14392</v>
      </c>
      <c r="H9443" s="362"/>
      <c r="I9443" s="361" t="s">
        <v>14392</v>
      </c>
      <c r="J9443" s="366"/>
      <c r="K9443" s="366"/>
      <c r="L9443" s="366"/>
    </row>
    <row r="9444" spans="2:12">
      <c r="B9444" s="358" t="s">
        <v>19080</v>
      </c>
      <c r="C9444" s="358" t="s">
        <v>27594</v>
      </c>
      <c r="D9444" s="358" t="s">
        <v>19081</v>
      </c>
      <c r="E9444" s="358" t="s">
        <v>19082</v>
      </c>
      <c r="F9444" s="358" t="s">
        <v>14356</v>
      </c>
      <c r="G9444" s="358" t="s">
        <v>14340</v>
      </c>
      <c r="H9444" s="358" t="s">
        <v>14341</v>
      </c>
      <c r="I9444" s="358" t="s">
        <v>14340</v>
      </c>
      <c r="J9444" s="358"/>
      <c r="K9444" s="358"/>
      <c r="L9444" s="358"/>
    </row>
    <row r="9445" spans="2:12">
      <c r="B9445" s="367"/>
      <c r="C9445" s="367"/>
      <c r="D9445" s="367"/>
      <c r="E9445" s="367"/>
      <c r="F9445" s="360"/>
      <c r="G9445" s="360"/>
      <c r="H9445" s="360"/>
      <c r="I9445" s="360"/>
      <c r="J9445" s="365"/>
      <c r="K9445" s="365"/>
      <c r="L9445" s="365"/>
    </row>
    <row r="9446" spans="2:12" ht="28.5">
      <c r="B9446" s="367"/>
      <c r="C9446" s="367"/>
      <c r="D9446" s="367"/>
      <c r="E9446" s="367"/>
      <c r="F9446" s="359" t="s">
        <v>14394</v>
      </c>
      <c r="G9446" s="359" t="s">
        <v>14395</v>
      </c>
      <c r="H9446" s="359" t="s">
        <v>14370</v>
      </c>
      <c r="I9446" s="359" t="s">
        <v>14395</v>
      </c>
      <c r="J9446" s="365"/>
      <c r="K9446" s="365"/>
      <c r="L9446" s="365"/>
    </row>
    <row r="9447" spans="2:12">
      <c r="B9447" s="367"/>
      <c r="C9447" s="367"/>
      <c r="D9447" s="367"/>
      <c r="E9447" s="367"/>
      <c r="F9447" s="360"/>
      <c r="G9447" s="360"/>
      <c r="H9447" s="360"/>
      <c r="I9447" s="360"/>
      <c r="J9447" s="365"/>
      <c r="K9447" s="365"/>
      <c r="L9447" s="365"/>
    </row>
    <row r="9448" spans="2:12">
      <c r="B9448" s="368"/>
      <c r="C9448" s="368"/>
      <c r="D9448" s="368"/>
      <c r="E9448" s="368"/>
      <c r="F9448" s="362"/>
      <c r="G9448" s="362"/>
      <c r="H9448" s="361" t="s">
        <v>14332</v>
      </c>
      <c r="I9448" s="362"/>
      <c r="J9448" s="366"/>
      <c r="K9448" s="366"/>
      <c r="L9448" s="366"/>
    </row>
    <row r="9449" spans="2:12" ht="28.5">
      <c r="B9449" s="358" t="s">
        <v>19083</v>
      </c>
      <c r="C9449" s="358" t="s">
        <v>29072</v>
      </c>
      <c r="D9449" s="358" t="s">
        <v>19084</v>
      </c>
      <c r="E9449" s="358" t="s">
        <v>2011</v>
      </c>
      <c r="F9449" s="358" t="s">
        <v>14386</v>
      </c>
      <c r="G9449" s="358" t="s">
        <v>14387</v>
      </c>
      <c r="H9449" s="358" t="s">
        <v>14367</v>
      </c>
      <c r="I9449" s="358" t="s">
        <v>14387</v>
      </c>
      <c r="J9449" s="358"/>
      <c r="K9449" s="358" t="s">
        <v>14557</v>
      </c>
      <c r="L9449" s="358"/>
    </row>
    <row r="9450" spans="2:12">
      <c r="B9450" s="367"/>
      <c r="C9450" s="367"/>
      <c r="D9450" s="367"/>
      <c r="E9450" s="367"/>
      <c r="F9450" s="360"/>
      <c r="G9450" s="360"/>
      <c r="H9450" s="360"/>
      <c r="I9450" s="360"/>
      <c r="J9450" s="365"/>
      <c r="K9450" s="367"/>
      <c r="L9450" s="365"/>
    </row>
    <row r="9451" spans="2:12">
      <c r="B9451" s="367"/>
      <c r="C9451" s="367"/>
      <c r="D9451" s="367"/>
      <c r="E9451" s="367"/>
      <c r="F9451" s="359" t="s">
        <v>14389</v>
      </c>
      <c r="G9451" s="359" t="s">
        <v>14390</v>
      </c>
      <c r="H9451" s="359" t="s">
        <v>14370</v>
      </c>
      <c r="I9451" s="359" t="s">
        <v>14390</v>
      </c>
      <c r="J9451" s="365"/>
      <c r="K9451" s="367"/>
      <c r="L9451" s="365"/>
    </row>
    <row r="9452" spans="2:12">
      <c r="B9452" s="367"/>
      <c r="C9452" s="367"/>
      <c r="D9452" s="367"/>
      <c r="E9452" s="367"/>
      <c r="F9452" s="360"/>
      <c r="G9452" s="360"/>
      <c r="H9452" s="360"/>
      <c r="I9452" s="360"/>
      <c r="J9452" s="365"/>
      <c r="K9452" s="367"/>
      <c r="L9452" s="365"/>
    </row>
    <row r="9453" spans="2:12">
      <c r="B9453" s="367"/>
      <c r="C9453" s="367"/>
      <c r="D9453" s="367"/>
      <c r="E9453" s="367"/>
      <c r="F9453" s="359" t="s">
        <v>14371</v>
      </c>
      <c r="G9453" s="359" t="s">
        <v>14372</v>
      </c>
      <c r="H9453" s="359" t="s">
        <v>14422</v>
      </c>
      <c r="I9453" s="359" t="s">
        <v>14373</v>
      </c>
      <c r="J9453" s="365"/>
      <c r="K9453" s="367"/>
      <c r="L9453" s="365"/>
    </row>
    <row r="9454" spans="2:12">
      <c r="B9454" s="367"/>
      <c r="C9454" s="367"/>
      <c r="D9454" s="367"/>
      <c r="E9454" s="367"/>
      <c r="F9454" s="360"/>
      <c r="G9454" s="360"/>
      <c r="H9454" s="360"/>
      <c r="I9454" s="360"/>
      <c r="J9454" s="365"/>
      <c r="K9454" s="367"/>
      <c r="L9454" s="365"/>
    </row>
    <row r="9455" spans="2:12" ht="28.5">
      <c r="B9455" s="368"/>
      <c r="C9455" s="368"/>
      <c r="D9455" s="368"/>
      <c r="E9455" s="368"/>
      <c r="F9455" s="361" t="s">
        <v>14374</v>
      </c>
      <c r="G9455" s="361" t="s">
        <v>14373</v>
      </c>
      <c r="H9455" s="362"/>
      <c r="I9455" s="362"/>
      <c r="J9455" s="366"/>
      <c r="K9455" s="368"/>
      <c r="L9455" s="366"/>
    </row>
    <row r="9456" spans="2:12" ht="28.5">
      <c r="B9456" s="358" t="s">
        <v>19085</v>
      </c>
      <c r="C9456" s="358" t="s">
        <v>29073</v>
      </c>
      <c r="D9456" s="358" t="s">
        <v>19086</v>
      </c>
      <c r="E9456" s="358" t="s">
        <v>19087</v>
      </c>
      <c r="F9456" s="358" t="s">
        <v>14462</v>
      </c>
      <c r="G9456" s="358" t="s">
        <v>14463</v>
      </c>
      <c r="H9456" s="358" t="s">
        <v>8356</v>
      </c>
      <c r="I9456" s="358" t="s">
        <v>14463</v>
      </c>
      <c r="J9456" s="358"/>
      <c r="K9456" s="358"/>
      <c r="L9456" s="358"/>
    </row>
    <row r="9457" spans="2:12">
      <c r="B9457" s="368"/>
      <c r="C9457" s="368"/>
      <c r="D9457" s="368"/>
      <c r="E9457" s="368"/>
      <c r="F9457" s="368"/>
      <c r="G9457" s="368"/>
      <c r="H9457" s="368"/>
      <c r="I9457" s="368"/>
      <c r="J9457" s="366"/>
      <c r="K9457" s="366"/>
      <c r="L9457" s="366"/>
    </row>
    <row r="9458" spans="2:12">
      <c r="B9458" s="358" t="s">
        <v>19088</v>
      </c>
      <c r="C9458" s="358" t="s">
        <v>19089</v>
      </c>
      <c r="D9458" s="358" t="s">
        <v>19090</v>
      </c>
      <c r="E9458" s="358" t="s">
        <v>19091</v>
      </c>
      <c r="F9458" s="358" t="s">
        <v>14371</v>
      </c>
      <c r="G9458" s="358" t="s">
        <v>14372</v>
      </c>
      <c r="H9458" s="358" t="s">
        <v>14370</v>
      </c>
      <c r="I9458" s="358" t="s">
        <v>14373</v>
      </c>
      <c r="J9458" s="358"/>
      <c r="K9458" s="358"/>
      <c r="L9458" s="358"/>
    </row>
    <row r="9459" spans="2:12">
      <c r="B9459" s="367"/>
      <c r="C9459" s="367"/>
      <c r="D9459" s="367"/>
      <c r="E9459" s="367"/>
      <c r="F9459" s="360"/>
      <c r="G9459" s="360"/>
      <c r="H9459" s="360"/>
      <c r="I9459" s="367"/>
      <c r="J9459" s="365"/>
      <c r="K9459" s="365"/>
      <c r="L9459" s="365"/>
    </row>
    <row r="9460" spans="2:12" ht="28.5">
      <c r="B9460" s="368"/>
      <c r="C9460" s="368"/>
      <c r="D9460" s="368"/>
      <c r="E9460" s="368"/>
      <c r="F9460" s="361" t="s">
        <v>14374</v>
      </c>
      <c r="G9460" s="361" t="s">
        <v>14373</v>
      </c>
      <c r="H9460" s="361" t="s">
        <v>14422</v>
      </c>
      <c r="I9460" s="368"/>
      <c r="J9460" s="366"/>
      <c r="K9460" s="366"/>
      <c r="L9460" s="366"/>
    </row>
    <row r="9461" spans="2:12" ht="28.5">
      <c r="B9461" s="358" t="s">
        <v>13075</v>
      </c>
      <c r="C9461" s="358" t="s">
        <v>13074</v>
      </c>
      <c r="D9461" s="358" t="s">
        <v>13076</v>
      </c>
      <c r="E9461" s="358" t="s">
        <v>13077</v>
      </c>
      <c r="F9461" s="358" t="s">
        <v>14443</v>
      </c>
      <c r="G9461" s="358" t="s">
        <v>14444</v>
      </c>
      <c r="H9461" s="358" t="s">
        <v>14381</v>
      </c>
      <c r="I9461" s="358" t="s">
        <v>14444</v>
      </c>
      <c r="J9461" s="358"/>
      <c r="K9461" s="358"/>
      <c r="L9461" s="358"/>
    </row>
    <row r="9462" spans="2:12">
      <c r="B9462" s="367"/>
      <c r="C9462" s="367"/>
      <c r="D9462" s="367"/>
      <c r="E9462" s="367"/>
      <c r="F9462" s="360"/>
      <c r="G9462" s="360"/>
      <c r="H9462" s="360"/>
      <c r="I9462" s="360"/>
      <c r="J9462" s="365"/>
      <c r="K9462" s="365"/>
      <c r="L9462" s="365"/>
    </row>
    <row r="9463" spans="2:12" ht="28.5">
      <c r="B9463" s="367"/>
      <c r="C9463" s="367"/>
      <c r="D9463" s="367"/>
      <c r="E9463" s="367"/>
      <c r="F9463" s="359" t="s">
        <v>29074</v>
      </c>
      <c r="G9463" s="359" t="s">
        <v>29075</v>
      </c>
      <c r="H9463" s="359" t="s">
        <v>14367</v>
      </c>
      <c r="I9463" s="359" t="s">
        <v>29075</v>
      </c>
      <c r="J9463" s="365"/>
      <c r="K9463" s="365"/>
      <c r="L9463" s="365"/>
    </row>
    <row r="9464" spans="2:12">
      <c r="B9464" s="367"/>
      <c r="C9464" s="367"/>
      <c r="D9464" s="367"/>
      <c r="E9464" s="367"/>
      <c r="F9464" s="360"/>
      <c r="G9464" s="360"/>
      <c r="H9464" s="360"/>
      <c r="I9464" s="360"/>
      <c r="J9464" s="365"/>
      <c r="K9464" s="365"/>
      <c r="L9464" s="365"/>
    </row>
    <row r="9465" spans="2:12">
      <c r="B9465" s="367"/>
      <c r="C9465" s="367"/>
      <c r="D9465" s="367"/>
      <c r="E9465" s="367"/>
      <c r="F9465" s="359" t="s">
        <v>14371</v>
      </c>
      <c r="G9465" s="359" t="s">
        <v>14372</v>
      </c>
      <c r="H9465" s="359" t="s">
        <v>14370</v>
      </c>
      <c r="I9465" s="359" t="s">
        <v>14373</v>
      </c>
      <c r="J9465" s="365"/>
      <c r="K9465" s="365"/>
      <c r="L9465" s="365"/>
    </row>
    <row r="9466" spans="2:12">
      <c r="B9466" s="367"/>
      <c r="C9466" s="367"/>
      <c r="D9466" s="367"/>
      <c r="E9466" s="367"/>
      <c r="F9466" s="360"/>
      <c r="G9466" s="360"/>
      <c r="H9466" s="360"/>
      <c r="I9466" s="360"/>
      <c r="J9466" s="365"/>
      <c r="K9466" s="365"/>
      <c r="L9466" s="365"/>
    </row>
    <row r="9467" spans="2:12" ht="28.5">
      <c r="B9467" s="368"/>
      <c r="C9467" s="368"/>
      <c r="D9467" s="368"/>
      <c r="E9467" s="368"/>
      <c r="F9467" s="361" t="s">
        <v>14374</v>
      </c>
      <c r="G9467" s="361" t="s">
        <v>14373</v>
      </c>
      <c r="H9467" s="361" t="s">
        <v>14332</v>
      </c>
      <c r="I9467" s="362"/>
      <c r="J9467" s="366"/>
      <c r="K9467" s="366"/>
      <c r="L9467" s="366"/>
    </row>
    <row r="9468" spans="2:12" ht="28.5">
      <c r="B9468" s="358" t="s">
        <v>19092</v>
      </c>
      <c r="C9468" s="358" t="s">
        <v>29076</v>
      </c>
      <c r="D9468" s="358" t="s">
        <v>19093</v>
      </c>
      <c r="E9468" s="358" t="s">
        <v>6573</v>
      </c>
      <c r="F9468" s="358" t="s">
        <v>14371</v>
      </c>
      <c r="G9468" s="358" t="s">
        <v>14372</v>
      </c>
      <c r="H9468" s="358" t="s">
        <v>14370</v>
      </c>
      <c r="I9468" s="358" t="s">
        <v>14373</v>
      </c>
      <c r="J9468" s="358"/>
      <c r="K9468" s="358"/>
      <c r="L9468" s="358"/>
    </row>
    <row r="9469" spans="2:12">
      <c r="B9469" s="367"/>
      <c r="C9469" s="367"/>
      <c r="D9469" s="367"/>
      <c r="E9469" s="367"/>
      <c r="F9469" s="360"/>
      <c r="G9469" s="360"/>
      <c r="H9469" s="360"/>
      <c r="I9469" s="367"/>
      <c r="J9469" s="365"/>
      <c r="K9469" s="365"/>
      <c r="L9469" s="365"/>
    </row>
    <row r="9470" spans="2:12" ht="28.5">
      <c r="B9470" s="368"/>
      <c r="C9470" s="368"/>
      <c r="D9470" s="368"/>
      <c r="E9470" s="368"/>
      <c r="F9470" s="361" t="s">
        <v>14374</v>
      </c>
      <c r="G9470" s="361" t="s">
        <v>14373</v>
      </c>
      <c r="H9470" s="361" t="s">
        <v>14422</v>
      </c>
      <c r="I9470" s="368"/>
      <c r="J9470" s="366"/>
      <c r="K9470" s="366"/>
      <c r="L9470" s="366"/>
    </row>
    <row r="9471" spans="2:12">
      <c r="B9471" s="358" t="s">
        <v>19094</v>
      </c>
      <c r="C9471" s="358" t="s">
        <v>30151</v>
      </c>
      <c r="D9471" s="358" t="s">
        <v>375</v>
      </c>
      <c r="E9471" s="358" t="s">
        <v>376</v>
      </c>
      <c r="F9471" s="358" t="s">
        <v>14389</v>
      </c>
      <c r="G9471" s="358" t="s">
        <v>14390</v>
      </c>
      <c r="H9471" s="358" t="s">
        <v>14341</v>
      </c>
      <c r="I9471" s="358" t="s">
        <v>14390</v>
      </c>
      <c r="J9471" s="358"/>
      <c r="K9471" s="358" t="s">
        <v>14820</v>
      </c>
      <c r="L9471" s="358"/>
    </row>
    <row r="9472" spans="2:12">
      <c r="B9472" s="367"/>
      <c r="C9472" s="367"/>
      <c r="D9472" s="367"/>
      <c r="E9472" s="367"/>
      <c r="F9472" s="360"/>
      <c r="G9472" s="360"/>
      <c r="H9472" s="360"/>
      <c r="I9472" s="360"/>
      <c r="J9472" s="365"/>
      <c r="K9472" s="367"/>
      <c r="L9472" s="365"/>
    </row>
    <row r="9473" spans="2:12">
      <c r="B9473" s="367"/>
      <c r="C9473" s="367"/>
      <c r="D9473" s="367"/>
      <c r="E9473" s="367"/>
      <c r="F9473" s="359" t="s">
        <v>14430</v>
      </c>
      <c r="G9473" s="359" t="s">
        <v>14431</v>
      </c>
      <c r="H9473" s="359" t="s">
        <v>14370</v>
      </c>
      <c r="I9473" s="359" t="s">
        <v>14431</v>
      </c>
      <c r="J9473" s="365"/>
      <c r="K9473" s="367"/>
      <c r="L9473" s="365"/>
    </row>
    <row r="9474" spans="2:12">
      <c r="B9474" s="367"/>
      <c r="C9474" s="367"/>
      <c r="D9474" s="367"/>
      <c r="E9474" s="367"/>
      <c r="F9474" s="360"/>
      <c r="G9474" s="360"/>
      <c r="H9474" s="360"/>
      <c r="I9474" s="360"/>
      <c r="J9474" s="365"/>
      <c r="K9474" s="367"/>
      <c r="L9474" s="365"/>
    </row>
    <row r="9475" spans="2:12">
      <c r="B9475" s="367"/>
      <c r="C9475" s="367"/>
      <c r="D9475" s="367"/>
      <c r="E9475" s="367"/>
      <c r="F9475" s="359" t="s">
        <v>14371</v>
      </c>
      <c r="G9475" s="359" t="s">
        <v>14372</v>
      </c>
      <c r="H9475" s="359" t="s">
        <v>14332</v>
      </c>
      <c r="I9475" s="359" t="s">
        <v>14373</v>
      </c>
      <c r="J9475" s="365"/>
      <c r="K9475" s="367"/>
      <c r="L9475" s="365"/>
    </row>
    <row r="9476" spans="2:12">
      <c r="B9476" s="367"/>
      <c r="C9476" s="367"/>
      <c r="D9476" s="367"/>
      <c r="E9476" s="367"/>
      <c r="F9476" s="360"/>
      <c r="G9476" s="360"/>
      <c r="H9476" s="360"/>
      <c r="I9476" s="360"/>
      <c r="J9476" s="365"/>
      <c r="K9476" s="367"/>
      <c r="L9476" s="365"/>
    </row>
    <row r="9477" spans="2:12" ht="28.5">
      <c r="B9477" s="368"/>
      <c r="C9477" s="368"/>
      <c r="D9477" s="368"/>
      <c r="E9477" s="368"/>
      <c r="F9477" s="361" t="s">
        <v>14374</v>
      </c>
      <c r="G9477" s="361" t="s">
        <v>14373</v>
      </c>
      <c r="H9477" s="362"/>
      <c r="I9477" s="362"/>
      <c r="J9477" s="366"/>
      <c r="K9477" s="368"/>
      <c r="L9477" s="366"/>
    </row>
    <row r="9478" spans="2:12" ht="42.75">
      <c r="B9478" s="358" t="s">
        <v>10385</v>
      </c>
      <c r="C9478" s="358" t="s">
        <v>19095</v>
      </c>
      <c r="D9478" s="358" t="s">
        <v>413</v>
      </c>
      <c r="E9478" s="358" t="s">
        <v>13398</v>
      </c>
      <c r="F9478" s="358" t="s">
        <v>28860</v>
      </c>
      <c r="G9478" s="358" t="s">
        <v>14669</v>
      </c>
      <c r="H9478" s="358" t="s">
        <v>14381</v>
      </c>
      <c r="I9478" s="358" t="s">
        <v>14669</v>
      </c>
      <c r="J9478" s="358"/>
      <c r="K9478" s="358" t="s">
        <v>29077</v>
      </c>
      <c r="L9478" s="358"/>
    </row>
    <row r="9479" spans="2:12">
      <c r="B9479" s="367"/>
      <c r="C9479" s="367"/>
      <c r="D9479" s="367"/>
      <c r="E9479" s="367"/>
      <c r="F9479" s="360"/>
      <c r="G9479" s="360"/>
      <c r="H9479" s="360"/>
      <c r="I9479" s="360"/>
      <c r="J9479" s="365"/>
      <c r="K9479" s="367"/>
      <c r="L9479" s="365"/>
    </row>
    <row r="9480" spans="2:12">
      <c r="B9480" s="367"/>
      <c r="C9480" s="367"/>
      <c r="D9480" s="367"/>
      <c r="E9480" s="367"/>
      <c r="F9480" s="359" t="s">
        <v>14507</v>
      </c>
      <c r="G9480" s="359" t="s">
        <v>14427</v>
      </c>
      <c r="H9480" s="359" t="s">
        <v>14332</v>
      </c>
      <c r="I9480" s="359" t="s">
        <v>14427</v>
      </c>
      <c r="J9480" s="365"/>
      <c r="K9480" s="367"/>
      <c r="L9480" s="365"/>
    </row>
    <row r="9481" spans="2:12">
      <c r="B9481" s="367"/>
      <c r="C9481" s="367"/>
      <c r="D9481" s="367"/>
      <c r="E9481" s="367"/>
      <c r="F9481" s="360"/>
      <c r="G9481" s="360"/>
      <c r="H9481" s="360"/>
      <c r="I9481" s="360"/>
      <c r="J9481" s="365"/>
      <c r="K9481" s="367"/>
      <c r="L9481" s="365"/>
    </row>
    <row r="9482" spans="2:12">
      <c r="B9482" s="368"/>
      <c r="C9482" s="368"/>
      <c r="D9482" s="368"/>
      <c r="E9482" s="368"/>
      <c r="F9482" s="362"/>
      <c r="G9482" s="361" t="s">
        <v>14873</v>
      </c>
      <c r="H9482" s="362"/>
      <c r="I9482" s="361" t="s">
        <v>14873</v>
      </c>
      <c r="J9482" s="366"/>
      <c r="K9482" s="368"/>
      <c r="L9482" s="366"/>
    </row>
    <row r="9483" spans="2:12" ht="28.5">
      <c r="B9483" s="358" t="s">
        <v>19096</v>
      </c>
      <c r="C9483" s="358" t="s">
        <v>19097</v>
      </c>
      <c r="D9483" s="358" t="s">
        <v>19098</v>
      </c>
      <c r="E9483" s="358" t="s">
        <v>19099</v>
      </c>
      <c r="F9483" s="358" t="s">
        <v>14462</v>
      </c>
      <c r="G9483" s="358" t="s">
        <v>14463</v>
      </c>
      <c r="H9483" s="358" t="s">
        <v>8356</v>
      </c>
      <c r="I9483" s="358" t="s">
        <v>14463</v>
      </c>
      <c r="J9483" s="358"/>
      <c r="K9483" s="358"/>
      <c r="L9483" s="358"/>
    </row>
    <row r="9484" spans="2:12">
      <c r="B9484" s="368"/>
      <c r="C9484" s="368"/>
      <c r="D9484" s="368"/>
      <c r="E9484" s="368"/>
      <c r="F9484" s="368"/>
      <c r="G9484" s="368"/>
      <c r="H9484" s="368"/>
      <c r="I9484" s="368"/>
      <c r="J9484" s="366"/>
      <c r="K9484" s="366"/>
      <c r="L9484" s="366"/>
    </row>
    <row r="9485" spans="2:12" ht="28.5">
      <c r="B9485" s="358" t="s">
        <v>19100</v>
      </c>
      <c r="C9485" s="358" t="s">
        <v>19101</v>
      </c>
      <c r="D9485" s="358" t="s">
        <v>19102</v>
      </c>
      <c r="E9485" s="358" t="s">
        <v>19103</v>
      </c>
      <c r="F9485" s="358" t="s">
        <v>14507</v>
      </c>
      <c r="G9485" s="358" t="s">
        <v>29078</v>
      </c>
      <c r="H9485" s="358" t="s">
        <v>14381</v>
      </c>
      <c r="I9485" s="358" t="s">
        <v>29078</v>
      </c>
      <c r="J9485" s="358"/>
      <c r="K9485" s="358"/>
      <c r="L9485" s="358"/>
    </row>
    <row r="9486" spans="2:12">
      <c r="B9486" s="367"/>
      <c r="C9486" s="367"/>
      <c r="D9486" s="367"/>
      <c r="E9486" s="367"/>
      <c r="F9486" s="360"/>
      <c r="G9486" s="360"/>
      <c r="H9486" s="360"/>
      <c r="I9486" s="360"/>
      <c r="J9486" s="365"/>
      <c r="K9486" s="365"/>
      <c r="L9486" s="365"/>
    </row>
    <row r="9487" spans="2:12">
      <c r="B9487" s="367"/>
      <c r="C9487" s="367"/>
      <c r="D9487" s="367"/>
      <c r="E9487" s="367"/>
      <c r="F9487" s="359" t="s">
        <v>14391</v>
      </c>
      <c r="G9487" s="359" t="s">
        <v>14395</v>
      </c>
      <c r="H9487" s="359" t="s">
        <v>14367</v>
      </c>
      <c r="I9487" s="359" t="s">
        <v>14395</v>
      </c>
      <c r="J9487" s="365"/>
      <c r="K9487" s="365"/>
      <c r="L9487" s="365"/>
    </row>
    <row r="9488" spans="2:12">
      <c r="B9488" s="367"/>
      <c r="C9488" s="367"/>
      <c r="D9488" s="367"/>
      <c r="E9488" s="367"/>
      <c r="F9488" s="360"/>
      <c r="G9488" s="360"/>
      <c r="H9488" s="360"/>
      <c r="I9488" s="360"/>
      <c r="J9488" s="365"/>
      <c r="K9488" s="365"/>
      <c r="L9488" s="365"/>
    </row>
    <row r="9489" spans="2:12" ht="28.5">
      <c r="B9489" s="367"/>
      <c r="C9489" s="367"/>
      <c r="D9489" s="367"/>
      <c r="E9489" s="367"/>
      <c r="F9489" s="359" t="s">
        <v>14394</v>
      </c>
      <c r="G9489" s="360"/>
      <c r="H9489" s="359" t="s">
        <v>14370</v>
      </c>
      <c r="I9489" s="360"/>
      <c r="J9489" s="365"/>
      <c r="K9489" s="365"/>
      <c r="L9489" s="365"/>
    </row>
    <row r="9490" spans="2:12">
      <c r="B9490" s="367"/>
      <c r="C9490" s="367"/>
      <c r="D9490" s="367"/>
      <c r="E9490" s="367"/>
      <c r="F9490" s="360"/>
      <c r="G9490" s="360"/>
      <c r="H9490" s="360"/>
      <c r="I9490" s="360"/>
      <c r="J9490" s="365"/>
      <c r="K9490" s="365"/>
      <c r="L9490" s="365"/>
    </row>
    <row r="9491" spans="2:12">
      <c r="B9491" s="368"/>
      <c r="C9491" s="368"/>
      <c r="D9491" s="368"/>
      <c r="E9491" s="368"/>
      <c r="F9491" s="362"/>
      <c r="G9491" s="362"/>
      <c r="H9491" s="361" t="s">
        <v>14422</v>
      </c>
      <c r="I9491" s="362"/>
      <c r="J9491" s="366"/>
      <c r="K9491" s="366"/>
      <c r="L9491" s="366"/>
    </row>
    <row r="9492" spans="2:12">
      <c r="B9492" s="358" t="s">
        <v>19104</v>
      </c>
      <c r="C9492" s="358" t="s">
        <v>19105</v>
      </c>
      <c r="D9492" s="358" t="s">
        <v>19106</v>
      </c>
      <c r="E9492" s="358" t="s">
        <v>19107</v>
      </c>
      <c r="F9492" s="358" t="s">
        <v>14420</v>
      </c>
      <c r="G9492" s="358" t="s">
        <v>14459</v>
      </c>
      <c r="H9492" s="358" t="s">
        <v>14341</v>
      </c>
      <c r="I9492" s="358" t="s">
        <v>14459</v>
      </c>
      <c r="J9492" s="358"/>
      <c r="K9492" s="358"/>
      <c r="L9492" s="358"/>
    </row>
    <row r="9493" spans="2:12">
      <c r="B9493" s="367"/>
      <c r="C9493" s="367"/>
      <c r="D9493" s="367"/>
      <c r="E9493" s="367"/>
      <c r="F9493" s="360"/>
      <c r="G9493" s="360"/>
      <c r="H9493" s="360"/>
      <c r="I9493" s="360"/>
      <c r="J9493" s="365"/>
      <c r="K9493" s="365"/>
      <c r="L9493" s="365"/>
    </row>
    <row r="9494" spans="2:12">
      <c r="B9494" s="367"/>
      <c r="C9494" s="367"/>
      <c r="D9494" s="367"/>
      <c r="E9494" s="367"/>
      <c r="F9494" s="359" t="s">
        <v>14339</v>
      </c>
      <c r="G9494" s="359" t="s">
        <v>14340</v>
      </c>
      <c r="H9494" s="359" t="s">
        <v>14367</v>
      </c>
      <c r="I9494" s="359" t="s">
        <v>14340</v>
      </c>
      <c r="J9494" s="365"/>
      <c r="K9494" s="365"/>
      <c r="L9494" s="365"/>
    </row>
    <row r="9495" spans="2:12">
      <c r="B9495" s="367"/>
      <c r="C9495" s="367"/>
      <c r="D9495" s="367"/>
      <c r="E9495" s="367"/>
      <c r="F9495" s="360"/>
      <c r="G9495" s="360"/>
      <c r="H9495" s="360"/>
      <c r="I9495" s="360"/>
      <c r="J9495" s="365"/>
      <c r="K9495" s="365"/>
      <c r="L9495" s="365"/>
    </row>
    <row r="9496" spans="2:12">
      <c r="B9496" s="367"/>
      <c r="C9496" s="367"/>
      <c r="D9496" s="367"/>
      <c r="E9496" s="367"/>
      <c r="F9496" s="359" t="s">
        <v>14391</v>
      </c>
      <c r="G9496" s="359" t="s">
        <v>14392</v>
      </c>
      <c r="H9496" s="359" t="s">
        <v>14370</v>
      </c>
      <c r="I9496" s="359" t="s">
        <v>14392</v>
      </c>
      <c r="J9496" s="365"/>
      <c r="K9496" s="365"/>
      <c r="L9496" s="365"/>
    </row>
    <row r="9497" spans="2:12">
      <c r="B9497" s="367"/>
      <c r="C9497" s="367"/>
      <c r="D9497" s="367"/>
      <c r="E9497" s="367"/>
      <c r="F9497" s="360"/>
      <c r="G9497" s="360"/>
      <c r="H9497" s="360"/>
      <c r="I9497" s="360"/>
      <c r="J9497" s="365"/>
      <c r="K9497" s="365"/>
      <c r="L9497" s="365"/>
    </row>
    <row r="9498" spans="2:12" ht="28.5">
      <c r="B9498" s="368"/>
      <c r="C9498" s="368"/>
      <c r="D9498" s="368"/>
      <c r="E9498" s="368"/>
      <c r="F9498" s="361" t="s">
        <v>14394</v>
      </c>
      <c r="G9498" s="361" t="s">
        <v>14395</v>
      </c>
      <c r="H9498" s="361" t="s">
        <v>14332</v>
      </c>
      <c r="I9498" s="361" t="s">
        <v>14395</v>
      </c>
      <c r="J9498" s="366"/>
      <c r="K9498" s="366"/>
      <c r="L9498" s="366"/>
    </row>
    <row r="9499" spans="2:12">
      <c r="B9499" s="358" t="s">
        <v>19108</v>
      </c>
      <c r="C9499" s="358" t="s">
        <v>19109</v>
      </c>
      <c r="D9499" s="358" t="s">
        <v>19110</v>
      </c>
      <c r="E9499" s="358" t="s">
        <v>19111</v>
      </c>
      <c r="F9499" s="358" t="s">
        <v>14371</v>
      </c>
      <c r="G9499" s="358" t="s">
        <v>14372</v>
      </c>
      <c r="H9499" s="358" t="s">
        <v>14370</v>
      </c>
      <c r="I9499" s="358" t="s">
        <v>14373</v>
      </c>
      <c r="J9499" s="358"/>
      <c r="K9499" s="358"/>
      <c r="L9499" s="358"/>
    </row>
    <row r="9500" spans="2:12">
      <c r="B9500" s="367"/>
      <c r="C9500" s="367"/>
      <c r="D9500" s="367"/>
      <c r="E9500" s="367"/>
      <c r="F9500" s="360"/>
      <c r="G9500" s="360"/>
      <c r="H9500" s="360"/>
      <c r="I9500" s="367"/>
      <c r="J9500" s="365"/>
      <c r="K9500" s="365"/>
      <c r="L9500" s="365"/>
    </row>
    <row r="9501" spans="2:12" ht="28.5">
      <c r="B9501" s="368"/>
      <c r="C9501" s="368"/>
      <c r="D9501" s="368"/>
      <c r="E9501" s="368"/>
      <c r="F9501" s="361" t="s">
        <v>14374</v>
      </c>
      <c r="G9501" s="361" t="s">
        <v>14373</v>
      </c>
      <c r="H9501" s="361" t="s">
        <v>14422</v>
      </c>
      <c r="I9501" s="368"/>
      <c r="J9501" s="366"/>
      <c r="K9501" s="366"/>
      <c r="L9501" s="366"/>
    </row>
    <row r="9502" spans="2:12" ht="28.5">
      <c r="B9502" s="358" t="s">
        <v>12627</v>
      </c>
      <c r="C9502" s="358" t="s">
        <v>19112</v>
      </c>
      <c r="D9502" s="358" t="s">
        <v>12628</v>
      </c>
      <c r="E9502" s="358" t="s">
        <v>12629</v>
      </c>
      <c r="F9502" s="358" t="s">
        <v>28705</v>
      </c>
      <c r="G9502" s="358" t="s">
        <v>14890</v>
      </c>
      <c r="H9502" s="358" t="s">
        <v>14341</v>
      </c>
      <c r="I9502" s="358" t="s">
        <v>14890</v>
      </c>
      <c r="J9502" s="358"/>
      <c r="K9502" s="358"/>
      <c r="L9502" s="358"/>
    </row>
    <row r="9503" spans="2:12">
      <c r="B9503" s="367"/>
      <c r="C9503" s="367"/>
      <c r="D9503" s="367"/>
      <c r="E9503" s="367"/>
      <c r="F9503" s="360"/>
      <c r="G9503" s="360"/>
      <c r="H9503" s="360"/>
      <c r="I9503" s="360"/>
      <c r="J9503" s="365"/>
      <c r="K9503" s="365"/>
      <c r="L9503" s="365"/>
    </row>
    <row r="9504" spans="2:12" ht="28.5">
      <c r="B9504" s="367"/>
      <c r="C9504" s="367"/>
      <c r="D9504" s="367"/>
      <c r="E9504" s="367"/>
      <c r="F9504" s="359" t="s">
        <v>14420</v>
      </c>
      <c r="G9504" s="359" t="s">
        <v>28634</v>
      </c>
      <c r="H9504" s="359" t="s">
        <v>14381</v>
      </c>
      <c r="I9504" s="359" t="s">
        <v>28634</v>
      </c>
      <c r="J9504" s="365"/>
      <c r="K9504" s="365"/>
      <c r="L9504" s="365"/>
    </row>
    <row r="9505" spans="2:12">
      <c r="B9505" s="367"/>
      <c r="C9505" s="367"/>
      <c r="D9505" s="367"/>
      <c r="E9505" s="367"/>
      <c r="F9505" s="360"/>
      <c r="G9505" s="360"/>
      <c r="H9505" s="360"/>
      <c r="I9505" s="360"/>
      <c r="J9505" s="365"/>
      <c r="K9505" s="365"/>
      <c r="L9505" s="365"/>
    </row>
    <row r="9506" spans="2:12">
      <c r="B9506" s="367"/>
      <c r="C9506" s="367"/>
      <c r="D9506" s="367"/>
      <c r="E9506" s="367"/>
      <c r="F9506" s="359" t="s">
        <v>14356</v>
      </c>
      <c r="G9506" s="359" t="s">
        <v>14340</v>
      </c>
      <c r="H9506" s="359" t="s">
        <v>14367</v>
      </c>
      <c r="I9506" s="359" t="s">
        <v>14340</v>
      </c>
      <c r="J9506" s="365"/>
      <c r="K9506" s="365"/>
      <c r="L9506" s="365"/>
    </row>
    <row r="9507" spans="2:12">
      <c r="B9507" s="367"/>
      <c r="C9507" s="367"/>
      <c r="D9507" s="367"/>
      <c r="E9507" s="367"/>
      <c r="F9507" s="360"/>
      <c r="G9507" s="360"/>
      <c r="H9507" s="360"/>
      <c r="I9507" s="360"/>
      <c r="J9507" s="365"/>
      <c r="K9507" s="365"/>
      <c r="L9507" s="365"/>
    </row>
    <row r="9508" spans="2:12">
      <c r="B9508" s="367"/>
      <c r="C9508" s="367"/>
      <c r="D9508" s="367"/>
      <c r="E9508" s="367"/>
      <c r="F9508" s="359" t="s">
        <v>14391</v>
      </c>
      <c r="G9508" s="359" t="s">
        <v>14392</v>
      </c>
      <c r="H9508" s="359" t="s">
        <v>14370</v>
      </c>
      <c r="I9508" s="359" t="s">
        <v>14392</v>
      </c>
      <c r="J9508" s="365"/>
      <c r="K9508" s="365"/>
      <c r="L9508" s="365"/>
    </row>
    <row r="9509" spans="2:12">
      <c r="B9509" s="367"/>
      <c r="C9509" s="367"/>
      <c r="D9509" s="367"/>
      <c r="E9509" s="367"/>
      <c r="F9509" s="360"/>
      <c r="G9509" s="360"/>
      <c r="H9509" s="360"/>
      <c r="I9509" s="360"/>
      <c r="J9509" s="365"/>
      <c r="K9509" s="365"/>
      <c r="L9509" s="365"/>
    </row>
    <row r="9510" spans="2:12" ht="28.5">
      <c r="B9510" s="368"/>
      <c r="C9510" s="368"/>
      <c r="D9510" s="368"/>
      <c r="E9510" s="368"/>
      <c r="F9510" s="361" t="s">
        <v>14394</v>
      </c>
      <c r="G9510" s="361" t="s">
        <v>14395</v>
      </c>
      <c r="H9510" s="361" t="s">
        <v>14332</v>
      </c>
      <c r="I9510" s="361" t="s">
        <v>14395</v>
      </c>
      <c r="J9510" s="366"/>
      <c r="K9510" s="366"/>
      <c r="L9510" s="366"/>
    </row>
    <row r="9511" spans="2:12" ht="28.5">
      <c r="B9511" s="358" t="s">
        <v>19113</v>
      </c>
      <c r="C9511" s="358" t="s">
        <v>27595</v>
      </c>
      <c r="D9511" s="358" t="s">
        <v>19114</v>
      </c>
      <c r="E9511" s="358" t="s">
        <v>19115</v>
      </c>
      <c r="F9511" s="358" t="s">
        <v>14462</v>
      </c>
      <c r="G9511" s="358" t="s">
        <v>14463</v>
      </c>
      <c r="H9511" s="358" t="s">
        <v>8356</v>
      </c>
      <c r="I9511" s="358" t="s">
        <v>14463</v>
      </c>
      <c r="J9511" s="358"/>
      <c r="K9511" s="358"/>
      <c r="L9511" s="358"/>
    </row>
    <row r="9512" spans="2:12">
      <c r="B9512" s="368"/>
      <c r="C9512" s="368"/>
      <c r="D9512" s="368"/>
      <c r="E9512" s="368"/>
      <c r="F9512" s="368"/>
      <c r="G9512" s="368"/>
      <c r="H9512" s="368"/>
      <c r="I9512" s="368"/>
      <c r="J9512" s="366"/>
      <c r="K9512" s="366"/>
      <c r="L9512" s="366"/>
    </row>
    <row r="9513" spans="2:12">
      <c r="B9513" s="358" t="s">
        <v>19116</v>
      </c>
      <c r="C9513" s="358" t="s">
        <v>19117</v>
      </c>
      <c r="D9513" s="358" t="s">
        <v>19118</v>
      </c>
      <c r="E9513" s="358" t="s">
        <v>19119</v>
      </c>
      <c r="F9513" s="358" t="s">
        <v>14420</v>
      </c>
      <c r="G9513" s="358" t="s">
        <v>14429</v>
      </c>
      <c r="H9513" s="358" t="s">
        <v>14367</v>
      </c>
      <c r="I9513" s="358" t="s">
        <v>14429</v>
      </c>
      <c r="J9513" s="358"/>
      <c r="K9513" s="358"/>
      <c r="L9513" s="358"/>
    </row>
    <row r="9514" spans="2:12">
      <c r="B9514" s="367"/>
      <c r="C9514" s="367"/>
      <c r="D9514" s="367"/>
      <c r="E9514" s="367"/>
      <c r="F9514" s="360"/>
      <c r="G9514" s="360"/>
      <c r="H9514" s="360"/>
      <c r="I9514" s="360"/>
      <c r="J9514" s="365"/>
      <c r="K9514" s="365"/>
      <c r="L9514" s="365"/>
    </row>
    <row r="9515" spans="2:12" ht="28.5">
      <c r="B9515" s="368"/>
      <c r="C9515" s="368"/>
      <c r="D9515" s="368"/>
      <c r="E9515" s="368"/>
      <c r="F9515" s="361" t="s">
        <v>14472</v>
      </c>
      <c r="G9515" s="361" t="s">
        <v>14473</v>
      </c>
      <c r="H9515" s="361" t="s">
        <v>14422</v>
      </c>
      <c r="I9515" s="361" t="s">
        <v>14473</v>
      </c>
      <c r="J9515" s="366"/>
      <c r="K9515" s="366"/>
      <c r="L9515" s="366"/>
    </row>
    <row r="9516" spans="2:12" ht="156.75">
      <c r="B9516" s="358" t="s">
        <v>19120</v>
      </c>
      <c r="C9516" s="358" t="s">
        <v>29079</v>
      </c>
      <c r="D9516" s="358" t="s">
        <v>19121</v>
      </c>
      <c r="E9516" s="358" t="s">
        <v>8356</v>
      </c>
      <c r="F9516" s="358" t="s">
        <v>14361</v>
      </c>
      <c r="G9516" s="358" t="s">
        <v>14362</v>
      </c>
      <c r="H9516" s="358" t="s">
        <v>14328</v>
      </c>
      <c r="I9516" s="358" t="s">
        <v>14362</v>
      </c>
      <c r="J9516" s="358" t="s">
        <v>19122</v>
      </c>
      <c r="K9516" s="358"/>
      <c r="L9516" s="358"/>
    </row>
    <row r="9517" spans="2:12">
      <c r="B9517" s="367"/>
      <c r="C9517" s="367"/>
      <c r="D9517" s="367"/>
      <c r="E9517" s="367"/>
      <c r="F9517" s="360"/>
      <c r="G9517" s="360"/>
      <c r="H9517" s="360"/>
      <c r="I9517" s="360"/>
      <c r="J9517" s="367"/>
      <c r="K9517" s="365"/>
      <c r="L9517" s="365"/>
    </row>
    <row r="9518" spans="2:12" ht="28.5">
      <c r="B9518" s="368"/>
      <c r="C9518" s="368"/>
      <c r="D9518" s="368"/>
      <c r="E9518" s="368"/>
      <c r="F9518" s="361" t="s">
        <v>14462</v>
      </c>
      <c r="G9518" s="361" t="s">
        <v>14463</v>
      </c>
      <c r="H9518" s="361" t="s">
        <v>14332</v>
      </c>
      <c r="I9518" s="361" t="s">
        <v>14463</v>
      </c>
      <c r="J9518" s="368"/>
      <c r="K9518" s="366"/>
      <c r="L9518" s="366"/>
    </row>
    <row r="9519" spans="2:12">
      <c r="B9519" s="358" t="s">
        <v>19123</v>
      </c>
      <c r="C9519" s="358" t="s">
        <v>27596</v>
      </c>
      <c r="D9519" s="358" t="s">
        <v>19124</v>
      </c>
      <c r="E9519" s="358" t="s">
        <v>8356</v>
      </c>
      <c r="F9519" s="358" t="s">
        <v>14418</v>
      </c>
      <c r="G9519" s="358" t="s">
        <v>14419</v>
      </c>
      <c r="H9519" s="358" t="s">
        <v>14328</v>
      </c>
      <c r="I9519" s="358" t="s">
        <v>14419</v>
      </c>
      <c r="J9519" s="358"/>
      <c r="K9519" s="358"/>
      <c r="L9519" s="358"/>
    </row>
    <row r="9520" spans="2:12">
      <c r="B9520" s="367"/>
      <c r="C9520" s="367"/>
      <c r="D9520" s="367"/>
      <c r="E9520" s="367"/>
      <c r="F9520" s="360"/>
      <c r="G9520" s="360"/>
      <c r="H9520" s="360"/>
      <c r="I9520" s="360"/>
      <c r="J9520" s="365"/>
      <c r="K9520" s="365"/>
      <c r="L9520" s="365"/>
    </row>
    <row r="9521" spans="2:12" ht="42.75">
      <c r="B9521" s="367"/>
      <c r="C9521" s="367"/>
      <c r="D9521" s="367"/>
      <c r="E9521" s="367"/>
      <c r="F9521" s="359" t="s">
        <v>14507</v>
      </c>
      <c r="G9521" s="359" t="s">
        <v>29080</v>
      </c>
      <c r="H9521" s="359" t="s">
        <v>14381</v>
      </c>
      <c r="I9521" s="359" t="s">
        <v>29080</v>
      </c>
      <c r="J9521" s="365"/>
      <c r="K9521" s="365"/>
      <c r="L9521" s="365"/>
    </row>
    <row r="9522" spans="2:12">
      <c r="B9522" s="367"/>
      <c r="C9522" s="367"/>
      <c r="D9522" s="367"/>
      <c r="E9522" s="367"/>
      <c r="F9522" s="360"/>
      <c r="G9522" s="360"/>
      <c r="H9522" s="360"/>
      <c r="I9522" s="360"/>
      <c r="J9522" s="365"/>
      <c r="K9522" s="365"/>
      <c r="L9522" s="365"/>
    </row>
    <row r="9523" spans="2:12">
      <c r="B9523" s="367"/>
      <c r="C9523" s="367"/>
      <c r="D9523" s="367"/>
      <c r="E9523" s="367"/>
      <c r="F9523" s="359" t="s">
        <v>14460</v>
      </c>
      <c r="G9523" s="359" t="s">
        <v>14387</v>
      </c>
      <c r="H9523" s="359" t="s">
        <v>14367</v>
      </c>
      <c r="I9523" s="359" t="s">
        <v>14387</v>
      </c>
      <c r="J9523" s="365"/>
      <c r="K9523" s="365"/>
      <c r="L9523" s="365"/>
    </row>
    <row r="9524" spans="2:12">
      <c r="B9524" s="367"/>
      <c r="C9524" s="367"/>
      <c r="D9524" s="367"/>
      <c r="E9524" s="367"/>
      <c r="F9524" s="360"/>
      <c r="G9524" s="360"/>
      <c r="H9524" s="360"/>
      <c r="I9524" s="360"/>
      <c r="J9524" s="365"/>
      <c r="K9524" s="365"/>
      <c r="L9524" s="365"/>
    </row>
    <row r="9525" spans="2:12">
      <c r="B9525" s="367"/>
      <c r="C9525" s="367"/>
      <c r="D9525" s="367"/>
      <c r="E9525" s="367"/>
      <c r="F9525" s="359" t="s">
        <v>17310</v>
      </c>
      <c r="G9525" s="359" t="s">
        <v>14390</v>
      </c>
      <c r="H9525" s="359" t="s">
        <v>14370</v>
      </c>
      <c r="I9525" s="359" t="s">
        <v>14390</v>
      </c>
      <c r="J9525" s="365"/>
      <c r="K9525" s="365"/>
      <c r="L9525" s="365"/>
    </row>
    <row r="9526" spans="2:12">
      <c r="B9526" s="367"/>
      <c r="C9526" s="367"/>
      <c r="D9526" s="367"/>
      <c r="E9526" s="367"/>
      <c r="F9526" s="360"/>
      <c r="G9526" s="360"/>
      <c r="H9526" s="360"/>
      <c r="I9526" s="360"/>
      <c r="J9526" s="365"/>
      <c r="K9526" s="365"/>
      <c r="L9526" s="365"/>
    </row>
    <row r="9527" spans="2:12">
      <c r="B9527" s="367"/>
      <c r="C9527" s="367"/>
      <c r="D9527" s="367"/>
      <c r="E9527" s="367"/>
      <c r="F9527" s="359" t="s">
        <v>14386</v>
      </c>
      <c r="G9527" s="359" t="s">
        <v>14392</v>
      </c>
      <c r="H9527" s="359" t="s">
        <v>14332</v>
      </c>
      <c r="I9527" s="359" t="s">
        <v>14392</v>
      </c>
      <c r="J9527" s="365"/>
      <c r="K9527" s="365"/>
      <c r="L9527" s="365"/>
    </row>
    <row r="9528" spans="2:12">
      <c r="B9528" s="367"/>
      <c r="C9528" s="367"/>
      <c r="D9528" s="367"/>
      <c r="E9528" s="367"/>
      <c r="F9528" s="360"/>
      <c r="G9528" s="360"/>
      <c r="H9528" s="360"/>
      <c r="I9528" s="360"/>
      <c r="J9528" s="365"/>
      <c r="K9528" s="365"/>
      <c r="L9528" s="365"/>
    </row>
    <row r="9529" spans="2:12">
      <c r="B9529" s="367"/>
      <c r="C9529" s="367"/>
      <c r="D9529" s="367"/>
      <c r="E9529" s="367"/>
      <c r="F9529" s="359" t="s">
        <v>14389</v>
      </c>
      <c r="G9529" s="359" t="s">
        <v>14369</v>
      </c>
      <c r="H9529" s="360"/>
      <c r="I9529" s="359" t="s">
        <v>14369</v>
      </c>
      <c r="J9529" s="365"/>
      <c r="K9529" s="365"/>
      <c r="L9529" s="365"/>
    </row>
    <row r="9530" spans="2:12">
      <c r="B9530" s="367"/>
      <c r="C9530" s="367"/>
      <c r="D9530" s="367"/>
      <c r="E9530" s="367"/>
      <c r="F9530" s="360"/>
      <c r="G9530" s="360"/>
      <c r="H9530" s="360"/>
      <c r="I9530" s="360"/>
      <c r="J9530" s="365"/>
      <c r="K9530" s="365"/>
      <c r="L9530" s="365"/>
    </row>
    <row r="9531" spans="2:12">
      <c r="B9531" s="367"/>
      <c r="C9531" s="367"/>
      <c r="D9531" s="367"/>
      <c r="E9531" s="367"/>
      <c r="F9531" s="359" t="s">
        <v>14391</v>
      </c>
      <c r="G9531" s="359" t="s">
        <v>14372</v>
      </c>
      <c r="H9531" s="360"/>
      <c r="I9531" s="359" t="s">
        <v>14373</v>
      </c>
      <c r="J9531" s="365"/>
      <c r="K9531" s="365"/>
      <c r="L9531" s="365"/>
    </row>
    <row r="9532" spans="2:12">
      <c r="B9532" s="367"/>
      <c r="C9532" s="367"/>
      <c r="D9532" s="367"/>
      <c r="E9532" s="367"/>
      <c r="F9532" s="360"/>
      <c r="G9532" s="360"/>
      <c r="H9532" s="360"/>
      <c r="I9532" s="360"/>
      <c r="J9532" s="365"/>
      <c r="K9532" s="365"/>
      <c r="L9532" s="365"/>
    </row>
    <row r="9533" spans="2:12">
      <c r="B9533" s="367"/>
      <c r="C9533" s="367"/>
      <c r="D9533" s="367"/>
      <c r="E9533" s="367"/>
      <c r="F9533" s="359" t="s">
        <v>14368</v>
      </c>
      <c r="G9533" s="359" t="s">
        <v>14373</v>
      </c>
      <c r="H9533" s="360"/>
      <c r="I9533" s="360"/>
      <c r="J9533" s="365"/>
      <c r="K9533" s="365"/>
      <c r="L9533" s="365"/>
    </row>
    <row r="9534" spans="2:12">
      <c r="B9534" s="367"/>
      <c r="C9534" s="367"/>
      <c r="D9534" s="367"/>
      <c r="E9534" s="367"/>
      <c r="F9534" s="360"/>
      <c r="G9534" s="360"/>
      <c r="H9534" s="360"/>
      <c r="I9534" s="360"/>
      <c r="J9534" s="365"/>
      <c r="K9534" s="365"/>
      <c r="L9534" s="365"/>
    </row>
    <row r="9535" spans="2:12">
      <c r="B9535" s="367"/>
      <c r="C9535" s="367"/>
      <c r="D9535" s="367"/>
      <c r="E9535" s="367"/>
      <c r="F9535" s="359" t="s">
        <v>14371</v>
      </c>
      <c r="G9535" s="360"/>
      <c r="H9535" s="360"/>
      <c r="I9535" s="360"/>
      <c r="J9535" s="365"/>
      <c r="K9535" s="365"/>
      <c r="L9535" s="365"/>
    </row>
    <row r="9536" spans="2:12">
      <c r="B9536" s="367"/>
      <c r="C9536" s="367"/>
      <c r="D9536" s="367"/>
      <c r="E9536" s="367"/>
      <c r="F9536" s="360"/>
      <c r="G9536" s="360"/>
      <c r="H9536" s="360"/>
      <c r="I9536" s="360"/>
      <c r="J9536" s="365"/>
      <c r="K9536" s="365"/>
      <c r="L9536" s="365"/>
    </row>
    <row r="9537" spans="2:12" ht="28.5">
      <c r="B9537" s="368"/>
      <c r="C9537" s="368"/>
      <c r="D9537" s="368"/>
      <c r="E9537" s="368"/>
      <c r="F9537" s="361" t="s">
        <v>14374</v>
      </c>
      <c r="G9537" s="362"/>
      <c r="H9537" s="362"/>
      <c r="I9537" s="362"/>
      <c r="J9537" s="366"/>
      <c r="K9537" s="366"/>
      <c r="L9537" s="366"/>
    </row>
    <row r="9538" spans="2:12">
      <c r="B9538" s="354" t="s">
        <v>28574</v>
      </c>
      <c r="C9538" s="369"/>
      <c r="D9538" s="369"/>
      <c r="E9538" s="369"/>
      <c r="F9538" s="369"/>
      <c r="G9538" s="369"/>
      <c r="H9538" s="369"/>
      <c r="I9538" s="369"/>
      <c r="J9538" s="369"/>
      <c r="K9538" s="369"/>
      <c r="L9538" s="370"/>
    </row>
    <row r="9539" spans="2:12">
      <c r="B9539" s="358" t="s">
        <v>19125</v>
      </c>
      <c r="C9539" s="358" t="s">
        <v>19126</v>
      </c>
      <c r="D9539" s="358" t="s">
        <v>19127</v>
      </c>
      <c r="E9539" s="358" t="s">
        <v>19128</v>
      </c>
      <c r="F9539" s="358" t="s">
        <v>14507</v>
      </c>
      <c r="G9539" s="358" t="s">
        <v>16042</v>
      </c>
      <c r="H9539" s="358" t="s">
        <v>14381</v>
      </c>
      <c r="I9539" s="358" t="s">
        <v>16042</v>
      </c>
      <c r="J9539" s="358"/>
      <c r="K9539" s="358" t="s">
        <v>14863</v>
      </c>
      <c r="L9539" s="358"/>
    </row>
    <row r="9540" spans="2:12">
      <c r="B9540" s="367"/>
      <c r="C9540" s="367"/>
      <c r="D9540" s="367"/>
      <c r="E9540" s="367"/>
      <c r="F9540" s="360"/>
      <c r="G9540" s="360"/>
      <c r="H9540" s="360"/>
      <c r="I9540" s="360"/>
      <c r="J9540" s="365"/>
      <c r="K9540" s="367"/>
      <c r="L9540" s="365"/>
    </row>
    <row r="9541" spans="2:12">
      <c r="B9541" s="367"/>
      <c r="C9541" s="367"/>
      <c r="D9541" s="367"/>
      <c r="E9541" s="367"/>
      <c r="F9541" s="359" t="s">
        <v>14389</v>
      </c>
      <c r="G9541" s="359" t="s">
        <v>14390</v>
      </c>
      <c r="H9541" s="359" t="s">
        <v>14341</v>
      </c>
      <c r="I9541" s="359" t="s">
        <v>14390</v>
      </c>
      <c r="J9541" s="365"/>
      <c r="K9541" s="367"/>
      <c r="L9541" s="365"/>
    </row>
    <row r="9542" spans="2:12">
      <c r="B9542" s="367"/>
      <c r="C9542" s="367"/>
      <c r="D9542" s="367"/>
      <c r="E9542" s="367"/>
      <c r="F9542" s="360"/>
      <c r="G9542" s="360"/>
      <c r="H9542" s="360"/>
      <c r="I9542" s="360"/>
      <c r="J9542" s="365"/>
      <c r="K9542" s="367"/>
      <c r="L9542" s="365"/>
    </row>
    <row r="9543" spans="2:12">
      <c r="B9543" s="367"/>
      <c r="C9543" s="367"/>
      <c r="D9543" s="367"/>
      <c r="E9543" s="367"/>
      <c r="F9543" s="359" t="s">
        <v>14430</v>
      </c>
      <c r="G9543" s="359" t="s">
        <v>14431</v>
      </c>
      <c r="H9543" s="359" t="s">
        <v>14370</v>
      </c>
      <c r="I9543" s="359" t="s">
        <v>14431</v>
      </c>
      <c r="J9543" s="365"/>
      <c r="K9543" s="367"/>
      <c r="L9543" s="365"/>
    </row>
    <row r="9544" spans="2:12">
      <c r="B9544" s="367"/>
      <c r="C9544" s="367"/>
      <c r="D9544" s="367"/>
      <c r="E9544" s="367"/>
      <c r="F9544" s="360"/>
      <c r="G9544" s="360"/>
      <c r="H9544" s="360"/>
      <c r="I9544" s="360"/>
      <c r="J9544" s="365"/>
      <c r="K9544" s="367"/>
      <c r="L9544" s="365"/>
    </row>
    <row r="9545" spans="2:12" ht="28.5">
      <c r="B9545" s="368"/>
      <c r="C9545" s="368"/>
      <c r="D9545" s="368"/>
      <c r="E9545" s="368"/>
      <c r="F9545" s="361" t="s">
        <v>14374</v>
      </c>
      <c r="G9545" s="361" t="s">
        <v>14373</v>
      </c>
      <c r="H9545" s="361" t="s">
        <v>14332</v>
      </c>
      <c r="I9545" s="361" t="s">
        <v>14373</v>
      </c>
      <c r="J9545" s="366"/>
      <c r="K9545" s="368"/>
      <c r="L9545" s="366"/>
    </row>
    <row r="9546" spans="2:12">
      <c r="B9546" s="354" t="s">
        <v>28528</v>
      </c>
      <c r="C9546" s="369"/>
      <c r="D9546" s="369"/>
      <c r="E9546" s="369"/>
      <c r="F9546" s="369"/>
      <c r="G9546" s="369"/>
      <c r="H9546" s="369"/>
      <c r="I9546" s="369"/>
      <c r="J9546" s="369"/>
      <c r="K9546" s="369"/>
      <c r="L9546" s="370"/>
    </row>
    <row r="9547" spans="2:12" ht="28.5">
      <c r="B9547" s="358" t="s">
        <v>19129</v>
      </c>
      <c r="C9547" s="358" t="s">
        <v>19130</v>
      </c>
      <c r="D9547" s="358" t="s">
        <v>19131</v>
      </c>
      <c r="E9547" s="358" t="s">
        <v>1788</v>
      </c>
      <c r="F9547" s="358" t="s">
        <v>17277</v>
      </c>
      <c r="G9547" s="358" t="s">
        <v>17278</v>
      </c>
      <c r="H9547" s="358" t="s">
        <v>14370</v>
      </c>
      <c r="I9547" s="358" t="s">
        <v>17278</v>
      </c>
      <c r="J9547" s="358"/>
      <c r="K9547" s="358" t="s">
        <v>14557</v>
      </c>
      <c r="L9547" s="358"/>
    </row>
    <row r="9548" spans="2:12">
      <c r="B9548" s="367"/>
      <c r="C9548" s="367"/>
      <c r="D9548" s="367"/>
      <c r="E9548" s="367"/>
      <c r="F9548" s="360"/>
      <c r="G9548" s="360"/>
      <c r="H9548" s="360"/>
      <c r="I9548" s="360"/>
      <c r="J9548" s="365"/>
      <c r="K9548" s="360"/>
      <c r="L9548" s="365"/>
    </row>
    <row r="9549" spans="2:12">
      <c r="B9549" s="367"/>
      <c r="C9549" s="367"/>
      <c r="D9549" s="367"/>
      <c r="E9549" s="367"/>
      <c r="F9549" s="359" t="s">
        <v>14371</v>
      </c>
      <c r="G9549" s="359" t="s">
        <v>14372</v>
      </c>
      <c r="H9549" s="359" t="s">
        <v>14422</v>
      </c>
      <c r="I9549" s="359" t="s">
        <v>14373</v>
      </c>
      <c r="J9549" s="365"/>
      <c r="K9549" s="359" t="s">
        <v>19132</v>
      </c>
      <c r="L9549" s="365"/>
    </row>
    <row r="9550" spans="2:12">
      <c r="B9550" s="367"/>
      <c r="C9550" s="367"/>
      <c r="D9550" s="367"/>
      <c r="E9550" s="367"/>
      <c r="F9550" s="360"/>
      <c r="G9550" s="360"/>
      <c r="H9550" s="360"/>
      <c r="I9550" s="360"/>
      <c r="J9550" s="365"/>
      <c r="K9550" s="360"/>
      <c r="L9550" s="365"/>
    </row>
    <row r="9551" spans="2:12" ht="28.5">
      <c r="B9551" s="368"/>
      <c r="C9551" s="368"/>
      <c r="D9551" s="368"/>
      <c r="E9551" s="368"/>
      <c r="F9551" s="361" t="s">
        <v>14374</v>
      </c>
      <c r="G9551" s="361" t="s">
        <v>14373</v>
      </c>
      <c r="H9551" s="362"/>
      <c r="I9551" s="362"/>
      <c r="J9551" s="366"/>
      <c r="K9551" s="362"/>
      <c r="L9551" s="366"/>
    </row>
    <row r="9552" spans="2:12">
      <c r="B9552" s="354" t="s">
        <v>14492</v>
      </c>
      <c r="C9552" s="369"/>
      <c r="D9552" s="369"/>
      <c r="E9552" s="369"/>
      <c r="F9552" s="369"/>
      <c r="G9552" s="369"/>
      <c r="H9552" s="369"/>
      <c r="I9552" s="369"/>
      <c r="J9552" s="369"/>
      <c r="K9552" s="369"/>
      <c r="L9552" s="370"/>
    </row>
    <row r="9553" spans="2:12" ht="28.5">
      <c r="B9553" s="358" t="s">
        <v>13751</v>
      </c>
      <c r="C9553" s="358" t="s">
        <v>19133</v>
      </c>
      <c r="D9553" s="358" t="s">
        <v>13752</v>
      </c>
      <c r="E9553" s="358" t="s">
        <v>13754</v>
      </c>
      <c r="F9553" s="358" t="s">
        <v>14424</v>
      </c>
      <c r="G9553" s="358" t="s">
        <v>16046</v>
      </c>
      <c r="H9553" s="358" t="s">
        <v>14381</v>
      </c>
      <c r="I9553" s="358" t="s">
        <v>16046</v>
      </c>
      <c r="J9553" s="358"/>
      <c r="K9553" s="358" t="s">
        <v>14655</v>
      </c>
      <c r="L9553" s="358"/>
    </row>
    <row r="9554" spans="2:12">
      <c r="B9554" s="367"/>
      <c r="C9554" s="360"/>
      <c r="D9554" s="360"/>
      <c r="E9554" s="360"/>
      <c r="F9554" s="360"/>
      <c r="G9554" s="360"/>
      <c r="H9554" s="360"/>
      <c r="I9554" s="360"/>
      <c r="J9554" s="365"/>
      <c r="K9554" s="360"/>
      <c r="L9554" s="365"/>
    </row>
    <row r="9555" spans="2:12">
      <c r="B9555" s="367"/>
      <c r="C9555" s="359" t="s">
        <v>19134</v>
      </c>
      <c r="D9555" s="359" t="s">
        <v>13130</v>
      </c>
      <c r="E9555" s="359" t="s">
        <v>13130</v>
      </c>
      <c r="F9555" s="359" t="s">
        <v>15892</v>
      </c>
      <c r="G9555" s="359" t="s">
        <v>14340</v>
      </c>
      <c r="H9555" s="359" t="s">
        <v>14341</v>
      </c>
      <c r="I9555" s="359" t="s">
        <v>14340</v>
      </c>
      <c r="J9555" s="365"/>
      <c r="K9555" s="359" t="s">
        <v>14655</v>
      </c>
      <c r="L9555" s="365"/>
    </row>
    <row r="9556" spans="2:12">
      <c r="B9556" s="367"/>
      <c r="C9556" s="360"/>
      <c r="D9556" s="360"/>
      <c r="E9556" s="360"/>
      <c r="F9556" s="360"/>
      <c r="G9556" s="360"/>
      <c r="H9556" s="360"/>
      <c r="I9556" s="360"/>
      <c r="J9556" s="365"/>
      <c r="K9556" s="360"/>
      <c r="L9556" s="365"/>
    </row>
    <row r="9557" spans="2:12">
      <c r="B9557" s="367"/>
      <c r="C9557" s="359" t="s">
        <v>19135</v>
      </c>
      <c r="D9557" s="359" t="s">
        <v>13962</v>
      </c>
      <c r="E9557" s="359" t="s">
        <v>13962</v>
      </c>
      <c r="F9557" s="359" t="s">
        <v>14430</v>
      </c>
      <c r="G9557" s="359" t="s">
        <v>14431</v>
      </c>
      <c r="H9557" s="359" t="s">
        <v>14370</v>
      </c>
      <c r="I9557" s="359" t="s">
        <v>14373</v>
      </c>
      <c r="J9557" s="365"/>
      <c r="K9557" s="360"/>
      <c r="L9557" s="365"/>
    </row>
    <row r="9558" spans="2:12">
      <c r="B9558" s="367"/>
      <c r="C9558" s="360"/>
      <c r="D9558" s="360"/>
      <c r="E9558" s="360"/>
      <c r="F9558" s="360"/>
      <c r="G9558" s="360"/>
      <c r="H9558" s="360"/>
      <c r="I9558" s="360"/>
      <c r="J9558" s="365"/>
      <c r="K9558" s="360"/>
      <c r="L9558" s="365"/>
    </row>
    <row r="9559" spans="2:12" ht="42.75">
      <c r="B9559" s="367"/>
      <c r="C9559" s="359" t="s">
        <v>19136</v>
      </c>
      <c r="D9559" s="359" t="s">
        <v>19137</v>
      </c>
      <c r="E9559" s="359" t="s">
        <v>13755</v>
      </c>
      <c r="F9559" s="359" t="s">
        <v>14658</v>
      </c>
      <c r="G9559" s="359" t="s">
        <v>14372</v>
      </c>
      <c r="H9559" s="359" t="s">
        <v>14332</v>
      </c>
      <c r="I9559" s="360"/>
      <c r="J9559" s="365"/>
      <c r="K9559" s="360"/>
      <c r="L9559" s="365"/>
    </row>
    <row r="9560" spans="2:12">
      <c r="B9560" s="367"/>
      <c r="C9560" s="360"/>
      <c r="D9560" s="360"/>
      <c r="E9560" s="360"/>
      <c r="F9560" s="360"/>
      <c r="G9560" s="360"/>
      <c r="H9560" s="360"/>
      <c r="I9560" s="360"/>
      <c r="J9560" s="365"/>
      <c r="K9560" s="360"/>
      <c r="L9560" s="365"/>
    </row>
    <row r="9561" spans="2:12" ht="28.5">
      <c r="B9561" s="368"/>
      <c r="C9561" s="361" t="s">
        <v>19138</v>
      </c>
      <c r="D9561" s="361" t="s">
        <v>19139</v>
      </c>
      <c r="E9561" s="361" t="s">
        <v>13756</v>
      </c>
      <c r="F9561" s="362"/>
      <c r="G9561" s="361" t="s">
        <v>14373</v>
      </c>
      <c r="H9561" s="362"/>
      <c r="I9561" s="362"/>
      <c r="J9561" s="366"/>
      <c r="K9561" s="362"/>
      <c r="L9561" s="366"/>
    </row>
    <row r="9562" spans="2:12">
      <c r="B9562" s="354" t="s">
        <v>8444</v>
      </c>
      <c r="C9562" s="369"/>
      <c r="D9562" s="369"/>
      <c r="E9562" s="369"/>
      <c r="F9562" s="369"/>
      <c r="G9562" s="369"/>
      <c r="H9562" s="369"/>
      <c r="I9562" s="369"/>
      <c r="J9562" s="369"/>
      <c r="K9562" s="369"/>
      <c r="L9562" s="370"/>
    </row>
    <row r="9563" spans="2:12">
      <c r="B9563" s="358" t="s">
        <v>19140</v>
      </c>
      <c r="C9563" s="358" t="s">
        <v>19141</v>
      </c>
      <c r="D9563" s="358" t="s">
        <v>19142</v>
      </c>
      <c r="E9563" s="358" t="s">
        <v>19143</v>
      </c>
      <c r="F9563" s="358" t="s">
        <v>14443</v>
      </c>
      <c r="G9563" s="358" t="s">
        <v>14444</v>
      </c>
      <c r="H9563" s="358" t="s">
        <v>14381</v>
      </c>
      <c r="I9563" s="358" t="s">
        <v>14444</v>
      </c>
      <c r="J9563" s="358"/>
      <c r="K9563" s="358" t="s">
        <v>19144</v>
      </c>
      <c r="L9563" s="358"/>
    </row>
    <row r="9564" spans="2:12">
      <c r="B9564" s="367"/>
      <c r="C9564" s="360"/>
      <c r="D9564" s="367"/>
      <c r="E9564" s="367"/>
      <c r="F9564" s="360"/>
      <c r="G9564" s="360"/>
      <c r="H9564" s="360"/>
      <c r="I9564" s="360"/>
      <c r="J9564" s="365"/>
      <c r="K9564" s="360"/>
      <c r="L9564" s="365"/>
    </row>
    <row r="9565" spans="2:12">
      <c r="B9565" s="367"/>
      <c r="C9565" s="359" t="s">
        <v>19145</v>
      </c>
      <c r="D9565" s="367"/>
      <c r="E9565" s="367"/>
      <c r="F9565" s="359" t="s">
        <v>14507</v>
      </c>
      <c r="G9565" s="359" t="s">
        <v>16042</v>
      </c>
      <c r="H9565" s="359" t="s">
        <v>14341</v>
      </c>
      <c r="I9565" s="359" t="s">
        <v>16042</v>
      </c>
      <c r="J9565" s="365"/>
      <c r="K9565" s="359" t="s">
        <v>14657</v>
      </c>
      <c r="L9565" s="365"/>
    </row>
    <row r="9566" spans="2:12">
      <c r="B9566" s="367"/>
      <c r="C9566" s="360"/>
      <c r="D9566" s="367"/>
      <c r="E9566" s="367"/>
      <c r="F9566" s="360"/>
      <c r="G9566" s="360"/>
      <c r="H9566" s="360"/>
      <c r="I9566" s="360"/>
      <c r="J9566" s="365"/>
      <c r="K9566" s="360"/>
      <c r="L9566" s="365"/>
    </row>
    <row r="9567" spans="2:12">
      <c r="B9567" s="367"/>
      <c r="C9567" s="359" t="s">
        <v>19146</v>
      </c>
      <c r="D9567" s="367"/>
      <c r="E9567" s="367"/>
      <c r="F9567" s="359" t="s">
        <v>15089</v>
      </c>
      <c r="G9567" s="359" t="s">
        <v>14459</v>
      </c>
      <c r="H9567" s="359" t="s">
        <v>14367</v>
      </c>
      <c r="I9567" s="359" t="s">
        <v>14459</v>
      </c>
      <c r="J9567" s="365"/>
      <c r="K9567" s="360"/>
      <c r="L9567" s="365"/>
    </row>
    <row r="9568" spans="2:12">
      <c r="B9568" s="367"/>
      <c r="C9568" s="360"/>
      <c r="D9568" s="367"/>
      <c r="E9568" s="367"/>
      <c r="F9568" s="360"/>
      <c r="G9568" s="360"/>
      <c r="H9568" s="360"/>
      <c r="I9568" s="360"/>
      <c r="J9568" s="365"/>
      <c r="K9568" s="360"/>
      <c r="L9568" s="365"/>
    </row>
    <row r="9569" spans="2:12">
      <c r="B9569" s="367"/>
      <c r="C9569" s="360"/>
      <c r="D9569" s="367"/>
      <c r="E9569" s="367"/>
      <c r="F9569" s="359" t="s">
        <v>14389</v>
      </c>
      <c r="G9569" s="359" t="s">
        <v>14390</v>
      </c>
      <c r="H9569" s="359" t="s">
        <v>14370</v>
      </c>
      <c r="I9569" s="359" t="s">
        <v>14390</v>
      </c>
      <c r="J9569" s="365"/>
      <c r="K9569" s="360"/>
      <c r="L9569" s="365"/>
    </row>
    <row r="9570" spans="2:12">
      <c r="B9570" s="367"/>
      <c r="C9570" s="360"/>
      <c r="D9570" s="367"/>
      <c r="E9570" s="367"/>
      <c r="F9570" s="360"/>
      <c r="G9570" s="360"/>
      <c r="H9570" s="360"/>
      <c r="I9570" s="360"/>
      <c r="J9570" s="365"/>
      <c r="K9570" s="360"/>
      <c r="L9570" s="365"/>
    </row>
    <row r="9571" spans="2:12">
      <c r="B9571" s="367"/>
      <c r="C9571" s="360"/>
      <c r="D9571" s="367"/>
      <c r="E9571" s="367"/>
      <c r="F9571" s="359" t="s">
        <v>14391</v>
      </c>
      <c r="G9571" s="359" t="s">
        <v>14392</v>
      </c>
      <c r="H9571" s="359" t="s">
        <v>14332</v>
      </c>
      <c r="I9571" s="359" t="s">
        <v>14392</v>
      </c>
      <c r="J9571" s="365"/>
      <c r="K9571" s="360"/>
      <c r="L9571" s="365"/>
    </row>
    <row r="9572" spans="2:12">
      <c r="B9572" s="367"/>
      <c r="C9572" s="360"/>
      <c r="D9572" s="367"/>
      <c r="E9572" s="367"/>
      <c r="F9572" s="360"/>
      <c r="G9572" s="360"/>
      <c r="H9572" s="360"/>
      <c r="I9572" s="360"/>
      <c r="J9572" s="365"/>
      <c r="K9572" s="360"/>
      <c r="L9572" s="365"/>
    </row>
    <row r="9573" spans="2:12">
      <c r="B9573" s="367"/>
      <c r="C9573" s="360"/>
      <c r="D9573" s="367"/>
      <c r="E9573" s="367"/>
      <c r="F9573" s="359" t="s">
        <v>14430</v>
      </c>
      <c r="G9573" s="359" t="s">
        <v>14431</v>
      </c>
      <c r="H9573" s="360"/>
      <c r="I9573" s="359" t="s">
        <v>14431</v>
      </c>
      <c r="J9573" s="365"/>
      <c r="K9573" s="360"/>
      <c r="L9573" s="365"/>
    </row>
    <row r="9574" spans="2:12">
      <c r="B9574" s="367"/>
      <c r="C9574" s="360"/>
      <c r="D9574" s="367"/>
      <c r="E9574" s="367"/>
      <c r="F9574" s="360"/>
      <c r="G9574" s="360"/>
      <c r="H9574" s="360"/>
      <c r="I9574" s="360"/>
      <c r="J9574" s="365"/>
      <c r="K9574" s="360"/>
      <c r="L9574" s="365"/>
    </row>
    <row r="9575" spans="2:12" ht="28.5">
      <c r="B9575" s="367"/>
      <c r="C9575" s="360"/>
      <c r="D9575" s="367"/>
      <c r="E9575" s="367"/>
      <c r="F9575" s="359" t="s">
        <v>16919</v>
      </c>
      <c r="G9575" s="359" t="s">
        <v>19147</v>
      </c>
      <c r="H9575" s="360"/>
      <c r="I9575" s="359" t="s">
        <v>19147</v>
      </c>
      <c r="J9575" s="365"/>
      <c r="K9575" s="360"/>
      <c r="L9575" s="365"/>
    </row>
    <row r="9576" spans="2:12">
      <c r="B9576" s="367"/>
      <c r="C9576" s="360"/>
      <c r="D9576" s="367"/>
      <c r="E9576" s="367"/>
      <c r="F9576" s="360"/>
      <c r="G9576" s="360"/>
      <c r="H9576" s="360"/>
      <c r="I9576" s="360"/>
      <c r="J9576" s="365"/>
      <c r="K9576" s="360"/>
      <c r="L9576" s="365"/>
    </row>
    <row r="9577" spans="2:12">
      <c r="B9577" s="367"/>
      <c r="C9577" s="360"/>
      <c r="D9577" s="367"/>
      <c r="E9577" s="367"/>
      <c r="F9577" s="359" t="s">
        <v>14371</v>
      </c>
      <c r="G9577" s="359" t="s">
        <v>14372</v>
      </c>
      <c r="H9577" s="360"/>
      <c r="I9577" s="359" t="s">
        <v>14373</v>
      </c>
      <c r="J9577" s="365"/>
      <c r="K9577" s="360"/>
      <c r="L9577" s="365"/>
    </row>
    <row r="9578" spans="2:12">
      <c r="B9578" s="367"/>
      <c r="C9578" s="360"/>
      <c r="D9578" s="367"/>
      <c r="E9578" s="367"/>
      <c r="F9578" s="360"/>
      <c r="G9578" s="360"/>
      <c r="H9578" s="360"/>
      <c r="I9578" s="360"/>
      <c r="J9578" s="365"/>
      <c r="K9578" s="360"/>
      <c r="L9578" s="365"/>
    </row>
    <row r="9579" spans="2:12" ht="28.5">
      <c r="B9579" s="368"/>
      <c r="C9579" s="362"/>
      <c r="D9579" s="368"/>
      <c r="E9579" s="368"/>
      <c r="F9579" s="361" t="s">
        <v>14374</v>
      </c>
      <c r="G9579" s="361" t="s">
        <v>14373</v>
      </c>
      <c r="H9579" s="362"/>
      <c r="I9579" s="362"/>
      <c r="J9579" s="366"/>
      <c r="K9579" s="362"/>
      <c r="L9579" s="366"/>
    </row>
    <row r="9580" spans="2:12">
      <c r="B9580" s="354" t="s">
        <v>28574</v>
      </c>
      <c r="C9580" s="369"/>
      <c r="D9580" s="369"/>
      <c r="E9580" s="369"/>
      <c r="F9580" s="369"/>
      <c r="G9580" s="369"/>
      <c r="H9580" s="369"/>
      <c r="I9580" s="369"/>
      <c r="J9580" s="369"/>
      <c r="K9580" s="369"/>
      <c r="L9580" s="370"/>
    </row>
    <row r="9581" spans="2:12" ht="42.75">
      <c r="B9581" s="358" t="s">
        <v>29081</v>
      </c>
      <c r="C9581" s="358" t="s">
        <v>28403</v>
      </c>
      <c r="D9581" s="358" t="s">
        <v>28404</v>
      </c>
      <c r="E9581" s="358" t="s">
        <v>28405</v>
      </c>
      <c r="F9581" s="358" t="s">
        <v>17088</v>
      </c>
      <c r="G9581" s="358" t="s">
        <v>14392</v>
      </c>
      <c r="H9581" s="358" t="s">
        <v>14367</v>
      </c>
      <c r="I9581" s="358" t="s">
        <v>14392</v>
      </c>
      <c r="J9581" s="358"/>
      <c r="K9581" s="358" t="s">
        <v>29082</v>
      </c>
      <c r="L9581" s="358"/>
    </row>
    <row r="9582" spans="2:12">
      <c r="B9582" s="367"/>
      <c r="C9582" s="360"/>
      <c r="D9582" s="360"/>
      <c r="E9582" s="360"/>
      <c r="F9582" s="367"/>
      <c r="G9582" s="367"/>
      <c r="H9582" s="360"/>
      <c r="I9582" s="367"/>
      <c r="J9582" s="365"/>
      <c r="K9582" s="367"/>
      <c r="L9582" s="365"/>
    </row>
    <row r="9583" spans="2:12" ht="28.5">
      <c r="B9583" s="367"/>
      <c r="C9583" s="359" t="s">
        <v>30152</v>
      </c>
      <c r="D9583" s="359" t="s">
        <v>28406</v>
      </c>
      <c r="E9583" s="359" t="s">
        <v>28407</v>
      </c>
      <c r="F9583" s="367"/>
      <c r="G9583" s="367"/>
      <c r="H9583" s="359" t="s">
        <v>14422</v>
      </c>
      <c r="I9583" s="367"/>
      <c r="J9583" s="365"/>
      <c r="K9583" s="367"/>
      <c r="L9583" s="365"/>
    </row>
    <row r="9584" spans="2:12">
      <c r="B9584" s="367"/>
      <c r="C9584" s="360"/>
      <c r="D9584" s="360"/>
      <c r="E9584" s="360"/>
      <c r="F9584" s="367"/>
      <c r="G9584" s="367"/>
      <c r="H9584" s="360"/>
      <c r="I9584" s="367"/>
      <c r="J9584" s="365"/>
      <c r="K9584" s="367"/>
      <c r="L9584" s="365"/>
    </row>
    <row r="9585" spans="2:12" ht="28.5">
      <c r="B9585" s="368"/>
      <c r="C9585" s="361" t="s">
        <v>30153</v>
      </c>
      <c r="D9585" s="361" t="s">
        <v>28408</v>
      </c>
      <c r="E9585" s="361" t="s">
        <v>28409</v>
      </c>
      <c r="F9585" s="368"/>
      <c r="G9585" s="368"/>
      <c r="H9585" s="362"/>
      <c r="I9585" s="368"/>
      <c r="J9585" s="366"/>
      <c r="K9585" s="368"/>
      <c r="L9585" s="366"/>
    </row>
    <row r="9586" spans="2:12">
      <c r="B9586" s="354" t="s">
        <v>28528</v>
      </c>
      <c r="C9586" s="369"/>
      <c r="D9586" s="369"/>
      <c r="E9586" s="369"/>
      <c r="F9586" s="369"/>
      <c r="G9586" s="369"/>
      <c r="H9586" s="369"/>
      <c r="I9586" s="369"/>
      <c r="J9586" s="369"/>
      <c r="K9586" s="369"/>
      <c r="L9586" s="370"/>
    </row>
    <row r="9587" spans="2:12">
      <c r="B9587" s="358" t="s">
        <v>13928</v>
      </c>
      <c r="C9587" s="358" t="s">
        <v>19148</v>
      </c>
      <c r="D9587" s="358" t="s">
        <v>13929</v>
      </c>
      <c r="E9587" s="358" t="s">
        <v>1804</v>
      </c>
      <c r="F9587" s="358" t="s">
        <v>28860</v>
      </c>
      <c r="G9587" s="358" t="s">
        <v>14669</v>
      </c>
      <c r="H9587" s="358" t="s">
        <v>14381</v>
      </c>
      <c r="I9587" s="358" t="s">
        <v>14669</v>
      </c>
      <c r="J9587" s="358"/>
      <c r="K9587" s="358" t="s">
        <v>14929</v>
      </c>
      <c r="L9587" s="358" t="s">
        <v>19149</v>
      </c>
    </row>
    <row r="9588" spans="2:12">
      <c r="B9588" s="367"/>
      <c r="C9588" s="367"/>
      <c r="D9588" s="367"/>
      <c r="E9588" s="367"/>
      <c r="F9588" s="360"/>
      <c r="G9588" s="360"/>
      <c r="H9588" s="360"/>
      <c r="I9588" s="360"/>
      <c r="J9588" s="365"/>
      <c r="K9588" s="360"/>
      <c r="L9588" s="367"/>
    </row>
    <row r="9589" spans="2:12" ht="71.25">
      <c r="B9589" s="367"/>
      <c r="C9589" s="367"/>
      <c r="D9589" s="367"/>
      <c r="E9589" s="367"/>
      <c r="F9589" s="359" t="s">
        <v>29083</v>
      </c>
      <c r="G9589" s="359" t="s">
        <v>14427</v>
      </c>
      <c r="H9589" s="359" t="s">
        <v>14378</v>
      </c>
      <c r="I9589" s="359" t="s">
        <v>14427</v>
      </c>
      <c r="J9589" s="365"/>
      <c r="K9589" s="359" t="s">
        <v>29084</v>
      </c>
      <c r="L9589" s="367"/>
    </row>
    <row r="9590" spans="2:12">
      <c r="B9590" s="367"/>
      <c r="C9590" s="367"/>
      <c r="D9590" s="367"/>
      <c r="E9590" s="367"/>
      <c r="F9590" s="360"/>
      <c r="G9590" s="360"/>
      <c r="H9590" s="360"/>
      <c r="I9590" s="360"/>
      <c r="J9590" s="365"/>
      <c r="K9590" s="360"/>
      <c r="L9590" s="367"/>
    </row>
    <row r="9591" spans="2:12">
      <c r="B9591" s="367"/>
      <c r="C9591" s="367"/>
      <c r="D9591" s="367"/>
      <c r="E9591" s="367"/>
      <c r="F9591" s="359" t="s">
        <v>14356</v>
      </c>
      <c r="G9591" s="359" t="s">
        <v>14383</v>
      </c>
      <c r="H9591" s="359" t="s">
        <v>14341</v>
      </c>
      <c r="I9591" s="359" t="s">
        <v>14383</v>
      </c>
      <c r="J9591" s="365"/>
      <c r="K9591" s="359" t="s">
        <v>29085</v>
      </c>
      <c r="L9591" s="367"/>
    </row>
    <row r="9592" spans="2:12">
      <c r="B9592" s="367"/>
      <c r="C9592" s="367"/>
      <c r="D9592" s="367"/>
      <c r="E9592" s="367"/>
      <c r="F9592" s="360"/>
      <c r="G9592" s="360"/>
      <c r="H9592" s="360"/>
      <c r="I9592" s="360"/>
      <c r="J9592" s="365"/>
      <c r="K9592" s="360"/>
      <c r="L9592" s="367"/>
    </row>
    <row r="9593" spans="2:12" ht="42.75">
      <c r="B9593" s="367"/>
      <c r="C9593" s="367"/>
      <c r="D9593" s="367"/>
      <c r="E9593" s="367"/>
      <c r="F9593" s="359" t="s">
        <v>14391</v>
      </c>
      <c r="G9593" s="359" t="s">
        <v>14579</v>
      </c>
      <c r="H9593" s="359" t="s">
        <v>14332</v>
      </c>
      <c r="I9593" s="359" t="s">
        <v>14579</v>
      </c>
      <c r="J9593" s="365"/>
      <c r="K9593" s="359" t="s">
        <v>28664</v>
      </c>
      <c r="L9593" s="367"/>
    </row>
    <row r="9594" spans="2:12">
      <c r="B9594" s="367"/>
      <c r="C9594" s="367"/>
      <c r="D9594" s="367"/>
      <c r="E9594" s="367"/>
      <c r="F9594" s="360"/>
      <c r="G9594" s="360"/>
      <c r="H9594" s="360"/>
      <c r="I9594" s="360"/>
      <c r="J9594" s="365"/>
      <c r="K9594" s="360"/>
      <c r="L9594" s="367"/>
    </row>
    <row r="9595" spans="2:12">
      <c r="B9595" s="367"/>
      <c r="C9595" s="367"/>
      <c r="D9595" s="367"/>
      <c r="E9595" s="367"/>
      <c r="F9595" s="360"/>
      <c r="G9595" s="359" t="s">
        <v>14483</v>
      </c>
      <c r="H9595" s="360"/>
      <c r="I9595" s="359" t="s">
        <v>14483</v>
      </c>
      <c r="J9595" s="365"/>
      <c r="K9595" s="359" t="s">
        <v>29086</v>
      </c>
      <c r="L9595" s="367"/>
    </row>
    <row r="9596" spans="2:12">
      <c r="B9596" s="367"/>
      <c r="C9596" s="367"/>
      <c r="D9596" s="367"/>
      <c r="E9596" s="367"/>
      <c r="F9596" s="360"/>
      <c r="G9596" s="360"/>
      <c r="H9596" s="360"/>
      <c r="I9596" s="360"/>
      <c r="J9596" s="365"/>
      <c r="K9596" s="360"/>
      <c r="L9596" s="367"/>
    </row>
    <row r="9597" spans="2:12" ht="71.25">
      <c r="B9597" s="367"/>
      <c r="C9597" s="367"/>
      <c r="D9597" s="367"/>
      <c r="E9597" s="367"/>
      <c r="F9597" s="360"/>
      <c r="G9597" s="359" t="s">
        <v>14340</v>
      </c>
      <c r="H9597" s="360"/>
      <c r="I9597" s="359" t="s">
        <v>14340</v>
      </c>
      <c r="J9597" s="365"/>
      <c r="K9597" s="359" t="s">
        <v>29087</v>
      </c>
      <c r="L9597" s="367"/>
    </row>
    <row r="9598" spans="2:12">
      <c r="B9598" s="367"/>
      <c r="C9598" s="367"/>
      <c r="D9598" s="367"/>
      <c r="E9598" s="367"/>
      <c r="F9598" s="360"/>
      <c r="G9598" s="360"/>
      <c r="H9598" s="360"/>
      <c r="I9598" s="360"/>
      <c r="J9598" s="365"/>
      <c r="K9598" s="360"/>
      <c r="L9598" s="367"/>
    </row>
    <row r="9599" spans="2:12">
      <c r="B9599" s="368"/>
      <c r="C9599" s="368"/>
      <c r="D9599" s="368"/>
      <c r="E9599" s="368"/>
      <c r="F9599" s="362"/>
      <c r="G9599" s="361" t="s">
        <v>14392</v>
      </c>
      <c r="H9599" s="362"/>
      <c r="I9599" s="361" t="s">
        <v>14392</v>
      </c>
      <c r="J9599" s="366"/>
      <c r="K9599" s="362"/>
      <c r="L9599" s="368"/>
    </row>
    <row r="9600" spans="2:12">
      <c r="B9600" s="358" t="s">
        <v>19151</v>
      </c>
      <c r="C9600" s="358" t="s">
        <v>29088</v>
      </c>
      <c r="D9600" s="358" t="s">
        <v>19152</v>
      </c>
      <c r="E9600" s="358" t="s">
        <v>19153</v>
      </c>
      <c r="F9600" s="358" t="s">
        <v>15096</v>
      </c>
      <c r="G9600" s="358" t="s">
        <v>15097</v>
      </c>
      <c r="H9600" s="358" t="s">
        <v>14328</v>
      </c>
      <c r="I9600" s="358" t="s">
        <v>15097</v>
      </c>
      <c r="J9600" s="358"/>
      <c r="K9600" s="358"/>
      <c r="L9600" s="358" t="s">
        <v>14513</v>
      </c>
    </row>
    <row r="9601" spans="2:12">
      <c r="B9601" s="367"/>
      <c r="C9601" s="367"/>
      <c r="D9601" s="367"/>
      <c r="E9601" s="367"/>
      <c r="F9601" s="360"/>
      <c r="G9601" s="360"/>
      <c r="H9601" s="360"/>
      <c r="I9601" s="360"/>
      <c r="J9601" s="365"/>
      <c r="K9601" s="365"/>
      <c r="L9601" s="367"/>
    </row>
    <row r="9602" spans="2:12" ht="28.5">
      <c r="B9602" s="367"/>
      <c r="C9602" s="367"/>
      <c r="D9602" s="367"/>
      <c r="E9602" s="367"/>
      <c r="F9602" s="359" t="s">
        <v>14507</v>
      </c>
      <c r="G9602" s="359" t="s">
        <v>29089</v>
      </c>
      <c r="H9602" s="359" t="s">
        <v>14381</v>
      </c>
      <c r="I9602" s="359" t="s">
        <v>29089</v>
      </c>
      <c r="J9602" s="365"/>
      <c r="K9602" s="365"/>
      <c r="L9602" s="367"/>
    </row>
    <row r="9603" spans="2:12">
      <c r="B9603" s="367"/>
      <c r="C9603" s="367"/>
      <c r="D9603" s="367"/>
      <c r="E9603" s="367"/>
      <c r="F9603" s="360"/>
      <c r="G9603" s="360"/>
      <c r="H9603" s="360"/>
      <c r="I9603" s="360"/>
      <c r="J9603" s="365"/>
      <c r="K9603" s="365"/>
      <c r="L9603" s="367"/>
    </row>
    <row r="9604" spans="2:12">
      <c r="B9604" s="367"/>
      <c r="C9604" s="367"/>
      <c r="D9604" s="367"/>
      <c r="E9604" s="367"/>
      <c r="F9604" s="359" t="s">
        <v>14368</v>
      </c>
      <c r="G9604" s="360"/>
      <c r="H9604" s="359" t="s">
        <v>14367</v>
      </c>
      <c r="I9604" s="360"/>
      <c r="J9604" s="365"/>
      <c r="K9604" s="365"/>
      <c r="L9604" s="367"/>
    </row>
    <row r="9605" spans="2:12">
      <c r="B9605" s="367"/>
      <c r="C9605" s="367"/>
      <c r="D9605" s="367"/>
      <c r="E9605" s="367"/>
      <c r="F9605" s="360"/>
      <c r="G9605" s="360"/>
      <c r="H9605" s="360"/>
      <c r="I9605" s="360"/>
      <c r="J9605" s="365"/>
      <c r="K9605" s="365"/>
      <c r="L9605" s="367"/>
    </row>
    <row r="9606" spans="2:12">
      <c r="B9606" s="368"/>
      <c r="C9606" s="368"/>
      <c r="D9606" s="368"/>
      <c r="E9606" s="368"/>
      <c r="F9606" s="362"/>
      <c r="G9606" s="362"/>
      <c r="H9606" s="361" t="s">
        <v>14332</v>
      </c>
      <c r="I9606" s="362"/>
      <c r="J9606" s="366"/>
      <c r="K9606" s="366"/>
      <c r="L9606" s="368"/>
    </row>
    <row r="9607" spans="2:12">
      <c r="B9607" s="354" t="s">
        <v>28574</v>
      </c>
      <c r="C9607" s="369"/>
      <c r="D9607" s="369"/>
      <c r="E9607" s="369"/>
      <c r="F9607" s="369"/>
      <c r="G9607" s="369"/>
      <c r="H9607" s="369"/>
      <c r="I9607" s="369"/>
      <c r="J9607" s="369"/>
      <c r="K9607" s="369"/>
      <c r="L9607" s="370"/>
    </row>
    <row r="9608" spans="2:12">
      <c r="B9608" s="358" t="s">
        <v>19154</v>
      </c>
      <c r="C9608" s="358" t="s">
        <v>19155</v>
      </c>
      <c r="D9608" s="358" t="s">
        <v>19156</v>
      </c>
      <c r="E9608" s="358" t="s">
        <v>594</v>
      </c>
      <c r="F9608" s="358" t="s">
        <v>14524</v>
      </c>
      <c r="G9608" s="358" t="s">
        <v>14525</v>
      </c>
      <c r="H9608" s="358" t="s">
        <v>14328</v>
      </c>
      <c r="I9608" s="358" t="s">
        <v>14525</v>
      </c>
      <c r="J9608" s="358"/>
      <c r="K9608" s="358"/>
      <c r="L9608" s="358"/>
    </row>
    <row r="9609" spans="2:12">
      <c r="B9609" s="367"/>
      <c r="C9609" s="360"/>
      <c r="D9609" s="367"/>
      <c r="E9609" s="367"/>
      <c r="F9609" s="360"/>
      <c r="G9609" s="360"/>
      <c r="H9609" s="360"/>
      <c r="I9609" s="360"/>
      <c r="J9609" s="365"/>
      <c r="K9609" s="365"/>
      <c r="L9609" s="365"/>
    </row>
    <row r="9610" spans="2:12">
      <c r="B9610" s="367"/>
      <c r="C9610" s="359" t="s">
        <v>19157</v>
      </c>
      <c r="D9610" s="367"/>
      <c r="E9610" s="367"/>
      <c r="F9610" s="359" t="s">
        <v>14376</v>
      </c>
      <c r="G9610" s="359" t="s">
        <v>14669</v>
      </c>
      <c r="H9610" s="359" t="s">
        <v>14381</v>
      </c>
      <c r="I9610" s="359" t="s">
        <v>14669</v>
      </c>
      <c r="J9610" s="365"/>
      <c r="K9610" s="365"/>
      <c r="L9610" s="365"/>
    </row>
    <row r="9611" spans="2:12">
      <c r="B9611" s="367"/>
      <c r="C9611" s="360"/>
      <c r="D9611" s="367"/>
      <c r="E9611" s="367"/>
      <c r="F9611" s="360"/>
      <c r="G9611" s="360"/>
      <c r="H9611" s="360"/>
      <c r="I9611" s="360"/>
      <c r="J9611" s="365"/>
      <c r="K9611" s="365"/>
      <c r="L9611" s="365"/>
    </row>
    <row r="9612" spans="2:12">
      <c r="B9612" s="367"/>
      <c r="C9612" s="360"/>
      <c r="D9612" s="367"/>
      <c r="E9612" s="367"/>
      <c r="F9612" s="359" t="s">
        <v>14426</v>
      </c>
      <c r="G9612" s="359" t="s">
        <v>14427</v>
      </c>
      <c r="H9612" s="359" t="s">
        <v>14367</v>
      </c>
      <c r="I9612" s="359" t="s">
        <v>14427</v>
      </c>
      <c r="J9612" s="365"/>
      <c r="K9612" s="365"/>
      <c r="L9612" s="365"/>
    </row>
    <row r="9613" spans="2:12">
      <c r="B9613" s="367"/>
      <c r="C9613" s="360"/>
      <c r="D9613" s="367"/>
      <c r="E9613" s="367"/>
      <c r="F9613" s="360"/>
      <c r="G9613" s="360"/>
      <c r="H9613" s="360"/>
      <c r="I9613" s="360"/>
      <c r="J9613" s="365"/>
      <c r="K9613" s="365"/>
      <c r="L9613" s="365"/>
    </row>
    <row r="9614" spans="2:12">
      <c r="B9614" s="367"/>
      <c r="C9614" s="360"/>
      <c r="D9614" s="367"/>
      <c r="E9614" s="367"/>
      <c r="F9614" s="359" t="s">
        <v>14368</v>
      </c>
      <c r="G9614" s="359" t="s">
        <v>14388</v>
      </c>
      <c r="H9614" s="359" t="s">
        <v>14332</v>
      </c>
      <c r="I9614" s="359" t="s">
        <v>14388</v>
      </c>
      <c r="J9614" s="365"/>
      <c r="K9614" s="365"/>
      <c r="L9614" s="365"/>
    </row>
    <row r="9615" spans="2:12">
      <c r="B9615" s="367"/>
      <c r="C9615" s="360"/>
      <c r="D9615" s="367"/>
      <c r="E9615" s="367"/>
      <c r="F9615" s="360"/>
      <c r="G9615" s="360"/>
      <c r="H9615" s="360"/>
      <c r="I9615" s="360"/>
      <c r="J9615" s="365"/>
      <c r="K9615" s="365"/>
      <c r="L9615" s="365"/>
    </row>
    <row r="9616" spans="2:12">
      <c r="B9616" s="368"/>
      <c r="C9616" s="362"/>
      <c r="D9616" s="368"/>
      <c r="E9616" s="368"/>
      <c r="F9616" s="361" t="s">
        <v>14386</v>
      </c>
      <c r="G9616" s="361" t="s">
        <v>14387</v>
      </c>
      <c r="H9616" s="362"/>
      <c r="I9616" s="361" t="s">
        <v>14387</v>
      </c>
      <c r="J9616" s="366"/>
      <c r="K9616" s="366"/>
      <c r="L9616" s="366"/>
    </row>
    <row r="9617" spans="2:12">
      <c r="B9617" s="354" t="s">
        <v>28528</v>
      </c>
      <c r="C9617" s="369"/>
      <c r="D9617" s="369"/>
      <c r="E9617" s="369"/>
      <c r="F9617" s="369"/>
      <c r="G9617" s="369"/>
      <c r="H9617" s="369"/>
      <c r="I9617" s="369"/>
      <c r="J9617" s="369"/>
      <c r="K9617" s="369"/>
      <c r="L9617" s="370"/>
    </row>
    <row r="9618" spans="2:12">
      <c r="B9618" s="358" t="s">
        <v>19158</v>
      </c>
      <c r="C9618" s="358" t="s">
        <v>29090</v>
      </c>
      <c r="D9618" s="358" t="s">
        <v>19159</v>
      </c>
      <c r="E9618" s="358" t="s">
        <v>19160</v>
      </c>
      <c r="F9618" s="358" t="s">
        <v>14418</v>
      </c>
      <c r="G9618" s="358" t="s">
        <v>14419</v>
      </c>
      <c r="H9618" s="358" t="s">
        <v>14328</v>
      </c>
      <c r="I9618" s="358" t="s">
        <v>14419</v>
      </c>
      <c r="J9618" s="358"/>
      <c r="K9618" s="358"/>
      <c r="L9618" s="358"/>
    </row>
    <row r="9619" spans="2:12">
      <c r="B9619" s="367"/>
      <c r="C9619" s="367"/>
      <c r="D9619" s="367"/>
      <c r="E9619" s="367"/>
      <c r="F9619" s="367"/>
      <c r="G9619" s="367"/>
      <c r="H9619" s="360"/>
      <c r="I9619" s="367"/>
      <c r="J9619" s="365"/>
      <c r="K9619" s="365"/>
      <c r="L9619" s="365"/>
    </row>
    <row r="9620" spans="2:12">
      <c r="B9620" s="368"/>
      <c r="C9620" s="368"/>
      <c r="D9620" s="368"/>
      <c r="E9620" s="368"/>
      <c r="F9620" s="368"/>
      <c r="G9620" s="368"/>
      <c r="H9620" s="361" t="s">
        <v>14422</v>
      </c>
      <c r="I9620" s="368"/>
      <c r="J9620" s="366"/>
      <c r="K9620" s="366"/>
      <c r="L9620" s="366"/>
    </row>
    <row r="9621" spans="2:12" ht="28.5">
      <c r="B9621" s="358" t="s">
        <v>19161</v>
      </c>
      <c r="C9621" s="358" t="s">
        <v>29091</v>
      </c>
      <c r="D9621" s="358" t="s">
        <v>19162</v>
      </c>
      <c r="E9621" s="358" t="s">
        <v>19163</v>
      </c>
      <c r="F9621" s="358" t="s">
        <v>15370</v>
      </c>
      <c r="G9621" s="358" t="s">
        <v>15097</v>
      </c>
      <c r="H9621" s="358" t="s">
        <v>14328</v>
      </c>
      <c r="I9621" s="358" t="s">
        <v>15097</v>
      </c>
      <c r="J9621" s="358"/>
      <c r="K9621" s="358"/>
      <c r="L9621" s="358"/>
    </row>
    <row r="9622" spans="2:12">
      <c r="B9622" s="367"/>
      <c r="C9622" s="367"/>
      <c r="D9622" s="367"/>
      <c r="E9622" s="367"/>
      <c r="F9622" s="360"/>
      <c r="G9622" s="360"/>
      <c r="H9622" s="360"/>
      <c r="I9622" s="360"/>
      <c r="J9622" s="365"/>
      <c r="K9622" s="365"/>
      <c r="L9622" s="365"/>
    </row>
    <row r="9623" spans="2:12">
      <c r="B9623" s="367"/>
      <c r="C9623" s="367"/>
      <c r="D9623" s="367"/>
      <c r="E9623" s="367"/>
      <c r="F9623" s="359" t="s">
        <v>14420</v>
      </c>
      <c r="G9623" s="359" t="s">
        <v>14429</v>
      </c>
      <c r="H9623" s="359" t="s">
        <v>14367</v>
      </c>
      <c r="I9623" s="359" t="s">
        <v>14429</v>
      </c>
      <c r="J9623" s="365"/>
      <c r="K9623" s="365"/>
      <c r="L9623" s="365"/>
    </row>
    <row r="9624" spans="2:12">
      <c r="B9624" s="367"/>
      <c r="C9624" s="367"/>
      <c r="D9624" s="367"/>
      <c r="E9624" s="367"/>
      <c r="F9624" s="360"/>
      <c r="G9624" s="360"/>
      <c r="H9624" s="360"/>
      <c r="I9624" s="360"/>
      <c r="J9624" s="365"/>
      <c r="K9624" s="365"/>
      <c r="L9624" s="365"/>
    </row>
    <row r="9625" spans="2:12">
      <c r="B9625" s="368"/>
      <c r="C9625" s="368"/>
      <c r="D9625" s="368"/>
      <c r="E9625" s="368"/>
      <c r="F9625" s="362"/>
      <c r="G9625" s="362"/>
      <c r="H9625" s="361" t="s">
        <v>14422</v>
      </c>
      <c r="I9625" s="362"/>
      <c r="J9625" s="366"/>
      <c r="K9625" s="366"/>
      <c r="L9625" s="366"/>
    </row>
    <row r="9626" spans="2:12">
      <c r="B9626" s="358" t="s">
        <v>19164</v>
      </c>
      <c r="C9626" s="358" t="s">
        <v>19165</v>
      </c>
      <c r="D9626" s="358" t="s">
        <v>19166</v>
      </c>
      <c r="E9626" s="358" t="s">
        <v>19167</v>
      </c>
      <c r="F9626" s="358" t="s">
        <v>14505</v>
      </c>
      <c r="G9626" s="358" t="s">
        <v>14506</v>
      </c>
      <c r="H9626" s="358" t="s">
        <v>14328</v>
      </c>
      <c r="I9626" s="358" t="s">
        <v>14506</v>
      </c>
      <c r="J9626" s="358"/>
      <c r="K9626" s="358"/>
      <c r="L9626" s="358"/>
    </row>
    <row r="9627" spans="2:12">
      <c r="B9627" s="367"/>
      <c r="C9627" s="367"/>
      <c r="D9627" s="367"/>
      <c r="E9627" s="367"/>
      <c r="F9627" s="367"/>
      <c r="G9627" s="367"/>
      <c r="H9627" s="360"/>
      <c r="I9627" s="367"/>
      <c r="J9627" s="365"/>
      <c r="K9627" s="365"/>
      <c r="L9627" s="365"/>
    </row>
    <row r="9628" spans="2:12">
      <c r="B9628" s="368"/>
      <c r="C9628" s="368"/>
      <c r="D9628" s="368"/>
      <c r="E9628" s="368"/>
      <c r="F9628" s="368"/>
      <c r="G9628" s="368"/>
      <c r="H9628" s="361" t="s">
        <v>14332</v>
      </c>
      <c r="I9628" s="368"/>
      <c r="J9628" s="366"/>
      <c r="K9628" s="366"/>
      <c r="L9628" s="366"/>
    </row>
    <row r="9629" spans="2:12">
      <c r="B9629" s="358" t="s">
        <v>19168</v>
      </c>
      <c r="C9629" s="358" t="s">
        <v>29092</v>
      </c>
      <c r="D9629" s="358" t="s">
        <v>19169</v>
      </c>
      <c r="E9629" s="358" t="s">
        <v>19170</v>
      </c>
      <c r="F9629" s="358" t="s">
        <v>14505</v>
      </c>
      <c r="G9629" s="358" t="s">
        <v>14506</v>
      </c>
      <c r="H9629" s="358" t="s">
        <v>14328</v>
      </c>
      <c r="I9629" s="358" t="s">
        <v>14506</v>
      </c>
      <c r="J9629" s="358"/>
      <c r="K9629" s="358"/>
      <c r="L9629" s="358"/>
    </row>
    <row r="9630" spans="2:12">
      <c r="B9630" s="367"/>
      <c r="C9630" s="367"/>
      <c r="D9630" s="367"/>
      <c r="E9630" s="367"/>
      <c r="F9630" s="367"/>
      <c r="G9630" s="367"/>
      <c r="H9630" s="360"/>
      <c r="I9630" s="367"/>
      <c r="J9630" s="365"/>
      <c r="K9630" s="365"/>
      <c r="L9630" s="365"/>
    </row>
    <row r="9631" spans="2:12">
      <c r="B9631" s="368"/>
      <c r="C9631" s="368"/>
      <c r="D9631" s="368"/>
      <c r="E9631" s="368"/>
      <c r="F9631" s="368"/>
      <c r="G9631" s="368"/>
      <c r="H9631" s="361" t="s">
        <v>14332</v>
      </c>
      <c r="I9631" s="368"/>
      <c r="J9631" s="366"/>
      <c r="K9631" s="366"/>
      <c r="L9631" s="366"/>
    </row>
    <row r="9632" spans="2:12" ht="42.75">
      <c r="B9632" s="358" t="s">
        <v>19171</v>
      </c>
      <c r="C9632" s="358" t="s">
        <v>29093</v>
      </c>
      <c r="D9632" s="358" t="s">
        <v>19172</v>
      </c>
      <c r="E9632" s="358" t="s">
        <v>19173</v>
      </c>
      <c r="F9632" s="358" t="s">
        <v>14505</v>
      </c>
      <c r="G9632" s="358" t="s">
        <v>14506</v>
      </c>
      <c r="H9632" s="358" t="s">
        <v>14328</v>
      </c>
      <c r="I9632" s="358" t="s">
        <v>14506</v>
      </c>
      <c r="J9632" s="358" t="s">
        <v>14944</v>
      </c>
      <c r="K9632" s="358" t="s">
        <v>29094</v>
      </c>
      <c r="L9632" s="358" t="s">
        <v>595</v>
      </c>
    </row>
    <row r="9633" spans="2:12">
      <c r="B9633" s="367"/>
      <c r="C9633" s="367"/>
      <c r="D9633" s="367"/>
      <c r="E9633" s="367"/>
      <c r="F9633" s="360"/>
      <c r="G9633" s="360"/>
      <c r="H9633" s="360"/>
      <c r="I9633" s="360"/>
      <c r="J9633" s="367"/>
      <c r="K9633" s="360"/>
      <c r="L9633" s="367"/>
    </row>
    <row r="9634" spans="2:12">
      <c r="B9634" s="367"/>
      <c r="C9634" s="367"/>
      <c r="D9634" s="367"/>
      <c r="E9634" s="367"/>
      <c r="F9634" s="359" t="s">
        <v>14530</v>
      </c>
      <c r="G9634" s="359" t="s">
        <v>14380</v>
      </c>
      <c r="H9634" s="359" t="s">
        <v>14378</v>
      </c>
      <c r="I9634" s="359" t="s">
        <v>14380</v>
      </c>
      <c r="J9634" s="367"/>
      <c r="K9634" s="359" t="s">
        <v>14557</v>
      </c>
      <c r="L9634" s="367"/>
    </row>
    <row r="9635" spans="2:12">
      <c r="B9635" s="367"/>
      <c r="C9635" s="367"/>
      <c r="D9635" s="367"/>
      <c r="E9635" s="367"/>
      <c r="F9635" s="360"/>
      <c r="G9635" s="360"/>
      <c r="H9635" s="360"/>
      <c r="I9635" s="360"/>
      <c r="J9635" s="367"/>
      <c r="K9635" s="360"/>
      <c r="L9635" s="367"/>
    </row>
    <row r="9636" spans="2:12">
      <c r="B9636" s="367"/>
      <c r="C9636" s="367"/>
      <c r="D9636" s="367"/>
      <c r="E9636" s="367"/>
      <c r="F9636" s="359" t="s">
        <v>14700</v>
      </c>
      <c r="G9636" s="359" t="s">
        <v>14405</v>
      </c>
      <c r="H9636" s="359" t="s">
        <v>14341</v>
      </c>
      <c r="I9636" s="359" t="s">
        <v>14405</v>
      </c>
      <c r="J9636" s="367"/>
      <c r="K9636" s="359" t="s">
        <v>14863</v>
      </c>
      <c r="L9636" s="367"/>
    </row>
    <row r="9637" spans="2:12">
      <c r="B9637" s="367"/>
      <c r="C9637" s="367"/>
      <c r="D9637" s="367"/>
      <c r="E9637" s="367"/>
      <c r="F9637" s="360"/>
      <c r="G9637" s="360"/>
      <c r="H9637" s="360"/>
      <c r="I9637" s="360"/>
      <c r="J9637" s="367"/>
      <c r="K9637" s="360"/>
      <c r="L9637" s="367"/>
    </row>
    <row r="9638" spans="2:12">
      <c r="B9638" s="367"/>
      <c r="C9638" s="367"/>
      <c r="D9638" s="367"/>
      <c r="E9638" s="367"/>
      <c r="F9638" s="359" t="s">
        <v>14656</v>
      </c>
      <c r="G9638" s="359" t="s">
        <v>14579</v>
      </c>
      <c r="H9638" s="359" t="s">
        <v>14370</v>
      </c>
      <c r="I9638" s="359" t="s">
        <v>14579</v>
      </c>
      <c r="J9638" s="367"/>
      <c r="K9638" s="360"/>
      <c r="L9638" s="367"/>
    </row>
    <row r="9639" spans="2:12">
      <c r="B9639" s="367"/>
      <c r="C9639" s="367"/>
      <c r="D9639" s="367"/>
      <c r="E9639" s="367"/>
      <c r="F9639" s="360"/>
      <c r="G9639" s="360"/>
      <c r="H9639" s="360"/>
      <c r="I9639" s="360"/>
      <c r="J9639" s="367"/>
      <c r="K9639" s="360"/>
      <c r="L9639" s="367"/>
    </row>
    <row r="9640" spans="2:12" ht="28.5">
      <c r="B9640" s="367"/>
      <c r="C9640" s="367"/>
      <c r="D9640" s="367"/>
      <c r="E9640" s="367"/>
      <c r="F9640" s="359" t="s">
        <v>29063</v>
      </c>
      <c r="G9640" s="359" t="s">
        <v>14340</v>
      </c>
      <c r="H9640" s="359" t="s">
        <v>14332</v>
      </c>
      <c r="I9640" s="359" t="s">
        <v>14340</v>
      </c>
      <c r="J9640" s="367"/>
      <c r="K9640" s="360"/>
      <c r="L9640" s="367"/>
    </row>
    <row r="9641" spans="2:12">
      <c r="B9641" s="367"/>
      <c r="C9641" s="367"/>
      <c r="D9641" s="367"/>
      <c r="E9641" s="367"/>
      <c r="F9641" s="360"/>
      <c r="G9641" s="360"/>
      <c r="H9641" s="360"/>
      <c r="I9641" s="360"/>
      <c r="J9641" s="367"/>
      <c r="K9641" s="360"/>
      <c r="L9641" s="367"/>
    </row>
    <row r="9642" spans="2:12" ht="28.5">
      <c r="B9642" s="367"/>
      <c r="C9642" s="367"/>
      <c r="D9642" s="367"/>
      <c r="E9642" s="367"/>
      <c r="F9642" s="359" t="s">
        <v>14374</v>
      </c>
      <c r="G9642" s="359" t="s">
        <v>14372</v>
      </c>
      <c r="H9642" s="360"/>
      <c r="I9642" s="359" t="s">
        <v>14373</v>
      </c>
      <c r="J9642" s="367"/>
      <c r="K9642" s="360"/>
      <c r="L9642" s="367"/>
    </row>
    <row r="9643" spans="2:12">
      <c r="B9643" s="367"/>
      <c r="C9643" s="367"/>
      <c r="D9643" s="367"/>
      <c r="E9643" s="367"/>
      <c r="F9643" s="360"/>
      <c r="G9643" s="360"/>
      <c r="H9643" s="360"/>
      <c r="I9643" s="360"/>
      <c r="J9643" s="367"/>
      <c r="K9643" s="360"/>
      <c r="L9643" s="367"/>
    </row>
    <row r="9644" spans="2:12">
      <c r="B9644" s="368"/>
      <c r="C9644" s="368"/>
      <c r="D9644" s="368"/>
      <c r="E9644" s="368"/>
      <c r="F9644" s="362"/>
      <c r="G9644" s="361" t="s">
        <v>14373</v>
      </c>
      <c r="H9644" s="362"/>
      <c r="I9644" s="362"/>
      <c r="J9644" s="368"/>
      <c r="K9644" s="362"/>
      <c r="L9644" s="368"/>
    </row>
    <row r="9645" spans="2:12" ht="28.5">
      <c r="B9645" s="358" t="s">
        <v>19174</v>
      </c>
      <c r="C9645" s="358" t="s">
        <v>30154</v>
      </c>
      <c r="D9645" s="358" t="s">
        <v>19175</v>
      </c>
      <c r="E9645" s="358" t="s">
        <v>19176</v>
      </c>
      <c r="F9645" s="358" t="s">
        <v>14505</v>
      </c>
      <c r="G9645" s="358" t="s">
        <v>14506</v>
      </c>
      <c r="H9645" s="358" t="s">
        <v>14328</v>
      </c>
      <c r="I9645" s="358" t="s">
        <v>14506</v>
      </c>
      <c r="J9645" s="358"/>
      <c r="K9645" s="358"/>
      <c r="L9645" s="358"/>
    </row>
    <row r="9646" spans="2:12">
      <c r="B9646" s="367"/>
      <c r="C9646" s="367"/>
      <c r="D9646" s="360"/>
      <c r="E9646" s="360"/>
      <c r="F9646" s="360"/>
      <c r="G9646" s="360"/>
      <c r="H9646" s="360"/>
      <c r="I9646" s="360"/>
      <c r="J9646" s="365"/>
      <c r="K9646" s="365"/>
      <c r="L9646" s="365"/>
    </row>
    <row r="9647" spans="2:12">
      <c r="B9647" s="367"/>
      <c r="C9647" s="367"/>
      <c r="D9647" s="359" t="s">
        <v>19177</v>
      </c>
      <c r="E9647" s="359" t="s">
        <v>19178</v>
      </c>
      <c r="F9647" s="359" t="s">
        <v>14426</v>
      </c>
      <c r="G9647" s="359" t="s">
        <v>14427</v>
      </c>
      <c r="H9647" s="359" t="s">
        <v>14378</v>
      </c>
      <c r="I9647" s="359" t="s">
        <v>14427</v>
      </c>
      <c r="J9647" s="365"/>
      <c r="K9647" s="365"/>
      <c r="L9647" s="365"/>
    </row>
    <row r="9648" spans="2:12">
      <c r="B9648" s="367"/>
      <c r="C9648" s="367"/>
      <c r="D9648" s="360"/>
      <c r="E9648" s="360"/>
      <c r="F9648" s="360"/>
      <c r="G9648" s="360"/>
      <c r="H9648" s="360"/>
      <c r="I9648" s="360"/>
      <c r="J9648" s="365"/>
      <c r="K9648" s="365"/>
      <c r="L9648" s="365"/>
    </row>
    <row r="9649" spans="2:12" ht="71.25">
      <c r="B9649" s="367"/>
      <c r="C9649" s="367"/>
      <c r="D9649" s="360"/>
      <c r="E9649" s="360"/>
      <c r="F9649" s="359" t="s">
        <v>29095</v>
      </c>
      <c r="G9649" s="359" t="s">
        <v>14380</v>
      </c>
      <c r="H9649" s="359" t="s">
        <v>14381</v>
      </c>
      <c r="I9649" s="359" t="s">
        <v>14380</v>
      </c>
      <c r="J9649" s="365"/>
      <c r="K9649" s="365"/>
      <c r="L9649" s="365"/>
    </row>
    <row r="9650" spans="2:12">
      <c r="B9650" s="367"/>
      <c r="C9650" s="367"/>
      <c r="D9650" s="360"/>
      <c r="E9650" s="360"/>
      <c r="F9650" s="360"/>
      <c r="G9650" s="360"/>
      <c r="H9650" s="360"/>
      <c r="I9650" s="360"/>
      <c r="J9650" s="365"/>
      <c r="K9650" s="365"/>
      <c r="L9650" s="365"/>
    </row>
    <row r="9651" spans="2:12">
      <c r="B9651" s="367"/>
      <c r="C9651" s="367"/>
      <c r="D9651" s="360"/>
      <c r="E9651" s="360"/>
      <c r="F9651" s="359" t="s">
        <v>14389</v>
      </c>
      <c r="G9651" s="359" t="s">
        <v>14579</v>
      </c>
      <c r="H9651" s="359" t="s">
        <v>14341</v>
      </c>
      <c r="I9651" s="359" t="s">
        <v>14579</v>
      </c>
      <c r="J9651" s="365"/>
      <c r="K9651" s="365"/>
      <c r="L9651" s="365"/>
    </row>
    <row r="9652" spans="2:12">
      <c r="B9652" s="367"/>
      <c r="C9652" s="367"/>
      <c r="D9652" s="360"/>
      <c r="E9652" s="360"/>
      <c r="F9652" s="360"/>
      <c r="G9652" s="360"/>
      <c r="H9652" s="360"/>
      <c r="I9652" s="360"/>
      <c r="J9652" s="365"/>
      <c r="K9652" s="365"/>
      <c r="L9652" s="365"/>
    </row>
    <row r="9653" spans="2:12">
      <c r="B9653" s="367"/>
      <c r="C9653" s="367"/>
      <c r="D9653" s="360"/>
      <c r="E9653" s="360"/>
      <c r="F9653" s="359" t="s">
        <v>14430</v>
      </c>
      <c r="G9653" s="359" t="s">
        <v>14383</v>
      </c>
      <c r="H9653" s="359" t="s">
        <v>14370</v>
      </c>
      <c r="I9653" s="359" t="s">
        <v>14383</v>
      </c>
      <c r="J9653" s="365"/>
      <c r="K9653" s="365"/>
      <c r="L9653" s="365"/>
    </row>
    <row r="9654" spans="2:12">
      <c r="B9654" s="367"/>
      <c r="C9654" s="367"/>
      <c r="D9654" s="360"/>
      <c r="E9654" s="360"/>
      <c r="F9654" s="360"/>
      <c r="G9654" s="360"/>
      <c r="H9654" s="360"/>
      <c r="I9654" s="360"/>
      <c r="J9654" s="365"/>
      <c r="K9654" s="365"/>
      <c r="L9654" s="365"/>
    </row>
    <row r="9655" spans="2:12" ht="28.5">
      <c r="B9655" s="367"/>
      <c r="C9655" s="367"/>
      <c r="D9655" s="360"/>
      <c r="E9655" s="360"/>
      <c r="F9655" s="359" t="s">
        <v>14371</v>
      </c>
      <c r="G9655" s="359" t="s">
        <v>28886</v>
      </c>
      <c r="H9655" s="359" t="s">
        <v>14332</v>
      </c>
      <c r="I9655" s="359" t="s">
        <v>28886</v>
      </c>
      <c r="J9655" s="365"/>
      <c r="K9655" s="365"/>
      <c r="L9655" s="365"/>
    </row>
    <row r="9656" spans="2:12">
      <c r="B9656" s="367"/>
      <c r="C9656" s="367"/>
      <c r="D9656" s="360"/>
      <c r="E9656" s="360"/>
      <c r="F9656" s="360"/>
      <c r="G9656" s="360"/>
      <c r="H9656" s="360"/>
      <c r="I9656" s="360"/>
      <c r="J9656" s="365"/>
      <c r="K9656" s="365"/>
      <c r="L9656" s="365"/>
    </row>
    <row r="9657" spans="2:12">
      <c r="B9657" s="367"/>
      <c r="C9657" s="367"/>
      <c r="D9657" s="360"/>
      <c r="E9657" s="360"/>
      <c r="F9657" s="360"/>
      <c r="G9657" s="359" t="s">
        <v>14390</v>
      </c>
      <c r="H9657" s="360"/>
      <c r="I9657" s="359" t="s">
        <v>14390</v>
      </c>
      <c r="J9657" s="365"/>
      <c r="K9657" s="365"/>
      <c r="L9657" s="365"/>
    </row>
    <row r="9658" spans="2:12">
      <c r="B9658" s="367"/>
      <c r="C9658" s="367"/>
      <c r="D9658" s="360"/>
      <c r="E9658" s="360"/>
      <c r="F9658" s="360"/>
      <c r="G9658" s="360"/>
      <c r="H9658" s="360"/>
      <c r="I9658" s="360"/>
      <c r="J9658" s="365"/>
      <c r="K9658" s="365"/>
      <c r="L9658" s="365"/>
    </row>
    <row r="9659" spans="2:12">
      <c r="B9659" s="367"/>
      <c r="C9659" s="367"/>
      <c r="D9659" s="360"/>
      <c r="E9659" s="360"/>
      <c r="F9659" s="360"/>
      <c r="G9659" s="359" t="s">
        <v>14431</v>
      </c>
      <c r="H9659" s="360"/>
      <c r="I9659" s="359" t="s">
        <v>14431</v>
      </c>
      <c r="J9659" s="365"/>
      <c r="K9659" s="365"/>
      <c r="L9659" s="365"/>
    </row>
    <row r="9660" spans="2:12">
      <c r="B9660" s="367"/>
      <c r="C9660" s="367"/>
      <c r="D9660" s="360"/>
      <c r="E9660" s="360"/>
      <c r="F9660" s="360"/>
      <c r="G9660" s="360"/>
      <c r="H9660" s="360"/>
      <c r="I9660" s="360"/>
      <c r="J9660" s="365"/>
      <c r="K9660" s="365"/>
      <c r="L9660" s="365"/>
    </row>
    <row r="9661" spans="2:12">
      <c r="B9661" s="368"/>
      <c r="C9661" s="368"/>
      <c r="D9661" s="362"/>
      <c r="E9661" s="362"/>
      <c r="F9661" s="362"/>
      <c r="G9661" s="361" t="s">
        <v>14372</v>
      </c>
      <c r="H9661" s="362"/>
      <c r="I9661" s="361" t="s">
        <v>14372</v>
      </c>
      <c r="J9661" s="366"/>
      <c r="K9661" s="366"/>
      <c r="L9661" s="366"/>
    </row>
    <row r="9662" spans="2:12">
      <c r="B9662" s="358" t="s">
        <v>19179</v>
      </c>
      <c r="C9662" s="358" t="s">
        <v>19180</v>
      </c>
      <c r="D9662" s="358" t="s">
        <v>19181</v>
      </c>
      <c r="E9662" s="358" t="s">
        <v>19182</v>
      </c>
      <c r="F9662" s="358" t="s">
        <v>14443</v>
      </c>
      <c r="G9662" s="358" t="s">
        <v>14444</v>
      </c>
      <c r="H9662" s="358" t="s">
        <v>14378</v>
      </c>
      <c r="I9662" s="358" t="s">
        <v>14444</v>
      </c>
      <c r="J9662" s="358"/>
      <c r="K9662" s="358"/>
      <c r="L9662" s="358"/>
    </row>
    <row r="9663" spans="2:12">
      <c r="B9663" s="367"/>
      <c r="C9663" s="367"/>
      <c r="D9663" s="367"/>
      <c r="E9663" s="367"/>
      <c r="F9663" s="360"/>
      <c r="G9663" s="360"/>
      <c r="H9663" s="360"/>
      <c r="I9663" s="360"/>
      <c r="J9663" s="365"/>
      <c r="K9663" s="365"/>
      <c r="L9663" s="365"/>
    </row>
    <row r="9664" spans="2:12" ht="28.5">
      <c r="B9664" s="367"/>
      <c r="C9664" s="367"/>
      <c r="D9664" s="367"/>
      <c r="E9664" s="367"/>
      <c r="F9664" s="359" t="s">
        <v>28960</v>
      </c>
      <c r="G9664" s="359" t="s">
        <v>14483</v>
      </c>
      <c r="H9664" s="359" t="s">
        <v>14381</v>
      </c>
      <c r="I9664" s="359" t="s">
        <v>14483</v>
      </c>
      <c r="J9664" s="365"/>
      <c r="K9664" s="365"/>
      <c r="L9664" s="365"/>
    </row>
    <row r="9665" spans="2:12">
      <c r="B9665" s="367"/>
      <c r="C9665" s="367"/>
      <c r="D9665" s="367"/>
      <c r="E9665" s="367"/>
      <c r="F9665" s="360"/>
      <c r="G9665" s="360"/>
      <c r="H9665" s="360"/>
      <c r="I9665" s="360"/>
      <c r="J9665" s="365"/>
      <c r="K9665" s="365"/>
      <c r="L9665" s="365"/>
    </row>
    <row r="9666" spans="2:12">
      <c r="B9666" s="367"/>
      <c r="C9666" s="367"/>
      <c r="D9666" s="367"/>
      <c r="E9666" s="367"/>
      <c r="F9666" s="359" t="s">
        <v>14420</v>
      </c>
      <c r="G9666" s="359" t="s">
        <v>14383</v>
      </c>
      <c r="H9666" s="359" t="s">
        <v>14332</v>
      </c>
      <c r="I9666" s="359" t="s">
        <v>14383</v>
      </c>
      <c r="J9666" s="365"/>
      <c r="K9666" s="365"/>
      <c r="L9666" s="365"/>
    </row>
    <row r="9667" spans="2:12">
      <c r="B9667" s="367"/>
      <c r="C9667" s="367"/>
      <c r="D9667" s="367"/>
      <c r="E9667" s="367"/>
      <c r="F9667" s="360"/>
      <c r="G9667" s="360"/>
      <c r="H9667" s="360"/>
      <c r="I9667" s="360"/>
      <c r="J9667" s="365"/>
      <c r="K9667" s="365"/>
      <c r="L9667" s="365"/>
    </row>
    <row r="9668" spans="2:12">
      <c r="B9668" s="367"/>
      <c r="C9668" s="367"/>
      <c r="D9668" s="367"/>
      <c r="E9668" s="367"/>
      <c r="F9668" s="359" t="s">
        <v>14386</v>
      </c>
      <c r="G9668" s="359" t="s">
        <v>14421</v>
      </c>
      <c r="H9668" s="360"/>
      <c r="I9668" s="359" t="s">
        <v>14421</v>
      </c>
      <c r="J9668" s="365"/>
      <c r="K9668" s="365"/>
      <c r="L9668" s="365"/>
    </row>
    <row r="9669" spans="2:12">
      <c r="B9669" s="367"/>
      <c r="C9669" s="367"/>
      <c r="D9669" s="367"/>
      <c r="E9669" s="367"/>
      <c r="F9669" s="360"/>
      <c r="G9669" s="360"/>
      <c r="H9669" s="360"/>
      <c r="I9669" s="360"/>
      <c r="J9669" s="365"/>
      <c r="K9669" s="365"/>
      <c r="L9669" s="365"/>
    </row>
    <row r="9670" spans="2:12">
      <c r="B9670" s="367"/>
      <c r="C9670" s="367"/>
      <c r="D9670" s="367"/>
      <c r="E9670" s="367"/>
      <c r="F9670" s="359" t="s">
        <v>14368</v>
      </c>
      <c r="G9670" s="359" t="s">
        <v>14387</v>
      </c>
      <c r="H9670" s="360"/>
      <c r="I9670" s="359" t="s">
        <v>14387</v>
      </c>
      <c r="J9670" s="365"/>
      <c r="K9670" s="365"/>
      <c r="L9670" s="365"/>
    </row>
    <row r="9671" spans="2:12">
      <c r="B9671" s="367"/>
      <c r="C9671" s="367"/>
      <c r="D9671" s="367"/>
      <c r="E9671" s="367"/>
      <c r="F9671" s="360"/>
      <c r="G9671" s="360"/>
      <c r="H9671" s="360"/>
      <c r="I9671" s="360"/>
      <c r="J9671" s="365"/>
      <c r="K9671" s="365"/>
      <c r="L9671" s="365"/>
    </row>
    <row r="9672" spans="2:12">
      <c r="B9672" s="367"/>
      <c r="C9672" s="367"/>
      <c r="D9672" s="367"/>
      <c r="E9672" s="367"/>
      <c r="F9672" s="359" t="s">
        <v>14389</v>
      </c>
      <c r="G9672" s="359" t="s">
        <v>14388</v>
      </c>
      <c r="H9672" s="360"/>
      <c r="I9672" s="359" t="s">
        <v>14388</v>
      </c>
      <c r="J9672" s="365"/>
      <c r="K9672" s="365"/>
      <c r="L9672" s="365"/>
    </row>
    <row r="9673" spans="2:12">
      <c r="B9673" s="367"/>
      <c r="C9673" s="367"/>
      <c r="D9673" s="367"/>
      <c r="E9673" s="367"/>
      <c r="F9673" s="360"/>
      <c r="G9673" s="360"/>
      <c r="H9673" s="360"/>
      <c r="I9673" s="360"/>
      <c r="J9673" s="365"/>
      <c r="K9673" s="365"/>
      <c r="L9673" s="365"/>
    </row>
    <row r="9674" spans="2:12">
      <c r="B9674" s="368"/>
      <c r="C9674" s="368"/>
      <c r="D9674" s="368"/>
      <c r="E9674" s="368"/>
      <c r="F9674" s="362"/>
      <c r="G9674" s="361" t="s">
        <v>14390</v>
      </c>
      <c r="H9674" s="362"/>
      <c r="I9674" s="361" t="s">
        <v>14390</v>
      </c>
      <c r="J9674" s="366"/>
      <c r="K9674" s="366"/>
      <c r="L9674" s="366"/>
    </row>
    <row r="9675" spans="2:12">
      <c r="B9675" s="358" t="s">
        <v>19183</v>
      </c>
      <c r="C9675" s="358" t="s">
        <v>30155</v>
      </c>
      <c r="D9675" s="358" t="s">
        <v>19184</v>
      </c>
      <c r="E9675" s="358" t="s">
        <v>19185</v>
      </c>
      <c r="F9675" s="358" t="s">
        <v>14356</v>
      </c>
      <c r="G9675" s="358" t="s">
        <v>14340</v>
      </c>
      <c r="H9675" s="358" t="s">
        <v>14341</v>
      </c>
      <c r="I9675" s="358" t="s">
        <v>14340</v>
      </c>
      <c r="J9675" s="358"/>
      <c r="K9675" s="358"/>
      <c r="L9675" s="358"/>
    </row>
    <row r="9676" spans="2:12">
      <c r="B9676" s="367"/>
      <c r="C9676" s="367"/>
      <c r="D9676" s="367"/>
      <c r="E9676" s="367"/>
      <c r="F9676" s="367"/>
      <c r="G9676" s="367"/>
      <c r="H9676" s="360"/>
      <c r="I9676" s="367"/>
      <c r="J9676" s="365"/>
      <c r="K9676" s="365"/>
      <c r="L9676" s="365"/>
    </row>
    <row r="9677" spans="2:12">
      <c r="B9677" s="368"/>
      <c r="C9677" s="368"/>
      <c r="D9677" s="368"/>
      <c r="E9677" s="368"/>
      <c r="F9677" s="368"/>
      <c r="G9677" s="368"/>
      <c r="H9677" s="361" t="s">
        <v>14332</v>
      </c>
      <c r="I9677" s="368"/>
      <c r="J9677" s="366"/>
      <c r="K9677" s="366"/>
      <c r="L9677" s="366"/>
    </row>
    <row r="9678" spans="2:12">
      <c r="B9678" s="358" t="s">
        <v>19186</v>
      </c>
      <c r="C9678" s="358" t="s">
        <v>19187</v>
      </c>
      <c r="D9678" s="358" t="s">
        <v>19188</v>
      </c>
      <c r="E9678" s="358" t="s">
        <v>19189</v>
      </c>
      <c r="F9678" s="358" t="s">
        <v>14420</v>
      </c>
      <c r="G9678" s="358" t="s">
        <v>14429</v>
      </c>
      <c r="H9678" s="358" t="s">
        <v>14367</v>
      </c>
      <c r="I9678" s="358" t="s">
        <v>14429</v>
      </c>
      <c r="J9678" s="358"/>
      <c r="K9678" s="358"/>
      <c r="L9678" s="358"/>
    </row>
    <row r="9679" spans="2:12">
      <c r="B9679" s="367"/>
      <c r="C9679" s="367"/>
      <c r="D9679" s="367"/>
      <c r="E9679" s="367"/>
      <c r="F9679" s="367"/>
      <c r="G9679" s="367"/>
      <c r="H9679" s="360"/>
      <c r="I9679" s="367"/>
      <c r="J9679" s="365"/>
      <c r="K9679" s="365"/>
      <c r="L9679" s="365"/>
    </row>
    <row r="9680" spans="2:12">
      <c r="B9680" s="368"/>
      <c r="C9680" s="368"/>
      <c r="D9680" s="368"/>
      <c r="E9680" s="368"/>
      <c r="F9680" s="368"/>
      <c r="G9680" s="368"/>
      <c r="H9680" s="361" t="s">
        <v>14422</v>
      </c>
      <c r="I9680" s="368"/>
      <c r="J9680" s="366"/>
      <c r="K9680" s="366"/>
      <c r="L9680" s="366"/>
    </row>
    <row r="9681" spans="2:12">
      <c r="B9681" s="354" t="s">
        <v>14492</v>
      </c>
      <c r="C9681" s="369"/>
      <c r="D9681" s="369"/>
      <c r="E9681" s="369"/>
      <c r="F9681" s="369"/>
      <c r="G9681" s="369"/>
      <c r="H9681" s="369"/>
      <c r="I9681" s="369"/>
      <c r="J9681" s="369"/>
      <c r="K9681" s="369"/>
      <c r="L9681" s="370"/>
    </row>
    <row r="9682" spans="2:12">
      <c r="B9682" s="358" t="s">
        <v>19190</v>
      </c>
      <c r="C9682" s="358" t="s">
        <v>19191</v>
      </c>
      <c r="D9682" s="358" t="s">
        <v>19192</v>
      </c>
      <c r="E9682" s="358" t="s">
        <v>19193</v>
      </c>
      <c r="F9682" s="358" t="s">
        <v>17028</v>
      </c>
      <c r="G9682" s="358" t="s">
        <v>14459</v>
      </c>
      <c r="H9682" s="358" t="s">
        <v>14378</v>
      </c>
      <c r="I9682" s="358" t="s">
        <v>14459</v>
      </c>
      <c r="J9682" s="358"/>
      <c r="K9682" s="358" t="s">
        <v>14655</v>
      </c>
      <c r="L9682" s="358" t="s">
        <v>14611</v>
      </c>
    </row>
    <row r="9683" spans="2:12">
      <c r="B9683" s="367"/>
      <c r="C9683" s="360"/>
      <c r="D9683" s="367"/>
      <c r="E9683" s="367"/>
      <c r="F9683" s="360"/>
      <c r="G9683" s="360"/>
      <c r="H9683" s="360"/>
      <c r="I9683" s="360"/>
      <c r="J9683" s="365"/>
      <c r="K9683" s="360"/>
      <c r="L9683" s="367"/>
    </row>
    <row r="9684" spans="2:12" ht="28.5">
      <c r="B9684" s="367"/>
      <c r="C9684" s="359" t="s">
        <v>19194</v>
      </c>
      <c r="D9684" s="367"/>
      <c r="E9684" s="367"/>
      <c r="F9684" s="359" t="s">
        <v>14656</v>
      </c>
      <c r="G9684" s="359" t="s">
        <v>14383</v>
      </c>
      <c r="H9684" s="359" t="s">
        <v>14370</v>
      </c>
      <c r="I9684" s="359" t="s">
        <v>14383</v>
      </c>
      <c r="J9684" s="365"/>
      <c r="K9684" s="359" t="s">
        <v>14655</v>
      </c>
      <c r="L9684" s="367"/>
    </row>
    <row r="9685" spans="2:12">
      <c r="B9685" s="367"/>
      <c r="C9685" s="360"/>
      <c r="D9685" s="367"/>
      <c r="E9685" s="367"/>
      <c r="F9685" s="360"/>
      <c r="G9685" s="360"/>
      <c r="H9685" s="360"/>
      <c r="I9685" s="360"/>
      <c r="J9685" s="365"/>
      <c r="K9685" s="360"/>
      <c r="L9685" s="367"/>
    </row>
    <row r="9686" spans="2:12">
      <c r="B9686" s="367"/>
      <c r="C9686" s="360"/>
      <c r="D9686" s="367"/>
      <c r="E9686" s="367"/>
      <c r="F9686" s="359" t="s">
        <v>14368</v>
      </c>
      <c r="G9686" s="359" t="s">
        <v>14369</v>
      </c>
      <c r="H9686" s="359" t="s">
        <v>14332</v>
      </c>
      <c r="I9686" s="359" t="s">
        <v>14369</v>
      </c>
      <c r="J9686" s="365"/>
      <c r="K9686" s="360"/>
      <c r="L9686" s="367"/>
    </row>
    <row r="9687" spans="2:12">
      <c r="B9687" s="367"/>
      <c r="C9687" s="360"/>
      <c r="D9687" s="367"/>
      <c r="E9687" s="367"/>
      <c r="F9687" s="360"/>
      <c r="G9687" s="360"/>
      <c r="H9687" s="360"/>
      <c r="I9687" s="360"/>
      <c r="J9687" s="365"/>
      <c r="K9687" s="360"/>
      <c r="L9687" s="367"/>
    </row>
    <row r="9688" spans="2:12">
      <c r="B9688" s="367"/>
      <c r="C9688" s="360"/>
      <c r="D9688" s="367"/>
      <c r="E9688" s="367"/>
      <c r="F9688" s="359" t="s">
        <v>14371</v>
      </c>
      <c r="G9688" s="359" t="s">
        <v>14372</v>
      </c>
      <c r="H9688" s="360"/>
      <c r="I9688" s="359" t="s">
        <v>14373</v>
      </c>
      <c r="J9688" s="365"/>
      <c r="K9688" s="360"/>
      <c r="L9688" s="367"/>
    </row>
    <row r="9689" spans="2:12">
      <c r="B9689" s="367"/>
      <c r="C9689" s="360"/>
      <c r="D9689" s="367"/>
      <c r="E9689" s="367"/>
      <c r="F9689" s="360"/>
      <c r="G9689" s="360"/>
      <c r="H9689" s="360"/>
      <c r="I9689" s="360"/>
      <c r="J9689" s="365"/>
      <c r="K9689" s="360"/>
      <c r="L9689" s="367"/>
    </row>
    <row r="9690" spans="2:12" ht="28.5">
      <c r="B9690" s="368"/>
      <c r="C9690" s="362"/>
      <c r="D9690" s="368"/>
      <c r="E9690" s="368"/>
      <c r="F9690" s="361" t="s">
        <v>14374</v>
      </c>
      <c r="G9690" s="361" t="s">
        <v>14373</v>
      </c>
      <c r="H9690" s="362"/>
      <c r="I9690" s="362"/>
      <c r="J9690" s="366"/>
      <c r="K9690" s="362"/>
      <c r="L9690" s="368"/>
    </row>
    <row r="9691" spans="2:12">
      <c r="B9691" s="354" t="s">
        <v>28528</v>
      </c>
      <c r="C9691" s="369"/>
      <c r="D9691" s="369"/>
      <c r="E9691" s="369"/>
      <c r="F9691" s="369"/>
      <c r="G9691" s="369"/>
      <c r="H9691" s="369"/>
      <c r="I9691" s="369"/>
      <c r="J9691" s="369"/>
      <c r="K9691" s="369"/>
      <c r="L9691" s="370"/>
    </row>
    <row r="9692" spans="2:12" ht="28.5">
      <c r="B9692" s="358" t="s">
        <v>19195</v>
      </c>
      <c r="C9692" s="358" t="s">
        <v>29096</v>
      </c>
      <c r="D9692" s="358" t="s">
        <v>19196</v>
      </c>
      <c r="E9692" s="358" t="s">
        <v>19197</v>
      </c>
      <c r="F9692" s="358" t="s">
        <v>29097</v>
      </c>
      <c r="G9692" s="358" t="s">
        <v>14383</v>
      </c>
      <c r="H9692" s="358" t="s">
        <v>14378</v>
      </c>
      <c r="I9692" s="358" t="s">
        <v>14383</v>
      </c>
      <c r="J9692" s="358"/>
      <c r="K9692" s="358"/>
      <c r="L9692" s="358"/>
    </row>
    <row r="9693" spans="2:12">
      <c r="B9693" s="367"/>
      <c r="C9693" s="367"/>
      <c r="D9693" s="367"/>
      <c r="E9693" s="367"/>
      <c r="F9693" s="360"/>
      <c r="G9693" s="360"/>
      <c r="H9693" s="360"/>
      <c r="I9693" s="360"/>
      <c r="J9693" s="365"/>
      <c r="K9693" s="365"/>
      <c r="L9693" s="365"/>
    </row>
    <row r="9694" spans="2:12">
      <c r="B9694" s="367"/>
      <c r="C9694" s="367"/>
      <c r="D9694" s="367"/>
      <c r="E9694" s="367"/>
      <c r="F9694" s="359" t="s">
        <v>14389</v>
      </c>
      <c r="G9694" s="359" t="s">
        <v>14387</v>
      </c>
      <c r="H9694" s="359" t="s">
        <v>14332</v>
      </c>
      <c r="I9694" s="359" t="s">
        <v>14387</v>
      </c>
      <c r="J9694" s="365"/>
      <c r="K9694" s="365"/>
      <c r="L9694" s="365"/>
    </row>
    <row r="9695" spans="2:12">
      <c r="B9695" s="367"/>
      <c r="C9695" s="367"/>
      <c r="D9695" s="367"/>
      <c r="E9695" s="367"/>
      <c r="F9695" s="360"/>
      <c r="G9695" s="360"/>
      <c r="H9695" s="360"/>
      <c r="I9695" s="360"/>
      <c r="J9695" s="365"/>
      <c r="K9695" s="365"/>
      <c r="L9695" s="365"/>
    </row>
    <row r="9696" spans="2:12">
      <c r="B9696" s="368"/>
      <c r="C9696" s="368"/>
      <c r="D9696" s="368"/>
      <c r="E9696" s="368"/>
      <c r="F9696" s="362"/>
      <c r="G9696" s="361" t="s">
        <v>14390</v>
      </c>
      <c r="H9696" s="362"/>
      <c r="I9696" s="361" t="s">
        <v>14390</v>
      </c>
      <c r="J9696" s="366"/>
      <c r="K9696" s="366"/>
      <c r="L9696" s="366"/>
    </row>
    <row r="9697" spans="2:12">
      <c r="B9697" s="358" t="s">
        <v>19198</v>
      </c>
      <c r="C9697" s="358" t="s">
        <v>29098</v>
      </c>
      <c r="D9697" s="358" t="s">
        <v>19199</v>
      </c>
      <c r="E9697" s="358" t="s">
        <v>19200</v>
      </c>
      <c r="F9697" s="358" t="s">
        <v>14505</v>
      </c>
      <c r="G9697" s="358" t="s">
        <v>14506</v>
      </c>
      <c r="H9697" s="358" t="s">
        <v>14328</v>
      </c>
      <c r="I9697" s="358" t="s">
        <v>14506</v>
      </c>
      <c r="J9697" s="358"/>
      <c r="K9697" s="358"/>
      <c r="L9697" s="358"/>
    </row>
    <row r="9698" spans="2:12">
      <c r="B9698" s="367"/>
      <c r="C9698" s="367"/>
      <c r="D9698" s="367"/>
      <c r="E9698" s="367"/>
      <c r="F9698" s="360"/>
      <c r="G9698" s="360"/>
      <c r="H9698" s="360"/>
      <c r="I9698" s="360"/>
      <c r="J9698" s="365"/>
      <c r="K9698" s="365"/>
      <c r="L9698" s="365"/>
    </row>
    <row r="9699" spans="2:12">
      <c r="B9699" s="367"/>
      <c r="C9699" s="367"/>
      <c r="D9699" s="367"/>
      <c r="E9699" s="367"/>
      <c r="F9699" s="359" t="s">
        <v>14386</v>
      </c>
      <c r="G9699" s="359" t="s">
        <v>14387</v>
      </c>
      <c r="H9699" s="359" t="s">
        <v>14367</v>
      </c>
      <c r="I9699" s="359" t="s">
        <v>14387</v>
      </c>
      <c r="J9699" s="365"/>
      <c r="K9699" s="365"/>
      <c r="L9699" s="365"/>
    </row>
    <row r="9700" spans="2:12">
      <c r="B9700" s="367"/>
      <c r="C9700" s="367"/>
      <c r="D9700" s="367"/>
      <c r="E9700" s="367"/>
      <c r="F9700" s="360"/>
      <c r="G9700" s="360"/>
      <c r="H9700" s="360"/>
      <c r="I9700" s="360"/>
      <c r="J9700" s="365"/>
      <c r="K9700" s="365"/>
      <c r="L9700" s="365"/>
    </row>
    <row r="9701" spans="2:12">
      <c r="B9701" s="368"/>
      <c r="C9701" s="368"/>
      <c r="D9701" s="368"/>
      <c r="E9701" s="368"/>
      <c r="F9701" s="361" t="s">
        <v>14389</v>
      </c>
      <c r="G9701" s="361" t="s">
        <v>14390</v>
      </c>
      <c r="H9701" s="361" t="s">
        <v>14332</v>
      </c>
      <c r="I9701" s="361" t="s">
        <v>14390</v>
      </c>
      <c r="J9701" s="366"/>
      <c r="K9701" s="366"/>
      <c r="L9701" s="366"/>
    </row>
    <row r="9702" spans="2:12">
      <c r="B9702" s="358" t="s">
        <v>19201</v>
      </c>
      <c r="C9702" s="358" t="s">
        <v>29099</v>
      </c>
      <c r="D9702" s="358" t="s">
        <v>19202</v>
      </c>
      <c r="E9702" s="358" t="s">
        <v>19203</v>
      </c>
      <c r="F9702" s="358" t="s">
        <v>14426</v>
      </c>
      <c r="G9702" s="358" t="s">
        <v>14427</v>
      </c>
      <c r="H9702" s="358" t="s">
        <v>14367</v>
      </c>
      <c r="I9702" s="358" t="s">
        <v>14427</v>
      </c>
      <c r="J9702" s="358"/>
      <c r="K9702" s="358" t="s">
        <v>14929</v>
      </c>
      <c r="L9702" s="358" t="s">
        <v>10376</v>
      </c>
    </row>
    <row r="9703" spans="2:12">
      <c r="B9703" s="367"/>
      <c r="C9703" s="367"/>
      <c r="D9703" s="367"/>
      <c r="E9703" s="367"/>
      <c r="F9703" s="360"/>
      <c r="G9703" s="360"/>
      <c r="H9703" s="360"/>
      <c r="I9703" s="360"/>
      <c r="J9703" s="365"/>
      <c r="K9703" s="367"/>
      <c r="L9703" s="367"/>
    </row>
    <row r="9704" spans="2:12">
      <c r="B9704" s="367"/>
      <c r="C9704" s="367"/>
      <c r="D9704" s="367"/>
      <c r="E9704" s="367"/>
      <c r="F9704" s="359" t="s">
        <v>14420</v>
      </c>
      <c r="G9704" s="359" t="s">
        <v>14459</v>
      </c>
      <c r="H9704" s="359" t="s">
        <v>14381</v>
      </c>
      <c r="I9704" s="359" t="s">
        <v>14459</v>
      </c>
      <c r="J9704" s="365"/>
      <c r="K9704" s="367"/>
      <c r="L9704" s="367"/>
    </row>
    <row r="9705" spans="2:12">
      <c r="B9705" s="367"/>
      <c r="C9705" s="367"/>
      <c r="D9705" s="367"/>
      <c r="E9705" s="367"/>
      <c r="F9705" s="360"/>
      <c r="G9705" s="360"/>
      <c r="H9705" s="360"/>
      <c r="I9705" s="360"/>
      <c r="J9705" s="365"/>
      <c r="K9705" s="367"/>
      <c r="L9705" s="367"/>
    </row>
    <row r="9706" spans="2:12">
      <c r="B9706" s="367"/>
      <c r="C9706" s="367"/>
      <c r="D9706" s="367"/>
      <c r="E9706" s="367"/>
      <c r="F9706" s="359" t="s">
        <v>14386</v>
      </c>
      <c r="G9706" s="359" t="s">
        <v>14387</v>
      </c>
      <c r="H9706" s="359" t="s">
        <v>14422</v>
      </c>
      <c r="I9706" s="359" t="s">
        <v>14387</v>
      </c>
      <c r="J9706" s="365"/>
      <c r="K9706" s="367"/>
      <c r="L9706" s="367"/>
    </row>
    <row r="9707" spans="2:12">
      <c r="B9707" s="367"/>
      <c r="C9707" s="367"/>
      <c r="D9707" s="367"/>
      <c r="E9707" s="367"/>
      <c r="F9707" s="360"/>
      <c r="G9707" s="360"/>
      <c r="H9707" s="360"/>
      <c r="I9707" s="360"/>
      <c r="J9707" s="365"/>
      <c r="K9707" s="367"/>
      <c r="L9707" s="367"/>
    </row>
    <row r="9708" spans="2:12">
      <c r="B9708" s="367"/>
      <c r="C9708" s="367"/>
      <c r="D9708" s="367"/>
      <c r="E9708" s="367"/>
      <c r="F9708" s="359" t="s">
        <v>14389</v>
      </c>
      <c r="G9708" s="359" t="s">
        <v>14390</v>
      </c>
      <c r="H9708" s="360"/>
      <c r="I9708" s="359" t="s">
        <v>14390</v>
      </c>
      <c r="J9708" s="365"/>
      <c r="K9708" s="367"/>
      <c r="L9708" s="367"/>
    </row>
    <row r="9709" spans="2:12">
      <c r="B9709" s="367"/>
      <c r="C9709" s="367"/>
      <c r="D9709" s="367"/>
      <c r="E9709" s="367"/>
      <c r="F9709" s="360"/>
      <c r="G9709" s="360"/>
      <c r="H9709" s="360"/>
      <c r="I9709" s="360"/>
      <c r="J9709" s="365"/>
      <c r="K9709" s="367"/>
      <c r="L9709" s="367"/>
    </row>
    <row r="9710" spans="2:12">
      <c r="B9710" s="368"/>
      <c r="C9710" s="368"/>
      <c r="D9710" s="368"/>
      <c r="E9710" s="368"/>
      <c r="F9710" s="361" t="s">
        <v>14391</v>
      </c>
      <c r="G9710" s="361" t="s">
        <v>14392</v>
      </c>
      <c r="H9710" s="362"/>
      <c r="I9710" s="361" t="s">
        <v>14392</v>
      </c>
      <c r="J9710" s="366"/>
      <c r="K9710" s="368"/>
      <c r="L9710" s="368"/>
    </row>
    <row r="9711" spans="2:12">
      <c r="B9711" s="358" t="s">
        <v>19204</v>
      </c>
      <c r="C9711" s="358" t="s">
        <v>19205</v>
      </c>
      <c r="D9711" s="358" t="s">
        <v>19206</v>
      </c>
      <c r="E9711" s="358" t="s">
        <v>19207</v>
      </c>
      <c r="F9711" s="358" t="s">
        <v>14505</v>
      </c>
      <c r="G9711" s="358" t="s">
        <v>14506</v>
      </c>
      <c r="H9711" s="358" t="s">
        <v>14328</v>
      </c>
      <c r="I9711" s="358" t="s">
        <v>14506</v>
      </c>
      <c r="J9711" s="358"/>
      <c r="K9711" s="358"/>
      <c r="L9711" s="358"/>
    </row>
    <row r="9712" spans="2:12">
      <c r="B9712" s="367"/>
      <c r="C9712" s="367"/>
      <c r="D9712" s="367"/>
      <c r="E9712" s="367"/>
      <c r="F9712" s="367"/>
      <c r="G9712" s="367"/>
      <c r="H9712" s="360"/>
      <c r="I9712" s="367"/>
      <c r="J9712" s="365"/>
      <c r="K9712" s="365"/>
      <c r="L9712" s="365"/>
    </row>
    <row r="9713" spans="2:12">
      <c r="B9713" s="368"/>
      <c r="C9713" s="368"/>
      <c r="D9713" s="368"/>
      <c r="E9713" s="368"/>
      <c r="F9713" s="368"/>
      <c r="G9713" s="368"/>
      <c r="H9713" s="361" t="s">
        <v>14332</v>
      </c>
      <c r="I9713" s="368"/>
      <c r="J9713" s="366"/>
      <c r="K9713" s="366"/>
      <c r="L9713" s="366"/>
    </row>
    <row r="9714" spans="2:12">
      <c r="B9714" s="358" t="s">
        <v>19208</v>
      </c>
      <c r="C9714" s="358" t="s">
        <v>29100</v>
      </c>
      <c r="D9714" s="358" t="s">
        <v>19209</v>
      </c>
      <c r="E9714" s="358" t="s">
        <v>19210</v>
      </c>
      <c r="F9714" s="358" t="s">
        <v>14505</v>
      </c>
      <c r="G9714" s="358" t="s">
        <v>14506</v>
      </c>
      <c r="H9714" s="358" t="s">
        <v>14328</v>
      </c>
      <c r="I9714" s="358" t="s">
        <v>14506</v>
      </c>
      <c r="J9714" s="358"/>
      <c r="K9714" s="358"/>
      <c r="L9714" s="358"/>
    </row>
    <row r="9715" spans="2:12">
      <c r="B9715" s="367"/>
      <c r="C9715" s="367"/>
      <c r="D9715" s="367"/>
      <c r="E9715" s="367"/>
      <c r="F9715" s="360"/>
      <c r="G9715" s="360"/>
      <c r="H9715" s="360"/>
      <c r="I9715" s="360"/>
      <c r="J9715" s="365"/>
      <c r="K9715" s="365"/>
      <c r="L9715" s="365"/>
    </row>
    <row r="9716" spans="2:12">
      <c r="B9716" s="367"/>
      <c r="C9716" s="367"/>
      <c r="D9716" s="367"/>
      <c r="E9716" s="367"/>
      <c r="F9716" s="359" t="s">
        <v>14386</v>
      </c>
      <c r="G9716" s="359" t="s">
        <v>14387</v>
      </c>
      <c r="H9716" s="359" t="s">
        <v>14367</v>
      </c>
      <c r="I9716" s="359" t="s">
        <v>14387</v>
      </c>
      <c r="J9716" s="365"/>
      <c r="K9716" s="365"/>
      <c r="L9716" s="365"/>
    </row>
    <row r="9717" spans="2:12">
      <c r="B9717" s="367"/>
      <c r="C9717" s="367"/>
      <c r="D9717" s="367"/>
      <c r="E9717" s="367"/>
      <c r="F9717" s="360"/>
      <c r="G9717" s="360"/>
      <c r="H9717" s="360"/>
      <c r="I9717" s="360"/>
      <c r="J9717" s="365"/>
      <c r="K9717" s="365"/>
      <c r="L9717" s="365"/>
    </row>
    <row r="9718" spans="2:12">
      <c r="B9718" s="367"/>
      <c r="C9718" s="367"/>
      <c r="D9718" s="367"/>
      <c r="E9718" s="367"/>
      <c r="F9718" s="359" t="s">
        <v>14368</v>
      </c>
      <c r="G9718" s="359" t="s">
        <v>14388</v>
      </c>
      <c r="H9718" s="359" t="s">
        <v>14332</v>
      </c>
      <c r="I9718" s="359" t="s">
        <v>14388</v>
      </c>
      <c r="J9718" s="365"/>
      <c r="K9718" s="365"/>
      <c r="L9718" s="365"/>
    </row>
    <row r="9719" spans="2:12">
      <c r="B9719" s="367"/>
      <c r="C9719" s="367"/>
      <c r="D9719" s="367"/>
      <c r="E9719" s="367"/>
      <c r="F9719" s="360"/>
      <c r="G9719" s="360"/>
      <c r="H9719" s="360"/>
      <c r="I9719" s="360"/>
      <c r="J9719" s="365"/>
      <c r="K9719" s="365"/>
      <c r="L9719" s="365"/>
    </row>
    <row r="9720" spans="2:12">
      <c r="B9720" s="368"/>
      <c r="C9720" s="368"/>
      <c r="D9720" s="368"/>
      <c r="E9720" s="368"/>
      <c r="F9720" s="361" t="s">
        <v>14389</v>
      </c>
      <c r="G9720" s="361" t="s">
        <v>14390</v>
      </c>
      <c r="H9720" s="362"/>
      <c r="I9720" s="361" t="s">
        <v>14390</v>
      </c>
      <c r="J9720" s="366"/>
      <c r="K9720" s="366"/>
      <c r="L9720" s="366"/>
    </row>
    <row r="9721" spans="2:12">
      <c r="B9721" s="358" t="s">
        <v>19211</v>
      </c>
      <c r="C9721" s="358" t="s">
        <v>19212</v>
      </c>
      <c r="D9721" s="358" t="s">
        <v>19213</v>
      </c>
      <c r="E9721" s="358" t="s">
        <v>19214</v>
      </c>
      <c r="F9721" s="358" t="s">
        <v>14389</v>
      </c>
      <c r="G9721" s="358" t="s">
        <v>14390</v>
      </c>
      <c r="H9721" s="358" t="s">
        <v>14367</v>
      </c>
      <c r="I9721" s="358" t="s">
        <v>14390</v>
      </c>
      <c r="J9721" s="358"/>
      <c r="K9721" s="358"/>
      <c r="L9721" s="358"/>
    </row>
    <row r="9722" spans="2:12">
      <c r="B9722" s="367"/>
      <c r="C9722" s="367"/>
      <c r="D9722" s="367"/>
      <c r="E9722" s="367"/>
      <c r="F9722" s="360"/>
      <c r="G9722" s="360"/>
      <c r="H9722" s="360"/>
      <c r="I9722" s="360"/>
      <c r="J9722" s="365"/>
      <c r="K9722" s="365"/>
      <c r="L9722" s="365"/>
    </row>
    <row r="9723" spans="2:12">
      <c r="B9723" s="368"/>
      <c r="C9723" s="368"/>
      <c r="D9723" s="368"/>
      <c r="E9723" s="368"/>
      <c r="F9723" s="361" t="s">
        <v>14391</v>
      </c>
      <c r="G9723" s="361" t="s">
        <v>14392</v>
      </c>
      <c r="H9723" s="361" t="s">
        <v>14422</v>
      </c>
      <c r="I9723" s="361" t="s">
        <v>14392</v>
      </c>
      <c r="J9723" s="366"/>
      <c r="K9723" s="366"/>
      <c r="L9723" s="366"/>
    </row>
    <row r="9724" spans="2:12">
      <c r="B9724" s="358" t="s">
        <v>10387</v>
      </c>
      <c r="C9724" s="358" t="s">
        <v>29101</v>
      </c>
      <c r="D9724" s="358" t="s">
        <v>10388</v>
      </c>
      <c r="E9724" s="358" t="s">
        <v>10389</v>
      </c>
      <c r="F9724" s="358" t="s">
        <v>28860</v>
      </c>
      <c r="G9724" s="358" t="s">
        <v>14669</v>
      </c>
      <c r="H9724" s="358" t="s">
        <v>14381</v>
      </c>
      <c r="I9724" s="358" t="s">
        <v>14669</v>
      </c>
      <c r="J9724" s="358"/>
      <c r="K9724" s="358"/>
      <c r="L9724" s="358"/>
    </row>
    <row r="9725" spans="2:12">
      <c r="B9725" s="367"/>
      <c r="C9725" s="367"/>
      <c r="D9725" s="367"/>
      <c r="E9725" s="367"/>
      <c r="F9725" s="360"/>
      <c r="G9725" s="360"/>
      <c r="H9725" s="360"/>
      <c r="I9725" s="360"/>
      <c r="J9725" s="365"/>
      <c r="K9725" s="365"/>
      <c r="L9725" s="365"/>
    </row>
    <row r="9726" spans="2:12">
      <c r="B9726" s="367"/>
      <c r="C9726" s="367"/>
      <c r="D9726" s="367"/>
      <c r="E9726" s="367"/>
      <c r="F9726" s="359" t="s">
        <v>14420</v>
      </c>
      <c r="G9726" s="359" t="s">
        <v>14427</v>
      </c>
      <c r="H9726" s="359" t="s">
        <v>14367</v>
      </c>
      <c r="I9726" s="359" t="s">
        <v>14427</v>
      </c>
      <c r="J9726" s="365"/>
      <c r="K9726" s="365"/>
      <c r="L9726" s="365"/>
    </row>
    <row r="9727" spans="2:12">
      <c r="B9727" s="367"/>
      <c r="C9727" s="367"/>
      <c r="D9727" s="367"/>
      <c r="E9727" s="367"/>
      <c r="F9727" s="360"/>
      <c r="G9727" s="360"/>
      <c r="H9727" s="360"/>
      <c r="I9727" s="360"/>
      <c r="J9727" s="365"/>
      <c r="K9727" s="365"/>
      <c r="L9727" s="365"/>
    </row>
    <row r="9728" spans="2:12">
      <c r="B9728" s="368"/>
      <c r="C9728" s="368"/>
      <c r="D9728" s="368"/>
      <c r="E9728" s="368"/>
      <c r="F9728" s="362"/>
      <c r="G9728" s="361" t="s">
        <v>14429</v>
      </c>
      <c r="H9728" s="361" t="s">
        <v>14332</v>
      </c>
      <c r="I9728" s="361" t="s">
        <v>14429</v>
      </c>
      <c r="J9728" s="366"/>
      <c r="K9728" s="366"/>
      <c r="L9728" s="366"/>
    </row>
    <row r="9729" spans="2:12">
      <c r="B9729" s="358" t="s">
        <v>19215</v>
      </c>
      <c r="C9729" s="358" t="s">
        <v>19216</v>
      </c>
      <c r="D9729" s="358" t="s">
        <v>19217</v>
      </c>
      <c r="E9729" s="358" t="s">
        <v>19218</v>
      </c>
      <c r="F9729" s="358" t="s">
        <v>14391</v>
      </c>
      <c r="G9729" s="358" t="s">
        <v>14392</v>
      </c>
      <c r="H9729" s="358" t="s">
        <v>14367</v>
      </c>
      <c r="I9729" s="358" t="s">
        <v>14392</v>
      </c>
      <c r="J9729" s="358"/>
      <c r="K9729" s="358"/>
      <c r="L9729" s="358"/>
    </row>
    <row r="9730" spans="2:12">
      <c r="B9730" s="367"/>
      <c r="C9730" s="367"/>
      <c r="D9730" s="367"/>
      <c r="E9730" s="367"/>
      <c r="F9730" s="367"/>
      <c r="G9730" s="367"/>
      <c r="H9730" s="360"/>
      <c r="I9730" s="367"/>
      <c r="J9730" s="365"/>
      <c r="K9730" s="365"/>
      <c r="L9730" s="365"/>
    </row>
    <row r="9731" spans="2:12">
      <c r="B9731" s="368"/>
      <c r="C9731" s="368"/>
      <c r="D9731" s="368"/>
      <c r="E9731" s="368"/>
      <c r="F9731" s="368"/>
      <c r="G9731" s="368"/>
      <c r="H9731" s="361" t="s">
        <v>14422</v>
      </c>
      <c r="I9731" s="368"/>
      <c r="J9731" s="366"/>
      <c r="K9731" s="366"/>
      <c r="L9731" s="366"/>
    </row>
    <row r="9732" spans="2:12">
      <c r="B9732" s="354" t="s">
        <v>14492</v>
      </c>
      <c r="C9732" s="369"/>
      <c r="D9732" s="369"/>
      <c r="E9732" s="369"/>
      <c r="F9732" s="369"/>
      <c r="G9732" s="369"/>
      <c r="H9732" s="369"/>
      <c r="I9732" s="369"/>
      <c r="J9732" s="369"/>
      <c r="K9732" s="369"/>
      <c r="L9732" s="370"/>
    </row>
    <row r="9733" spans="2:12" ht="42.75">
      <c r="B9733" s="358" t="s">
        <v>19219</v>
      </c>
      <c r="C9733" s="358" t="s">
        <v>19220</v>
      </c>
      <c r="D9733" s="358" t="s">
        <v>19221</v>
      </c>
      <c r="E9733" s="358" t="s">
        <v>1806</v>
      </c>
      <c r="F9733" s="358" t="s">
        <v>14700</v>
      </c>
      <c r="G9733" s="358" t="s">
        <v>14380</v>
      </c>
      <c r="H9733" s="358" t="s">
        <v>14378</v>
      </c>
      <c r="I9733" s="358" t="s">
        <v>14380</v>
      </c>
      <c r="J9733" s="358" t="s">
        <v>14944</v>
      </c>
      <c r="K9733" s="358" t="s">
        <v>29102</v>
      </c>
      <c r="L9733" s="358"/>
    </row>
    <row r="9734" spans="2:12">
      <c r="B9734" s="367"/>
      <c r="C9734" s="360"/>
      <c r="D9734" s="367"/>
      <c r="E9734" s="367"/>
      <c r="F9734" s="360"/>
      <c r="G9734" s="360"/>
      <c r="H9734" s="360"/>
      <c r="I9734" s="360"/>
      <c r="J9734" s="367"/>
      <c r="K9734" s="360"/>
      <c r="L9734" s="365"/>
    </row>
    <row r="9735" spans="2:12">
      <c r="B9735" s="367"/>
      <c r="C9735" s="359" t="s">
        <v>19222</v>
      </c>
      <c r="D9735" s="367"/>
      <c r="E9735" s="367"/>
      <c r="F9735" s="359" t="s">
        <v>14656</v>
      </c>
      <c r="G9735" s="359" t="s">
        <v>14383</v>
      </c>
      <c r="H9735" s="359" t="s">
        <v>14341</v>
      </c>
      <c r="I9735" s="359" t="s">
        <v>14383</v>
      </c>
      <c r="J9735" s="367"/>
      <c r="K9735" s="359" t="s">
        <v>19144</v>
      </c>
      <c r="L9735" s="365"/>
    </row>
    <row r="9736" spans="2:12">
      <c r="B9736" s="367"/>
      <c r="C9736" s="360"/>
      <c r="D9736" s="367"/>
      <c r="E9736" s="367"/>
      <c r="F9736" s="360"/>
      <c r="G9736" s="360"/>
      <c r="H9736" s="360"/>
      <c r="I9736" s="360"/>
      <c r="J9736" s="367"/>
      <c r="K9736" s="360"/>
      <c r="L9736" s="365"/>
    </row>
    <row r="9737" spans="2:12">
      <c r="B9737" s="367"/>
      <c r="C9737" s="360"/>
      <c r="D9737" s="367"/>
      <c r="E9737" s="367"/>
      <c r="F9737" s="359" t="s">
        <v>14368</v>
      </c>
      <c r="G9737" s="359" t="s">
        <v>14388</v>
      </c>
      <c r="H9737" s="359" t="s">
        <v>14381</v>
      </c>
      <c r="I9737" s="359" t="s">
        <v>14388</v>
      </c>
      <c r="J9737" s="367"/>
      <c r="K9737" s="360"/>
      <c r="L9737" s="365"/>
    </row>
    <row r="9738" spans="2:12">
      <c r="B9738" s="367"/>
      <c r="C9738" s="360"/>
      <c r="D9738" s="367"/>
      <c r="E9738" s="367"/>
      <c r="F9738" s="360"/>
      <c r="G9738" s="360"/>
      <c r="H9738" s="360"/>
      <c r="I9738" s="360"/>
      <c r="J9738" s="367"/>
      <c r="K9738" s="360"/>
      <c r="L9738" s="365"/>
    </row>
    <row r="9739" spans="2:12">
      <c r="B9739" s="367"/>
      <c r="C9739" s="360"/>
      <c r="D9739" s="367"/>
      <c r="E9739" s="367"/>
      <c r="F9739" s="359" t="s">
        <v>14356</v>
      </c>
      <c r="G9739" s="359" t="s">
        <v>14340</v>
      </c>
      <c r="H9739" s="359" t="s">
        <v>14370</v>
      </c>
      <c r="I9739" s="359" t="s">
        <v>14340</v>
      </c>
      <c r="J9739" s="367"/>
      <c r="K9739" s="360"/>
      <c r="L9739" s="365"/>
    </row>
    <row r="9740" spans="2:12">
      <c r="B9740" s="367"/>
      <c r="C9740" s="360"/>
      <c r="D9740" s="367"/>
      <c r="E9740" s="367"/>
      <c r="F9740" s="360"/>
      <c r="G9740" s="360"/>
      <c r="H9740" s="360"/>
      <c r="I9740" s="360"/>
      <c r="J9740" s="367"/>
      <c r="K9740" s="360"/>
      <c r="L9740" s="365"/>
    </row>
    <row r="9741" spans="2:12">
      <c r="B9741" s="367"/>
      <c r="C9741" s="360"/>
      <c r="D9741" s="367"/>
      <c r="E9741" s="367"/>
      <c r="F9741" s="359" t="s">
        <v>14814</v>
      </c>
      <c r="G9741" s="359" t="s">
        <v>14815</v>
      </c>
      <c r="H9741" s="359" t="s">
        <v>14332</v>
      </c>
      <c r="I9741" s="359" t="s">
        <v>14815</v>
      </c>
      <c r="J9741" s="367"/>
      <c r="K9741" s="360"/>
      <c r="L9741" s="365"/>
    </row>
    <row r="9742" spans="2:12">
      <c r="B9742" s="367"/>
      <c r="C9742" s="360"/>
      <c r="D9742" s="367"/>
      <c r="E9742" s="367"/>
      <c r="F9742" s="360"/>
      <c r="G9742" s="360"/>
      <c r="H9742" s="360"/>
      <c r="I9742" s="360"/>
      <c r="J9742" s="367"/>
      <c r="K9742" s="360"/>
      <c r="L9742" s="365"/>
    </row>
    <row r="9743" spans="2:12">
      <c r="B9743" s="367"/>
      <c r="C9743" s="360"/>
      <c r="D9743" s="367"/>
      <c r="E9743" s="367"/>
      <c r="F9743" s="359" t="s">
        <v>17088</v>
      </c>
      <c r="G9743" s="359" t="s">
        <v>14392</v>
      </c>
      <c r="H9743" s="360"/>
      <c r="I9743" s="359" t="s">
        <v>14392</v>
      </c>
      <c r="J9743" s="367"/>
      <c r="K9743" s="360"/>
      <c r="L9743" s="365"/>
    </row>
    <row r="9744" spans="2:12">
      <c r="B9744" s="367"/>
      <c r="C9744" s="360"/>
      <c r="D9744" s="367"/>
      <c r="E9744" s="367"/>
      <c r="F9744" s="360"/>
      <c r="G9744" s="360"/>
      <c r="H9744" s="360"/>
      <c r="I9744" s="360"/>
      <c r="J9744" s="367"/>
      <c r="K9744" s="360"/>
      <c r="L9744" s="365"/>
    </row>
    <row r="9745" spans="2:12">
      <c r="B9745" s="367"/>
      <c r="C9745" s="360"/>
      <c r="D9745" s="367"/>
      <c r="E9745" s="367"/>
      <c r="F9745" s="359" t="s">
        <v>14371</v>
      </c>
      <c r="G9745" s="359" t="s">
        <v>14372</v>
      </c>
      <c r="H9745" s="360"/>
      <c r="I9745" s="359" t="s">
        <v>14373</v>
      </c>
      <c r="J9745" s="367"/>
      <c r="K9745" s="360"/>
      <c r="L9745" s="365"/>
    </row>
    <row r="9746" spans="2:12">
      <c r="B9746" s="367"/>
      <c r="C9746" s="360"/>
      <c r="D9746" s="367"/>
      <c r="E9746" s="367"/>
      <c r="F9746" s="360"/>
      <c r="G9746" s="360"/>
      <c r="H9746" s="360"/>
      <c r="I9746" s="360"/>
      <c r="J9746" s="367"/>
      <c r="K9746" s="360"/>
      <c r="L9746" s="365"/>
    </row>
    <row r="9747" spans="2:12" ht="28.5">
      <c r="B9747" s="368"/>
      <c r="C9747" s="362"/>
      <c r="D9747" s="368"/>
      <c r="E9747" s="368"/>
      <c r="F9747" s="361" t="s">
        <v>14394</v>
      </c>
      <c r="G9747" s="361" t="s">
        <v>14395</v>
      </c>
      <c r="H9747" s="362"/>
      <c r="I9747" s="362"/>
      <c r="J9747" s="368"/>
      <c r="K9747" s="362"/>
      <c r="L9747" s="366"/>
    </row>
    <row r="9748" spans="2:12">
      <c r="B9748" s="354" t="s">
        <v>8444</v>
      </c>
      <c r="C9748" s="369"/>
      <c r="D9748" s="369"/>
      <c r="E9748" s="369"/>
      <c r="F9748" s="369"/>
      <c r="G9748" s="369"/>
      <c r="H9748" s="369"/>
      <c r="I9748" s="369"/>
      <c r="J9748" s="369"/>
      <c r="K9748" s="369"/>
      <c r="L9748" s="370"/>
    </row>
    <row r="9749" spans="2:12">
      <c r="B9749" s="358" t="s">
        <v>19223</v>
      </c>
      <c r="C9749" s="358" t="s">
        <v>19224</v>
      </c>
      <c r="D9749" s="358" t="s">
        <v>19225</v>
      </c>
      <c r="E9749" s="358" t="s">
        <v>1620</v>
      </c>
      <c r="F9749" s="358" t="s">
        <v>14430</v>
      </c>
      <c r="G9749" s="358" t="s">
        <v>14431</v>
      </c>
      <c r="H9749" s="358" t="s">
        <v>14341</v>
      </c>
      <c r="I9749" s="358" t="s">
        <v>14431</v>
      </c>
      <c r="J9749" s="358"/>
      <c r="K9749" s="358" t="s">
        <v>14655</v>
      </c>
      <c r="L9749" s="358"/>
    </row>
    <row r="9750" spans="2:12">
      <c r="B9750" s="367"/>
      <c r="C9750" s="360"/>
      <c r="D9750" s="367"/>
      <c r="E9750" s="367"/>
      <c r="F9750" s="360"/>
      <c r="G9750" s="360"/>
      <c r="H9750" s="360"/>
      <c r="I9750" s="360"/>
      <c r="J9750" s="365"/>
      <c r="K9750" s="360"/>
      <c r="L9750" s="365"/>
    </row>
    <row r="9751" spans="2:12">
      <c r="B9751" s="367"/>
      <c r="C9751" s="359" t="s">
        <v>19226</v>
      </c>
      <c r="D9751" s="367"/>
      <c r="E9751" s="367"/>
      <c r="F9751" s="359" t="s">
        <v>14371</v>
      </c>
      <c r="G9751" s="359" t="s">
        <v>14372</v>
      </c>
      <c r="H9751" s="359" t="s">
        <v>14370</v>
      </c>
      <c r="I9751" s="359" t="s">
        <v>14373</v>
      </c>
      <c r="J9751" s="365"/>
      <c r="K9751" s="359" t="s">
        <v>14655</v>
      </c>
      <c r="L9751" s="365"/>
    </row>
    <row r="9752" spans="2:12">
      <c r="B9752" s="367"/>
      <c r="C9752" s="360"/>
      <c r="D9752" s="367"/>
      <c r="E9752" s="367"/>
      <c r="F9752" s="360"/>
      <c r="G9752" s="360"/>
      <c r="H9752" s="360"/>
      <c r="I9752" s="360"/>
      <c r="J9752" s="365"/>
      <c r="K9752" s="360"/>
      <c r="L9752" s="365"/>
    </row>
    <row r="9753" spans="2:12" ht="28.5">
      <c r="B9753" s="368"/>
      <c r="C9753" s="362"/>
      <c r="D9753" s="368"/>
      <c r="E9753" s="368"/>
      <c r="F9753" s="361" t="s">
        <v>14374</v>
      </c>
      <c r="G9753" s="361" t="s">
        <v>14373</v>
      </c>
      <c r="H9753" s="361" t="s">
        <v>14332</v>
      </c>
      <c r="I9753" s="362"/>
      <c r="J9753" s="366"/>
      <c r="K9753" s="362"/>
      <c r="L9753" s="366"/>
    </row>
    <row r="9754" spans="2:12">
      <c r="B9754" s="354" t="s">
        <v>28528</v>
      </c>
      <c r="C9754" s="369"/>
      <c r="D9754" s="369"/>
      <c r="E9754" s="369"/>
      <c r="F9754" s="369"/>
      <c r="G9754" s="369"/>
      <c r="H9754" s="369"/>
      <c r="I9754" s="369"/>
      <c r="J9754" s="369"/>
      <c r="K9754" s="369"/>
      <c r="L9754" s="370"/>
    </row>
    <row r="9755" spans="2:12">
      <c r="B9755" s="358" t="s">
        <v>19227</v>
      </c>
      <c r="C9755" s="358" t="s">
        <v>19228</v>
      </c>
      <c r="D9755" s="358" t="s">
        <v>19229</v>
      </c>
      <c r="E9755" s="358" t="s">
        <v>19230</v>
      </c>
      <c r="F9755" s="358" t="s">
        <v>14391</v>
      </c>
      <c r="G9755" s="358" t="s">
        <v>14392</v>
      </c>
      <c r="H9755" s="358" t="s">
        <v>14367</v>
      </c>
      <c r="I9755" s="358" t="s">
        <v>14392</v>
      </c>
      <c r="J9755" s="358"/>
      <c r="K9755" s="358"/>
      <c r="L9755" s="358"/>
    </row>
    <row r="9756" spans="2:12">
      <c r="B9756" s="367"/>
      <c r="C9756" s="367"/>
      <c r="D9756" s="367"/>
      <c r="E9756" s="367"/>
      <c r="F9756" s="360"/>
      <c r="G9756" s="360"/>
      <c r="H9756" s="360"/>
      <c r="I9756" s="360"/>
      <c r="J9756" s="365"/>
      <c r="K9756" s="365"/>
      <c r="L9756" s="365"/>
    </row>
    <row r="9757" spans="2:12" ht="28.5">
      <c r="B9757" s="367"/>
      <c r="C9757" s="367"/>
      <c r="D9757" s="367"/>
      <c r="E9757" s="367"/>
      <c r="F9757" s="359" t="s">
        <v>14394</v>
      </c>
      <c r="G9757" s="359" t="s">
        <v>14395</v>
      </c>
      <c r="H9757" s="359" t="s">
        <v>14370</v>
      </c>
      <c r="I9757" s="359" t="s">
        <v>14395</v>
      </c>
      <c r="J9757" s="365"/>
      <c r="K9757" s="365"/>
      <c r="L9757" s="365"/>
    </row>
    <row r="9758" spans="2:12">
      <c r="B9758" s="367"/>
      <c r="C9758" s="367"/>
      <c r="D9758" s="367"/>
      <c r="E9758" s="367"/>
      <c r="F9758" s="360"/>
      <c r="G9758" s="360"/>
      <c r="H9758" s="360"/>
      <c r="I9758" s="360"/>
      <c r="J9758" s="365"/>
      <c r="K9758" s="365"/>
      <c r="L9758" s="365"/>
    </row>
    <row r="9759" spans="2:12">
      <c r="B9759" s="368"/>
      <c r="C9759" s="368"/>
      <c r="D9759" s="368"/>
      <c r="E9759" s="368"/>
      <c r="F9759" s="362"/>
      <c r="G9759" s="362"/>
      <c r="H9759" s="361" t="s">
        <v>14422</v>
      </c>
      <c r="I9759" s="362"/>
      <c r="J9759" s="366"/>
      <c r="K9759" s="366"/>
      <c r="L9759" s="366"/>
    </row>
    <row r="9760" spans="2:12" ht="42.75">
      <c r="B9760" s="358" t="s">
        <v>19231</v>
      </c>
      <c r="C9760" s="358" t="s">
        <v>19232</v>
      </c>
      <c r="D9760" s="358" t="s">
        <v>19233</v>
      </c>
      <c r="E9760" s="358" t="s">
        <v>19234</v>
      </c>
      <c r="F9760" s="358" t="s">
        <v>14443</v>
      </c>
      <c r="G9760" s="358" t="s">
        <v>14444</v>
      </c>
      <c r="H9760" s="358" t="s">
        <v>14378</v>
      </c>
      <c r="I9760" s="358" t="s">
        <v>14444</v>
      </c>
      <c r="J9760" s="358"/>
      <c r="K9760" s="358" t="s">
        <v>29103</v>
      </c>
      <c r="L9760" s="358"/>
    </row>
    <row r="9761" spans="2:12">
      <c r="B9761" s="367"/>
      <c r="C9761" s="367"/>
      <c r="D9761" s="367"/>
      <c r="E9761" s="367"/>
      <c r="F9761" s="360"/>
      <c r="G9761" s="360"/>
      <c r="H9761" s="360"/>
      <c r="I9761" s="360"/>
      <c r="J9761" s="365"/>
      <c r="K9761" s="367"/>
      <c r="L9761" s="365"/>
    </row>
    <row r="9762" spans="2:12" ht="42.75">
      <c r="B9762" s="367"/>
      <c r="C9762" s="367"/>
      <c r="D9762" s="367"/>
      <c r="E9762" s="367"/>
      <c r="F9762" s="359" t="s">
        <v>28950</v>
      </c>
      <c r="G9762" s="359" t="s">
        <v>14380</v>
      </c>
      <c r="H9762" s="359" t="s">
        <v>14381</v>
      </c>
      <c r="I9762" s="359" t="s">
        <v>14380</v>
      </c>
      <c r="J9762" s="365"/>
      <c r="K9762" s="367"/>
      <c r="L9762" s="365"/>
    </row>
    <row r="9763" spans="2:12">
      <c r="B9763" s="367"/>
      <c r="C9763" s="367"/>
      <c r="D9763" s="367"/>
      <c r="E9763" s="367"/>
      <c r="F9763" s="360"/>
      <c r="G9763" s="360"/>
      <c r="H9763" s="360"/>
      <c r="I9763" s="360"/>
      <c r="J9763" s="365"/>
      <c r="K9763" s="367"/>
      <c r="L9763" s="365"/>
    </row>
    <row r="9764" spans="2:12">
      <c r="B9764" s="367"/>
      <c r="C9764" s="367"/>
      <c r="D9764" s="367"/>
      <c r="E9764" s="367"/>
      <c r="F9764" s="359" t="s">
        <v>14356</v>
      </c>
      <c r="G9764" s="359" t="s">
        <v>14579</v>
      </c>
      <c r="H9764" s="359" t="s">
        <v>14341</v>
      </c>
      <c r="I9764" s="359" t="s">
        <v>14579</v>
      </c>
      <c r="J9764" s="365"/>
      <c r="K9764" s="367"/>
      <c r="L9764" s="365"/>
    </row>
    <row r="9765" spans="2:12">
      <c r="B9765" s="367"/>
      <c r="C9765" s="367"/>
      <c r="D9765" s="367"/>
      <c r="E9765" s="367"/>
      <c r="F9765" s="360"/>
      <c r="G9765" s="360"/>
      <c r="H9765" s="360"/>
      <c r="I9765" s="360"/>
      <c r="J9765" s="365"/>
      <c r="K9765" s="367"/>
      <c r="L9765" s="365"/>
    </row>
    <row r="9766" spans="2:12">
      <c r="B9766" s="367"/>
      <c r="C9766" s="367"/>
      <c r="D9766" s="367"/>
      <c r="E9766" s="367"/>
      <c r="F9766" s="359" t="s">
        <v>14371</v>
      </c>
      <c r="G9766" s="359" t="s">
        <v>14383</v>
      </c>
      <c r="H9766" s="359" t="s">
        <v>14370</v>
      </c>
      <c r="I9766" s="359" t="s">
        <v>14383</v>
      </c>
      <c r="J9766" s="365"/>
      <c r="K9766" s="367"/>
      <c r="L9766" s="365"/>
    </row>
    <row r="9767" spans="2:12">
      <c r="B9767" s="367"/>
      <c r="C9767" s="367"/>
      <c r="D9767" s="367"/>
      <c r="E9767" s="367"/>
      <c r="F9767" s="360"/>
      <c r="G9767" s="360"/>
      <c r="H9767" s="360"/>
      <c r="I9767" s="360"/>
      <c r="J9767" s="365"/>
      <c r="K9767" s="367"/>
      <c r="L9767" s="365"/>
    </row>
    <row r="9768" spans="2:12">
      <c r="B9768" s="367"/>
      <c r="C9768" s="367"/>
      <c r="D9768" s="367"/>
      <c r="E9768" s="367"/>
      <c r="F9768" s="360"/>
      <c r="G9768" s="359" t="s">
        <v>14340</v>
      </c>
      <c r="H9768" s="359" t="s">
        <v>14332</v>
      </c>
      <c r="I9768" s="359" t="s">
        <v>14340</v>
      </c>
      <c r="J9768" s="365"/>
      <c r="K9768" s="367"/>
      <c r="L9768" s="365"/>
    </row>
    <row r="9769" spans="2:12">
      <c r="B9769" s="367"/>
      <c r="C9769" s="367"/>
      <c r="D9769" s="367"/>
      <c r="E9769" s="367"/>
      <c r="F9769" s="360"/>
      <c r="G9769" s="360"/>
      <c r="H9769" s="360"/>
      <c r="I9769" s="360"/>
      <c r="J9769" s="365"/>
      <c r="K9769" s="367"/>
      <c r="L9769" s="365"/>
    </row>
    <row r="9770" spans="2:12">
      <c r="B9770" s="368"/>
      <c r="C9770" s="368"/>
      <c r="D9770" s="368"/>
      <c r="E9770" s="368"/>
      <c r="F9770" s="362"/>
      <c r="G9770" s="361" t="s">
        <v>14372</v>
      </c>
      <c r="H9770" s="362"/>
      <c r="I9770" s="361" t="s">
        <v>14372</v>
      </c>
      <c r="J9770" s="366"/>
      <c r="K9770" s="368"/>
      <c r="L9770" s="366"/>
    </row>
    <row r="9771" spans="2:12">
      <c r="B9771" s="358" t="s">
        <v>19235</v>
      </c>
      <c r="C9771" s="358" t="s">
        <v>19236</v>
      </c>
      <c r="D9771" s="358" t="s">
        <v>19237</v>
      </c>
      <c r="E9771" s="358" t="s">
        <v>19238</v>
      </c>
      <c r="F9771" s="358" t="s">
        <v>14389</v>
      </c>
      <c r="G9771" s="358" t="s">
        <v>14390</v>
      </c>
      <c r="H9771" s="358" t="s">
        <v>14367</v>
      </c>
      <c r="I9771" s="358" t="s">
        <v>14390</v>
      </c>
      <c r="J9771" s="358"/>
      <c r="K9771" s="358"/>
      <c r="L9771" s="358"/>
    </row>
    <row r="9772" spans="2:12">
      <c r="B9772" s="367"/>
      <c r="C9772" s="367"/>
      <c r="D9772" s="367"/>
      <c r="E9772" s="367"/>
      <c r="F9772" s="360"/>
      <c r="G9772" s="360"/>
      <c r="H9772" s="360"/>
      <c r="I9772" s="360"/>
      <c r="J9772" s="365"/>
      <c r="K9772" s="365"/>
      <c r="L9772" s="365"/>
    </row>
    <row r="9773" spans="2:12">
      <c r="B9773" s="367"/>
      <c r="C9773" s="367"/>
      <c r="D9773" s="367"/>
      <c r="E9773" s="367"/>
      <c r="F9773" s="359" t="s">
        <v>14391</v>
      </c>
      <c r="G9773" s="359" t="s">
        <v>14392</v>
      </c>
      <c r="H9773" s="359" t="s">
        <v>14370</v>
      </c>
      <c r="I9773" s="359" t="s">
        <v>14392</v>
      </c>
      <c r="J9773" s="365"/>
      <c r="K9773" s="365"/>
      <c r="L9773" s="365"/>
    </row>
    <row r="9774" spans="2:12">
      <c r="B9774" s="367"/>
      <c r="C9774" s="367"/>
      <c r="D9774" s="367"/>
      <c r="E9774" s="367"/>
      <c r="F9774" s="360"/>
      <c r="G9774" s="360"/>
      <c r="H9774" s="360"/>
      <c r="I9774" s="360"/>
      <c r="J9774" s="365"/>
      <c r="K9774" s="365"/>
      <c r="L9774" s="365"/>
    </row>
    <row r="9775" spans="2:12" ht="28.5">
      <c r="B9775" s="368"/>
      <c r="C9775" s="368"/>
      <c r="D9775" s="368"/>
      <c r="E9775" s="368"/>
      <c r="F9775" s="361" t="s">
        <v>14394</v>
      </c>
      <c r="G9775" s="361" t="s">
        <v>14395</v>
      </c>
      <c r="H9775" s="361" t="s">
        <v>14422</v>
      </c>
      <c r="I9775" s="361" t="s">
        <v>14395</v>
      </c>
      <c r="J9775" s="366"/>
      <c r="K9775" s="366"/>
      <c r="L9775" s="366"/>
    </row>
    <row r="9776" spans="2:12" ht="42.75">
      <c r="B9776" s="358" t="s">
        <v>19239</v>
      </c>
      <c r="C9776" s="358" t="s">
        <v>30156</v>
      </c>
      <c r="D9776" s="358" t="s">
        <v>19240</v>
      </c>
      <c r="E9776" s="358" t="s">
        <v>8356</v>
      </c>
      <c r="F9776" s="358" t="s">
        <v>14391</v>
      </c>
      <c r="G9776" s="358" t="s">
        <v>14392</v>
      </c>
      <c r="H9776" s="358" t="s">
        <v>14367</v>
      </c>
      <c r="I9776" s="358" t="s">
        <v>14392</v>
      </c>
      <c r="J9776" s="358"/>
      <c r="K9776" s="358"/>
      <c r="L9776" s="358"/>
    </row>
    <row r="9777" spans="2:12">
      <c r="B9777" s="367"/>
      <c r="C9777" s="367"/>
      <c r="D9777" s="367"/>
      <c r="E9777" s="367"/>
      <c r="F9777" s="360"/>
      <c r="G9777" s="360"/>
      <c r="H9777" s="360"/>
      <c r="I9777" s="360"/>
      <c r="J9777" s="365"/>
      <c r="K9777" s="365"/>
      <c r="L9777" s="365"/>
    </row>
    <row r="9778" spans="2:12" ht="28.5">
      <c r="B9778" s="367"/>
      <c r="C9778" s="367"/>
      <c r="D9778" s="367"/>
      <c r="E9778" s="367"/>
      <c r="F9778" s="359" t="s">
        <v>14394</v>
      </c>
      <c r="G9778" s="359" t="s">
        <v>14395</v>
      </c>
      <c r="H9778" s="359" t="s">
        <v>14370</v>
      </c>
      <c r="I9778" s="359" t="s">
        <v>14395</v>
      </c>
      <c r="J9778" s="365"/>
      <c r="K9778" s="365"/>
      <c r="L9778" s="365"/>
    </row>
    <row r="9779" spans="2:12">
      <c r="B9779" s="367"/>
      <c r="C9779" s="367"/>
      <c r="D9779" s="367"/>
      <c r="E9779" s="367"/>
      <c r="F9779" s="360"/>
      <c r="G9779" s="360"/>
      <c r="H9779" s="360"/>
      <c r="I9779" s="360"/>
      <c r="J9779" s="365"/>
      <c r="K9779" s="365"/>
      <c r="L9779" s="365"/>
    </row>
    <row r="9780" spans="2:12">
      <c r="B9780" s="368"/>
      <c r="C9780" s="368"/>
      <c r="D9780" s="368"/>
      <c r="E9780" s="368"/>
      <c r="F9780" s="362"/>
      <c r="G9780" s="362"/>
      <c r="H9780" s="361" t="s">
        <v>14422</v>
      </c>
      <c r="I9780" s="362"/>
      <c r="J9780" s="366"/>
      <c r="K9780" s="366"/>
      <c r="L9780" s="366"/>
    </row>
    <row r="9781" spans="2:12" ht="28.5">
      <c r="B9781" s="358" t="s">
        <v>19241</v>
      </c>
      <c r="C9781" s="358" t="s">
        <v>19242</v>
      </c>
      <c r="D9781" s="358" t="s">
        <v>19243</v>
      </c>
      <c r="E9781" s="358" t="s">
        <v>19244</v>
      </c>
      <c r="F9781" s="358" t="s">
        <v>14394</v>
      </c>
      <c r="G9781" s="358" t="s">
        <v>14395</v>
      </c>
      <c r="H9781" s="358" t="s">
        <v>14370</v>
      </c>
      <c r="I9781" s="358" t="s">
        <v>14395</v>
      </c>
      <c r="J9781" s="358"/>
      <c r="K9781" s="358"/>
      <c r="L9781" s="358"/>
    </row>
    <row r="9782" spans="2:12">
      <c r="B9782" s="368"/>
      <c r="C9782" s="368"/>
      <c r="D9782" s="368"/>
      <c r="E9782" s="368"/>
      <c r="F9782" s="368"/>
      <c r="G9782" s="368"/>
      <c r="H9782" s="368"/>
      <c r="I9782" s="368"/>
      <c r="J9782" s="366"/>
      <c r="K9782" s="366"/>
      <c r="L9782" s="366"/>
    </row>
    <row r="9783" spans="2:12">
      <c r="B9783" s="358" t="s">
        <v>19245</v>
      </c>
      <c r="C9783" s="358" t="s">
        <v>19246</v>
      </c>
      <c r="D9783" s="358" t="s">
        <v>19247</v>
      </c>
      <c r="E9783" s="358" t="s">
        <v>19248</v>
      </c>
      <c r="F9783" s="358" t="s">
        <v>14391</v>
      </c>
      <c r="G9783" s="358" t="s">
        <v>14392</v>
      </c>
      <c r="H9783" s="358" t="s">
        <v>14367</v>
      </c>
      <c r="I9783" s="358" t="s">
        <v>14392</v>
      </c>
      <c r="J9783" s="358"/>
      <c r="K9783" s="358"/>
      <c r="L9783" s="358"/>
    </row>
    <row r="9784" spans="2:12">
      <c r="B9784" s="367"/>
      <c r="C9784" s="367"/>
      <c r="D9784" s="367"/>
      <c r="E9784" s="367"/>
      <c r="F9784" s="360"/>
      <c r="G9784" s="360"/>
      <c r="H9784" s="360"/>
      <c r="I9784" s="360"/>
      <c r="J9784" s="365"/>
      <c r="K9784" s="365"/>
      <c r="L9784" s="365"/>
    </row>
    <row r="9785" spans="2:12" ht="28.5">
      <c r="B9785" s="367"/>
      <c r="C9785" s="367"/>
      <c r="D9785" s="367"/>
      <c r="E9785" s="367"/>
      <c r="F9785" s="359" t="s">
        <v>14394</v>
      </c>
      <c r="G9785" s="359" t="s">
        <v>14395</v>
      </c>
      <c r="H9785" s="359" t="s">
        <v>14370</v>
      </c>
      <c r="I9785" s="359" t="s">
        <v>14395</v>
      </c>
      <c r="J9785" s="365"/>
      <c r="K9785" s="365"/>
      <c r="L9785" s="365"/>
    </row>
    <row r="9786" spans="2:12">
      <c r="B9786" s="367"/>
      <c r="C9786" s="367"/>
      <c r="D9786" s="367"/>
      <c r="E9786" s="367"/>
      <c r="F9786" s="360"/>
      <c r="G9786" s="360"/>
      <c r="H9786" s="360"/>
      <c r="I9786" s="360"/>
      <c r="J9786" s="365"/>
      <c r="K9786" s="365"/>
      <c r="L9786" s="365"/>
    </row>
    <row r="9787" spans="2:12">
      <c r="B9787" s="368"/>
      <c r="C9787" s="368"/>
      <c r="D9787" s="368"/>
      <c r="E9787" s="368"/>
      <c r="F9787" s="362"/>
      <c r="G9787" s="362"/>
      <c r="H9787" s="361" t="s">
        <v>14422</v>
      </c>
      <c r="I9787" s="362"/>
      <c r="J9787" s="366"/>
      <c r="K9787" s="366"/>
      <c r="L9787" s="366"/>
    </row>
    <row r="9788" spans="2:12">
      <c r="B9788" s="358" t="s">
        <v>19249</v>
      </c>
      <c r="C9788" s="358" t="s">
        <v>27597</v>
      </c>
      <c r="D9788" s="358" t="s">
        <v>19250</v>
      </c>
      <c r="E9788" s="358" t="s">
        <v>19251</v>
      </c>
      <c r="F9788" s="358" t="s">
        <v>14391</v>
      </c>
      <c r="G9788" s="358" t="s">
        <v>14392</v>
      </c>
      <c r="H9788" s="358" t="s">
        <v>14367</v>
      </c>
      <c r="I9788" s="358" t="s">
        <v>14392</v>
      </c>
      <c r="J9788" s="358"/>
      <c r="K9788" s="358"/>
      <c r="L9788" s="358"/>
    </row>
    <row r="9789" spans="2:12">
      <c r="B9789" s="367"/>
      <c r="C9789" s="367"/>
      <c r="D9789" s="367"/>
      <c r="E9789" s="367"/>
      <c r="F9789" s="367"/>
      <c r="G9789" s="367"/>
      <c r="H9789" s="360"/>
      <c r="I9789" s="367"/>
      <c r="J9789" s="365"/>
      <c r="K9789" s="365"/>
      <c r="L9789" s="365"/>
    </row>
    <row r="9790" spans="2:12">
      <c r="B9790" s="368"/>
      <c r="C9790" s="368"/>
      <c r="D9790" s="368"/>
      <c r="E9790" s="368"/>
      <c r="F9790" s="368"/>
      <c r="G9790" s="368"/>
      <c r="H9790" s="361" t="s">
        <v>14422</v>
      </c>
      <c r="I9790" s="368"/>
      <c r="J9790" s="366"/>
      <c r="K9790" s="366"/>
      <c r="L9790" s="366"/>
    </row>
    <row r="9791" spans="2:12" ht="99.75">
      <c r="B9791" s="358" t="s">
        <v>19252</v>
      </c>
      <c r="C9791" s="358" t="s">
        <v>29104</v>
      </c>
      <c r="D9791" s="358" t="s">
        <v>19253</v>
      </c>
      <c r="E9791" s="358" t="s">
        <v>8356</v>
      </c>
      <c r="F9791" s="358" t="s">
        <v>14391</v>
      </c>
      <c r="G9791" s="358" t="s">
        <v>14392</v>
      </c>
      <c r="H9791" s="358" t="s">
        <v>14367</v>
      </c>
      <c r="I9791" s="358" t="s">
        <v>14392</v>
      </c>
      <c r="J9791" s="358"/>
      <c r="K9791" s="358"/>
      <c r="L9791" s="358"/>
    </row>
    <row r="9792" spans="2:12">
      <c r="B9792" s="367"/>
      <c r="C9792" s="367"/>
      <c r="D9792" s="367"/>
      <c r="E9792" s="367"/>
      <c r="F9792" s="367"/>
      <c r="G9792" s="367"/>
      <c r="H9792" s="360"/>
      <c r="I9792" s="367"/>
      <c r="J9792" s="365"/>
      <c r="K9792" s="365"/>
      <c r="L9792" s="365"/>
    </row>
    <row r="9793" spans="2:12">
      <c r="B9793" s="368"/>
      <c r="C9793" s="368"/>
      <c r="D9793" s="368"/>
      <c r="E9793" s="368"/>
      <c r="F9793" s="368"/>
      <c r="G9793" s="368"/>
      <c r="H9793" s="361" t="s">
        <v>14422</v>
      </c>
      <c r="I9793" s="368"/>
      <c r="J9793" s="366"/>
      <c r="K9793" s="366"/>
      <c r="L9793" s="366"/>
    </row>
    <row r="9794" spans="2:12" ht="28.5">
      <c r="B9794" s="358" t="s">
        <v>19254</v>
      </c>
      <c r="C9794" s="358" t="s">
        <v>27598</v>
      </c>
      <c r="D9794" s="358" t="s">
        <v>19255</v>
      </c>
      <c r="E9794" s="358" t="s">
        <v>19256</v>
      </c>
      <c r="F9794" s="358" t="s">
        <v>14391</v>
      </c>
      <c r="G9794" s="358" t="s">
        <v>14392</v>
      </c>
      <c r="H9794" s="358" t="s">
        <v>14367</v>
      </c>
      <c r="I9794" s="358" t="s">
        <v>14392</v>
      </c>
      <c r="J9794" s="358"/>
      <c r="K9794" s="358"/>
      <c r="L9794" s="358"/>
    </row>
    <row r="9795" spans="2:12">
      <c r="B9795" s="367"/>
      <c r="C9795" s="367"/>
      <c r="D9795" s="367"/>
      <c r="E9795" s="367"/>
      <c r="F9795" s="360"/>
      <c r="G9795" s="360"/>
      <c r="H9795" s="360"/>
      <c r="I9795" s="360"/>
      <c r="J9795" s="365"/>
      <c r="K9795" s="365"/>
      <c r="L9795" s="365"/>
    </row>
    <row r="9796" spans="2:12">
      <c r="B9796" s="367"/>
      <c r="C9796" s="367"/>
      <c r="D9796" s="367"/>
      <c r="E9796" s="367"/>
      <c r="F9796" s="359" t="s">
        <v>14371</v>
      </c>
      <c r="G9796" s="359" t="s">
        <v>14372</v>
      </c>
      <c r="H9796" s="359" t="s">
        <v>14370</v>
      </c>
      <c r="I9796" s="359" t="s">
        <v>14373</v>
      </c>
      <c r="J9796" s="365"/>
      <c r="K9796" s="365"/>
      <c r="L9796" s="365"/>
    </row>
    <row r="9797" spans="2:12">
      <c r="B9797" s="367"/>
      <c r="C9797" s="367"/>
      <c r="D9797" s="367"/>
      <c r="E9797" s="367"/>
      <c r="F9797" s="360"/>
      <c r="G9797" s="360"/>
      <c r="H9797" s="360"/>
      <c r="I9797" s="360"/>
      <c r="J9797" s="365"/>
      <c r="K9797" s="365"/>
      <c r="L9797" s="365"/>
    </row>
    <row r="9798" spans="2:12" ht="28.5">
      <c r="B9798" s="368"/>
      <c r="C9798" s="368"/>
      <c r="D9798" s="368"/>
      <c r="E9798" s="368"/>
      <c r="F9798" s="361" t="s">
        <v>14374</v>
      </c>
      <c r="G9798" s="361" t="s">
        <v>14373</v>
      </c>
      <c r="H9798" s="361" t="s">
        <v>14422</v>
      </c>
      <c r="I9798" s="362"/>
      <c r="J9798" s="366"/>
      <c r="K9798" s="366"/>
      <c r="L9798" s="366"/>
    </row>
    <row r="9799" spans="2:12" ht="42.75">
      <c r="B9799" s="358" t="s">
        <v>19257</v>
      </c>
      <c r="C9799" s="358" t="s">
        <v>30157</v>
      </c>
      <c r="D9799" s="358" t="s">
        <v>19258</v>
      </c>
      <c r="E9799" s="358" t="s">
        <v>19259</v>
      </c>
      <c r="F9799" s="358" t="s">
        <v>14389</v>
      </c>
      <c r="G9799" s="358" t="s">
        <v>14390</v>
      </c>
      <c r="H9799" s="358" t="s">
        <v>14367</v>
      </c>
      <c r="I9799" s="358" t="s">
        <v>14390</v>
      </c>
      <c r="J9799" s="358"/>
      <c r="K9799" s="358"/>
      <c r="L9799" s="358"/>
    </row>
    <row r="9800" spans="2:12">
      <c r="B9800" s="367"/>
      <c r="C9800" s="367"/>
      <c r="D9800" s="367"/>
      <c r="E9800" s="367"/>
      <c r="F9800" s="360"/>
      <c r="G9800" s="360"/>
      <c r="H9800" s="360"/>
      <c r="I9800" s="360"/>
      <c r="J9800" s="365"/>
      <c r="K9800" s="365"/>
      <c r="L9800" s="365"/>
    </row>
    <row r="9801" spans="2:12">
      <c r="B9801" s="367"/>
      <c r="C9801" s="367"/>
      <c r="D9801" s="367"/>
      <c r="E9801" s="367"/>
      <c r="F9801" s="359" t="s">
        <v>14371</v>
      </c>
      <c r="G9801" s="359" t="s">
        <v>14372</v>
      </c>
      <c r="H9801" s="359" t="s">
        <v>14370</v>
      </c>
      <c r="I9801" s="359" t="s">
        <v>14373</v>
      </c>
      <c r="J9801" s="365"/>
      <c r="K9801" s="365"/>
      <c r="L9801" s="365"/>
    </row>
    <row r="9802" spans="2:12">
      <c r="B9802" s="367"/>
      <c r="C9802" s="367"/>
      <c r="D9802" s="367"/>
      <c r="E9802" s="367"/>
      <c r="F9802" s="360"/>
      <c r="G9802" s="360"/>
      <c r="H9802" s="360"/>
      <c r="I9802" s="360"/>
      <c r="J9802" s="365"/>
      <c r="K9802" s="365"/>
      <c r="L9802" s="365"/>
    </row>
    <row r="9803" spans="2:12" ht="28.5">
      <c r="B9803" s="368"/>
      <c r="C9803" s="368"/>
      <c r="D9803" s="368"/>
      <c r="E9803" s="368"/>
      <c r="F9803" s="361" t="s">
        <v>14374</v>
      </c>
      <c r="G9803" s="361" t="s">
        <v>14373</v>
      </c>
      <c r="H9803" s="361" t="s">
        <v>14422</v>
      </c>
      <c r="I9803" s="362"/>
      <c r="J9803" s="366"/>
      <c r="K9803" s="366"/>
      <c r="L9803" s="366"/>
    </row>
    <row r="9804" spans="2:12" ht="85.5">
      <c r="B9804" s="358" t="s">
        <v>19260</v>
      </c>
      <c r="C9804" s="358" t="s">
        <v>30158</v>
      </c>
      <c r="D9804" s="358" t="s">
        <v>19261</v>
      </c>
      <c r="E9804" s="358" t="s">
        <v>8356</v>
      </c>
      <c r="F9804" s="358" t="s">
        <v>14391</v>
      </c>
      <c r="G9804" s="358" t="s">
        <v>14392</v>
      </c>
      <c r="H9804" s="358" t="s">
        <v>14367</v>
      </c>
      <c r="I9804" s="358" t="s">
        <v>14392</v>
      </c>
      <c r="J9804" s="358"/>
      <c r="K9804" s="358"/>
      <c r="L9804" s="358"/>
    </row>
    <row r="9805" spans="2:12">
      <c r="B9805" s="367"/>
      <c r="C9805" s="367"/>
      <c r="D9805" s="367"/>
      <c r="E9805" s="367"/>
      <c r="F9805" s="360"/>
      <c r="G9805" s="360"/>
      <c r="H9805" s="360"/>
      <c r="I9805" s="360"/>
      <c r="J9805" s="365"/>
      <c r="K9805" s="365"/>
      <c r="L9805" s="365"/>
    </row>
    <row r="9806" spans="2:12" ht="28.5">
      <c r="B9806" s="367"/>
      <c r="C9806" s="367"/>
      <c r="D9806" s="367"/>
      <c r="E9806" s="367"/>
      <c r="F9806" s="359" t="s">
        <v>14394</v>
      </c>
      <c r="G9806" s="359" t="s">
        <v>14395</v>
      </c>
      <c r="H9806" s="359" t="s">
        <v>14370</v>
      </c>
      <c r="I9806" s="359" t="s">
        <v>14395</v>
      </c>
      <c r="J9806" s="365"/>
      <c r="K9806" s="365"/>
      <c r="L9806" s="365"/>
    </row>
    <row r="9807" spans="2:12">
      <c r="B9807" s="367"/>
      <c r="C9807" s="367"/>
      <c r="D9807" s="367"/>
      <c r="E9807" s="367"/>
      <c r="F9807" s="360"/>
      <c r="G9807" s="360"/>
      <c r="H9807" s="360"/>
      <c r="I9807" s="360"/>
      <c r="J9807" s="365"/>
      <c r="K9807" s="365"/>
      <c r="L9807" s="365"/>
    </row>
    <row r="9808" spans="2:12">
      <c r="B9808" s="368"/>
      <c r="C9808" s="368"/>
      <c r="D9808" s="368"/>
      <c r="E9808" s="368"/>
      <c r="F9808" s="362"/>
      <c r="G9808" s="362"/>
      <c r="H9808" s="361" t="s">
        <v>14422</v>
      </c>
      <c r="I9808" s="362"/>
      <c r="J9808" s="366"/>
      <c r="K9808" s="366"/>
      <c r="L9808" s="366"/>
    </row>
    <row r="9809" spans="2:12" ht="28.5">
      <c r="B9809" s="358" t="s">
        <v>19262</v>
      </c>
      <c r="C9809" s="358" t="s">
        <v>27599</v>
      </c>
      <c r="D9809" s="358" t="s">
        <v>19263</v>
      </c>
      <c r="E9809" s="358" t="s">
        <v>19264</v>
      </c>
      <c r="F9809" s="358" t="s">
        <v>14386</v>
      </c>
      <c r="G9809" s="358" t="s">
        <v>14387</v>
      </c>
      <c r="H9809" s="358" t="s">
        <v>14367</v>
      </c>
      <c r="I9809" s="358" t="s">
        <v>14387</v>
      </c>
      <c r="J9809" s="358"/>
      <c r="K9809" s="358"/>
      <c r="L9809" s="358"/>
    </row>
    <row r="9810" spans="2:12">
      <c r="B9810" s="367"/>
      <c r="C9810" s="367"/>
      <c r="D9810" s="367"/>
      <c r="E9810" s="367"/>
      <c r="F9810" s="360"/>
      <c r="G9810" s="360"/>
      <c r="H9810" s="360"/>
      <c r="I9810" s="360"/>
      <c r="J9810" s="365"/>
      <c r="K9810" s="365"/>
      <c r="L9810" s="365"/>
    </row>
    <row r="9811" spans="2:12">
      <c r="B9811" s="367"/>
      <c r="C9811" s="367"/>
      <c r="D9811" s="367"/>
      <c r="E9811" s="367"/>
      <c r="F9811" s="359" t="s">
        <v>14391</v>
      </c>
      <c r="G9811" s="359" t="s">
        <v>14392</v>
      </c>
      <c r="H9811" s="359" t="s">
        <v>14422</v>
      </c>
      <c r="I9811" s="359" t="s">
        <v>14392</v>
      </c>
      <c r="J9811" s="365"/>
      <c r="K9811" s="365"/>
      <c r="L9811" s="365"/>
    </row>
    <row r="9812" spans="2:12">
      <c r="B9812" s="367"/>
      <c r="C9812" s="367"/>
      <c r="D9812" s="367"/>
      <c r="E9812" s="367"/>
      <c r="F9812" s="360"/>
      <c r="G9812" s="360"/>
      <c r="H9812" s="360"/>
      <c r="I9812" s="360"/>
      <c r="J9812" s="365"/>
      <c r="K9812" s="365"/>
      <c r="L9812" s="365"/>
    </row>
    <row r="9813" spans="2:12" ht="28.5">
      <c r="B9813" s="368"/>
      <c r="C9813" s="368"/>
      <c r="D9813" s="368"/>
      <c r="E9813" s="368"/>
      <c r="F9813" s="361" t="s">
        <v>14462</v>
      </c>
      <c r="G9813" s="361" t="s">
        <v>14463</v>
      </c>
      <c r="H9813" s="362"/>
      <c r="I9813" s="361" t="s">
        <v>14463</v>
      </c>
      <c r="J9813" s="366"/>
      <c r="K9813" s="366"/>
      <c r="L9813" s="366"/>
    </row>
    <row r="9814" spans="2:12">
      <c r="B9814" s="358" t="s">
        <v>19265</v>
      </c>
      <c r="C9814" s="358" t="s">
        <v>19266</v>
      </c>
      <c r="D9814" s="358" t="s">
        <v>19267</v>
      </c>
      <c r="E9814" s="358" t="s">
        <v>19268</v>
      </c>
      <c r="F9814" s="358" t="s">
        <v>14420</v>
      </c>
      <c r="G9814" s="358" t="s">
        <v>14429</v>
      </c>
      <c r="H9814" s="358" t="s">
        <v>14341</v>
      </c>
      <c r="I9814" s="358" t="s">
        <v>14429</v>
      </c>
      <c r="J9814" s="358"/>
      <c r="K9814" s="358"/>
      <c r="L9814" s="358"/>
    </row>
    <row r="9815" spans="2:12">
      <c r="B9815" s="367"/>
      <c r="C9815" s="367"/>
      <c r="D9815" s="367"/>
      <c r="E9815" s="367"/>
      <c r="F9815" s="360"/>
      <c r="G9815" s="360"/>
      <c r="H9815" s="360"/>
      <c r="I9815" s="360"/>
      <c r="J9815" s="365"/>
      <c r="K9815" s="365"/>
      <c r="L9815" s="365"/>
    </row>
    <row r="9816" spans="2:12">
      <c r="B9816" s="367"/>
      <c r="C9816" s="367"/>
      <c r="D9816" s="367"/>
      <c r="E9816" s="367"/>
      <c r="F9816" s="359" t="s">
        <v>14430</v>
      </c>
      <c r="G9816" s="359" t="s">
        <v>14431</v>
      </c>
      <c r="H9816" s="359" t="s">
        <v>14367</v>
      </c>
      <c r="I9816" s="359" t="s">
        <v>14431</v>
      </c>
      <c r="J9816" s="365"/>
      <c r="K9816" s="365"/>
      <c r="L9816" s="365"/>
    </row>
    <row r="9817" spans="2:12">
      <c r="B9817" s="367"/>
      <c r="C9817" s="367"/>
      <c r="D9817" s="367"/>
      <c r="E9817" s="367"/>
      <c r="F9817" s="360"/>
      <c r="G9817" s="360"/>
      <c r="H9817" s="360"/>
      <c r="I9817" s="360"/>
      <c r="J9817" s="365"/>
      <c r="K9817" s="365"/>
      <c r="L9817" s="365"/>
    </row>
    <row r="9818" spans="2:12">
      <c r="B9818" s="368"/>
      <c r="C9818" s="368"/>
      <c r="D9818" s="368"/>
      <c r="E9818" s="368"/>
      <c r="F9818" s="362"/>
      <c r="G9818" s="362"/>
      <c r="H9818" s="361" t="s">
        <v>14332</v>
      </c>
      <c r="I9818" s="362"/>
      <c r="J9818" s="366"/>
      <c r="K9818" s="366"/>
      <c r="L9818" s="366"/>
    </row>
    <row r="9819" spans="2:12" ht="28.5">
      <c r="B9819" s="358" t="s">
        <v>19269</v>
      </c>
      <c r="C9819" s="358" t="s">
        <v>30159</v>
      </c>
      <c r="D9819" s="358" t="s">
        <v>19270</v>
      </c>
      <c r="E9819" s="358" t="s">
        <v>19271</v>
      </c>
      <c r="F9819" s="358" t="s">
        <v>14462</v>
      </c>
      <c r="G9819" s="358" t="s">
        <v>14463</v>
      </c>
      <c r="H9819" s="358" t="s">
        <v>8356</v>
      </c>
      <c r="I9819" s="358" t="s">
        <v>14463</v>
      </c>
      <c r="J9819" s="358"/>
      <c r="K9819" s="358"/>
      <c r="L9819" s="358"/>
    </row>
    <row r="9820" spans="2:12">
      <c r="B9820" s="368"/>
      <c r="C9820" s="368"/>
      <c r="D9820" s="368"/>
      <c r="E9820" s="368"/>
      <c r="F9820" s="368"/>
      <c r="G9820" s="368"/>
      <c r="H9820" s="368"/>
      <c r="I9820" s="368"/>
      <c r="J9820" s="366"/>
      <c r="K9820" s="366"/>
      <c r="L9820" s="366"/>
    </row>
    <row r="9821" spans="2:12">
      <c r="B9821" s="358" t="s">
        <v>19272</v>
      </c>
      <c r="C9821" s="358" t="s">
        <v>19273</v>
      </c>
      <c r="D9821" s="358" t="s">
        <v>19274</v>
      </c>
      <c r="E9821" s="358" t="s">
        <v>19275</v>
      </c>
      <c r="F9821" s="358" t="s">
        <v>14420</v>
      </c>
      <c r="G9821" s="358" t="s">
        <v>14429</v>
      </c>
      <c r="H9821" s="358" t="s">
        <v>14367</v>
      </c>
      <c r="I9821" s="358" t="s">
        <v>14429</v>
      </c>
      <c r="J9821" s="358"/>
      <c r="K9821" s="358"/>
      <c r="L9821" s="358"/>
    </row>
    <row r="9822" spans="2:12">
      <c r="B9822" s="367"/>
      <c r="C9822" s="367"/>
      <c r="D9822" s="367"/>
      <c r="E9822" s="367"/>
      <c r="F9822" s="360"/>
      <c r="G9822" s="360"/>
      <c r="H9822" s="360"/>
      <c r="I9822" s="360"/>
      <c r="J9822" s="365"/>
      <c r="K9822" s="365"/>
      <c r="L9822" s="365"/>
    </row>
    <row r="9823" spans="2:12">
      <c r="B9823" s="367"/>
      <c r="C9823" s="367"/>
      <c r="D9823" s="367"/>
      <c r="E9823" s="367"/>
      <c r="F9823" s="359" t="s">
        <v>14389</v>
      </c>
      <c r="G9823" s="359" t="s">
        <v>14390</v>
      </c>
      <c r="H9823" s="359" t="s">
        <v>14370</v>
      </c>
      <c r="I9823" s="359" t="s">
        <v>14390</v>
      </c>
      <c r="J9823" s="365"/>
      <c r="K9823" s="365"/>
      <c r="L9823" s="365"/>
    </row>
    <row r="9824" spans="2:12">
      <c r="B9824" s="367"/>
      <c r="C9824" s="367"/>
      <c r="D9824" s="367"/>
      <c r="E9824" s="367"/>
      <c r="F9824" s="360"/>
      <c r="G9824" s="360"/>
      <c r="H9824" s="360"/>
      <c r="I9824" s="360"/>
      <c r="J9824" s="365"/>
      <c r="K9824" s="365"/>
      <c r="L9824" s="365"/>
    </row>
    <row r="9825" spans="2:12">
      <c r="B9825" s="367"/>
      <c r="C9825" s="367"/>
      <c r="D9825" s="367"/>
      <c r="E9825" s="367"/>
      <c r="F9825" s="359" t="s">
        <v>14391</v>
      </c>
      <c r="G9825" s="359" t="s">
        <v>14392</v>
      </c>
      <c r="H9825" s="359" t="s">
        <v>14422</v>
      </c>
      <c r="I9825" s="359" t="s">
        <v>14392</v>
      </c>
      <c r="J9825" s="365"/>
      <c r="K9825" s="365"/>
      <c r="L9825" s="365"/>
    </row>
    <row r="9826" spans="2:12">
      <c r="B9826" s="367"/>
      <c r="C9826" s="367"/>
      <c r="D9826" s="367"/>
      <c r="E9826" s="367"/>
      <c r="F9826" s="360"/>
      <c r="G9826" s="360"/>
      <c r="H9826" s="360"/>
      <c r="I9826" s="360"/>
      <c r="J9826" s="365"/>
      <c r="K9826" s="365"/>
      <c r="L9826" s="365"/>
    </row>
    <row r="9827" spans="2:12" ht="28.5">
      <c r="B9827" s="368"/>
      <c r="C9827" s="368"/>
      <c r="D9827" s="368"/>
      <c r="E9827" s="368"/>
      <c r="F9827" s="361" t="s">
        <v>14394</v>
      </c>
      <c r="G9827" s="361" t="s">
        <v>14395</v>
      </c>
      <c r="H9827" s="362"/>
      <c r="I9827" s="361" t="s">
        <v>14395</v>
      </c>
      <c r="J9827" s="366"/>
      <c r="K9827" s="366"/>
      <c r="L9827" s="366"/>
    </row>
    <row r="9828" spans="2:12">
      <c r="B9828" s="358" t="s">
        <v>19276</v>
      </c>
      <c r="C9828" s="358" t="s">
        <v>19277</v>
      </c>
      <c r="D9828" s="358" t="s">
        <v>19278</v>
      </c>
      <c r="E9828" s="358" t="s">
        <v>19279</v>
      </c>
      <c r="F9828" s="358" t="s">
        <v>14420</v>
      </c>
      <c r="G9828" s="358" t="s">
        <v>14429</v>
      </c>
      <c r="H9828" s="358" t="s">
        <v>14341</v>
      </c>
      <c r="I9828" s="358" t="s">
        <v>14429</v>
      </c>
      <c r="J9828" s="358"/>
      <c r="K9828" s="358"/>
      <c r="L9828" s="358"/>
    </row>
    <row r="9829" spans="2:12">
      <c r="B9829" s="367"/>
      <c r="C9829" s="367"/>
      <c r="D9829" s="367"/>
      <c r="E9829" s="367"/>
      <c r="F9829" s="360"/>
      <c r="G9829" s="360"/>
      <c r="H9829" s="360"/>
      <c r="I9829" s="360"/>
      <c r="J9829" s="365"/>
      <c r="K9829" s="365"/>
      <c r="L9829" s="365"/>
    </row>
    <row r="9830" spans="2:12">
      <c r="B9830" s="367"/>
      <c r="C9830" s="367"/>
      <c r="D9830" s="367"/>
      <c r="E9830" s="367"/>
      <c r="F9830" s="359" t="s">
        <v>14430</v>
      </c>
      <c r="G9830" s="359" t="s">
        <v>14431</v>
      </c>
      <c r="H9830" s="359" t="s">
        <v>14367</v>
      </c>
      <c r="I9830" s="359" t="s">
        <v>14431</v>
      </c>
      <c r="J9830" s="365"/>
      <c r="K9830" s="365"/>
      <c r="L9830" s="365"/>
    </row>
    <row r="9831" spans="2:12">
      <c r="B9831" s="367"/>
      <c r="C9831" s="367"/>
      <c r="D9831" s="367"/>
      <c r="E9831" s="367"/>
      <c r="F9831" s="360"/>
      <c r="G9831" s="360"/>
      <c r="H9831" s="360"/>
      <c r="I9831" s="360"/>
      <c r="J9831" s="365"/>
      <c r="K9831" s="365"/>
      <c r="L9831" s="365"/>
    </row>
    <row r="9832" spans="2:12">
      <c r="B9832" s="368"/>
      <c r="C9832" s="368"/>
      <c r="D9832" s="368"/>
      <c r="E9832" s="368"/>
      <c r="F9832" s="361" t="s">
        <v>14391</v>
      </c>
      <c r="G9832" s="361" t="s">
        <v>14392</v>
      </c>
      <c r="H9832" s="361" t="s">
        <v>14332</v>
      </c>
      <c r="I9832" s="361" t="s">
        <v>14392</v>
      </c>
      <c r="J9832" s="366"/>
      <c r="K9832" s="366"/>
      <c r="L9832" s="366"/>
    </row>
    <row r="9833" spans="2:12">
      <c r="B9833" s="354" t="s">
        <v>14492</v>
      </c>
      <c r="C9833" s="369"/>
      <c r="D9833" s="369"/>
      <c r="E9833" s="369"/>
      <c r="F9833" s="369"/>
      <c r="G9833" s="369"/>
      <c r="H9833" s="369"/>
      <c r="I9833" s="369"/>
      <c r="J9833" s="369"/>
      <c r="K9833" s="369"/>
      <c r="L9833" s="370"/>
    </row>
    <row r="9834" spans="2:12" ht="71.25">
      <c r="B9834" s="358" t="s">
        <v>19280</v>
      </c>
      <c r="C9834" s="358" t="s">
        <v>19281</v>
      </c>
      <c r="D9834" s="358" t="s">
        <v>18759</v>
      </c>
      <c r="E9834" s="358" t="s">
        <v>19282</v>
      </c>
      <c r="F9834" s="358" t="s">
        <v>17088</v>
      </c>
      <c r="G9834" s="358" t="s">
        <v>14392</v>
      </c>
      <c r="H9834" s="358" t="s">
        <v>14367</v>
      </c>
      <c r="I9834" s="358" t="s">
        <v>14392</v>
      </c>
      <c r="J9834" s="358"/>
      <c r="K9834" s="358"/>
      <c r="L9834" s="358"/>
    </row>
    <row r="9835" spans="2:12">
      <c r="B9835" s="367"/>
      <c r="C9835" s="360"/>
      <c r="D9835" s="360"/>
      <c r="E9835" s="360"/>
      <c r="F9835" s="367"/>
      <c r="G9835" s="367"/>
      <c r="H9835" s="360"/>
      <c r="I9835" s="367"/>
      <c r="J9835" s="365"/>
      <c r="K9835" s="365"/>
      <c r="L9835" s="365"/>
    </row>
    <row r="9836" spans="2:12" ht="28.5">
      <c r="B9836" s="367"/>
      <c r="C9836" s="359" t="s">
        <v>19283</v>
      </c>
      <c r="D9836" s="359" t="s">
        <v>19284</v>
      </c>
      <c r="E9836" s="359" t="s">
        <v>19285</v>
      </c>
      <c r="F9836" s="367"/>
      <c r="G9836" s="367"/>
      <c r="H9836" s="359" t="s">
        <v>14422</v>
      </c>
      <c r="I9836" s="367"/>
      <c r="J9836" s="365"/>
      <c r="K9836" s="365"/>
      <c r="L9836" s="365"/>
    </row>
    <row r="9837" spans="2:12">
      <c r="B9837" s="367"/>
      <c r="C9837" s="360"/>
      <c r="D9837" s="360"/>
      <c r="E9837" s="360"/>
      <c r="F9837" s="367"/>
      <c r="G9837" s="367"/>
      <c r="H9837" s="360"/>
      <c r="I9837" s="367"/>
      <c r="J9837" s="365"/>
      <c r="K9837" s="365"/>
      <c r="L9837" s="365"/>
    </row>
    <row r="9838" spans="2:12" ht="28.5">
      <c r="B9838" s="368"/>
      <c r="C9838" s="361" t="s">
        <v>19286</v>
      </c>
      <c r="D9838" s="361" t="s">
        <v>19287</v>
      </c>
      <c r="E9838" s="361" t="s">
        <v>19288</v>
      </c>
      <c r="F9838" s="368"/>
      <c r="G9838" s="368"/>
      <c r="H9838" s="362"/>
      <c r="I9838" s="368"/>
      <c r="J9838" s="366"/>
      <c r="K9838" s="366"/>
      <c r="L9838" s="366"/>
    </row>
    <row r="9839" spans="2:12">
      <c r="B9839" s="354" t="s">
        <v>28528</v>
      </c>
      <c r="C9839" s="369"/>
      <c r="D9839" s="369"/>
      <c r="E9839" s="369"/>
      <c r="F9839" s="369"/>
      <c r="G9839" s="369"/>
      <c r="H9839" s="369"/>
      <c r="I9839" s="369"/>
      <c r="J9839" s="369"/>
      <c r="K9839" s="369"/>
      <c r="L9839" s="370"/>
    </row>
    <row r="9840" spans="2:12">
      <c r="B9840" s="358" t="s">
        <v>19289</v>
      </c>
      <c r="C9840" s="358" t="s">
        <v>29105</v>
      </c>
      <c r="D9840" s="358" t="s">
        <v>19290</v>
      </c>
      <c r="E9840" s="358" t="s">
        <v>19291</v>
      </c>
      <c r="F9840" s="358" t="s">
        <v>14505</v>
      </c>
      <c r="G9840" s="358" t="s">
        <v>14506</v>
      </c>
      <c r="H9840" s="358" t="s">
        <v>14328</v>
      </c>
      <c r="I9840" s="358" t="s">
        <v>14506</v>
      </c>
      <c r="J9840" s="358" t="s">
        <v>17309</v>
      </c>
      <c r="K9840" s="358"/>
      <c r="L9840" s="358"/>
    </row>
    <row r="9841" spans="2:12">
      <c r="B9841" s="367"/>
      <c r="C9841" s="367"/>
      <c r="D9841" s="367"/>
      <c r="E9841" s="367"/>
      <c r="F9841" s="360"/>
      <c r="G9841" s="360"/>
      <c r="H9841" s="360"/>
      <c r="I9841" s="360"/>
      <c r="J9841" s="367"/>
      <c r="K9841" s="365"/>
      <c r="L9841" s="365"/>
    </row>
    <row r="9842" spans="2:12">
      <c r="B9842" s="367"/>
      <c r="C9842" s="367"/>
      <c r="D9842" s="367"/>
      <c r="E9842" s="367"/>
      <c r="F9842" s="359" t="s">
        <v>14386</v>
      </c>
      <c r="G9842" s="359" t="s">
        <v>14387</v>
      </c>
      <c r="H9842" s="359" t="s">
        <v>14367</v>
      </c>
      <c r="I9842" s="359" t="s">
        <v>14387</v>
      </c>
      <c r="J9842" s="367"/>
      <c r="K9842" s="365"/>
      <c r="L9842" s="365"/>
    </row>
    <row r="9843" spans="2:12">
      <c r="B9843" s="367"/>
      <c r="C9843" s="367"/>
      <c r="D9843" s="367"/>
      <c r="E9843" s="367"/>
      <c r="F9843" s="360"/>
      <c r="G9843" s="360"/>
      <c r="H9843" s="360"/>
      <c r="I9843" s="360"/>
      <c r="J9843" s="367"/>
      <c r="K9843" s="365"/>
      <c r="L9843" s="365"/>
    </row>
    <row r="9844" spans="2:12">
      <c r="B9844" s="368"/>
      <c r="C9844" s="368"/>
      <c r="D9844" s="368"/>
      <c r="E9844" s="368"/>
      <c r="F9844" s="361" t="s">
        <v>14368</v>
      </c>
      <c r="G9844" s="361" t="s">
        <v>14369</v>
      </c>
      <c r="H9844" s="361" t="s">
        <v>14332</v>
      </c>
      <c r="I9844" s="361" t="s">
        <v>14369</v>
      </c>
      <c r="J9844" s="368"/>
      <c r="K9844" s="366"/>
      <c r="L9844" s="366"/>
    </row>
    <row r="9845" spans="2:12">
      <c r="B9845" s="358" t="s">
        <v>19292</v>
      </c>
      <c r="C9845" s="358" t="s">
        <v>29106</v>
      </c>
      <c r="D9845" s="358" t="s">
        <v>19293</v>
      </c>
      <c r="E9845" s="358" t="s">
        <v>19294</v>
      </c>
      <c r="F9845" s="358" t="s">
        <v>14505</v>
      </c>
      <c r="G9845" s="358" t="s">
        <v>14506</v>
      </c>
      <c r="H9845" s="358" t="s">
        <v>14328</v>
      </c>
      <c r="I9845" s="358" t="s">
        <v>14506</v>
      </c>
      <c r="J9845" s="358" t="s">
        <v>17309</v>
      </c>
      <c r="K9845" s="358"/>
      <c r="L9845" s="358"/>
    </row>
    <row r="9846" spans="2:12">
      <c r="B9846" s="367"/>
      <c r="C9846" s="367"/>
      <c r="D9846" s="367"/>
      <c r="E9846" s="367"/>
      <c r="F9846" s="360"/>
      <c r="G9846" s="360"/>
      <c r="H9846" s="360"/>
      <c r="I9846" s="360"/>
      <c r="J9846" s="367"/>
      <c r="K9846" s="365"/>
      <c r="L9846" s="365"/>
    </row>
    <row r="9847" spans="2:12">
      <c r="B9847" s="367"/>
      <c r="C9847" s="367"/>
      <c r="D9847" s="367"/>
      <c r="E9847" s="367"/>
      <c r="F9847" s="359" t="s">
        <v>14386</v>
      </c>
      <c r="G9847" s="359" t="s">
        <v>14387</v>
      </c>
      <c r="H9847" s="359" t="s">
        <v>14367</v>
      </c>
      <c r="I9847" s="359" t="s">
        <v>14387</v>
      </c>
      <c r="J9847" s="367"/>
      <c r="K9847" s="365"/>
      <c r="L9847" s="365"/>
    </row>
    <row r="9848" spans="2:12">
      <c r="B9848" s="367"/>
      <c r="C9848" s="367"/>
      <c r="D9848" s="367"/>
      <c r="E9848" s="367"/>
      <c r="F9848" s="360"/>
      <c r="G9848" s="360"/>
      <c r="H9848" s="360"/>
      <c r="I9848" s="360"/>
      <c r="J9848" s="367"/>
      <c r="K9848" s="365"/>
      <c r="L9848" s="365"/>
    </row>
    <row r="9849" spans="2:12">
      <c r="B9849" s="368"/>
      <c r="C9849" s="368"/>
      <c r="D9849" s="368"/>
      <c r="E9849" s="368"/>
      <c r="F9849" s="361" t="s">
        <v>14368</v>
      </c>
      <c r="G9849" s="361" t="s">
        <v>14369</v>
      </c>
      <c r="H9849" s="361" t="s">
        <v>14332</v>
      </c>
      <c r="I9849" s="361" t="s">
        <v>14369</v>
      </c>
      <c r="J9849" s="368"/>
      <c r="K9849" s="366"/>
      <c r="L9849" s="366"/>
    </row>
    <row r="9850" spans="2:12">
      <c r="B9850" s="358" t="s">
        <v>19295</v>
      </c>
      <c r="C9850" s="358" t="s">
        <v>29107</v>
      </c>
      <c r="D9850" s="358" t="s">
        <v>19296</v>
      </c>
      <c r="E9850" s="358" t="s">
        <v>19297</v>
      </c>
      <c r="F9850" s="358" t="s">
        <v>14418</v>
      </c>
      <c r="G9850" s="358" t="s">
        <v>14419</v>
      </c>
      <c r="H9850" s="358" t="s">
        <v>14328</v>
      </c>
      <c r="I9850" s="358" t="s">
        <v>14419</v>
      </c>
      <c r="J9850" s="358"/>
      <c r="K9850" s="358"/>
      <c r="L9850" s="358"/>
    </row>
    <row r="9851" spans="2:12">
      <c r="B9851" s="367"/>
      <c r="C9851" s="367"/>
      <c r="D9851" s="367"/>
      <c r="E9851" s="367"/>
      <c r="F9851" s="360"/>
      <c r="G9851" s="360"/>
      <c r="H9851" s="360"/>
      <c r="I9851" s="360"/>
      <c r="J9851" s="365"/>
      <c r="K9851" s="365"/>
      <c r="L9851" s="365"/>
    </row>
    <row r="9852" spans="2:12">
      <c r="B9852" s="367"/>
      <c r="C9852" s="367"/>
      <c r="D9852" s="367"/>
      <c r="E9852" s="367"/>
      <c r="F9852" s="359" t="s">
        <v>14420</v>
      </c>
      <c r="G9852" s="359" t="s">
        <v>14459</v>
      </c>
      <c r="H9852" s="359" t="s">
        <v>14367</v>
      </c>
      <c r="I9852" s="359" t="s">
        <v>14459</v>
      </c>
      <c r="J9852" s="365"/>
      <c r="K9852" s="365"/>
      <c r="L9852" s="365"/>
    </row>
    <row r="9853" spans="2:12">
      <c r="B9853" s="367"/>
      <c r="C9853" s="367"/>
      <c r="D9853" s="367"/>
      <c r="E9853" s="367"/>
      <c r="F9853" s="360"/>
      <c r="G9853" s="360"/>
      <c r="H9853" s="360"/>
      <c r="I9853" s="360"/>
      <c r="J9853" s="365"/>
      <c r="K9853" s="365"/>
      <c r="L9853" s="365"/>
    </row>
    <row r="9854" spans="2:12">
      <c r="B9854" s="368"/>
      <c r="C9854" s="368"/>
      <c r="D9854" s="368"/>
      <c r="E9854" s="368"/>
      <c r="F9854" s="361" t="s">
        <v>14386</v>
      </c>
      <c r="G9854" s="361" t="s">
        <v>14387</v>
      </c>
      <c r="H9854" s="361" t="s">
        <v>14422</v>
      </c>
      <c r="I9854" s="361" t="s">
        <v>14387</v>
      </c>
      <c r="J9854" s="366"/>
      <c r="K9854" s="366"/>
      <c r="L9854" s="366"/>
    </row>
    <row r="9855" spans="2:12">
      <c r="B9855" s="358" t="s">
        <v>19298</v>
      </c>
      <c r="C9855" s="358" t="s">
        <v>29108</v>
      </c>
      <c r="D9855" s="358" t="s">
        <v>19299</v>
      </c>
      <c r="E9855" s="358" t="s">
        <v>19300</v>
      </c>
      <c r="F9855" s="358" t="s">
        <v>14505</v>
      </c>
      <c r="G9855" s="358" t="s">
        <v>14506</v>
      </c>
      <c r="H9855" s="358" t="s">
        <v>14328</v>
      </c>
      <c r="I9855" s="358" t="s">
        <v>14506</v>
      </c>
      <c r="J9855" s="358" t="s">
        <v>17309</v>
      </c>
      <c r="K9855" s="358"/>
      <c r="L9855" s="358"/>
    </row>
    <row r="9856" spans="2:12">
      <c r="B9856" s="367"/>
      <c r="C9856" s="367"/>
      <c r="D9856" s="367"/>
      <c r="E9856" s="367"/>
      <c r="F9856" s="360"/>
      <c r="G9856" s="360"/>
      <c r="H9856" s="360"/>
      <c r="I9856" s="360"/>
      <c r="J9856" s="367"/>
      <c r="K9856" s="365"/>
      <c r="L9856" s="365"/>
    </row>
    <row r="9857" spans="2:12">
      <c r="B9857" s="367"/>
      <c r="C9857" s="367"/>
      <c r="D9857" s="367"/>
      <c r="E9857" s="367"/>
      <c r="F9857" s="359" t="s">
        <v>14420</v>
      </c>
      <c r="G9857" s="359" t="s">
        <v>14459</v>
      </c>
      <c r="H9857" s="359" t="s">
        <v>14367</v>
      </c>
      <c r="I9857" s="359" t="s">
        <v>14459</v>
      </c>
      <c r="J9857" s="367"/>
      <c r="K9857" s="365"/>
      <c r="L9857" s="365"/>
    </row>
    <row r="9858" spans="2:12">
      <c r="B9858" s="367"/>
      <c r="C9858" s="367"/>
      <c r="D9858" s="367"/>
      <c r="E9858" s="367"/>
      <c r="F9858" s="360"/>
      <c r="G9858" s="360"/>
      <c r="H9858" s="360"/>
      <c r="I9858" s="360"/>
      <c r="J9858" s="367"/>
      <c r="K9858" s="365"/>
      <c r="L9858" s="365"/>
    </row>
    <row r="9859" spans="2:12">
      <c r="B9859" s="367"/>
      <c r="C9859" s="367"/>
      <c r="D9859" s="367"/>
      <c r="E9859" s="367"/>
      <c r="F9859" s="359" t="s">
        <v>14386</v>
      </c>
      <c r="G9859" s="359" t="s">
        <v>14387</v>
      </c>
      <c r="H9859" s="359" t="s">
        <v>14332</v>
      </c>
      <c r="I9859" s="359" t="s">
        <v>14387</v>
      </c>
      <c r="J9859" s="367"/>
      <c r="K9859" s="365"/>
      <c r="L9859" s="365"/>
    </row>
    <row r="9860" spans="2:12">
      <c r="B9860" s="367"/>
      <c r="C9860" s="367"/>
      <c r="D9860" s="367"/>
      <c r="E9860" s="367"/>
      <c r="F9860" s="360"/>
      <c r="G9860" s="360"/>
      <c r="H9860" s="360"/>
      <c r="I9860" s="360"/>
      <c r="J9860" s="367"/>
      <c r="K9860" s="365"/>
      <c r="L9860" s="365"/>
    </row>
    <row r="9861" spans="2:12">
      <c r="B9861" s="368"/>
      <c r="C9861" s="368"/>
      <c r="D9861" s="368"/>
      <c r="E9861" s="368"/>
      <c r="F9861" s="361" t="s">
        <v>14368</v>
      </c>
      <c r="G9861" s="361" t="s">
        <v>14388</v>
      </c>
      <c r="H9861" s="362"/>
      <c r="I9861" s="361" t="s">
        <v>14388</v>
      </c>
      <c r="J9861" s="368"/>
      <c r="K9861" s="366"/>
      <c r="L9861" s="366"/>
    </row>
    <row r="9862" spans="2:12" ht="42.75">
      <c r="B9862" s="358" t="s">
        <v>19301</v>
      </c>
      <c r="C9862" s="358" t="s">
        <v>29109</v>
      </c>
      <c r="D9862" s="358" t="s">
        <v>19302</v>
      </c>
      <c r="E9862" s="358" t="s">
        <v>19303</v>
      </c>
      <c r="F9862" s="358" t="s">
        <v>14418</v>
      </c>
      <c r="G9862" s="358" t="s">
        <v>14419</v>
      </c>
      <c r="H9862" s="358" t="s">
        <v>14328</v>
      </c>
      <c r="I9862" s="358" t="s">
        <v>14419</v>
      </c>
      <c r="J9862" s="358"/>
      <c r="K9862" s="358" t="s">
        <v>28685</v>
      </c>
      <c r="L9862" s="358"/>
    </row>
    <row r="9863" spans="2:12">
      <c r="B9863" s="367"/>
      <c r="C9863" s="367"/>
      <c r="D9863" s="367"/>
      <c r="E9863" s="367"/>
      <c r="F9863" s="360"/>
      <c r="G9863" s="360"/>
      <c r="H9863" s="360"/>
      <c r="I9863" s="360"/>
      <c r="J9863" s="365"/>
      <c r="K9863" s="367"/>
      <c r="L9863" s="365"/>
    </row>
    <row r="9864" spans="2:12">
      <c r="B9864" s="367"/>
      <c r="C9864" s="367"/>
      <c r="D9864" s="367"/>
      <c r="E9864" s="367"/>
      <c r="F9864" s="359" t="s">
        <v>14368</v>
      </c>
      <c r="G9864" s="359" t="s">
        <v>14388</v>
      </c>
      <c r="H9864" s="359" t="s">
        <v>14367</v>
      </c>
      <c r="I9864" s="359" t="s">
        <v>14388</v>
      </c>
      <c r="J9864" s="365"/>
      <c r="K9864" s="367"/>
      <c r="L9864" s="365"/>
    </row>
    <row r="9865" spans="2:12">
      <c r="B9865" s="367"/>
      <c r="C9865" s="367"/>
      <c r="D9865" s="367"/>
      <c r="E9865" s="367"/>
      <c r="F9865" s="360"/>
      <c r="G9865" s="360"/>
      <c r="H9865" s="360"/>
      <c r="I9865" s="360"/>
      <c r="J9865" s="365"/>
      <c r="K9865" s="367"/>
      <c r="L9865" s="365"/>
    </row>
    <row r="9866" spans="2:12">
      <c r="B9866" s="368"/>
      <c r="C9866" s="368"/>
      <c r="D9866" s="368"/>
      <c r="E9866" s="368"/>
      <c r="F9866" s="362"/>
      <c r="G9866" s="362"/>
      <c r="H9866" s="361" t="s">
        <v>14422</v>
      </c>
      <c r="I9866" s="362"/>
      <c r="J9866" s="366"/>
      <c r="K9866" s="368"/>
      <c r="L9866" s="366"/>
    </row>
    <row r="9867" spans="2:12">
      <c r="B9867" s="358" t="s">
        <v>19304</v>
      </c>
      <c r="C9867" s="358" t="s">
        <v>29110</v>
      </c>
      <c r="D9867" s="358" t="s">
        <v>19305</v>
      </c>
      <c r="E9867" s="358" t="s">
        <v>19306</v>
      </c>
      <c r="F9867" s="358" t="s">
        <v>14505</v>
      </c>
      <c r="G9867" s="358" t="s">
        <v>14506</v>
      </c>
      <c r="H9867" s="358" t="s">
        <v>14328</v>
      </c>
      <c r="I9867" s="358" t="s">
        <v>14506</v>
      </c>
      <c r="J9867" s="358" t="s">
        <v>17309</v>
      </c>
      <c r="K9867" s="358"/>
      <c r="L9867" s="358"/>
    </row>
    <row r="9868" spans="2:12">
      <c r="B9868" s="367"/>
      <c r="C9868" s="367"/>
      <c r="D9868" s="367"/>
      <c r="E9868" s="367"/>
      <c r="F9868" s="360"/>
      <c r="G9868" s="360"/>
      <c r="H9868" s="360"/>
      <c r="I9868" s="360"/>
      <c r="J9868" s="367"/>
      <c r="K9868" s="365"/>
      <c r="L9868" s="365"/>
    </row>
    <row r="9869" spans="2:12">
      <c r="B9869" s="367"/>
      <c r="C9869" s="367"/>
      <c r="D9869" s="367"/>
      <c r="E9869" s="367"/>
      <c r="F9869" s="359" t="s">
        <v>14368</v>
      </c>
      <c r="G9869" s="359" t="s">
        <v>14388</v>
      </c>
      <c r="H9869" s="359" t="s">
        <v>14367</v>
      </c>
      <c r="I9869" s="359" t="s">
        <v>14388</v>
      </c>
      <c r="J9869" s="367"/>
      <c r="K9869" s="365"/>
      <c r="L9869" s="365"/>
    </row>
    <row r="9870" spans="2:12">
      <c r="B9870" s="367"/>
      <c r="C9870" s="367"/>
      <c r="D9870" s="367"/>
      <c r="E9870" s="367"/>
      <c r="F9870" s="360"/>
      <c r="G9870" s="360"/>
      <c r="H9870" s="360"/>
      <c r="I9870" s="360"/>
      <c r="J9870" s="367"/>
      <c r="K9870" s="365"/>
      <c r="L9870" s="365"/>
    </row>
    <row r="9871" spans="2:12">
      <c r="B9871" s="368"/>
      <c r="C9871" s="368"/>
      <c r="D9871" s="368"/>
      <c r="E9871" s="368"/>
      <c r="F9871" s="361" t="s">
        <v>14368</v>
      </c>
      <c r="G9871" s="361" t="s">
        <v>14369</v>
      </c>
      <c r="H9871" s="361" t="s">
        <v>14332</v>
      </c>
      <c r="I9871" s="361" t="s">
        <v>14369</v>
      </c>
      <c r="J9871" s="368"/>
      <c r="K9871" s="366"/>
      <c r="L9871" s="366"/>
    </row>
    <row r="9872" spans="2:12">
      <c r="B9872" s="358" t="s">
        <v>19307</v>
      </c>
      <c r="C9872" s="358" t="s">
        <v>29111</v>
      </c>
      <c r="D9872" s="358" t="s">
        <v>19308</v>
      </c>
      <c r="E9872" s="358" t="s">
        <v>19309</v>
      </c>
      <c r="F9872" s="358" t="s">
        <v>14505</v>
      </c>
      <c r="G9872" s="358" t="s">
        <v>14506</v>
      </c>
      <c r="H9872" s="358" t="s">
        <v>14328</v>
      </c>
      <c r="I9872" s="358" t="s">
        <v>14506</v>
      </c>
      <c r="J9872" s="358"/>
      <c r="K9872" s="358"/>
      <c r="L9872" s="358"/>
    </row>
    <row r="9873" spans="2:12">
      <c r="B9873" s="367"/>
      <c r="C9873" s="367"/>
      <c r="D9873" s="367"/>
      <c r="E9873" s="367"/>
      <c r="F9873" s="367"/>
      <c r="G9873" s="367"/>
      <c r="H9873" s="360"/>
      <c r="I9873" s="367"/>
      <c r="J9873" s="365"/>
      <c r="K9873" s="365"/>
      <c r="L9873" s="365"/>
    </row>
    <row r="9874" spans="2:12">
      <c r="B9874" s="368"/>
      <c r="C9874" s="368"/>
      <c r="D9874" s="368"/>
      <c r="E9874" s="368"/>
      <c r="F9874" s="368"/>
      <c r="G9874" s="368"/>
      <c r="H9874" s="361" t="s">
        <v>14332</v>
      </c>
      <c r="I9874" s="368"/>
      <c r="J9874" s="366"/>
      <c r="K9874" s="366"/>
      <c r="L9874" s="366"/>
    </row>
    <row r="9875" spans="2:12">
      <c r="B9875" s="358" t="s">
        <v>19310</v>
      </c>
      <c r="C9875" s="358" t="s">
        <v>29112</v>
      </c>
      <c r="D9875" s="358" t="s">
        <v>19311</v>
      </c>
      <c r="E9875" s="358" t="s">
        <v>19312</v>
      </c>
      <c r="F9875" s="358" t="s">
        <v>14418</v>
      </c>
      <c r="G9875" s="358" t="s">
        <v>14419</v>
      </c>
      <c r="H9875" s="358" t="s">
        <v>14328</v>
      </c>
      <c r="I9875" s="358" t="s">
        <v>14419</v>
      </c>
      <c r="J9875" s="358"/>
      <c r="K9875" s="358" t="s">
        <v>14929</v>
      </c>
      <c r="L9875" s="358"/>
    </row>
    <row r="9876" spans="2:12">
      <c r="B9876" s="367"/>
      <c r="C9876" s="367"/>
      <c r="D9876" s="367"/>
      <c r="E9876" s="367"/>
      <c r="F9876" s="360"/>
      <c r="G9876" s="360"/>
      <c r="H9876" s="360"/>
      <c r="I9876" s="360"/>
      <c r="J9876" s="365"/>
      <c r="K9876" s="367"/>
      <c r="L9876" s="365"/>
    </row>
    <row r="9877" spans="2:12" ht="28.5">
      <c r="B9877" s="367"/>
      <c r="C9877" s="367"/>
      <c r="D9877" s="367"/>
      <c r="E9877" s="367"/>
      <c r="F9877" s="359" t="s">
        <v>28938</v>
      </c>
      <c r="G9877" s="359" t="s">
        <v>14459</v>
      </c>
      <c r="H9877" s="359" t="s">
        <v>14367</v>
      </c>
      <c r="I9877" s="359" t="s">
        <v>14459</v>
      </c>
      <c r="J9877" s="365"/>
      <c r="K9877" s="367"/>
      <c r="L9877" s="365"/>
    </row>
    <row r="9878" spans="2:12">
      <c r="B9878" s="367"/>
      <c r="C9878" s="367"/>
      <c r="D9878" s="367"/>
      <c r="E9878" s="367"/>
      <c r="F9878" s="360"/>
      <c r="G9878" s="360"/>
      <c r="H9878" s="360"/>
      <c r="I9878" s="360"/>
      <c r="J9878" s="365"/>
      <c r="K9878" s="367"/>
      <c r="L9878" s="365"/>
    </row>
    <row r="9879" spans="2:12">
      <c r="B9879" s="367"/>
      <c r="C9879" s="367"/>
      <c r="D9879" s="367"/>
      <c r="E9879" s="367"/>
      <c r="F9879" s="359" t="s">
        <v>14420</v>
      </c>
      <c r="G9879" s="359" t="s">
        <v>14421</v>
      </c>
      <c r="H9879" s="359" t="s">
        <v>14422</v>
      </c>
      <c r="I9879" s="359" t="s">
        <v>14421</v>
      </c>
      <c r="J9879" s="365"/>
      <c r="K9879" s="367"/>
      <c r="L9879" s="365"/>
    </row>
    <row r="9880" spans="2:12">
      <c r="B9880" s="367"/>
      <c r="C9880" s="367"/>
      <c r="D9880" s="367"/>
      <c r="E9880" s="367"/>
      <c r="F9880" s="360"/>
      <c r="G9880" s="360"/>
      <c r="H9880" s="360"/>
      <c r="I9880" s="360"/>
      <c r="J9880" s="365"/>
      <c r="K9880" s="367"/>
      <c r="L9880" s="365"/>
    </row>
    <row r="9881" spans="2:12">
      <c r="B9881" s="368"/>
      <c r="C9881" s="368"/>
      <c r="D9881" s="368"/>
      <c r="E9881" s="368"/>
      <c r="F9881" s="362"/>
      <c r="G9881" s="361" t="s">
        <v>14429</v>
      </c>
      <c r="H9881" s="362"/>
      <c r="I9881" s="361" t="s">
        <v>14429</v>
      </c>
      <c r="J9881" s="366"/>
      <c r="K9881" s="368"/>
      <c r="L9881" s="366"/>
    </row>
    <row r="9882" spans="2:12">
      <c r="B9882" s="358" t="s">
        <v>19313</v>
      </c>
      <c r="C9882" s="358" t="s">
        <v>19314</v>
      </c>
      <c r="D9882" s="358" t="s">
        <v>19315</v>
      </c>
      <c r="E9882" s="358" t="s">
        <v>19316</v>
      </c>
      <c r="F9882" s="358" t="s">
        <v>14418</v>
      </c>
      <c r="G9882" s="358" t="s">
        <v>14419</v>
      </c>
      <c r="H9882" s="358" t="s">
        <v>14328</v>
      </c>
      <c r="I9882" s="358" t="s">
        <v>14419</v>
      </c>
      <c r="J9882" s="358"/>
      <c r="K9882" s="358"/>
      <c r="L9882" s="358"/>
    </row>
    <row r="9883" spans="2:12">
      <c r="B9883" s="367"/>
      <c r="C9883" s="367"/>
      <c r="D9883" s="367"/>
      <c r="E9883" s="367"/>
      <c r="F9883" s="360"/>
      <c r="G9883" s="360"/>
      <c r="H9883" s="360"/>
      <c r="I9883" s="360"/>
      <c r="J9883" s="365"/>
      <c r="K9883" s="365"/>
      <c r="L9883" s="365"/>
    </row>
    <row r="9884" spans="2:12">
      <c r="B9884" s="367"/>
      <c r="C9884" s="367"/>
      <c r="D9884" s="367"/>
      <c r="E9884" s="367"/>
      <c r="F9884" s="359" t="s">
        <v>14420</v>
      </c>
      <c r="G9884" s="359" t="s">
        <v>14459</v>
      </c>
      <c r="H9884" s="359" t="s">
        <v>14367</v>
      </c>
      <c r="I9884" s="359" t="s">
        <v>14459</v>
      </c>
      <c r="J9884" s="365"/>
      <c r="K9884" s="365"/>
      <c r="L9884" s="365"/>
    </row>
    <row r="9885" spans="2:12">
      <c r="B9885" s="367"/>
      <c r="C9885" s="367"/>
      <c r="D9885" s="367"/>
      <c r="E9885" s="367"/>
      <c r="F9885" s="360"/>
      <c r="G9885" s="360"/>
      <c r="H9885" s="360"/>
      <c r="I9885" s="360"/>
      <c r="J9885" s="365"/>
      <c r="K9885" s="365"/>
      <c r="L9885" s="365"/>
    </row>
    <row r="9886" spans="2:12">
      <c r="B9886" s="368"/>
      <c r="C9886" s="368"/>
      <c r="D9886" s="368"/>
      <c r="E9886" s="368"/>
      <c r="F9886" s="362"/>
      <c r="G9886" s="362"/>
      <c r="H9886" s="361" t="s">
        <v>14422</v>
      </c>
      <c r="I9886" s="362"/>
      <c r="J9886" s="366"/>
      <c r="K9886" s="366"/>
      <c r="L9886" s="366"/>
    </row>
    <row r="9887" spans="2:12">
      <c r="B9887" s="358" t="s">
        <v>19317</v>
      </c>
      <c r="C9887" s="358" t="s">
        <v>19318</v>
      </c>
      <c r="D9887" s="358" t="s">
        <v>19319</v>
      </c>
      <c r="E9887" s="358" t="s">
        <v>19320</v>
      </c>
      <c r="F9887" s="358" t="s">
        <v>14418</v>
      </c>
      <c r="G9887" s="358" t="s">
        <v>14419</v>
      </c>
      <c r="H9887" s="358" t="s">
        <v>14328</v>
      </c>
      <c r="I9887" s="358" t="s">
        <v>14419</v>
      </c>
      <c r="J9887" s="358"/>
      <c r="K9887" s="358"/>
      <c r="L9887" s="358"/>
    </row>
    <row r="9888" spans="2:12">
      <c r="B9888" s="367"/>
      <c r="C9888" s="367"/>
      <c r="D9888" s="367"/>
      <c r="E9888" s="367"/>
      <c r="F9888" s="360"/>
      <c r="G9888" s="360"/>
      <c r="H9888" s="360"/>
      <c r="I9888" s="360"/>
      <c r="J9888" s="365"/>
      <c r="K9888" s="365"/>
      <c r="L9888" s="365"/>
    </row>
    <row r="9889" spans="2:12">
      <c r="B9889" s="367"/>
      <c r="C9889" s="367"/>
      <c r="D9889" s="367"/>
      <c r="E9889" s="367"/>
      <c r="F9889" s="359" t="s">
        <v>14420</v>
      </c>
      <c r="G9889" s="359" t="s">
        <v>14459</v>
      </c>
      <c r="H9889" s="359" t="s">
        <v>14367</v>
      </c>
      <c r="I9889" s="359" t="s">
        <v>14459</v>
      </c>
      <c r="J9889" s="365"/>
      <c r="K9889" s="365"/>
      <c r="L9889" s="365"/>
    </row>
    <row r="9890" spans="2:12">
      <c r="B9890" s="367"/>
      <c r="C9890" s="367"/>
      <c r="D9890" s="367"/>
      <c r="E9890" s="367"/>
      <c r="F9890" s="360"/>
      <c r="G9890" s="360"/>
      <c r="H9890" s="360"/>
      <c r="I9890" s="360"/>
      <c r="J9890" s="365"/>
      <c r="K9890" s="365"/>
      <c r="L9890" s="365"/>
    </row>
    <row r="9891" spans="2:12">
      <c r="B9891" s="368"/>
      <c r="C9891" s="368"/>
      <c r="D9891" s="368"/>
      <c r="E9891" s="368"/>
      <c r="F9891" s="362"/>
      <c r="G9891" s="362"/>
      <c r="H9891" s="361" t="s">
        <v>14422</v>
      </c>
      <c r="I9891" s="362"/>
      <c r="J9891" s="366"/>
      <c r="K9891" s="366"/>
      <c r="L9891" s="366"/>
    </row>
    <row r="9892" spans="2:12" ht="42.75">
      <c r="B9892" s="358" t="s">
        <v>19321</v>
      </c>
      <c r="C9892" s="358" t="s">
        <v>29113</v>
      </c>
      <c r="D9892" s="358" t="s">
        <v>19322</v>
      </c>
      <c r="E9892" s="358" t="s">
        <v>19323</v>
      </c>
      <c r="F9892" s="358" t="s">
        <v>14443</v>
      </c>
      <c r="G9892" s="358" t="s">
        <v>14444</v>
      </c>
      <c r="H9892" s="358" t="s">
        <v>14381</v>
      </c>
      <c r="I9892" s="358" t="s">
        <v>14444</v>
      </c>
      <c r="J9892" s="358"/>
      <c r="K9892" s="358" t="s">
        <v>28953</v>
      </c>
      <c r="L9892" s="358"/>
    </row>
    <row r="9893" spans="2:12">
      <c r="B9893" s="367"/>
      <c r="C9893" s="367"/>
      <c r="D9893" s="367"/>
      <c r="E9893" s="367"/>
      <c r="F9893" s="360"/>
      <c r="G9893" s="360"/>
      <c r="H9893" s="360"/>
      <c r="I9893" s="360"/>
      <c r="J9893" s="365"/>
      <c r="K9893" s="367"/>
      <c r="L9893" s="365"/>
    </row>
    <row r="9894" spans="2:12" ht="28.5">
      <c r="B9894" s="367"/>
      <c r="C9894" s="367"/>
      <c r="D9894" s="367"/>
      <c r="E9894" s="367"/>
      <c r="F9894" s="359" t="s">
        <v>28938</v>
      </c>
      <c r="G9894" s="359" t="s">
        <v>14421</v>
      </c>
      <c r="H9894" s="359" t="s">
        <v>14367</v>
      </c>
      <c r="I9894" s="359" t="s">
        <v>14421</v>
      </c>
      <c r="J9894" s="365"/>
      <c r="K9894" s="367"/>
      <c r="L9894" s="365"/>
    </row>
    <row r="9895" spans="2:12">
      <c r="B9895" s="367"/>
      <c r="C9895" s="367"/>
      <c r="D9895" s="367"/>
      <c r="E9895" s="367"/>
      <c r="F9895" s="360"/>
      <c r="G9895" s="360"/>
      <c r="H9895" s="360"/>
      <c r="I9895" s="360"/>
      <c r="J9895" s="365"/>
      <c r="K9895" s="367"/>
      <c r="L9895" s="365"/>
    </row>
    <row r="9896" spans="2:12">
      <c r="B9896" s="367"/>
      <c r="C9896" s="367"/>
      <c r="D9896" s="367"/>
      <c r="E9896" s="367"/>
      <c r="F9896" s="359" t="s">
        <v>14386</v>
      </c>
      <c r="G9896" s="359" t="s">
        <v>14429</v>
      </c>
      <c r="H9896" s="359" t="s">
        <v>14422</v>
      </c>
      <c r="I9896" s="359" t="s">
        <v>14429</v>
      </c>
      <c r="J9896" s="365"/>
      <c r="K9896" s="367"/>
      <c r="L9896" s="365"/>
    </row>
    <row r="9897" spans="2:12">
      <c r="B9897" s="367"/>
      <c r="C9897" s="367"/>
      <c r="D9897" s="367"/>
      <c r="E9897" s="367"/>
      <c r="F9897" s="360"/>
      <c r="G9897" s="360"/>
      <c r="H9897" s="360"/>
      <c r="I9897" s="360"/>
      <c r="J9897" s="365"/>
      <c r="K9897" s="367"/>
      <c r="L9897" s="365"/>
    </row>
    <row r="9898" spans="2:12">
      <c r="B9898" s="367"/>
      <c r="C9898" s="367"/>
      <c r="D9898" s="367"/>
      <c r="E9898" s="367"/>
      <c r="F9898" s="359" t="s">
        <v>14368</v>
      </c>
      <c r="G9898" s="359" t="s">
        <v>14387</v>
      </c>
      <c r="H9898" s="360"/>
      <c r="I9898" s="359" t="s">
        <v>14387</v>
      </c>
      <c r="J9898" s="365"/>
      <c r="K9898" s="367"/>
      <c r="L9898" s="365"/>
    </row>
    <row r="9899" spans="2:12">
      <c r="B9899" s="367"/>
      <c r="C9899" s="367"/>
      <c r="D9899" s="367"/>
      <c r="E9899" s="367"/>
      <c r="F9899" s="360"/>
      <c r="G9899" s="360"/>
      <c r="H9899" s="360"/>
      <c r="I9899" s="360"/>
      <c r="J9899" s="365"/>
      <c r="K9899" s="367"/>
      <c r="L9899" s="365"/>
    </row>
    <row r="9900" spans="2:12">
      <c r="B9900" s="368"/>
      <c r="C9900" s="368"/>
      <c r="D9900" s="368"/>
      <c r="E9900" s="368"/>
      <c r="F9900" s="362"/>
      <c r="G9900" s="361" t="s">
        <v>14388</v>
      </c>
      <c r="H9900" s="362"/>
      <c r="I9900" s="361" t="s">
        <v>14388</v>
      </c>
      <c r="J9900" s="366"/>
      <c r="K9900" s="368"/>
      <c r="L9900" s="366"/>
    </row>
    <row r="9901" spans="2:12" ht="28.5">
      <c r="B9901" s="358" t="s">
        <v>19324</v>
      </c>
      <c r="C9901" s="358" t="s">
        <v>30160</v>
      </c>
      <c r="D9901" s="358" t="s">
        <v>19325</v>
      </c>
      <c r="E9901" s="358" t="s">
        <v>19326</v>
      </c>
      <c r="F9901" s="358" t="s">
        <v>28960</v>
      </c>
      <c r="G9901" s="358" t="s">
        <v>14483</v>
      </c>
      <c r="H9901" s="358" t="s">
        <v>14378</v>
      </c>
      <c r="I9901" s="358" t="s">
        <v>14483</v>
      </c>
      <c r="J9901" s="358"/>
      <c r="K9901" s="358" t="s">
        <v>14820</v>
      </c>
      <c r="L9901" s="358"/>
    </row>
    <row r="9902" spans="2:12">
      <c r="B9902" s="367"/>
      <c r="C9902" s="367"/>
      <c r="D9902" s="367"/>
      <c r="E9902" s="367"/>
      <c r="F9902" s="360"/>
      <c r="G9902" s="360"/>
      <c r="H9902" s="360"/>
      <c r="I9902" s="360"/>
      <c r="J9902" s="365"/>
      <c r="K9902" s="367"/>
      <c r="L9902" s="365"/>
    </row>
    <row r="9903" spans="2:12">
      <c r="B9903" s="367"/>
      <c r="C9903" s="367"/>
      <c r="D9903" s="367"/>
      <c r="E9903" s="367"/>
      <c r="F9903" s="359" t="s">
        <v>14386</v>
      </c>
      <c r="G9903" s="359" t="s">
        <v>14383</v>
      </c>
      <c r="H9903" s="359" t="s">
        <v>14370</v>
      </c>
      <c r="I9903" s="359" t="s">
        <v>14383</v>
      </c>
      <c r="J9903" s="365"/>
      <c r="K9903" s="367"/>
      <c r="L9903" s="365"/>
    </row>
    <row r="9904" spans="2:12">
      <c r="B9904" s="367"/>
      <c r="C9904" s="367"/>
      <c r="D9904" s="367"/>
      <c r="E9904" s="367"/>
      <c r="F9904" s="360"/>
      <c r="G9904" s="360"/>
      <c r="H9904" s="360"/>
      <c r="I9904" s="360"/>
      <c r="J9904" s="365"/>
      <c r="K9904" s="367"/>
      <c r="L9904" s="365"/>
    </row>
    <row r="9905" spans="2:12">
      <c r="B9905" s="367"/>
      <c r="C9905" s="367"/>
      <c r="D9905" s="367"/>
      <c r="E9905" s="367"/>
      <c r="F9905" s="359" t="s">
        <v>14368</v>
      </c>
      <c r="G9905" s="359" t="s">
        <v>14387</v>
      </c>
      <c r="H9905" s="359" t="s">
        <v>14332</v>
      </c>
      <c r="I9905" s="359" t="s">
        <v>14387</v>
      </c>
      <c r="J9905" s="365"/>
      <c r="K9905" s="367"/>
      <c r="L9905" s="365"/>
    </row>
    <row r="9906" spans="2:12">
      <c r="B9906" s="367"/>
      <c r="C9906" s="367"/>
      <c r="D9906" s="367"/>
      <c r="E9906" s="367"/>
      <c r="F9906" s="360"/>
      <c r="G9906" s="360"/>
      <c r="H9906" s="360"/>
      <c r="I9906" s="360"/>
      <c r="J9906" s="365"/>
      <c r="K9906" s="367"/>
      <c r="L9906" s="365"/>
    </row>
    <row r="9907" spans="2:12">
      <c r="B9907" s="367"/>
      <c r="C9907" s="367"/>
      <c r="D9907" s="367"/>
      <c r="E9907" s="367"/>
      <c r="F9907" s="359" t="s">
        <v>14389</v>
      </c>
      <c r="G9907" s="359" t="s">
        <v>14388</v>
      </c>
      <c r="H9907" s="360"/>
      <c r="I9907" s="359" t="s">
        <v>14388</v>
      </c>
      <c r="J9907" s="365"/>
      <c r="K9907" s="367"/>
      <c r="L9907" s="365"/>
    </row>
    <row r="9908" spans="2:12">
      <c r="B9908" s="367"/>
      <c r="C9908" s="367"/>
      <c r="D9908" s="367"/>
      <c r="E9908" s="367"/>
      <c r="F9908" s="360"/>
      <c r="G9908" s="360"/>
      <c r="H9908" s="360"/>
      <c r="I9908" s="360"/>
      <c r="J9908" s="365"/>
      <c r="K9908" s="367"/>
      <c r="L9908" s="365"/>
    </row>
    <row r="9909" spans="2:12">
      <c r="B9909" s="367"/>
      <c r="C9909" s="367"/>
      <c r="D9909" s="367"/>
      <c r="E9909" s="367"/>
      <c r="F9909" s="359" t="s">
        <v>14371</v>
      </c>
      <c r="G9909" s="359" t="s">
        <v>14390</v>
      </c>
      <c r="H9909" s="360"/>
      <c r="I9909" s="359" t="s">
        <v>14390</v>
      </c>
      <c r="J9909" s="365"/>
      <c r="K9909" s="367"/>
      <c r="L9909" s="365"/>
    </row>
    <row r="9910" spans="2:12">
      <c r="B9910" s="367"/>
      <c r="C9910" s="367"/>
      <c r="D9910" s="367"/>
      <c r="E9910" s="367"/>
      <c r="F9910" s="360"/>
      <c r="G9910" s="360"/>
      <c r="H9910" s="360"/>
      <c r="I9910" s="360"/>
      <c r="J9910" s="365"/>
      <c r="K9910" s="367"/>
      <c r="L9910" s="365"/>
    </row>
    <row r="9911" spans="2:12">
      <c r="B9911" s="368"/>
      <c r="C9911" s="368"/>
      <c r="D9911" s="368"/>
      <c r="E9911" s="368"/>
      <c r="F9911" s="362"/>
      <c r="G9911" s="361" t="s">
        <v>14372</v>
      </c>
      <c r="H9911" s="362"/>
      <c r="I9911" s="361" t="s">
        <v>14372</v>
      </c>
      <c r="J9911" s="366"/>
      <c r="K9911" s="368"/>
      <c r="L9911" s="366"/>
    </row>
    <row r="9912" spans="2:12">
      <c r="B9912" s="354" t="s">
        <v>14492</v>
      </c>
      <c r="C9912" s="369"/>
      <c r="D9912" s="369"/>
      <c r="E9912" s="369"/>
      <c r="F9912" s="369"/>
      <c r="G9912" s="369"/>
      <c r="H9912" s="369"/>
      <c r="I9912" s="369"/>
      <c r="J9912" s="369"/>
      <c r="K9912" s="369"/>
      <c r="L9912" s="370"/>
    </row>
    <row r="9913" spans="2:12" ht="28.5">
      <c r="B9913" s="358" t="s">
        <v>13757</v>
      </c>
      <c r="C9913" s="358" t="s">
        <v>19327</v>
      </c>
      <c r="D9913" s="358" t="s">
        <v>13758</v>
      </c>
      <c r="E9913" s="358" t="s">
        <v>13759</v>
      </c>
      <c r="F9913" s="358" t="s">
        <v>14424</v>
      </c>
      <c r="G9913" s="358" t="s">
        <v>17083</v>
      </c>
      <c r="H9913" s="358" t="s">
        <v>14381</v>
      </c>
      <c r="I9913" s="358" t="s">
        <v>17083</v>
      </c>
      <c r="J9913" s="358"/>
      <c r="K9913" s="358" t="s">
        <v>19328</v>
      </c>
      <c r="L9913" s="358"/>
    </row>
    <row r="9914" spans="2:12">
      <c r="B9914" s="367"/>
      <c r="C9914" s="360"/>
      <c r="D9914" s="367"/>
      <c r="E9914" s="367"/>
      <c r="F9914" s="360"/>
      <c r="G9914" s="360"/>
      <c r="H9914" s="360"/>
      <c r="I9914" s="360"/>
      <c r="J9914" s="365"/>
      <c r="K9914" s="360"/>
      <c r="L9914" s="365"/>
    </row>
    <row r="9915" spans="2:12" ht="28.5">
      <c r="B9915" s="367"/>
      <c r="C9915" s="359" t="s">
        <v>19329</v>
      </c>
      <c r="D9915" s="367"/>
      <c r="E9915" s="367"/>
      <c r="F9915" s="359" t="s">
        <v>14530</v>
      </c>
      <c r="G9915" s="359" t="s">
        <v>14380</v>
      </c>
      <c r="H9915" s="359" t="s">
        <v>14378</v>
      </c>
      <c r="I9915" s="359" t="s">
        <v>14380</v>
      </c>
      <c r="J9915" s="365"/>
      <c r="K9915" s="359" t="s">
        <v>29114</v>
      </c>
      <c r="L9915" s="365"/>
    </row>
    <row r="9916" spans="2:12">
      <c r="B9916" s="367"/>
      <c r="C9916" s="360"/>
      <c r="D9916" s="367"/>
      <c r="E9916" s="367"/>
      <c r="F9916" s="360"/>
      <c r="G9916" s="360"/>
      <c r="H9916" s="360"/>
      <c r="I9916" s="360"/>
      <c r="J9916" s="365"/>
      <c r="K9916" s="360"/>
      <c r="L9916" s="365"/>
    </row>
    <row r="9917" spans="2:12" ht="57">
      <c r="B9917" s="367"/>
      <c r="C9917" s="360"/>
      <c r="D9917" s="367"/>
      <c r="E9917" s="367"/>
      <c r="F9917" s="359" t="s">
        <v>14530</v>
      </c>
      <c r="G9917" s="359" t="s">
        <v>14531</v>
      </c>
      <c r="H9917" s="359" t="s">
        <v>14370</v>
      </c>
      <c r="I9917" s="359" t="s">
        <v>14531</v>
      </c>
      <c r="J9917" s="365"/>
      <c r="K9917" s="359" t="s">
        <v>29115</v>
      </c>
      <c r="L9917" s="365"/>
    </row>
    <row r="9918" spans="2:12">
      <c r="B9918" s="367"/>
      <c r="C9918" s="360"/>
      <c r="D9918" s="367"/>
      <c r="E9918" s="367"/>
      <c r="F9918" s="360"/>
      <c r="G9918" s="360"/>
      <c r="H9918" s="360"/>
      <c r="I9918" s="360"/>
      <c r="J9918" s="365"/>
      <c r="K9918" s="360"/>
      <c r="L9918" s="365"/>
    </row>
    <row r="9919" spans="2:12" ht="42.75">
      <c r="B9919" s="367"/>
      <c r="C9919" s="360"/>
      <c r="D9919" s="367"/>
      <c r="E9919" s="367"/>
      <c r="F9919" s="359" t="s">
        <v>14530</v>
      </c>
      <c r="G9919" s="359" t="s">
        <v>14405</v>
      </c>
      <c r="H9919" s="359" t="s">
        <v>14332</v>
      </c>
      <c r="I9919" s="359" t="s">
        <v>14405</v>
      </c>
      <c r="J9919" s="365"/>
      <c r="K9919" s="359" t="s">
        <v>19330</v>
      </c>
      <c r="L9919" s="365"/>
    </row>
    <row r="9920" spans="2:12">
      <c r="B9920" s="367"/>
      <c r="C9920" s="360"/>
      <c r="D9920" s="367"/>
      <c r="E9920" s="367"/>
      <c r="F9920" s="360"/>
      <c r="G9920" s="360"/>
      <c r="H9920" s="360"/>
      <c r="I9920" s="360"/>
      <c r="J9920" s="365"/>
      <c r="K9920" s="360"/>
      <c r="L9920" s="365"/>
    </row>
    <row r="9921" spans="2:12" ht="28.5">
      <c r="B9921" s="367"/>
      <c r="C9921" s="360"/>
      <c r="D9921" s="367"/>
      <c r="E9921" s="367"/>
      <c r="F9921" s="359" t="s">
        <v>14384</v>
      </c>
      <c r="G9921" s="359" t="s">
        <v>19331</v>
      </c>
      <c r="H9921" s="360"/>
      <c r="I9921" s="359" t="s">
        <v>19331</v>
      </c>
      <c r="J9921" s="365"/>
      <c r="K9921" s="359" t="s">
        <v>29116</v>
      </c>
      <c r="L9921" s="365"/>
    </row>
    <row r="9922" spans="2:12">
      <c r="B9922" s="367"/>
      <c r="C9922" s="360"/>
      <c r="D9922" s="367"/>
      <c r="E9922" s="367"/>
      <c r="F9922" s="360"/>
      <c r="G9922" s="360"/>
      <c r="H9922" s="360"/>
      <c r="I9922" s="360"/>
      <c r="J9922" s="365"/>
      <c r="K9922" s="360"/>
      <c r="L9922" s="365"/>
    </row>
    <row r="9923" spans="2:12">
      <c r="B9923" s="367"/>
      <c r="C9923" s="360"/>
      <c r="D9923" s="367"/>
      <c r="E9923" s="367"/>
      <c r="F9923" s="359" t="s">
        <v>14371</v>
      </c>
      <c r="G9923" s="359" t="s">
        <v>14372</v>
      </c>
      <c r="H9923" s="360"/>
      <c r="I9923" s="359" t="s">
        <v>14373</v>
      </c>
      <c r="J9923" s="365"/>
      <c r="K9923" s="359" t="s">
        <v>19144</v>
      </c>
      <c r="L9923" s="365"/>
    </row>
    <row r="9924" spans="2:12">
      <c r="B9924" s="367"/>
      <c r="C9924" s="360"/>
      <c r="D9924" s="367"/>
      <c r="E9924" s="367"/>
      <c r="F9924" s="360"/>
      <c r="G9924" s="360"/>
      <c r="H9924" s="360"/>
      <c r="I9924" s="360"/>
      <c r="J9924" s="365"/>
      <c r="K9924" s="360"/>
      <c r="L9924" s="365"/>
    </row>
    <row r="9925" spans="2:12" ht="28.5">
      <c r="B9925" s="368"/>
      <c r="C9925" s="362"/>
      <c r="D9925" s="368"/>
      <c r="E9925" s="368"/>
      <c r="F9925" s="361" t="s">
        <v>14374</v>
      </c>
      <c r="G9925" s="361" t="s">
        <v>14373</v>
      </c>
      <c r="H9925" s="362"/>
      <c r="I9925" s="362"/>
      <c r="J9925" s="366"/>
      <c r="K9925" s="361" t="s">
        <v>19144</v>
      </c>
      <c r="L9925" s="366"/>
    </row>
    <row r="9926" spans="2:12">
      <c r="B9926" s="354" t="s">
        <v>28528</v>
      </c>
      <c r="C9926" s="369"/>
      <c r="D9926" s="369"/>
      <c r="E9926" s="369"/>
      <c r="F9926" s="369"/>
      <c r="G9926" s="369"/>
      <c r="H9926" s="369"/>
      <c r="I9926" s="369"/>
      <c r="J9926" s="369"/>
      <c r="K9926" s="369"/>
      <c r="L9926" s="370"/>
    </row>
    <row r="9927" spans="2:12" ht="28.5">
      <c r="B9927" s="358" t="s">
        <v>19332</v>
      </c>
      <c r="C9927" s="358" t="s">
        <v>29117</v>
      </c>
      <c r="D9927" s="358" t="s">
        <v>19333</v>
      </c>
      <c r="E9927" s="358" t="s">
        <v>19334</v>
      </c>
      <c r="F9927" s="358" t="s">
        <v>29118</v>
      </c>
      <c r="G9927" s="358" t="s">
        <v>14383</v>
      </c>
      <c r="H9927" s="358" t="s">
        <v>14378</v>
      </c>
      <c r="I9927" s="358" t="s">
        <v>14383</v>
      </c>
      <c r="J9927" s="358"/>
      <c r="K9927" s="358"/>
      <c r="L9927" s="358"/>
    </row>
    <row r="9928" spans="2:12">
      <c r="B9928" s="367"/>
      <c r="C9928" s="367"/>
      <c r="D9928" s="367"/>
      <c r="E9928" s="367"/>
      <c r="F9928" s="360"/>
      <c r="G9928" s="360"/>
      <c r="H9928" s="360"/>
      <c r="I9928" s="360"/>
      <c r="J9928" s="365"/>
      <c r="K9928" s="365"/>
      <c r="L9928" s="365"/>
    </row>
    <row r="9929" spans="2:12" ht="28.5">
      <c r="B9929" s="367"/>
      <c r="C9929" s="367"/>
      <c r="D9929" s="367"/>
      <c r="E9929" s="367"/>
      <c r="F9929" s="359" t="s">
        <v>14371</v>
      </c>
      <c r="G9929" s="359" t="s">
        <v>29119</v>
      </c>
      <c r="H9929" s="359" t="s">
        <v>14381</v>
      </c>
      <c r="I9929" s="359" t="s">
        <v>28800</v>
      </c>
      <c r="J9929" s="365"/>
      <c r="K9929" s="365"/>
      <c r="L9929" s="365"/>
    </row>
    <row r="9930" spans="2:12">
      <c r="B9930" s="367"/>
      <c r="C9930" s="367"/>
      <c r="D9930" s="367"/>
      <c r="E9930" s="367"/>
      <c r="F9930" s="360"/>
      <c r="G9930" s="360"/>
      <c r="H9930" s="360"/>
      <c r="I9930" s="360"/>
      <c r="J9930" s="365"/>
      <c r="K9930" s="365"/>
      <c r="L9930" s="365"/>
    </row>
    <row r="9931" spans="2:12" ht="28.5">
      <c r="B9931" s="367"/>
      <c r="C9931" s="367"/>
      <c r="D9931" s="367"/>
      <c r="E9931" s="367"/>
      <c r="F9931" s="359" t="s">
        <v>14374</v>
      </c>
      <c r="G9931" s="359" t="s">
        <v>14373</v>
      </c>
      <c r="H9931" s="359" t="s">
        <v>14370</v>
      </c>
      <c r="I9931" s="360"/>
      <c r="J9931" s="365"/>
      <c r="K9931" s="365"/>
      <c r="L9931" s="365"/>
    </row>
    <row r="9932" spans="2:12">
      <c r="B9932" s="367"/>
      <c r="C9932" s="367"/>
      <c r="D9932" s="367"/>
      <c r="E9932" s="367"/>
      <c r="F9932" s="360"/>
      <c r="G9932" s="360"/>
      <c r="H9932" s="360"/>
      <c r="I9932" s="360"/>
      <c r="J9932" s="365"/>
      <c r="K9932" s="365"/>
      <c r="L9932" s="365"/>
    </row>
    <row r="9933" spans="2:12">
      <c r="B9933" s="368"/>
      <c r="C9933" s="368"/>
      <c r="D9933" s="368"/>
      <c r="E9933" s="368"/>
      <c r="F9933" s="362"/>
      <c r="G9933" s="362"/>
      <c r="H9933" s="361" t="s">
        <v>14332</v>
      </c>
      <c r="I9933" s="362"/>
      <c r="J9933" s="366"/>
      <c r="K9933" s="366"/>
      <c r="L9933" s="366"/>
    </row>
    <row r="9934" spans="2:12">
      <c r="B9934" s="358" t="s">
        <v>19335</v>
      </c>
      <c r="C9934" s="358" t="s">
        <v>29120</v>
      </c>
      <c r="D9934" s="358" t="s">
        <v>19336</v>
      </c>
      <c r="E9934" s="358" t="s">
        <v>19337</v>
      </c>
      <c r="F9934" s="358" t="s">
        <v>14418</v>
      </c>
      <c r="G9934" s="358" t="s">
        <v>14419</v>
      </c>
      <c r="H9934" s="358" t="s">
        <v>14328</v>
      </c>
      <c r="I9934" s="358" t="s">
        <v>14419</v>
      </c>
      <c r="J9934" s="358"/>
      <c r="K9934" s="358"/>
      <c r="L9934" s="358" t="s">
        <v>595</v>
      </c>
    </row>
    <row r="9935" spans="2:12">
      <c r="B9935" s="367"/>
      <c r="C9935" s="367"/>
      <c r="D9935" s="367"/>
      <c r="E9935" s="367"/>
      <c r="F9935" s="360"/>
      <c r="G9935" s="360"/>
      <c r="H9935" s="360"/>
      <c r="I9935" s="360"/>
      <c r="J9935" s="365"/>
      <c r="K9935" s="365"/>
      <c r="L9935" s="367"/>
    </row>
    <row r="9936" spans="2:12">
      <c r="B9936" s="367"/>
      <c r="C9936" s="367"/>
      <c r="D9936" s="367"/>
      <c r="E9936" s="367"/>
      <c r="F9936" s="359" t="s">
        <v>14420</v>
      </c>
      <c r="G9936" s="359" t="s">
        <v>14459</v>
      </c>
      <c r="H9936" s="359" t="s">
        <v>14367</v>
      </c>
      <c r="I9936" s="359" t="s">
        <v>14459</v>
      </c>
      <c r="J9936" s="365"/>
      <c r="K9936" s="365"/>
      <c r="L9936" s="367"/>
    </row>
    <row r="9937" spans="2:12">
      <c r="B9937" s="367"/>
      <c r="C9937" s="367"/>
      <c r="D9937" s="367"/>
      <c r="E9937" s="367"/>
      <c r="F9937" s="360"/>
      <c r="G9937" s="360"/>
      <c r="H9937" s="360"/>
      <c r="I9937" s="360"/>
      <c r="J9937" s="365"/>
      <c r="K9937" s="365"/>
      <c r="L9937" s="367"/>
    </row>
    <row r="9938" spans="2:12">
      <c r="B9938" s="368"/>
      <c r="C9938" s="368"/>
      <c r="D9938" s="368"/>
      <c r="E9938" s="368"/>
      <c r="F9938" s="362"/>
      <c r="G9938" s="362"/>
      <c r="H9938" s="361" t="s">
        <v>14422</v>
      </c>
      <c r="I9938" s="362"/>
      <c r="J9938" s="366"/>
      <c r="K9938" s="366"/>
      <c r="L9938" s="368"/>
    </row>
    <row r="9939" spans="2:12">
      <c r="B9939" s="358" t="s">
        <v>19338</v>
      </c>
      <c r="C9939" s="358" t="s">
        <v>29121</v>
      </c>
      <c r="D9939" s="358" t="s">
        <v>19339</v>
      </c>
      <c r="E9939" s="358" t="s">
        <v>19340</v>
      </c>
      <c r="F9939" s="358" t="s">
        <v>14420</v>
      </c>
      <c r="G9939" s="358" t="s">
        <v>14429</v>
      </c>
      <c r="H9939" s="358" t="s">
        <v>14367</v>
      </c>
      <c r="I9939" s="358" t="s">
        <v>14429</v>
      </c>
      <c r="J9939" s="358"/>
      <c r="K9939" s="358"/>
      <c r="L9939" s="358"/>
    </row>
    <row r="9940" spans="2:12">
      <c r="B9940" s="367"/>
      <c r="C9940" s="367"/>
      <c r="D9940" s="367"/>
      <c r="E9940" s="367"/>
      <c r="F9940" s="360"/>
      <c r="G9940" s="360"/>
      <c r="H9940" s="360"/>
      <c r="I9940" s="360"/>
      <c r="J9940" s="365"/>
      <c r="K9940" s="365"/>
      <c r="L9940" s="365"/>
    </row>
    <row r="9941" spans="2:12">
      <c r="B9941" s="367"/>
      <c r="C9941" s="367"/>
      <c r="D9941" s="367"/>
      <c r="E9941" s="367"/>
      <c r="F9941" s="359" t="s">
        <v>14386</v>
      </c>
      <c r="G9941" s="359" t="s">
        <v>14387</v>
      </c>
      <c r="H9941" s="359" t="s">
        <v>14370</v>
      </c>
      <c r="I9941" s="359" t="s">
        <v>14387</v>
      </c>
      <c r="J9941" s="365"/>
      <c r="K9941" s="365"/>
      <c r="L9941" s="365"/>
    </row>
    <row r="9942" spans="2:12">
      <c r="B9942" s="367"/>
      <c r="C9942" s="367"/>
      <c r="D9942" s="367"/>
      <c r="E9942" s="367"/>
      <c r="F9942" s="360"/>
      <c r="G9942" s="360"/>
      <c r="H9942" s="360"/>
      <c r="I9942" s="360"/>
      <c r="J9942" s="365"/>
      <c r="K9942" s="365"/>
      <c r="L9942" s="365"/>
    </row>
    <row r="9943" spans="2:12">
      <c r="B9943" s="367"/>
      <c r="C9943" s="367"/>
      <c r="D9943" s="367"/>
      <c r="E9943" s="367"/>
      <c r="F9943" s="359" t="s">
        <v>14389</v>
      </c>
      <c r="G9943" s="359" t="s">
        <v>14390</v>
      </c>
      <c r="H9943" s="359" t="s">
        <v>14422</v>
      </c>
      <c r="I9943" s="359" t="s">
        <v>14390</v>
      </c>
      <c r="J9943" s="365"/>
      <c r="K9943" s="365"/>
      <c r="L9943" s="365"/>
    </row>
    <row r="9944" spans="2:12">
      <c r="B9944" s="367"/>
      <c r="C9944" s="367"/>
      <c r="D9944" s="367"/>
      <c r="E9944" s="367"/>
      <c r="F9944" s="360"/>
      <c r="G9944" s="360"/>
      <c r="H9944" s="360"/>
      <c r="I9944" s="360"/>
      <c r="J9944" s="365"/>
      <c r="K9944" s="365"/>
      <c r="L9944" s="365"/>
    </row>
    <row r="9945" spans="2:12">
      <c r="B9945" s="367"/>
      <c r="C9945" s="367"/>
      <c r="D9945" s="367"/>
      <c r="E9945" s="367"/>
      <c r="F9945" s="359" t="s">
        <v>14371</v>
      </c>
      <c r="G9945" s="359" t="s">
        <v>14372</v>
      </c>
      <c r="H9945" s="360"/>
      <c r="I9945" s="359" t="s">
        <v>14373</v>
      </c>
      <c r="J9945" s="365"/>
      <c r="K9945" s="365"/>
      <c r="L9945" s="365"/>
    </row>
    <row r="9946" spans="2:12">
      <c r="B9946" s="367"/>
      <c r="C9946" s="367"/>
      <c r="D9946" s="367"/>
      <c r="E9946" s="367"/>
      <c r="F9946" s="360"/>
      <c r="G9946" s="360"/>
      <c r="H9946" s="360"/>
      <c r="I9946" s="360"/>
      <c r="J9946" s="365"/>
      <c r="K9946" s="365"/>
      <c r="L9946" s="365"/>
    </row>
    <row r="9947" spans="2:12" ht="28.5">
      <c r="B9947" s="368"/>
      <c r="C9947" s="368"/>
      <c r="D9947" s="368"/>
      <c r="E9947" s="368"/>
      <c r="F9947" s="361" t="s">
        <v>14374</v>
      </c>
      <c r="G9947" s="361" t="s">
        <v>14373</v>
      </c>
      <c r="H9947" s="362"/>
      <c r="I9947" s="362"/>
      <c r="J9947" s="366"/>
      <c r="K9947" s="366"/>
      <c r="L9947" s="366"/>
    </row>
    <row r="9948" spans="2:12" ht="71.25">
      <c r="B9948" s="358" t="s">
        <v>19341</v>
      </c>
      <c r="C9948" s="358" t="s">
        <v>30161</v>
      </c>
      <c r="D9948" s="358" t="s">
        <v>8384</v>
      </c>
      <c r="E9948" s="358" t="s">
        <v>8383</v>
      </c>
      <c r="F9948" s="358" t="s">
        <v>14443</v>
      </c>
      <c r="G9948" s="358" t="s">
        <v>14444</v>
      </c>
      <c r="H9948" s="358" t="s">
        <v>14378</v>
      </c>
      <c r="I9948" s="358" t="s">
        <v>14444</v>
      </c>
      <c r="J9948" s="358"/>
      <c r="K9948" s="358"/>
      <c r="L9948" s="358"/>
    </row>
    <row r="9949" spans="2:12">
      <c r="B9949" s="367"/>
      <c r="C9949" s="367"/>
      <c r="D9949" s="367"/>
      <c r="E9949" s="367"/>
      <c r="F9949" s="360"/>
      <c r="G9949" s="360"/>
      <c r="H9949" s="360"/>
      <c r="I9949" s="360"/>
      <c r="J9949" s="365"/>
      <c r="K9949" s="365"/>
      <c r="L9949" s="365"/>
    </row>
    <row r="9950" spans="2:12" ht="28.5">
      <c r="B9950" s="367"/>
      <c r="C9950" s="367"/>
      <c r="D9950" s="367"/>
      <c r="E9950" s="367"/>
      <c r="F9950" s="359" t="s">
        <v>28960</v>
      </c>
      <c r="G9950" s="359" t="s">
        <v>14579</v>
      </c>
      <c r="H9950" s="359" t="s">
        <v>14381</v>
      </c>
      <c r="I9950" s="359" t="s">
        <v>14579</v>
      </c>
      <c r="J9950" s="365"/>
      <c r="K9950" s="365"/>
      <c r="L9950" s="365"/>
    </row>
    <row r="9951" spans="2:12">
      <c r="B9951" s="367"/>
      <c r="C9951" s="367"/>
      <c r="D9951" s="367"/>
      <c r="E9951" s="367"/>
      <c r="F9951" s="360"/>
      <c r="G9951" s="360"/>
      <c r="H9951" s="360"/>
      <c r="I9951" s="360"/>
      <c r="J9951" s="365"/>
      <c r="K9951" s="365"/>
      <c r="L9951" s="365"/>
    </row>
    <row r="9952" spans="2:12">
      <c r="B9952" s="367"/>
      <c r="C9952" s="367"/>
      <c r="D9952" s="367"/>
      <c r="E9952" s="367"/>
      <c r="F9952" s="359" t="s">
        <v>14371</v>
      </c>
      <c r="G9952" s="359" t="s">
        <v>14383</v>
      </c>
      <c r="H9952" s="359" t="s">
        <v>14370</v>
      </c>
      <c r="I9952" s="359" t="s">
        <v>14383</v>
      </c>
      <c r="J9952" s="365"/>
      <c r="K9952" s="365"/>
      <c r="L9952" s="365"/>
    </row>
    <row r="9953" spans="2:12">
      <c r="B9953" s="367"/>
      <c r="C9953" s="367"/>
      <c r="D9953" s="367"/>
      <c r="E9953" s="367"/>
      <c r="F9953" s="360"/>
      <c r="G9953" s="360"/>
      <c r="H9953" s="360"/>
      <c r="I9953" s="360"/>
      <c r="J9953" s="365"/>
      <c r="K9953" s="365"/>
      <c r="L9953" s="365"/>
    </row>
    <row r="9954" spans="2:12" ht="28.5">
      <c r="B9954" s="367"/>
      <c r="C9954" s="367"/>
      <c r="D9954" s="367"/>
      <c r="E9954" s="367"/>
      <c r="F9954" s="359" t="s">
        <v>14374</v>
      </c>
      <c r="G9954" s="359" t="s">
        <v>14372</v>
      </c>
      <c r="H9954" s="359" t="s">
        <v>14332</v>
      </c>
      <c r="I9954" s="359" t="s">
        <v>14373</v>
      </c>
      <c r="J9954" s="365"/>
      <c r="K9954" s="365"/>
      <c r="L9954" s="365"/>
    </row>
    <row r="9955" spans="2:12">
      <c r="B9955" s="367"/>
      <c r="C9955" s="367"/>
      <c r="D9955" s="367"/>
      <c r="E9955" s="367"/>
      <c r="F9955" s="360"/>
      <c r="G9955" s="360"/>
      <c r="H9955" s="360"/>
      <c r="I9955" s="360"/>
      <c r="J9955" s="365"/>
      <c r="K9955" s="365"/>
      <c r="L9955" s="365"/>
    </row>
    <row r="9956" spans="2:12">
      <c r="B9956" s="368"/>
      <c r="C9956" s="368"/>
      <c r="D9956" s="368"/>
      <c r="E9956" s="368"/>
      <c r="F9956" s="362"/>
      <c r="G9956" s="361" t="s">
        <v>14373</v>
      </c>
      <c r="H9956" s="362"/>
      <c r="I9956" s="362"/>
      <c r="J9956" s="366"/>
      <c r="K9956" s="366"/>
      <c r="L9956" s="366"/>
    </row>
    <row r="9957" spans="2:12" ht="42.75">
      <c r="B9957" s="358" t="s">
        <v>19342</v>
      </c>
      <c r="C9957" s="358" t="s">
        <v>19343</v>
      </c>
      <c r="D9957" s="358" t="s">
        <v>19344</v>
      </c>
      <c r="E9957" s="358" t="s">
        <v>19345</v>
      </c>
      <c r="F9957" s="358" t="s">
        <v>14418</v>
      </c>
      <c r="G9957" s="358" t="s">
        <v>14419</v>
      </c>
      <c r="H9957" s="358" t="s">
        <v>14328</v>
      </c>
      <c r="I9957" s="358" t="s">
        <v>14419</v>
      </c>
      <c r="J9957" s="358"/>
      <c r="K9957" s="358" t="s">
        <v>28947</v>
      </c>
      <c r="L9957" s="358"/>
    </row>
    <row r="9958" spans="2:12">
      <c r="B9958" s="367"/>
      <c r="C9958" s="367"/>
      <c r="D9958" s="367"/>
      <c r="E9958" s="367"/>
      <c r="F9958" s="360"/>
      <c r="G9958" s="360"/>
      <c r="H9958" s="360"/>
      <c r="I9958" s="360"/>
      <c r="J9958" s="365"/>
      <c r="K9958" s="367"/>
      <c r="L9958" s="365"/>
    </row>
    <row r="9959" spans="2:12">
      <c r="B9959" s="367"/>
      <c r="C9959" s="367"/>
      <c r="D9959" s="367"/>
      <c r="E9959" s="367"/>
      <c r="F9959" s="359" t="s">
        <v>14386</v>
      </c>
      <c r="G9959" s="359" t="s">
        <v>14387</v>
      </c>
      <c r="H9959" s="359" t="s">
        <v>14367</v>
      </c>
      <c r="I9959" s="359" t="s">
        <v>14387</v>
      </c>
      <c r="J9959" s="365"/>
      <c r="K9959" s="367"/>
      <c r="L9959" s="365"/>
    </row>
    <row r="9960" spans="2:12">
      <c r="B9960" s="367"/>
      <c r="C9960" s="367"/>
      <c r="D9960" s="367"/>
      <c r="E9960" s="367"/>
      <c r="F9960" s="360"/>
      <c r="G9960" s="360"/>
      <c r="H9960" s="360"/>
      <c r="I9960" s="360"/>
      <c r="J9960" s="365"/>
      <c r="K9960" s="367"/>
      <c r="L9960" s="365"/>
    </row>
    <row r="9961" spans="2:12">
      <c r="B9961" s="368"/>
      <c r="C9961" s="368"/>
      <c r="D9961" s="368"/>
      <c r="E9961" s="368"/>
      <c r="F9961" s="361" t="s">
        <v>14368</v>
      </c>
      <c r="G9961" s="361" t="s">
        <v>14388</v>
      </c>
      <c r="H9961" s="361" t="s">
        <v>14422</v>
      </c>
      <c r="I9961" s="361" t="s">
        <v>14388</v>
      </c>
      <c r="J9961" s="366"/>
      <c r="K9961" s="368"/>
      <c r="L9961" s="366"/>
    </row>
    <row r="9962" spans="2:12">
      <c r="B9962" s="354" t="s">
        <v>14492</v>
      </c>
      <c r="C9962" s="369"/>
      <c r="D9962" s="369"/>
      <c r="E9962" s="369"/>
      <c r="F9962" s="369"/>
      <c r="G9962" s="369"/>
      <c r="H9962" s="369"/>
      <c r="I9962" s="369"/>
      <c r="J9962" s="369"/>
      <c r="K9962" s="369"/>
      <c r="L9962" s="370"/>
    </row>
    <row r="9963" spans="2:12" ht="42.75">
      <c r="B9963" s="358" t="s">
        <v>13080</v>
      </c>
      <c r="C9963" s="358" t="s">
        <v>19346</v>
      </c>
      <c r="D9963" s="358" t="s">
        <v>433</v>
      </c>
      <c r="E9963" s="358" t="s">
        <v>434</v>
      </c>
      <c r="F9963" s="358" t="s">
        <v>14424</v>
      </c>
      <c r="G9963" s="358" t="s">
        <v>16648</v>
      </c>
      <c r="H9963" s="358" t="s">
        <v>14381</v>
      </c>
      <c r="I9963" s="358" t="s">
        <v>16648</v>
      </c>
      <c r="J9963" s="358"/>
      <c r="K9963" s="358" t="s">
        <v>29122</v>
      </c>
      <c r="L9963" s="358"/>
    </row>
    <row r="9964" spans="2:12">
      <c r="B9964" s="367"/>
      <c r="C9964" s="367"/>
      <c r="D9964" s="367"/>
      <c r="E9964" s="367"/>
      <c r="F9964" s="360"/>
      <c r="G9964" s="360"/>
      <c r="H9964" s="360"/>
      <c r="I9964" s="360"/>
      <c r="J9964" s="365"/>
      <c r="K9964" s="367"/>
      <c r="L9964" s="365"/>
    </row>
    <row r="9965" spans="2:12">
      <c r="B9965" s="367"/>
      <c r="C9965" s="367"/>
      <c r="D9965" s="367"/>
      <c r="E9965" s="367"/>
      <c r="F9965" s="359" t="s">
        <v>14368</v>
      </c>
      <c r="G9965" s="359" t="s">
        <v>14388</v>
      </c>
      <c r="H9965" s="359" t="s">
        <v>14367</v>
      </c>
      <c r="I9965" s="359" t="s">
        <v>14388</v>
      </c>
      <c r="J9965" s="365"/>
      <c r="K9965" s="367"/>
      <c r="L9965" s="365"/>
    </row>
    <row r="9966" spans="2:12">
      <c r="B9966" s="367"/>
      <c r="C9966" s="367"/>
      <c r="D9966" s="367"/>
      <c r="E9966" s="367"/>
      <c r="F9966" s="360"/>
      <c r="G9966" s="360"/>
      <c r="H9966" s="360"/>
      <c r="I9966" s="360"/>
      <c r="J9966" s="365"/>
      <c r="K9966" s="367"/>
      <c r="L9966" s="365"/>
    </row>
    <row r="9967" spans="2:12">
      <c r="B9967" s="367"/>
      <c r="C9967" s="367"/>
      <c r="D9967" s="367"/>
      <c r="E9967" s="367"/>
      <c r="F9967" s="359" t="s">
        <v>14389</v>
      </c>
      <c r="G9967" s="359" t="s">
        <v>14390</v>
      </c>
      <c r="H9967" s="359" t="s">
        <v>14332</v>
      </c>
      <c r="I9967" s="359" t="s">
        <v>14390</v>
      </c>
      <c r="J9967" s="365"/>
      <c r="K9967" s="367"/>
      <c r="L9967" s="365"/>
    </row>
    <row r="9968" spans="2:12">
      <c r="B9968" s="367"/>
      <c r="C9968" s="367"/>
      <c r="D9968" s="367"/>
      <c r="E9968" s="367"/>
      <c r="F9968" s="360"/>
      <c r="G9968" s="360"/>
      <c r="H9968" s="360"/>
      <c r="I9968" s="360"/>
      <c r="J9968" s="365"/>
      <c r="K9968" s="367"/>
      <c r="L9968" s="365"/>
    </row>
    <row r="9969" spans="2:12">
      <c r="B9969" s="368"/>
      <c r="C9969" s="368"/>
      <c r="D9969" s="368"/>
      <c r="E9969" s="368"/>
      <c r="F9969" s="361" t="s">
        <v>14386</v>
      </c>
      <c r="G9969" s="361" t="s">
        <v>14387</v>
      </c>
      <c r="H9969" s="362"/>
      <c r="I9969" s="361" t="s">
        <v>14387</v>
      </c>
      <c r="J9969" s="366"/>
      <c r="K9969" s="368"/>
      <c r="L9969" s="366"/>
    </row>
    <row r="9970" spans="2:12">
      <c r="B9970" s="354" t="s">
        <v>28528</v>
      </c>
      <c r="C9970" s="369"/>
      <c r="D9970" s="369"/>
      <c r="E9970" s="369"/>
      <c r="F9970" s="369"/>
      <c r="G9970" s="369"/>
      <c r="H9970" s="369"/>
      <c r="I9970" s="369"/>
      <c r="J9970" s="369"/>
      <c r="K9970" s="369"/>
      <c r="L9970" s="370"/>
    </row>
    <row r="9971" spans="2:12">
      <c r="B9971" s="358" t="s">
        <v>19347</v>
      </c>
      <c r="C9971" s="358" t="s">
        <v>19348</v>
      </c>
      <c r="D9971" s="358" t="s">
        <v>19349</v>
      </c>
      <c r="E9971" s="358" t="s">
        <v>19350</v>
      </c>
      <c r="F9971" s="358" t="s">
        <v>14420</v>
      </c>
      <c r="G9971" s="358" t="s">
        <v>14429</v>
      </c>
      <c r="H9971" s="358" t="s">
        <v>14367</v>
      </c>
      <c r="I9971" s="358" t="s">
        <v>14429</v>
      </c>
      <c r="J9971" s="358"/>
      <c r="K9971" s="358"/>
      <c r="L9971" s="358"/>
    </row>
    <row r="9972" spans="2:12">
      <c r="B9972" s="367"/>
      <c r="C9972" s="367"/>
      <c r="D9972" s="367"/>
      <c r="E9972" s="367"/>
      <c r="F9972" s="360"/>
      <c r="G9972" s="360"/>
      <c r="H9972" s="360"/>
      <c r="I9972" s="360"/>
      <c r="J9972" s="365"/>
      <c r="K9972" s="365"/>
      <c r="L9972" s="365"/>
    </row>
    <row r="9973" spans="2:12" ht="28.5">
      <c r="B9973" s="367"/>
      <c r="C9973" s="367"/>
      <c r="D9973" s="367"/>
      <c r="E9973" s="367"/>
      <c r="F9973" s="359" t="s">
        <v>14394</v>
      </c>
      <c r="G9973" s="359" t="s">
        <v>14395</v>
      </c>
      <c r="H9973" s="359" t="s">
        <v>14370</v>
      </c>
      <c r="I9973" s="359" t="s">
        <v>14395</v>
      </c>
      <c r="J9973" s="365"/>
      <c r="K9973" s="365"/>
      <c r="L9973" s="365"/>
    </row>
    <row r="9974" spans="2:12">
      <c r="B9974" s="367"/>
      <c r="C9974" s="367"/>
      <c r="D9974" s="367"/>
      <c r="E9974" s="367"/>
      <c r="F9974" s="360"/>
      <c r="G9974" s="360"/>
      <c r="H9974" s="360"/>
      <c r="I9974" s="360"/>
      <c r="J9974" s="365"/>
      <c r="K9974" s="365"/>
      <c r="L9974" s="365"/>
    </row>
    <row r="9975" spans="2:12">
      <c r="B9975" s="368"/>
      <c r="C9975" s="368"/>
      <c r="D9975" s="368"/>
      <c r="E9975" s="368"/>
      <c r="F9975" s="362"/>
      <c r="G9975" s="362"/>
      <c r="H9975" s="361" t="s">
        <v>14422</v>
      </c>
      <c r="I9975" s="362"/>
      <c r="J9975" s="366"/>
      <c r="K9975" s="366"/>
      <c r="L9975" s="366"/>
    </row>
    <row r="9976" spans="2:12">
      <c r="B9976" s="358" t="s">
        <v>19351</v>
      </c>
      <c r="C9976" s="358" t="s">
        <v>19352</v>
      </c>
      <c r="D9976" s="358" t="s">
        <v>19353</v>
      </c>
      <c r="E9976" s="358" t="s">
        <v>19354</v>
      </c>
      <c r="F9976" s="358" t="s">
        <v>14418</v>
      </c>
      <c r="G9976" s="358" t="s">
        <v>14419</v>
      </c>
      <c r="H9976" s="358" t="s">
        <v>14328</v>
      </c>
      <c r="I9976" s="358" t="s">
        <v>14419</v>
      </c>
      <c r="J9976" s="358"/>
      <c r="K9976" s="358"/>
      <c r="L9976" s="358"/>
    </row>
    <row r="9977" spans="2:12">
      <c r="B9977" s="367"/>
      <c r="C9977" s="367"/>
      <c r="D9977" s="367"/>
      <c r="E9977" s="367"/>
      <c r="F9977" s="360"/>
      <c r="G9977" s="360"/>
      <c r="H9977" s="360"/>
      <c r="I9977" s="360"/>
      <c r="J9977" s="365"/>
      <c r="K9977" s="365"/>
      <c r="L9977" s="365"/>
    </row>
    <row r="9978" spans="2:12">
      <c r="B9978" s="367"/>
      <c r="C9978" s="367"/>
      <c r="D9978" s="367"/>
      <c r="E9978" s="367"/>
      <c r="F9978" s="359" t="s">
        <v>14420</v>
      </c>
      <c r="G9978" s="359" t="s">
        <v>14459</v>
      </c>
      <c r="H9978" s="359" t="s">
        <v>14367</v>
      </c>
      <c r="I9978" s="359" t="s">
        <v>14459</v>
      </c>
      <c r="J9978" s="365"/>
      <c r="K9978" s="365"/>
      <c r="L9978" s="365"/>
    </row>
    <row r="9979" spans="2:12">
      <c r="B9979" s="367"/>
      <c r="C9979" s="367"/>
      <c r="D9979" s="367"/>
      <c r="E9979" s="367"/>
      <c r="F9979" s="360"/>
      <c r="G9979" s="360"/>
      <c r="H9979" s="360"/>
      <c r="I9979" s="360"/>
      <c r="J9979" s="365"/>
      <c r="K9979" s="365"/>
      <c r="L9979" s="365"/>
    </row>
    <row r="9980" spans="2:12">
      <c r="B9980" s="368"/>
      <c r="C9980" s="368"/>
      <c r="D9980" s="368"/>
      <c r="E9980" s="368"/>
      <c r="F9980" s="362"/>
      <c r="G9980" s="362"/>
      <c r="H9980" s="361" t="s">
        <v>14422</v>
      </c>
      <c r="I9980" s="362"/>
      <c r="J9980" s="366"/>
      <c r="K9980" s="366"/>
      <c r="L9980" s="366"/>
    </row>
    <row r="9981" spans="2:12">
      <c r="B9981" s="358" t="s">
        <v>19355</v>
      </c>
      <c r="C9981" s="358" t="s">
        <v>29123</v>
      </c>
      <c r="D9981" s="358" t="s">
        <v>19356</v>
      </c>
      <c r="E9981" s="358" t="s">
        <v>19357</v>
      </c>
      <c r="F9981" s="358" t="s">
        <v>14418</v>
      </c>
      <c r="G9981" s="358" t="s">
        <v>14419</v>
      </c>
      <c r="H9981" s="358" t="s">
        <v>14328</v>
      </c>
      <c r="I9981" s="358" t="s">
        <v>14419</v>
      </c>
      <c r="J9981" s="358"/>
      <c r="K9981" s="358"/>
      <c r="L9981" s="358"/>
    </row>
    <row r="9982" spans="2:12">
      <c r="B9982" s="367"/>
      <c r="C9982" s="367"/>
      <c r="D9982" s="367"/>
      <c r="E9982" s="367"/>
      <c r="F9982" s="360"/>
      <c r="G9982" s="360"/>
      <c r="H9982" s="360"/>
      <c r="I9982" s="360"/>
      <c r="J9982" s="365"/>
      <c r="K9982" s="365"/>
      <c r="L9982" s="365"/>
    </row>
    <row r="9983" spans="2:12" ht="28.5">
      <c r="B9983" s="367"/>
      <c r="C9983" s="367"/>
      <c r="D9983" s="367"/>
      <c r="E9983" s="367"/>
      <c r="F9983" s="359" t="s">
        <v>28938</v>
      </c>
      <c r="G9983" s="359" t="s">
        <v>14459</v>
      </c>
      <c r="H9983" s="359" t="s">
        <v>14367</v>
      </c>
      <c r="I9983" s="359" t="s">
        <v>14459</v>
      </c>
      <c r="J9983" s="365"/>
      <c r="K9983" s="365"/>
      <c r="L9983" s="365"/>
    </row>
    <row r="9984" spans="2:12">
      <c r="B9984" s="367"/>
      <c r="C9984" s="367"/>
      <c r="D9984" s="367"/>
      <c r="E9984" s="367"/>
      <c r="F9984" s="360"/>
      <c r="G9984" s="360"/>
      <c r="H9984" s="360"/>
      <c r="I9984" s="360"/>
      <c r="J9984" s="365"/>
      <c r="K9984" s="365"/>
      <c r="L9984" s="365"/>
    </row>
    <row r="9985" spans="2:12">
      <c r="B9985" s="368"/>
      <c r="C9985" s="368"/>
      <c r="D9985" s="368"/>
      <c r="E9985" s="368"/>
      <c r="F9985" s="362"/>
      <c r="G9985" s="361" t="s">
        <v>14429</v>
      </c>
      <c r="H9985" s="361" t="s">
        <v>14422</v>
      </c>
      <c r="I9985" s="361" t="s">
        <v>14429</v>
      </c>
      <c r="J9985" s="366"/>
      <c r="K9985" s="366"/>
      <c r="L9985" s="366"/>
    </row>
    <row r="9986" spans="2:12">
      <c r="B9986" s="358" t="s">
        <v>19358</v>
      </c>
      <c r="C9986" s="358" t="s">
        <v>19359</v>
      </c>
      <c r="D9986" s="358" t="s">
        <v>19360</v>
      </c>
      <c r="E9986" s="358" t="s">
        <v>19361</v>
      </c>
      <c r="F9986" s="358" t="s">
        <v>14418</v>
      </c>
      <c r="G9986" s="358" t="s">
        <v>14419</v>
      </c>
      <c r="H9986" s="358" t="s">
        <v>14328</v>
      </c>
      <c r="I9986" s="358" t="s">
        <v>14419</v>
      </c>
      <c r="J9986" s="358"/>
      <c r="K9986" s="358"/>
      <c r="L9986" s="358"/>
    </row>
    <row r="9987" spans="2:12">
      <c r="B9987" s="367"/>
      <c r="C9987" s="367"/>
      <c r="D9987" s="367"/>
      <c r="E9987" s="367"/>
      <c r="F9987" s="360"/>
      <c r="G9987" s="360"/>
      <c r="H9987" s="360"/>
      <c r="I9987" s="360"/>
      <c r="J9987" s="365"/>
      <c r="K9987" s="365"/>
      <c r="L9987" s="365"/>
    </row>
    <row r="9988" spans="2:12">
      <c r="B9988" s="367"/>
      <c r="C9988" s="367"/>
      <c r="D9988" s="367"/>
      <c r="E9988" s="367"/>
      <c r="F9988" s="359" t="s">
        <v>14386</v>
      </c>
      <c r="G9988" s="359" t="s">
        <v>14387</v>
      </c>
      <c r="H9988" s="359" t="s">
        <v>14367</v>
      </c>
      <c r="I9988" s="359" t="s">
        <v>14387</v>
      </c>
      <c r="J9988" s="365"/>
      <c r="K9988" s="365"/>
      <c r="L9988" s="365"/>
    </row>
    <row r="9989" spans="2:12">
      <c r="B9989" s="367"/>
      <c r="C9989" s="367"/>
      <c r="D9989" s="367"/>
      <c r="E9989" s="367"/>
      <c r="F9989" s="360"/>
      <c r="G9989" s="360"/>
      <c r="H9989" s="360"/>
      <c r="I9989" s="360"/>
      <c r="J9989" s="365"/>
      <c r="K9989" s="365"/>
      <c r="L9989" s="365"/>
    </row>
    <row r="9990" spans="2:12">
      <c r="B9990" s="368"/>
      <c r="C9990" s="368"/>
      <c r="D9990" s="368"/>
      <c r="E9990" s="368"/>
      <c r="F9990" s="361" t="s">
        <v>14389</v>
      </c>
      <c r="G9990" s="361" t="s">
        <v>14390</v>
      </c>
      <c r="H9990" s="361" t="s">
        <v>14422</v>
      </c>
      <c r="I9990" s="361" t="s">
        <v>14390</v>
      </c>
      <c r="J9990" s="366"/>
      <c r="K9990" s="366"/>
      <c r="L9990" s="366"/>
    </row>
    <row r="9991" spans="2:12">
      <c r="B9991" s="358" t="s">
        <v>19362</v>
      </c>
      <c r="C9991" s="358" t="s">
        <v>29124</v>
      </c>
      <c r="D9991" s="358" t="s">
        <v>19363</v>
      </c>
      <c r="E9991" s="358" t="s">
        <v>19364</v>
      </c>
      <c r="F9991" s="358" t="s">
        <v>14418</v>
      </c>
      <c r="G9991" s="358" t="s">
        <v>14419</v>
      </c>
      <c r="H9991" s="358" t="s">
        <v>14328</v>
      </c>
      <c r="I9991" s="358" t="s">
        <v>14419</v>
      </c>
      <c r="J9991" s="358"/>
      <c r="K9991" s="358"/>
      <c r="L9991" s="358"/>
    </row>
    <row r="9992" spans="2:12">
      <c r="B9992" s="367"/>
      <c r="C9992" s="367"/>
      <c r="D9992" s="367"/>
      <c r="E9992" s="367"/>
      <c r="F9992" s="360"/>
      <c r="G9992" s="360"/>
      <c r="H9992" s="360"/>
      <c r="I9992" s="360"/>
      <c r="J9992" s="365"/>
      <c r="K9992" s="365"/>
      <c r="L9992" s="365"/>
    </row>
    <row r="9993" spans="2:12">
      <c r="B9993" s="367"/>
      <c r="C9993" s="367"/>
      <c r="D9993" s="367"/>
      <c r="E9993" s="367"/>
      <c r="F9993" s="359" t="s">
        <v>14420</v>
      </c>
      <c r="G9993" s="359" t="s">
        <v>14459</v>
      </c>
      <c r="H9993" s="359" t="s">
        <v>14367</v>
      </c>
      <c r="I9993" s="359" t="s">
        <v>14459</v>
      </c>
      <c r="J9993" s="365"/>
      <c r="K9993" s="365"/>
      <c r="L9993" s="365"/>
    </row>
    <row r="9994" spans="2:12">
      <c r="B9994" s="367"/>
      <c r="C9994" s="367"/>
      <c r="D9994" s="367"/>
      <c r="E9994" s="367"/>
      <c r="F9994" s="360"/>
      <c r="G9994" s="360"/>
      <c r="H9994" s="360"/>
      <c r="I9994" s="360"/>
      <c r="J9994" s="365"/>
      <c r="K9994" s="365"/>
      <c r="L9994" s="365"/>
    </row>
    <row r="9995" spans="2:12">
      <c r="B9995" s="368"/>
      <c r="C9995" s="368"/>
      <c r="D9995" s="368"/>
      <c r="E9995" s="368"/>
      <c r="F9995" s="362"/>
      <c r="G9995" s="362"/>
      <c r="H9995" s="361" t="s">
        <v>14422</v>
      </c>
      <c r="I9995" s="362"/>
      <c r="J9995" s="366"/>
      <c r="K9995" s="366"/>
      <c r="L9995" s="366"/>
    </row>
    <row r="9996" spans="2:12">
      <c r="B9996" s="358" t="s">
        <v>19365</v>
      </c>
      <c r="C9996" s="358" t="s">
        <v>30162</v>
      </c>
      <c r="D9996" s="358" t="s">
        <v>19366</v>
      </c>
      <c r="E9996" s="358" t="s">
        <v>19367</v>
      </c>
      <c r="F9996" s="358" t="s">
        <v>14418</v>
      </c>
      <c r="G9996" s="358" t="s">
        <v>14419</v>
      </c>
      <c r="H9996" s="358" t="s">
        <v>14328</v>
      </c>
      <c r="I9996" s="358" t="s">
        <v>14419</v>
      </c>
      <c r="J9996" s="358"/>
      <c r="K9996" s="358"/>
      <c r="L9996" s="358"/>
    </row>
    <row r="9997" spans="2:12">
      <c r="B9997" s="367"/>
      <c r="C9997" s="367"/>
      <c r="D9997" s="367"/>
      <c r="E9997" s="367"/>
      <c r="F9997" s="360"/>
      <c r="G9997" s="360"/>
      <c r="H9997" s="360"/>
      <c r="I9997" s="360"/>
      <c r="J9997" s="365"/>
      <c r="K9997" s="365"/>
      <c r="L9997" s="365"/>
    </row>
    <row r="9998" spans="2:12">
      <c r="B9998" s="367"/>
      <c r="C9998" s="367"/>
      <c r="D9998" s="367"/>
      <c r="E9998" s="367"/>
      <c r="F9998" s="359" t="s">
        <v>14420</v>
      </c>
      <c r="G9998" s="359" t="s">
        <v>14459</v>
      </c>
      <c r="H9998" s="359" t="s">
        <v>14367</v>
      </c>
      <c r="I9998" s="359" t="s">
        <v>14459</v>
      </c>
      <c r="J9998" s="365"/>
      <c r="K9998" s="365"/>
      <c r="L9998" s="365"/>
    </row>
    <row r="9999" spans="2:12">
      <c r="B9999" s="367"/>
      <c r="C9999" s="367"/>
      <c r="D9999" s="367"/>
      <c r="E9999" s="367"/>
      <c r="F9999" s="360"/>
      <c r="G9999" s="360"/>
      <c r="H9999" s="360"/>
      <c r="I9999" s="360"/>
      <c r="J9999" s="365"/>
      <c r="K9999" s="365"/>
      <c r="L9999" s="365"/>
    </row>
    <row r="10000" spans="2:12">
      <c r="B10000" s="368"/>
      <c r="C10000" s="368"/>
      <c r="D10000" s="368"/>
      <c r="E10000" s="368"/>
      <c r="F10000" s="362"/>
      <c r="G10000" s="362"/>
      <c r="H10000" s="361" t="s">
        <v>14422</v>
      </c>
      <c r="I10000" s="362"/>
      <c r="J10000" s="366"/>
      <c r="K10000" s="366"/>
      <c r="L10000" s="366"/>
    </row>
    <row r="10001" spans="2:12">
      <c r="B10001" s="358" t="s">
        <v>19368</v>
      </c>
      <c r="C10001" s="358" t="s">
        <v>29125</v>
      </c>
      <c r="D10001" s="358" t="s">
        <v>19369</v>
      </c>
      <c r="E10001" s="358" t="s">
        <v>19370</v>
      </c>
      <c r="F10001" s="358" t="s">
        <v>14505</v>
      </c>
      <c r="G10001" s="358" t="s">
        <v>14506</v>
      </c>
      <c r="H10001" s="358" t="s">
        <v>14328</v>
      </c>
      <c r="I10001" s="358" t="s">
        <v>14506</v>
      </c>
      <c r="J10001" s="358"/>
      <c r="K10001" s="358"/>
      <c r="L10001" s="358"/>
    </row>
    <row r="10002" spans="2:12">
      <c r="B10002" s="367"/>
      <c r="C10002" s="367"/>
      <c r="D10002" s="367"/>
      <c r="E10002" s="367"/>
      <c r="F10002" s="360"/>
      <c r="G10002" s="360"/>
      <c r="H10002" s="360"/>
      <c r="I10002" s="360"/>
      <c r="J10002" s="365"/>
      <c r="K10002" s="365"/>
      <c r="L10002" s="365"/>
    </row>
    <row r="10003" spans="2:12">
      <c r="B10003" s="367"/>
      <c r="C10003" s="367"/>
      <c r="D10003" s="367"/>
      <c r="E10003" s="367"/>
      <c r="F10003" s="359" t="s">
        <v>14420</v>
      </c>
      <c r="G10003" s="359" t="s">
        <v>14459</v>
      </c>
      <c r="H10003" s="359" t="s">
        <v>14367</v>
      </c>
      <c r="I10003" s="359" t="s">
        <v>14459</v>
      </c>
      <c r="J10003" s="365"/>
      <c r="K10003" s="365"/>
      <c r="L10003" s="365"/>
    </row>
    <row r="10004" spans="2:12">
      <c r="B10004" s="367"/>
      <c r="C10004" s="367"/>
      <c r="D10004" s="367"/>
      <c r="E10004" s="367"/>
      <c r="F10004" s="360"/>
      <c r="G10004" s="360"/>
      <c r="H10004" s="360"/>
      <c r="I10004" s="360"/>
      <c r="J10004" s="365"/>
      <c r="K10004" s="365"/>
      <c r="L10004" s="365"/>
    </row>
    <row r="10005" spans="2:12">
      <c r="B10005" s="368"/>
      <c r="C10005" s="368"/>
      <c r="D10005" s="368"/>
      <c r="E10005" s="368"/>
      <c r="F10005" s="362"/>
      <c r="G10005" s="362"/>
      <c r="H10005" s="361" t="s">
        <v>14332</v>
      </c>
      <c r="I10005" s="362"/>
      <c r="J10005" s="366"/>
      <c r="K10005" s="366"/>
      <c r="L10005" s="366"/>
    </row>
    <row r="10006" spans="2:12">
      <c r="B10006" s="358" t="s">
        <v>19371</v>
      </c>
      <c r="C10006" s="358" t="s">
        <v>29126</v>
      </c>
      <c r="D10006" s="358" t="s">
        <v>19372</v>
      </c>
      <c r="E10006" s="358" t="s">
        <v>19373</v>
      </c>
      <c r="F10006" s="358" t="s">
        <v>14418</v>
      </c>
      <c r="G10006" s="358" t="s">
        <v>14419</v>
      </c>
      <c r="H10006" s="358" t="s">
        <v>14328</v>
      </c>
      <c r="I10006" s="358" t="s">
        <v>14419</v>
      </c>
      <c r="J10006" s="358"/>
      <c r="K10006" s="358"/>
      <c r="L10006" s="358"/>
    </row>
    <row r="10007" spans="2:12">
      <c r="B10007" s="367"/>
      <c r="C10007" s="367"/>
      <c r="D10007" s="367"/>
      <c r="E10007" s="367"/>
      <c r="F10007" s="360"/>
      <c r="G10007" s="360"/>
      <c r="H10007" s="360"/>
      <c r="I10007" s="360"/>
      <c r="J10007" s="365"/>
      <c r="K10007" s="365"/>
      <c r="L10007" s="365"/>
    </row>
    <row r="10008" spans="2:12">
      <c r="B10008" s="367"/>
      <c r="C10008" s="367"/>
      <c r="D10008" s="367"/>
      <c r="E10008" s="367"/>
      <c r="F10008" s="359" t="s">
        <v>14420</v>
      </c>
      <c r="G10008" s="359" t="s">
        <v>14429</v>
      </c>
      <c r="H10008" s="359" t="s">
        <v>14367</v>
      </c>
      <c r="I10008" s="359" t="s">
        <v>14429</v>
      </c>
      <c r="J10008" s="365"/>
      <c r="K10008" s="365"/>
      <c r="L10008" s="365"/>
    </row>
    <row r="10009" spans="2:12">
      <c r="B10009" s="367"/>
      <c r="C10009" s="367"/>
      <c r="D10009" s="367"/>
      <c r="E10009" s="367"/>
      <c r="F10009" s="360"/>
      <c r="G10009" s="360"/>
      <c r="H10009" s="360"/>
      <c r="I10009" s="360"/>
      <c r="J10009" s="365"/>
      <c r="K10009" s="365"/>
      <c r="L10009" s="365"/>
    </row>
    <row r="10010" spans="2:12">
      <c r="B10010" s="368"/>
      <c r="C10010" s="368"/>
      <c r="D10010" s="368"/>
      <c r="E10010" s="368"/>
      <c r="F10010" s="362"/>
      <c r="G10010" s="362"/>
      <c r="H10010" s="361" t="s">
        <v>14422</v>
      </c>
      <c r="I10010" s="362"/>
      <c r="J10010" s="366"/>
      <c r="K10010" s="366"/>
      <c r="L10010" s="366"/>
    </row>
    <row r="10011" spans="2:12" ht="28.5">
      <c r="B10011" s="358" t="s">
        <v>19374</v>
      </c>
      <c r="C10011" s="358" t="s">
        <v>30163</v>
      </c>
      <c r="D10011" s="358" t="s">
        <v>19375</v>
      </c>
      <c r="E10011" s="358" t="s">
        <v>19376</v>
      </c>
      <c r="F10011" s="358" t="s">
        <v>14418</v>
      </c>
      <c r="G10011" s="358" t="s">
        <v>14419</v>
      </c>
      <c r="H10011" s="358" t="s">
        <v>14328</v>
      </c>
      <c r="I10011" s="358" t="s">
        <v>14419</v>
      </c>
      <c r="J10011" s="358"/>
      <c r="K10011" s="358"/>
      <c r="L10011" s="358"/>
    </row>
    <row r="10012" spans="2:12">
      <c r="B10012" s="367"/>
      <c r="C10012" s="367"/>
      <c r="D10012" s="367"/>
      <c r="E10012" s="367"/>
      <c r="F10012" s="360"/>
      <c r="G10012" s="360"/>
      <c r="H10012" s="360"/>
      <c r="I10012" s="360"/>
      <c r="J10012" s="365"/>
      <c r="K10012" s="365"/>
      <c r="L10012" s="365"/>
    </row>
    <row r="10013" spans="2:12" ht="42.75">
      <c r="B10013" s="367"/>
      <c r="C10013" s="367"/>
      <c r="D10013" s="367"/>
      <c r="E10013" s="367"/>
      <c r="F10013" s="359" t="s">
        <v>14507</v>
      </c>
      <c r="G10013" s="359" t="s">
        <v>29127</v>
      </c>
      <c r="H10013" s="359" t="s">
        <v>14381</v>
      </c>
      <c r="I10013" s="359" t="s">
        <v>29127</v>
      </c>
      <c r="J10013" s="365"/>
      <c r="K10013" s="365"/>
      <c r="L10013" s="365"/>
    </row>
    <row r="10014" spans="2:12">
      <c r="B10014" s="367"/>
      <c r="C10014" s="367"/>
      <c r="D10014" s="367"/>
      <c r="E10014" s="367"/>
      <c r="F10014" s="360"/>
      <c r="G10014" s="360"/>
      <c r="H10014" s="360"/>
      <c r="I10014" s="360"/>
      <c r="J10014" s="365"/>
      <c r="K10014" s="365"/>
      <c r="L10014" s="365"/>
    </row>
    <row r="10015" spans="2:12">
      <c r="B10015" s="367"/>
      <c r="C10015" s="367"/>
      <c r="D10015" s="367"/>
      <c r="E10015" s="367"/>
      <c r="F10015" s="359" t="s">
        <v>14384</v>
      </c>
      <c r="G10015" s="360"/>
      <c r="H10015" s="359" t="s">
        <v>14367</v>
      </c>
      <c r="I10015" s="360"/>
      <c r="J10015" s="365"/>
      <c r="K10015" s="365"/>
      <c r="L10015" s="365"/>
    </row>
    <row r="10016" spans="2:12">
      <c r="B10016" s="367"/>
      <c r="C10016" s="367"/>
      <c r="D10016" s="367"/>
      <c r="E10016" s="367"/>
      <c r="F10016" s="360"/>
      <c r="G10016" s="360"/>
      <c r="H10016" s="360"/>
      <c r="I10016" s="360"/>
      <c r="J10016" s="365"/>
      <c r="K10016" s="365"/>
      <c r="L10016" s="365"/>
    </row>
    <row r="10017" spans="2:12">
      <c r="B10017" s="368"/>
      <c r="C10017" s="368"/>
      <c r="D10017" s="368"/>
      <c r="E10017" s="368"/>
      <c r="F10017" s="361" t="s">
        <v>14368</v>
      </c>
      <c r="G10017" s="362"/>
      <c r="H10017" s="361" t="s">
        <v>14332</v>
      </c>
      <c r="I10017" s="362"/>
      <c r="J10017" s="366"/>
      <c r="K10017" s="366"/>
      <c r="L10017" s="366"/>
    </row>
    <row r="10018" spans="2:12">
      <c r="B10018" s="358" t="s">
        <v>10391</v>
      </c>
      <c r="C10018" s="358" t="s">
        <v>29128</v>
      </c>
      <c r="D10018" s="358" t="s">
        <v>10392</v>
      </c>
      <c r="E10018" s="358" t="s">
        <v>10393</v>
      </c>
      <c r="F10018" s="358" t="s">
        <v>14376</v>
      </c>
      <c r="G10018" s="358" t="s">
        <v>14669</v>
      </c>
      <c r="H10018" s="358" t="s">
        <v>14378</v>
      </c>
      <c r="I10018" s="358" t="s">
        <v>14669</v>
      </c>
      <c r="J10018" s="358"/>
      <c r="K10018" s="358"/>
      <c r="L10018" s="358"/>
    </row>
    <row r="10019" spans="2:12">
      <c r="B10019" s="367"/>
      <c r="C10019" s="367"/>
      <c r="D10019" s="367"/>
      <c r="E10019" s="367"/>
      <c r="F10019" s="360"/>
      <c r="G10019" s="360"/>
      <c r="H10019" s="360"/>
      <c r="I10019" s="360"/>
      <c r="J10019" s="365"/>
      <c r="K10019" s="365"/>
      <c r="L10019" s="365"/>
    </row>
    <row r="10020" spans="2:12">
      <c r="B10020" s="367"/>
      <c r="C10020" s="367"/>
      <c r="D10020" s="367"/>
      <c r="E10020" s="367"/>
      <c r="F10020" s="359" t="s">
        <v>14379</v>
      </c>
      <c r="G10020" s="359" t="s">
        <v>14380</v>
      </c>
      <c r="H10020" s="359" t="s">
        <v>14381</v>
      </c>
      <c r="I10020" s="359" t="s">
        <v>14380</v>
      </c>
      <c r="J10020" s="365"/>
      <c r="K10020" s="365"/>
      <c r="L10020" s="365"/>
    </row>
    <row r="10021" spans="2:12">
      <c r="B10021" s="367"/>
      <c r="C10021" s="367"/>
      <c r="D10021" s="367"/>
      <c r="E10021" s="367"/>
      <c r="F10021" s="360"/>
      <c r="G10021" s="360"/>
      <c r="H10021" s="360"/>
      <c r="I10021" s="360"/>
      <c r="J10021" s="365"/>
      <c r="K10021" s="365"/>
      <c r="L10021" s="365"/>
    </row>
    <row r="10022" spans="2:12">
      <c r="B10022" s="367"/>
      <c r="C10022" s="367"/>
      <c r="D10022" s="367"/>
      <c r="E10022" s="367"/>
      <c r="F10022" s="359" t="s">
        <v>14386</v>
      </c>
      <c r="G10022" s="359" t="s">
        <v>14387</v>
      </c>
      <c r="H10022" s="359" t="s">
        <v>14332</v>
      </c>
      <c r="I10022" s="359" t="s">
        <v>14387</v>
      </c>
      <c r="J10022" s="365"/>
      <c r="K10022" s="365"/>
      <c r="L10022" s="365"/>
    </row>
    <row r="10023" spans="2:12">
      <c r="B10023" s="367"/>
      <c r="C10023" s="367"/>
      <c r="D10023" s="367"/>
      <c r="E10023" s="367"/>
      <c r="F10023" s="360"/>
      <c r="G10023" s="360"/>
      <c r="H10023" s="360"/>
      <c r="I10023" s="360"/>
      <c r="J10023" s="365"/>
      <c r="K10023" s="365"/>
      <c r="L10023" s="365"/>
    </row>
    <row r="10024" spans="2:12">
      <c r="B10024" s="368"/>
      <c r="C10024" s="368"/>
      <c r="D10024" s="368"/>
      <c r="E10024" s="368"/>
      <c r="F10024" s="361" t="s">
        <v>14389</v>
      </c>
      <c r="G10024" s="361" t="s">
        <v>14390</v>
      </c>
      <c r="H10024" s="362"/>
      <c r="I10024" s="361" t="s">
        <v>14390</v>
      </c>
      <c r="J10024" s="366"/>
      <c r="K10024" s="366"/>
      <c r="L10024" s="366"/>
    </row>
    <row r="10025" spans="2:12">
      <c r="B10025" s="358" t="s">
        <v>19377</v>
      </c>
      <c r="C10025" s="358" t="s">
        <v>19378</v>
      </c>
      <c r="D10025" s="358" t="s">
        <v>19379</v>
      </c>
      <c r="E10025" s="358" t="s">
        <v>19380</v>
      </c>
      <c r="F10025" s="358" t="s">
        <v>14420</v>
      </c>
      <c r="G10025" s="358" t="s">
        <v>14429</v>
      </c>
      <c r="H10025" s="358" t="s">
        <v>14367</v>
      </c>
      <c r="I10025" s="358" t="s">
        <v>14429</v>
      </c>
      <c r="J10025" s="358"/>
      <c r="K10025" s="358"/>
      <c r="L10025" s="358"/>
    </row>
    <row r="10026" spans="2:12">
      <c r="B10026" s="367"/>
      <c r="C10026" s="367"/>
      <c r="D10026" s="367"/>
      <c r="E10026" s="367"/>
      <c r="F10026" s="360"/>
      <c r="G10026" s="360"/>
      <c r="H10026" s="360"/>
      <c r="I10026" s="360"/>
      <c r="J10026" s="365"/>
      <c r="K10026" s="365"/>
      <c r="L10026" s="365"/>
    </row>
    <row r="10027" spans="2:12" ht="28.5">
      <c r="B10027" s="367"/>
      <c r="C10027" s="367"/>
      <c r="D10027" s="367"/>
      <c r="E10027" s="367"/>
      <c r="F10027" s="359" t="s">
        <v>14394</v>
      </c>
      <c r="G10027" s="359" t="s">
        <v>14395</v>
      </c>
      <c r="H10027" s="359" t="s">
        <v>14370</v>
      </c>
      <c r="I10027" s="359" t="s">
        <v>14395</v>
      </c>
      <c r="J10027" s="365"/>
      <c r="K10027" s="365"/>
      <c r="L10027" s="365"/>
    </row>
    <row r="10028" spans="2:12">
      <c r="B10028" s="367"/>
      <c r="C10028" s="367"/>
      <c r="D10028" s="367"/>
      <c r="E10028" s="367"/>
      <c r="F10028" s="360"/>
      <c r="G10028" s="360"/>
      <c r="H10028" s="360"/>
      <c r="I10028" s="360"/>
      <c r="J10028" s="365"/>
      <c r="K10028" s="365"/>
      <c r="L10028" s="365"/>
    </row>
    <row r="10029" spans="2:12">
      <c r="B10029" s="368"/>
      <c r="C10029" s="368"/>
      <c r="D10029" s="368"/>
      <c r="E10029" s="368"/>
      <c r="F10029" s="362"/>
      <c r="G10029" s="362"/>
      <c r="H10029" s="361" t="s">
        <v>14422</v>
      </c>
      <c r="I10029" s="362"/>
      <c r="J10029" s="366"/>
      <c r="K10029" s="366"/>
      <c r="L10029" s="366"/>
    </row>
    <row r="10030" spans="2:12" ht="28.5">
      <c r="B10030" s="358" t="s">
        <v>19381</v>
      </c>
      <c r="C10030" s="358" t="s">
        <v>29129</v>
      </c>
      <c r="D10030" s="358" t="s">
        <v>19382</v>
      </c>
      <c r="E10030" s="358" t="s">
        <v>19383</v>
      </c>
      <c r="F10030" s="358" t="s">
        <v>28938</v>
      </c>
      <c r="G10030" s="358" t="s">
        <v>14421</v>
      </c>
      <c r="H10030" s="358" t="s">
        <v>14367</v>
      </c>
      <c r="I10030" s="358" t="s">
        <v>14421</v>
      </c>
      <c r="J10030" s="358"/>
      <c r="K10030" s="358"/>
      <c r="L10030" s="358"/>
    </row>
    <row r="10031" spans="2:12">
      <c r="B10031" s="367"/>
      <c r="C10031" s="367"/>
      <c r="D10031" s="367"/>
      <c r="E10031" s="367"/>
      <c r="F10031" s="360"/>
      <c r="G10031" s="360"/>
      <c r="H10031" s="360"/>
      <c r="I10031" s="360"/>
      <c r="J10031" s="365"/>
      <c r="K10031" s="365"/>
      <c r="L10031" s="365"/>
    </row>
    <row r="10032" spans="2:12">
      <c r="B10032" s="367"/>
      <c r="C10032" s="367"/>
      <c r="D10032" s="367"/>
      <c r="E10032" s="367"/>
      <c r="F10032" s="359" t="s">
        <v>14386</v>
      </c>
      <c r="G10032" s="359" t="s">
        <v>14429</v>
      </c>
      <c r="H10032" s="359" t="s">
        <v>14370</v>
      </c>
      <c r="I10032" s="359" t="s">
        <v>14429</v>
      </c>
      <c r="J10032" s="365"/>
      <c r="K10032" s="365"/>
      <c r="L10032" s="365"/>
    </row>
    <row r="10033" spans="2:12">
      <c r="B10033" s="367"/>
      <c r="C10033" s="367"/>
      <c r="D10033" s="367"/>
      <c r="E10033" s="367"/>
      <c r="F10033" s="360"/>
      <c r="G10033" s="360"/>
      <c r="H10033" s="360"/>
      <c r="I10033" s="360"/>
      <c r="J10033" s="365"/>
      <c r="K10033" s="365"/>
      <c r="L10033" s="365"/>
    </row>
    <row r="10034" spans="2:12">
      <c r="B10034" s="367"/>
      <c r="C10034" s="367"/>
      <c r="D10034" s="367"/>
      <c r="E10034" s="367"/>
      <c r="F10034" s="359" t="s">
        <v>14389</v>
      </c>
      <c r="G10034" s="359" t="s">
        <v>14387</v>
      </c>
      <c r="H10034" s="359" t="s">
        <v>14422</v>
      </c>
      <c r="I10034" s="359" t="s">
        <v>14387</v>
      </c>
      <c r="J10034" s="365"/>
      <c r="K10034" s="365"/>
      <c r="L10034" s="365"/>
    </row>
    <row r="10035" spans="2:12">
      <c r="B10035" s="367"/>
      <c r="C10035" s="367"/>
      <c r="D10035" s="367"/>
      <c r="E10035" s="367"/>
      <c r="F10035" s="360"/>
      <c r="G10035" s="360"/>
      <c r="H10035" s="360"/>
      <c r="I10035" s="360"/>
      <c r="J10035" s="365"/>
      <c r="K10035" s="365"/>
      <c r="L10035" s="365"/>
    </row>
    <row r="10036" spans="2:12" ht="28.5">
      <c r="B10036" s="367"/>
      <c r="C10036" s="367"/>
      <c r="D10036" s="367"/>
      <c r="E10036" s="367"/>
      <c r="F10036" s="359" t="s">
        <v>14394</v>
      </c>
      <c r="G10036" s="359" t="s">
        <v>14390</v>
      </c>
      <c r="H10036" s="360"/>
      <c r="I10036" s="359" t="s">
        <v>14390</v>
      </c>
      <c r="J10036" s="365"/>
      <c r="K10036" s="365"/>
      <c r="L10036" s="365"/>
    </row>
    <row r="10037" spans="2:12">
      <c r="B10037" s="367"/>
      <c r="C10037" s="367"/>
      <c r="D10037" s="367"/>
      <c r="E10037" s="367"/>
      <c r="F10037" s="360"/>
      <c r="G10037" s="360"/>
      <c r="H10037" s="360"/>
      <c r="I10037" s="360"/>
      <c r="J10037" s="365"/>
      <c r="K10037" s="365"/>
      <c r="L10037" s="365"/>
    </row>
    <row r="10038" spans="2:12">
      <c r="B10038" s="368"/>
      <c r="C10038" s="368"/>
      <c r="D10038" s="368"/>
      <c r="E10038" s="368"/>
      <c r="F10038" s="362"/>
      <c r="G10038" s="361" t="s">
        <v>14395</v>
      </c>
      <c r="H10038" s="362"/>
      <c r="I10038" s="361" t="s">
        <v>14395</v>
      </c>
      <c r="J10038" s="366"/>
      <c r="K10038" s="366"/>
      <c r="L10038" s="366"/>
    </row>
    <row r="10039" spans="2:12" ht="42.75">
      <c r="B10039" s="358" t="s">
        <v>19384</v>
      </c>
      <c r="C10039" s="358" t="s">
        <v>30164</v>
      </c>
      <c r="D10039" s="358" t="s">
        <v>19385</v>
      </c>
      <c r="E10039" s="358" t="s">
        <v>19386</v>
      </c>
      <c r="F10039" s="358" t="s">
        <v>29049</v>
      </c>
      <c r="G10039" s="358" t="s">
        <v>14429</v>
      </c>
      <c r="H10039" s="358" t="s">
        <v>14367</v>
      </c>
      <c r="I10039" s="358" t="s">
        <v>14429</v>
      </c>
      <c r="J10039" s="358"/>
      <c r="K10039" s="358" t="s">
        <v>14820</v>
      </c>
      <c r="L10039" s="358"/>
    </row>
    <row r="10040" spans="2:12">
      <c r="B10040" s="367"/>
      <c r="C10040" s="367"/>
      <c r="D10040" s="367"/>
      <c r="E10040" s="367"/>
      <c r="F10040" s="360"/>
      <c r="G10040" s="360"/>
      <c r="H10040" s="360"/>
      <c r="I10040" s="360"/>
      <c r="J10040" s="365"/>
      <c r="K10040" s="367"/>
      <c r="L10040" s="365"/>
    </row>
    <row r="10041" spans="2:12" ht="28.5">
      <c r="B10041" s="367"/>
      <c r="C10041" s="367"/>
      <c r="D10041" s="367"/>
      <c r="E10041" s="367"/>
      <c r="F10041" s="359" t="s">
        <v>14374</v>
      </c>
      <c r="G10041" s="359" t="s">
        <v>14372</v>
      </c>
      <c r="H10041" s="359" t="s">
        <v>14370</v>
      </c>
      <c r="I10041" s="359" t="s">
        <v>14373</v>
      </c>
      <c r="J10041" s="365"/>
      <c r="K10041" s="367"/>
      <c r="L10041" s="365"/>
    </row>
    <row r="10042" spans="2:12">
      <c r="B10042" s="367"/>
      <c r="C10042" s="367"/>
      <c r="D10042" s="367"/>
      <c r="E10042" s="367"/>
      <c r="F10042" s="360"/>
      <c r="G10042" s="360"/>
      <c r="H10042" s="360"/>
      <c r="I10042" s="360"/>
      <c r="J10042" s="365"/>
      <c r="K10042" s="367"/>
      <c r="L10042" s="365"/>
    </row>
    <row r="10043" spans="2:12">
      <c r="B10043" s="368"/>
      <c r="C10043" s="368"/>
      <c r="D10043" s="368"/>
      <c r="E10043" s="368"/>
      <c r="F10043" s="362"/>
      <c r="G10043" s="361" t="s">
        <v>14373</v>
      </c>
      <c r="H10043" s="361" t="s">
        <v>14422</v>
      </c>
      <c r="I10043" s="362"/>
      <c r="J10043" s="366"/>
      <c r="K10043" s="368"/>
      <c r="L10043" s="366"/>
    </row>
    <row r="10044" spans="2:12" ht="28.5">
      <c r="B10044" s="358" t="s">
        <v>19387</v>
      </c>
      <c r="C10044" s="358" t="s">
        <v>29130</v>
      </c>
      <c r="D10044" s="358" t="s">
        <v>19388</v>
      </c>
      <c r="E10044" s="358" t="s">
        <v>19389</v>
      </c>
      <c r="F10044" s="358" t="s">
        <v>14391</v>
      </c>
      <c r="G10044" s="358" t="s">
        <v>14392</v>
      </c>
      <c r="H10044" s="358" t="s">
        <v>14367</v>
      </c>
      <c r="I10044" s="358" t="s">
        <v>14392</v>
      </c>
      <c r="J10044" s="358"/>
      <c r="K10044" s="358"/>
      <c r="L10044" s="358"/>
    </row>
    <row r="10045" spans="2:12">
      <c r="B10045" s="367"/>
      <c r="C10045" s="367"/>
      <c r="D10045" s="367"/>
      <c r="E10045" s="367"/>
      <c r="F10045" s="360"/>
      <c r="G10045" s="360"/>
      <c r="H10045" s="360"/>
      <c r="I10045" s="360"/>
      <c r="J10045" s="365"/>
      <c r="K10045" s="365"/>
      <c r="L10045" s="365"/>
    </row>
    <row r="10046" spans="2:12">
      <c r="B10046" s="367"/>
      <c r="C10046" s="367"/>
      <c r="D10046" s="367"/>
      <c r="E10046" s="367"/>
      <c r="F10046" s="359" t="s">
        <v>14371</v>
      </c>
      <c r="G10046" s="359" t="s">
        <v>14372</v>
      </c>
      <c r="H10046" s="359" t="s">
        <v>14370</v>
      </c>
      <c r="I10046" s="359" t="s">
        <v>14373</v>
      </c>
      <c r="J10046" s="365"/>
      <c r="K10046" s="365"/>
      <c r="L10046" s="365"/>
    </row>
    <row r="10047" spans="2:12">
      <c r="B10047" s="367"/>
      <c r="C10047" s="367"/>
      <c r="D10047" s="367"/>
      <c r="E10047" s="367"/>
      <c r="F10047" s="360"/>
      <c r="G10047" s="360"/>
      <c r="H10047" s="360"/>
      <c r="I10047" s="360"/>
      <c r="J10047" s="365"/>
      <c r="K10047" s="365"/>
      <c r="L10047" s="365"/>
    </row>
    <row r="10048" spans="2:12" ht="28.5">
      <c r="B10048" s="368"/>
      <c r="C10048" s="368"/>
      <c r="D10048" s="368"/>
      <c r="E10048" s="368"/>
      <c r="F10048" s="361" t="s">
        <v>14374</v>
      </c>
      <c r="G10048" s="361" t="s">
        <v>14373</v>
      </c>
      <c r="H10048" s="361" t="s">
        <v>14422</v>
      </c>
      <c r="I10048" s="362"/>
      <c r="J10048" s="366"/>
      <c r="K10048" s="366"/>
      <c r="L10048" s="366"/>
    </row>
    <row r="10049" spans="2:12" ht="28.5">
      <c r="B10049" s="358" t="s">
        <v>19390</v>
      </c>
      <c r="C10049" s="358" t="s">
        <v>30165</v>
      </c>
      <c r="D10049" s="358" t="s">
        <v>19391</v>
      </c>
      <c r="E10049" s="358" t="s">
        <v>19392</v>
      </c>
      <c r="F10049" s="358" t="s">
        <v>14507</v>
      </c>
      <c r="G10049" s="358" t="s">
        <v>28932</v>
      </c>
      <c r="H10049" s="358" t="s">
        <v>14381</v>
      </c>
      <c r="I10049" s="358" t="s">
        <v>28932</v>
      </c>
      <c r="J10049" s="358"/>
      <c r="K10049" s="358"/>
      <c r="L10049" s="358"/>
    </row>
    <row r="10050" spans="2:12">
      <c r="B10050" s="367"/>
      <c r="C10050" s="367"/>
      <c r="D10050" s="367"/>
      <c r="E10050" s="367"/>
      <c r="F10050" s="360"/>
      <c r="G10050" s="360"/>
      <c r="H10050" s="360"/>
      <c r="I10050" s="360"/>
      <c r="J10050" s="365"/>
      <c r="K10050" s="365"/>
      <c r="L10050" s="365"/>
    </row>
    <row r="10051" spans="2:12" ht="28.5">
      <c r="B10051" s="367"/>
      <c r="C10051" s="367"/>
      <c r="D10051" s="367"/>
      <c r="E10051" s="367"/>
      <c r="F10051" s="359" t="s">
        <v>28938</v>
      </c>
      <c r="G10051" s="359" t="s">
        <v>14421</v>
      </c>
      <c r="H10051" s="359" t="s">
        <v>14367</v>
      </c>
      <c r="I10051" s="359" t="s">
        <v>14421</v>
      </c>
      <c r="J10051" s="365"/>
      <c r="K10051" s="365"/>
      <c r="L10051" s="365"/>
    </row>
    <row r="10052" spans="2:12">
      <c r="B10052" s="367"/>
      <c r="C10052" s="367"/>
      <c r="D10052" s="367"/>
      <c r="E10052" s="367"/>
      <c r="F10052" s="360"/>
      <c r="G10052" s="360"/>
      <c r="H10052" s="360"/>
      <c r="I10052" s="360"/>
      <c r="J10052" s="365"/>
      <c r="K10052" s="365"/>
      <c r="L10052" s="365"/>
    </row>
    <row r="10053" spans="2:12" ht="28.5">
      <c r="B10053" s="367"/>
      <c r="C10053" s="367"/>
      <c r="D10053" s="367"/>
      <c r="E10053" s="367"/>
      <c r="F10053" s="359" t="s">
        <v>28964</v>
      </c>
      <c r="G10053" s="359" t="s">
        <v>14429</v>
      </c>
      <c r="H10053" s="359" t="s">
        <v>14370</v>
      </c>
      <c r="I10053" s="359" t="s">
        <v>14429</v>
      </c>
      <c r="J10053" s="365"/>
      <c r="K10053" s="365"/>
      <c r="L10053" s="365"/>
    </row>
    <row r="10054" spans="2:12">
      <c r="B10054" s="367"/>
      <c r="C10054" s="367"/>
      <c r="D10054" s="367"/>
      <c r="E10054" s="367"/>
      <c r="F10054" s="360"/>
      <c r="G10054" s="360"/>
      <c r="H10054" s="360"/>
      <c r="I10054" s="360"/>
      <c r="J10054" s="365"/>
      <c r="K10054" s="365"/>
      <c r="L10054" s="365"/>
    </row>
    <row r="10055" spans="2:12" ht="28.5">
      <c r="B10055" s="367"/>
      <c r="C10055" s="367"/>
      <c r="D10055" s="367"/>
      <c r="E10055" s="367"/>
      <c r="F10055" s="359" t="s">
        <v>14386</v>
      </c>
      <c r="G10055" s="359" t="s">
        <v>28648</v>
      </c>
      <c r="H10055" s="359" t="s">
        <v>14422</v>
      </c>
      <c r="I10055" s="359" t="s">
        <v>28648</v>
      </c>
      <c r="J10055" s="365"/>
      <c r="K10055" s="365"/>
      <c r="L10055" s="365"/>
    </row>
    <row r="10056" spans="2:12">
      <c r="B10056" s="367"/>
      <c r="C10056" s="367"/>
      <c r="D10056" s="367"/>
      <c r="E10056" s="367"/>
      <c r="F10056" s="360"/>
      <c r="G10056" s="360"/>
      <c r="H10056" s="360"/>
      <c r="I10056" s="360"/>
      <c r="J10056" s="365"/>
      <c r="K10056" s="365"/>
      <c r="L10056" s="365"/>
    </row>
    <row r="10057" spans="2:12">
      <c r="B10057" s="367"/>
      <c r="C10057" s="367"/>
      <c r="D10057" s="367"/>
      <c r="E10057" s="367"/>
      <c r="F10057" s="359" t="s">
        <v>14391</v>
      </c>
      <c r="G10057" s="359" t="s">
        <v>14392</v>
      </c>
      <c r="H10057" s="360"/>
      <c r="I10057" s="359" t="s">
        <v>14392</v>
      </c>
      <c r="J10057" s="365"/>
      <c r="K10057" s="365"/>
      <c r="L10057" s="365"/>
    </row>
    <row r="10058" spans="2:12">
      <c r="B10058" s="367"/>
      <c r="C10058" s="367"/>
      <c r="D10058" s="367"/>
      <c r="E10058" s="367"/>
      <c r="F10058" s="360"/>
      <c r="G10058" s="360"/>
      <c r="H10058" s="360"/>
      <c r="I10058" s="360"/>
      <c r="J10058" s="365"/>
      <c r="K10058" s="365"/>
      <c r="L10058" s="365"/>
    </row>
    <row r="10059" spans="2:12">
      <c r="B10059" s="367"/>
      <c r="C10059" s="367"/>
      <c r="D10059" s="367"/>
      <c r="E10059" s="367"/>
      <c r="F10059" s="359" t="s">
        <v>14371</v>
      </c>
      <c r="G10059" s="359" t="s">
        <v>14372</v>
      </c>
      <c r="H10059" s="360"/>
      <c r="I10059" s="359" t="s">
        <v>14373</v>
      </c>
      <c r="J10059" s="365"/>
      <c r="K10059" s="365"/>
      <c r="L10059" s="365"/>
    </row>
    <row r="10060" spans="2:12">
      <c r="B10060" s="367"/>
      <c r="C10060" s="367"/>
      <c r="D10060" s="367"/>
      <c r="E10060" s="367"/>
      <c r="F10060" s="360"/>
      <c r="G10060" s="360"/>
      <c r="H10060" s="360"/>
      <c r="I10060" s="360"/>
      <c r="J10060" s="365"/>
      <c r="K10060" s="365"/>
      <c r="L10060" s="365"/>
    </row>
    <row r="10061" spans="2:12" ht="28.5">
      <c r="B10061" s="368"/>
      <c r="C10061" s="368"/>
      <c r="D10061" s="368"/>
      <c r="E10061" s="368"/>
      <c r="F10061" s="361" t="s">
        <v>14374</v>
      </c>
      <c r="G10061" s="361" t="s">
        <v>14373</v>
      </c>
      <c r="H10061" s="362"/>
      <c r="I10061" s="362"/>
      <c r="J10061" s="366"/>
      <c r="K10061" s="366"/>
      <c r="L10061" s="366"/>
    </row>
    <row r="10062" spans="2:12" ht="28.5">
      <c r="B10062" s="358" t="s">
        <v>19393</v>
      </c>
      <c r="C10062" s="358" t="s">
        <v>29131</v>
      </c>
      <c r="D10062" s="358" t="s">
        <v>19394</v>
      </c>
      <c r="E10062" s="358" t="s">
        <v>2005</v>
      </c>
      <c r="F10062" s="358" t="s">
        <v>14420</v>
      </c>
      <c r="G10062" s="358" t="s">
        <v>14429</v>
      </c>
      <c r="H10062" s="358" t="s">
        <v>14367</v>
      </c>
      <c r="I10062" s="358" t="s">
        <v>14429</v>
      </c>
      <c r="J10062" s="358"/>
      <c r="K10062" s="358"/>
      <c r="L10062" s="358"/>
    </row>
    <row r="10063" spans="2:12">
      <c r="B10063" s="367"/>
      <c r="C10063" s="367"/>
      <c r="D10063" s="367"/>
      <c r="E10063" s="367"/>
      <c r="F10063" s="360"/>
      <c r="G10063" s="360"/>
      <c r="H10063" s="360"/>
      <c r="I10063" s="360"/>
      <c r="J10063" s="365"/>
      <c r="K10063" s="365"/>
      <c r="L10063" s="365"/>
    </row>
    <row r="10064" spans="2:12">
      <c r="B10064" s="367"/>
      <c r="C10064" s="367"/>
      <c r="D10064" s="367"/>
      <c r="E10064" s="367"/>
      <c r="F10064" s="359" t="s">
        <v>14391</v>
      </c>
      <c r="G10064" s="359" t="s">
        <v>14392</v>
      </c>
      <c r="H10064" s="359" t="s">
        <v>14370</v>
      </c>
      <c r="I10064" s="359" t="s">
        <v>14392</v>
      </c>
      <c r="J10064" s="365"/>
      <c r="K10064" s="365"/>
      <c r="L10064" s="365"/>
    </row>
    <row r="10065" spans="2:12">
      <c r="B10065" s="367"/>
      <c r="C10065" s="367"/>
      <c r="D10065" s="367"/>
      <c r="E10065" s="367"/>
      <c r="F10065" s="360"/>
      <c r="G10065" s="360"/>
      <c r="H10065" s="360"/>
      <c r="I10065" s="360"/>
      <c r="J10065" s="365"/>
      <c r="K10065" s="365"/>
      <c r="L10065" s="365"/>
    </row>
    <row r="10066" spans="2:12" ht="28.5">
      <c r="B10066" s="368"/>
      <c r="C10066" s="368"/>
      <c r="D10066" s="368"/>
      <c r="E10066" s="368"/>
      <c r="F10066" s="361" t="s">
        <v>14394</v>
      </c>
      <c r="G10066" s="361" t="s">
        <v>14395</v>
      </c>
      <c r="H10066" s="361" t="s">
        <v>14422</v>
      </c>
      <c r="I10066" s="361" t="s">
        <v>14395</v>
      </c>
      <c r="J10066" s="366"/>
      <c r="K10066" s="366"/>
      <c r="L10066" s="366"/>
    </row>
    <row r="10067" spans="2:12" ht="28.5">
      <c r="B10067" s="358" t="s">
        <v>19395</v>
      </c>
      <c r="C10067" s="358" t="s">
        <v>29132</v>
      </c>
      <c r="D10067" s="358" t="s">
        <v>19396</v>
      </c>
      <c r="E10067" s="358" t="s">
        <v>19397</v>
      </c>
      <c r="F10067" s="358" t="s">
        <v>29133</v>
      </c>
      <c r="G10067" s="358" t="s">
        <v>14405</v>
      </c>
      <c r="H10067" s="358" t="s">
        <v>14378</v>
      </c>
      <c r="I10067" s="358" t="s">
        <v>14405</v>
      </c>
      <c r="J10067" s="358"/>
      <c r="K10067" s="358"/>
      <c r="L10067" s="358"/>
    </row>
    <row r="10068" spans="2:12">
      <c r="B10068" s="367"/>
      <c r="C10068" s="367"/>
      <c r="D10068" s="367"/>
      <c r="E10068" s="367"/>
      <c r="F10068" s="367"/>
      <c r="G10068" s="360"/>
      <c r="H10068" s="360"/>
      <c r="I10068" s="360"/>
      <c r="J10068" s="365"/>
      <c r="K10068" s="365"/>
      <c r="L10068" s="365"/>
    </row>
    <row r="10069" spans="2:12">
      <c r="B10069" s="367"/>
      <c r="C10069" s="367"/>
      <c r="D10069" s="367"/>
      <c r="E10069" s="367"/>
      <c r="F10069" s="367"/>
      <c r="G10069" s="359" t="s">
        <v>14385</v>
      </c>
      <c r="H10069" s="359" t="s">
        <v>14381</v>
      </c>
      <c r="I10069" s="359" t="s">
        <v>14385</v>
      </c>
      <c r="J10069" s="365"/>
      <c r="K10069" s="365"/>
      <c r="L10069" s="365"/>
    </row>
    <row r="10070" spans="2:12">
      <c r="B10070" s="367"/>
      <c r="C10070" s="367"/>
      <c r="D10070" s="367"/>
      <c r="E10070" s="367"/>
      <c r="F10070" s="367"/>
      <c r="G10070" s="360"/>
      <c r="H10070" s="360"/>
      <c r="I10070" s="360"/>
      <c r="J10070" s="365"/>
      <c r="K10070" s="365"/>
      <c r="L10070" s="365"/>
    </row>
    <row r="10071" spans="2:12">
      <c r="B10071" s="368"/>
      <c r="C10071" s="368"/>
      <c r="D10071" s="368"/>
      <c r="E10071" s="368"/>
      <c r="F10071" s="368"/>
      <c r="G10071" s="362"/>
      <c r="H10071" s="361" t="s">
        <v>14332</v>
      </c>
      <c r="I10071" s="362"/>
      <c r="J10071" s="366"/>
      <c r="K10071" s="366"/>
      <c r="L10071" s="366"/>
    </row>
    <row r="10072" spans="2:12" ht="28.5">
      <c r="B10072" s="358" t="s">
        <v>19398</v>
      </c>
      <c r="C10072" s="358" t="s">
        <v>27600</v>
      </c>
      <c r="D10072" s="358" t="s">
        <v>19399</v>
      </c>
      <c r="E10072" s="358" t="s">
        <v>8356</v>
      </c>
      <c r="F10072" s="358" t="s">
        <v>29049</v>
      </c>
      <c r="G10072" s="358" t="s">
        <v>14459</v>
      </c>
      <c r="H10072" s="358" t="s">
        <v>14367</v>
      </c>
      <c r="I10072" s="358" t="s">
        <v>14459</v>
      </c>
      <c r="J10072" s="358"/>
      <c r="K10072" s="358"/>
      <c r="L10072" s="358"/>
    </row>
    <row r="10073" spans="2:12">
      <c r="B10073" s="367"/>
      <c r="C10073" s="367"/>
      <c r="D10073" s="367"/>
      <c r="E10073" s="367"/>
      <c r="F10073" s="360"/>
      <c r="G10073" s="360"/>
      <c r="H10073" s="360"/>
      <c r="I10073" s="360"/>
      <c r="J10073" s="365"/>
      <c r="K10073" s="365"/>
      <c r="L10073" s="365"/>
    </row>
    <row r="10074" spans="2:12" ht="28.5">
      <c r="B10074" s="367"/>
      <c r="C10074" s="367"/>
      <c r="D10074" s="367"/>
      <c r="E10074" s="367"/>
      <c r="F10074" s="359" t="s">
        <v>14374</v>
      </c>
      <c r="G10074" s="359" t="s">
        <v>14372</v>
      </c>
      <c r="H10074" s="359" t="s">
        <v>14370</v>
      </c>
      <c r="I10074" s="359" t="s">
        <v>14373</v>
      </c>
      <c r="J10074" s="365"/>
      <c r="K10074" s="365"/>
      <c r="L10074" s="365"/>
    </row>
    <row r="10075" spans="2:12">
      <c r="B10075" s="367"/>
      <c r="C10075" s="367"/>
      <c r="D10075" s="367"/>
      <c r="E10075" s="367"/>
      <c r="F10075" s="360"/>
      <c r="G10075" s="360"/>
      <c r="H10075" s="360"/>
      <c r="I10075" s="360"/>
      <c r="J10075" s="365"/>
      <c r="K10075" s="365"/>
      <c r="L10075" s="365"/>
    </row>
    <row r="10076" spans="2:12">
      <c r="B10076" s="368"/>
      <c r="C10076" s="368"/>
      <c r="D10076" s="368"/>
      <c r="E10076" s="368"/>
      <c r="F10076" s="362"/>
      <c r="G10076" s="361" t="s">
        <v>14373</v>
      </c>
      <c r="H10076" s="361" t="s">
        <v>14422</v>
      </c>
      <c r="I10076" s="362"/>
      <c r="J10076" s="366"/>
      <c r="K10076" s="366"/>
      <c r="L10076" s="366"/>
    </row>
    <row r="10077" spans="2:12" ht="28.5">
      <c r="B10077" s="358" t="s">
        <v>19400</v>
      </c>
      <c r="C10077" s="358" t="s">
        <v>27601</v>
      </c>
      <c r="D10077" s="358" t="s">
        <v>19401</v>
      </c>
      <c r="E10077" s="358" t="s">
        <v>19402</v>
      </c>
      <c r="F10077" s="358" t="s">
        <v>14430</v>
      </c>
      <c r="G10077" s="358" t="s">
        <v>14431</v>
      </c>
      <c r="H10077" s="358" t="s">
        <v>14341</v>
      </c>
      <c r="I10077" s="358" t="s">
        <v>14431</v>
      </c>
      <c r="J10077" s="358"/>
      <c r="K10077" s="358"/>
      <c r="L10077" s="358"/>
    </row>
    <row r="10078" spans="2:12">
      <c r="B10078" s="367"/>
      <c r="C10078" s="367"/>
      <c r="D10078" s="367"/>
      <c r="E10078" s="367"/>
      <c r="F10078" s="360"/>
      <c r="G10078" s="360"/>
      <c r="H10078" s="360"/>
      <c r="I10078" s="360"/>
      <c r="J10078" s="365"/>
      <c r="K10078" s="365"/>
      <c r="L10078" s="365"/>
    </row>
    <row r="10079" spans="2:12" ht="28.5">
      <c r="B10079" s="367"/>
      <c r="C10079" s="367"/>
      <c r="D10079" s="367"/>
      <c r="E10079" s="367"/>
      <c r="F10079" s="359" t="s">
        <v>14394</v>
      </c>
      <c r="G10079" s="359" t="s">
        <v>14395</v>
      </c>
      <c r="H10079" s="359" t="s">
        <v>14370</v>
      </c>
      <c r="I10079" s="359" t="s">
        <v>14395</v>
      </c>
      <c r="J10079" s="365"/>
      <c r="K10079" s="365"/>
      <c r="L10079" s="365"/>
    </row>
    <row r="10080" spans="2:12">
      <c r="B10080" s="367"/>
      <c r="C10080" s="367"/>
      <c r="D10080" s="367"/>
      <c r="E10080" s="367"/>
      <c r="F10080" s="360"/>
      <c r="G10080" s="360"/>
      <c r="H10080" s="360"/>
      <c r="I10080" s="360"/>
      <c r="J10080" s="365"/>
      <c r="K10080" s="365"/>
      <c r="L10080" s="365"/>
    </row>
    <row r="10081" spans="2:12">
      <c r="B10081" s="368"/>
      <c r="C10081" s="368"/>
      <c r="D10081" s="368"/>
      <c r="E10081" s="368"/>
      <c r="F10081" s="362"/>
      <c r="G10081" s="362"/>
      <c r="H10081" s="361" t="s">
        <v>14332</v>
      </c>
      <c r="I10081" s="362"/>
      <c r="J10081" s="366"/>
      <c r="K10081" s="366"/>
      <c r="L10081" s="366"/>
    </row>
    <row r="10082" spans="2:12">
      <c r="B10082" s="354" t="s">
        <v>8444</v>
      </c>
      <c r="C10082" s="369"/>
      <c r="D10082" s="369"/>
      <c r="E10082" s="369"/>
      <c r="F10082" s="369"/>
      <c r="G10082" s="369"/>
      <c r="H10082" s="369"/>
      <c r="I10082" s="369"/>
      <c r="J10082" s="369"/>
      <c r="K10082" s="369"/>
      <c r="L10082" s="370"/>
    </row>
    <row r="10083" spans="2:12" ht="28.5">
      <c r="B10083" s="358" t="s">
        <v>13948</v>
      </c>
      <c r="C10083" s="358" t="s">
        <v>14168</v>
      </c>
      <c r="D10083" s="358" t="s">
        <v>13949</v>
      </c>
      <c r="E10083" s="358" t="s">
        <v>13950</v>
      </c>
      <c r="F10083" s="358" t="s">
        <v>14424</v>
      </c>
      <c r="G10083" s="358" t="s">
        <v>14425</v>
      </c>
      <c r="H10083" s="358" t="s">
        <v>14381</v>
      </c>
      <c r="I10083" s="358" t="s">
        <v>14425</v>
      </c>
      <c r="J10083" s="358"/>
      <c r="K10083" s="358"/>
      <c r="L10083" s="358"/>
    </row>
    <row r="10084" spans="2:12">
      <c r="B10084" s="367"/>
      <c r="C10084" s="367"/>
      <c r="D10084" s="367"/>
      <c r="E10084" s="367"/>
      <c r="F10084" s="360"/>
      <c r="G10084" s="360"/>
      <c r="H10084" s="360"/>
      <c r="I10084" s="360"/>
      <c r="J10084" s="365"/>
      <c r="K10084" s="365"/>
      <c r="L10084" s="365"/>
    </row>
    <row r="10085" spans="2:12">
      <c r="B10085" s="367"/>
      <c r="C10085" s="367"/>
      <c r="D10085" s="367"/>
      <c r="E10085" s="367"/>
      <c r="F10085" s="359" t="s">
        <v>14420</v>
      </c>
      <c r="G10085" s="359" t="s">
        <v>14429</v>
      </c>
      <c r="H10085" s="359" t="s">
        <v>14367</v>
      </c>
      <c r="I10085" s="359" t="s">
        <v>14429</v>
      </c>
      <c r="J10085" s="365"/>
      <c r="K10085" s="365"/>
      <c r="L10085" s="365"/>
    </row>
    <row r="10086" spans="2:12">
      <c r="B10086" s="367"/>
      <c r="C10086" s="367"/>
      <c r="D10086" s="367"/>
      <c r="E10086" s="367"/>
      <c r="F10086" s="360"/>
      <c r="G10086" s="360"/>
      <c r="H10086" s="360"/>
      <c r="I10086" s="360"/>
      <c r="J10086" s="365"/>
      <c r="K10086" s="365"/>
      <c r="L10086" s="365"/>
    </row>
    <row r="10087" spans="2:12" ht="28.5">
      <c r="B10087" s="367"/>
      <c r="C10087" s="367"/>
      <c r="D10087" s="367"/>
      <c r="E10087" s="367"/>
      <c r="F10087" s="359" t="s">
        <v>14394</v>
      </c>
      <c r="G10087" s="359" t="s">
        <v>14395</v>
      </c>
      <c r="H10087" s="359" t="s">
        <v>14370</v>
      </c>
      <c r="I10087" s="359" t="s">
        <v>14395</v>
      </c>
      <c r="J10087" s="365"/>
      <c r="K10087" s="365"/>
      <c r="L10087" s="365"/>
    </row>
    <row r="10088" spans="2:12">
      <c r="B10088" s="367"/>
      <c r="C10088" s="367"/>
      <c r="D10088" s="367"/>
      <c r="E10088" s="367"/>
      <c r="F10088" s="360"/>
      <c r="G10088" s="360"/>
      <c r="H10088" s="360"/>
      <c r="I10088" s="360"/>
      <c r="J10088" s="365"/>
      <c r="K10088" s="365"/>
      <c r="L10088" s="365"/>
    </row>
    <row r="10089" spans="2:12">
      <c r="B10089" s="368"/>
      <c r="C10089" s="368"/>
      <c r="D10089" s="368"/>
      <c r="E10089" s="368"/>
      <c r="F10089" s="362"/>
      <c r="G10089" s="362"/>
      <c r="H10089" s="361" t="s">
        <v>14332</v>
      </c>
      <c r="I10089" s="362"/>
      <c r="J10089" s="366"/>
      <c r="K10089" s="366"/>
      <c r="L10089" s="366"/>
    </row>
    <row r="10090" spans="2:12">
      <c r="B10090" s="354" t="s">
        <v>28528</v>
      </c>
      <c r="C10090" s="369"/>
      <c r="D10090" s="369"/>
      <c r="E10090" s="369"/>
      <c r="F10090" s="369"/>
      <c r="G10090" s="369"/>
      <c r="H10090" s="369"/>
      <c r="I10090" s="369"/>
      <c r="J10090" s="369"/>
      <c r="K10090" s="369"/>
      <c r="L10090" s="370"/>
    </row>
    <row r="10091" spans="2:12">
      <c r="B10091" s="358" t="s">
        <v>19403</v>
      </c>
      <c r="C10091" s="358" t="s">
        <v>19404</v>
      </c>
      <c r="D10091" s="358" t="s">
        <v>19405</v>
      </c>
      <c r="E10091" s="358" t="s">
        <v>19406</v>
      </c>
      <c r="F10091" s="358" t="s">
        <v>14420</v>
      </c>
      <c r="G10091" s="358" t="s">
        <v>14429</v>
      </c>
      <c r="H10091" s="358" t="s">
        <v>14367</v>
      </c>
      <c r="I10091" s="358" t="s">
        <v>14429</v>
      </c>
      <c r="J10091" s="358"/>
      <c r="K10091" s="358"/>
      <c r="L10091" s="358"/>
    </row>
    <row r="10092" spans="2:12">
      <c r="B10092" s="367"/>
      <c r="C10092" s="367"/>
      <c r="D10092" s="367"/>
      <c r="E10092" s="367"/>
      <c r="F10092" s="360"/>
      <c r="G10092" s="360"/>
      <c r="H10092" s="360"/>
      <c r="I10092" s="360"/>
      <c r="J10092" s="365"/>
      <c r="K10092" s="365"/>
      <c r="L10092" s="365"/>
    </row>
    <row r="10093" spans="2:12">
      <c r="B10093" s="368"/>
      <c r="C10093" s="368"/>
      <c r="D10093" s="368"/>
      <c r="E10093" s="368"/>
      <c r="F10093" s="361" t="s">
        <v>14386</v>
      </c>
      <c r="G10093" s="361" t="s">
        <v>14387</v>
      </c>
      <c r="H10093" s="361" t="s">
        <v>14422</v>
      </c>
      <c r="I10093" s="361" t="s">
        <v>14387</v>
      </c>
      <c r="J10093" s="366"/>
      <c r="K10093" s="366"/>
      <c r="L10093" s="366"/>
    </row>
    <row r="10094" spans="2:12">
      <c r="B10094" s="358" t="s">
        <v>19407</v>
      </c>
      <c r="C10094" s="358" t="s">
        <v>27602</v>
      </c>
      <c r="D10094" s="358" t="s">
        <v>19408</v>
      </c>
      <c r="E10094" s="358" t="s">
        <v>19409</v>
      </c>
      <c r="F10094" s="358" t="s">
        <v>14389</v>
      </c>
      <c r="G10094" s="358" t="s">
        <v>14390</v>
      </c>
      <c r="H10094" s="358" t="s">
        <v>14367</v>
      </c>
      <c r="I10094" s="358" t="s">
        <v>14390</v>
      </c>
      <c r="J10094" s="358"/>
      <c r="K10094" s="358"/>
      <c r="L10094" s="358"/>
    </row>
    <row r="10095" spans="2:12">
      <c r="B10095" s="367"/>
      <c r="C10095" s="367"/>
      <c r="D10095" s="367"/>
      <c r="E10095" s="367"/>
      <c r="F10095" s="360"/>
      <c r="G10095" s="360"/>
      <c r="H10095" s="360"/>
      <c r="I10095" s="360"/>
      <c r="J10095" s="365"/>
      <c r="K10095" s="365"/>
      <c r="L10095" s="365"/>
    </row>
    <row r="10096" spans="2:12" ht="28.5">
      <c r="B10096" s="367"/>
      <c r="C10096" s="367"/>
      <c r="D10096" s="367"/>
      <c r="E10096" s="367"/>
      <c r="F10096" s="359" t="s">
        <v>14394</v>
      </c>
      <c r="G10096" s="359" t="s">
        <v>14395</v>
      </c>
      <c r="H10096" s="359" t="s">
        <v>14370</v>
      </c>
      <c r="I10096" s="359" t="s">
        <v>14395</v>
      </c>
      <c r="J10096" s="365"/>
      <c r="K10096" s="365"/>
      <c r="L10096" s="365"/>
    </row>
    <row r="10097" spans="2:12">
      <c r="B10097" s="367"/>
      <c r="C10097" s="367"/>
      <c r="D10097" s="367"/>
      <c r="E10097" s="367"/>
      <c r="F10097" s="360"/>
      <c r="G10097" s="360"/>
      <c r="H10097" s="360"/>
      <c r="I10097" s="360"/>
      <c r="J10097" s="365"/>
      <c r="K10097" s="365"/>
      <c r="L10097" s="365"/>
    </row>
    <row r="10098" spans="2:12">
      <c r="B10098" s="368"/>
      <c r="C10098" s="368"/>
      <c r="D10098" s="368"/>
      <c r="E10098" s="368"/>
      <c r="F10098" s="362"/>
      <c r="G10098" s="362"/>
      <c r="H10098" s="361" t="s">
        <v>14422</v>
      </c>
      <c r="I10098" s="362"/>
      <c r="J10098" s="366"/>
      <c r="K10098" s="366"/>
      <c r="L10098" s="366"/>
    </row>
    <row r="10099" spans="2:12">
      <c r="B10099" s="358" t="s">
        <v>19410</v>
      </c>
      <c r="C10099" s="358" t="s">
        <v>19411</v>
      </c>
      <c r="D10099" s="358" t="s">
        <v>19412</v>
      </c>
      <c r="E10099" s="358" t="s">
        <v>19413</v>
      </c>
      <c r="F10099" s="358" t="s">
        <v>14420</v>
      </c>
      <c r="G10099" s="358" t="s">
        <v>14429</v>
      </c>
      <c r="H10099" s="358" t="s">
        <v>14367</v>
      </c>
      <c r="I10099" s="358" t="s">
        <v>14429</v>
      </c>
      <c r="J10099" s="358"/>
      <c r="K10099" s="358"/>
      <c r="L10099" s="358"/>
    </row>
    <row r="10100" spans="2:12">
      <c r="B10100" s="367"/>
      <c r="C10100" s="367"/>
      <c r="D10100" s="367"/>
      <c r="E10100" s="367"/>
      <c r="F10100" s="360"/>
      <c r="G10100" s="360"/>
      <c r="H10100" s="360"/>
      <c r="I10100" s="360"/>
      <c r="J10100" s="365"/>
      <c r="K10100" s="365"/>
      <c r="L10100" s="365"/>
    </row>
    <row r="10101" spans="2:12">
      <c r="B10101" s="367"/>
      <c r="C10101" s="367"/>
      <c r="D10101" s="367"/>
      <c r="E10101" s="367"/>
      <c r="F10101" s="359" t="s">
        <v>14386</v>
      </c>
      <c r="G10101" s="359" t="s">
        <v>14387</v>
      </c>
      <c r="H10101" s="359" t="s">
        <v>14370</v>
      </c>
      <c r="I10101" s="359" t="s">
        <v>14387</v>
      </c>
      <c r="J10101" s="365"/>
      <c r="K10101" s="365"/>
      <c r="L10101" s="365"/>
    </row>
    <row r="10102" spans="2:12">
      <c r="B10102" s="367"/>
      <c r="C10102" s="367"/>
      <c r="D10102" s="367"/>
      <c r="E10102" s="367"/>
      <c r="F10102" s="360"/>
      <c r="G10102" s="360"/>
      <c r="H10102" s="360"/>
      <c r="I10102" s="360"/>
      <c r="J10102" s="365"/>
      <c r="K10102" s="365"/>
      <c r="L10102" s="365"/>
    </row>
    <row r="10103" spans="2:12">
      <c r="B10103" s="367"/>
      <c r="C10103" s="367"/>
      <c r="D10103" s="367"/>
      <c r="E10103" s="367"/>
      <c r="F10103" s="359" t="s">
        <v>14371</v>
      </c>
      <c r="G10103" s="359" t="s">
        <v>14372</v>
      </c>
      <c r="H10103" s="359" t="s">
        <v>14422</v>
      </c>
      <c r="I10103" s="359" t="s">
        <v>14373</v>
      </c>
      <c r="J10103" s="365"/>
      <c r="K10103" s="365"/>
      <c r="L10103" s="365"/>
    </row>
    <row r="10104" spans="2:12">
      <c r="B10104" s="367"/>
      <c r="C10104" s="367"/>
      <c r="D10104" s="367"/>
      <c r="E10104" s="367"/>
      <c r="F10104" s="360"/>
      <c r="G10104" s="360"/>
      <c r="H10104" s="360"/>
      <c r="I10104" s="360"/>
      <c r="J10104" s="365"/>
      <c r="K10104" s="365"/>
      <c r="L10104" s="365"/>
    </row>
    <row r="10105" spans="2:12" ht="28.5">
      <c r="B10105" s="368"/>
      <c r="C10105" s="368"/>
      <c r="D10105" s="368"/>
      <c r="E10105" s="368"/>
      <c r="F10105" s="361" t="s">
        <v>14374</v>
      </c>
      <c r="G10105" s="361" t="s">
        <v>14373</v>
      </c>
      <c r="H10105" s="362"/>
      <c r="I10105" s="362"/>
      <c r="J10105" s="366"/>
      <c r="K10105" s="366"/>
      <c r="L10105" s="366"/>
    </row>
    <row r="10106" spans="2:12" ht="42.75">
      <c r="B10106" s="358" t="s">
        <v>19414</v>
      </c>
      <c r="C10106" s="358" t="s">
        <v>30166</v>
      </c>
      <c r="D10106" s="358" t="s">
        <v>19415</v>
      </c>
      <c r="E10106" s="358" t="s">
        <v>19416</v>
      </c>
      <c r="F10106" s="358" t="s">
        <v>14371</v>
      </c>
      <c r="G10106" s="358" t="s">
        <v>14372</v>
      </c>
      <c r="H10106" s="358" t="s">
        <v>14370</v>
      </c>
      <c r="I10106" s="358" t="s">
        <v>14373</v>
      </c>
      <c r="J10106" s="358"/>
      <c r="K10106" s="358"/>
      <c r="L10106" s="358"/>
    </row>
    <row r="10107" spans="2:12">
      <c r="B10107" s="367"/>
      <c r="C10107" s="367"/>
      <c r="D10107" s="367"/>
      <c r="E10107" s="367"/>
      <c r="F10107" s="360"/>
      <c r="G10107" s="360"/>
      <c r="H10107" s="360"/>
      <c r="I10107" s="367"/>
      <c r="J10107" s="365"/>
      <c r="K10107" s="365"/>
      <c r="L10107" s="365"/>
    </row>
    <row r="10108" spans="2:12" ht="28.5">
      <c r="B10108" s="368"/>
      <c r="C10108" s="368"/>
      <c r="D10108" s="368"/>
      <c r="E10108" s="368"/>
      <c r="F10108" s="361" t="s">
        <v>14374</v>
      </c>
      <c r="G10108" s="361" t="s">
        <v>14373</v>
      </c>
      <c r="H10108" s="361" t="s">
        <v>14422</v>
      </c>
      <c r="I10108" s="368"/>
      <c r="J10108" s="366"/>
      <c r="K10108" s="366"/>
      <c r="L10108" s="366"/>
    </row>
    <row r="10109" spans="2:12" ht="28.5">
      <c r="B10109" s="358" t="s">
        <v>19417</v>
      </c>
      <c r="C10109" s="358" t="s">
        <v>30167</v>
      </c>
      <c r="D10109" s="358" t="s">
        <v>19418</v>
      </c>
      <c r="E10109" s="358" t="s">
        <v>19419</v>
      </c>
      <c r="F10109" s="358" t="s">
        <v>14371</v>
      </c>
      <c r="G10109" s="358" t="s">
        <v>14372</v>
      </c>
      <c r="H10109" s="358" t="s">
        <v>14370</v>
      </c>
      <c r="I10109" s="358" t="s">
        <v>14373</v>
      </c>
      <c r="J10109" s="358"/>
      <c r="K10109" s="358"/>
      <c r="L10109" s="358"/>
    </row>
    <row r="10110" spans="2:12">
      <c r="B10110" s="367"/>
      <c r="C10110" s="367"/>
      <c r="D10110" s="367"/>
      <c r="E10110" s="367"/>
      <c r="F10110" s="360"/>
      <c r="G10110" s="360"/>
      <c r="H10110" s="360"/>
      <c r="I10110" s="367"/>
      <c r="J10110" s="365"/>
      <c r="K10110" s="365"/>
      <c r="L10110" s="365"/>
    </row>
    <row r="10111" spans="2:12" ht="28.5">
      <c r="B10111" s="368"/>
      <c r="C10111" s="368"/>
      <c r="D10111" s="368"/>
      <c r="E10111" s="368"/>
      <c r="F10111" s="361" t="s">
        <v>14374</v>
      </c>
      <c r="G10111" s="361" t="s">
        <v>14373</v>
      </c>
      <c r="H10111" s="361" t="s">
        <v>14422</v>
      </c>
      <c r="I10111" s="368"/>
      <c r="J10111" s="366"/>
      <c r="K10111" s="366"/>
      <c r="L10111" s="366"/>
    </row>
    <row r="10112" spans="2:12">
      <c r="B10112" s="354" t="s">
        <v>28574</v>
      </c>
      <c r="C10112" s="369"/>
      <c r="D10112" s="369"/>
      <c r="E10112" s="369"/>
      <c r="F10112" s="369"/>
      <c r="G10112" s="369"/>
      <c r="H10112" s="369"/>
      <c r="I10112" s="369"/>
      <c r="J10112" s="369"/>
      <c r="K10112" s="369"/>
      <c r="L10112" s="370"/>
    </row>
    <row r="10113" spans="2:12" ht="28.5">
      <c r="B10113" s="358" t="s">
        <v>19420</v>
      </c>
      <c r="C10113" s="358" t="s">
        <v>28393</v>
      </c>
      <c r="D10113" s="358" t="s">
        <v>19421</v>
      </c>
      <c r="E10113" s="358" t="s">
        <v>19422</v>
      </c>
      <c r="F10113" s="358" t="s">
        <v>14424</v>
      </c>
      <c r="G10113" s="358" t="s">
        <v>17083</v>
      </c>
      <c r="H10113" s="358" t="s">
        <v>14381</v>
      </c>
      <c r="I10113" s="358" t="s">
        <v>17083</v>
      </c>
      <c r="J10113" s="358"/>
      <c r="K10113" s="358"/>
      <c r="L10113" s="358"/>
    </row>
    <row r="10114" spans="2:12">
      <c r="B10114" s="367"/>
      <c r="C10114" s="367"/>
      <c r="D10114" s="367"/>
      <c r="E10114" s="367"/>
      <c r="F10114" s="360"/>
      <c r="G10114" s="360"/>
      <c r="H10114" s="360"/>
      <c r="I10114" s="360"/>
      <c r="J10114" s="365"/>
      <c r="K10114" s="365"/>
      <c r="L10114" s="365"/>
    </row>
    <row r="10115" spans="2:12">
      <c r="B10115" s="367"/>
      <c r="C10115" s="367"/>
      <c r="D10115" s="367"/>
      <c r="E10115" s="367"/>
      <c r="F10115" s="359" t="s">
        <v>14371</v>
      </c>
      <c r="G10115" s="359" t="s">
        <v>14372</v>
      </c>
      <c r="H10115" s="359" t="s">
        <v>14370</v>
      </c>
      <c r="I10115" s="359" t="s">
        <v>14373</v>
      </c>
      <c r="J10115" s="365"/>
      <c r="K10115" s="365"/>
      <c r="L10115" s="365"/>
    </row>
    <row r="10116" spans="2:12">
      <c r="B10116" s="367"/>
      <c r="C10116" s="367"/>
      <c r="D10116" s="367"/>
      <c r="E10116" s="367"/>
      <c r="F10116" s="360"/>
      <c r="G10116" s="360"/>
      <c r="H10116" s="360"/>
      <c r="I10116" s="360"/>
      <c r="J10116" s="365"/>
      <c r="K10116" s="365"/>
      <c r="L10116" s="365"/>
    </row>
    <row r="10117" spans="2:12" ht="28.5">
      <c r="B10117" s="368"/>
      <c r="C10117" s="368"/>
      <c r="D10117" s="368"/>
      <c r="E10117" s="368"/>
      <c r="F10117" s="361" t="s">
        <v>14374</v>
      </c>
      <c r="G10117" s="361" t="s">
        <v>14373</v>
      </c>
      <c r="H10117" s="361" t="s">
        <v>14332</v>
      </c>
      <c r="I10117" s="362"/>
      <c r="J10117" s="366"/>
      <c r="K10117" s="366"/>
      <c r="L10117" s="366"/>
    </row>
    <row r="10118" spans="2:12">
      <c r="B10118" s="354" t="s">
        <v>28528</v>
      </c>
      <c r="C10118" s="369"/>
      <c r="D10118" s="369"/>
      <c r="E10118" s="369"/>
      <c r="F10118" s="369"/>
      <c r="G10118" s="369"/>
      <c r="H10118" s="369"/>
      <c r="I10118" s="369"/>
      <c r="J10118" s="369"/>
      <c r="K10118" s="369"/>
      <c r="L10118" s="370"/>
    </row>
    <row r="10119" spans="2:12" ht="42.75">
      <c r="B10119" s="358" t="s">
        <v>19423</v>
      </c>
      <c r="C10119" s="358" t="s">
        <v>27603</v>
      </c>
      <c r="D10119" s="358" t="s">
        <v>19424</v>
      </c>
      <c r="E10119" s="358" t="s">
        <v>8356</v>
      </c>
      <c r="F10119" s="358" t="s">
        <v>14462</v>
      </c>
      <c r="G10119" s="358" t="s">
        <v>14463</v>
      </c>
      <c r="H10119" s="358" t="s">
        <v>8356</v>
      </c>
      <c r="I10119" s="358" t="s">
        <v>14463</v>
      </c>
      <c r="J10119" s="358"/>
      <c r="K10119" s="358"/>
      <c r="L10119" s="358"/>
    </row>
    <row r="10120" spans="2:12">
      <c r="B10120" s="368"/>
      <c r="C10120" s="368"/>
      <c r="D10120" s="368"/>
      <c r="E10120" s="368"/>
      <c r="F10120" s="368"/>
      <c r="G10120" s="368"/>
      <c r="H10120" s="368"/>
      <c r="I10120" s="368"/>
      <c r="J10120" s="366"/>
      <c r="K10120" s="366"/>
      <c r="L10120" s="366"/>
    </row>
    <row r="10121" spans="2:12">
      <c r="B10121" s="358" t="s">
        <v>19425</v>
      </c>
      <c r="C10121" s="358" t="s">
        <v>27604</v>
      </c>
      <c r="D10121" s="358" t="s">
        <v>19426</v>
      </c>
      <c r="E10121" s="358" t="s">
        <v>19427</v>
      </c>
      <c r="F10121" s="358" t="s">
        <v>14391</v>
      </c>
      <c r="G10121" s="358" t="s">
        <v>14392</v>
      </c>
      <c r="H10121" s="358" t="s">
        <v>14367</v>
      </c>
      <c r="I10121" s="358" t="s">
        <v>14392</v>
      </c>
      <c r="J10121" s="358"/>
      <c r="K10121" s="358"/>
      <c r="L10121" s="358"/>
    </row>
    <row r="10122" spans="2:12">
      <c r="B10122" s="367"/>
      <c r="C10122" s="367"/>
      <c r="D10122" s="367"/>
      <c r="E10122" s="367"/>
      <c r="F10122" s="360"/>
      <c r="G10122" s="360"/>
      <c r="H10122" s="360"/>
      <c r="I10122" s="360"/>
      <c r="J10122" s="365"/>
      <c r="K10122" s="365"/>
      <c r="L10122" s="365"/>
    </row>
    <row r="10123" spans="2:12" ht="28.5">
      <c r="B10123" s="368"/>
      <c r="C10123" s="368"/>
      <c r="D10123" s="368"/>
      <c r="E10123" s="368"/>
      <c r="F10123" s="361" t="s">
        <v>14462</v>
      </c>
      <c r="G10123" s="361" t="s">
        <v>14463</v>
      </c>
      <c r="H10123" s="361" t="s">
        <v>14422</v>
      </c>
      <c r="I10123" s="361" t="s">
        <v>14463</v>
      </c>
      <c r="J10123" s="366"/>
      <c r="K10123" s="366"/>
      <c r="L10123" s="366"/>
    </row>
    <row r="10124" spans="2:12" ht="42.75">
      <c r="B10124" s="358" t="s">
        <v>19428</v>
      </c>
      <c r="C10124" s="358" t="s">
        <v>27605</v>
      </c>
      <c r="D10124" s="358" t="s">
        <v>19429</v>
      </c>
      <c r="E10124" s="358" t="s">
        <v>19430</v>
      </c>
      <c r="F10124" s="358" t="s">
        <v>14394</v>
      </c>
      <c r="G10124" s="358" t="s">
        <v>14395</v>
      </c>
      <c r="H10124" s="358" t="s">
        <v>14370</v>
      </c>
      <c r="I10124" s="358" t="s">
        <v>14395</v>
      </c>
      <c r="J10124" s="358"/>
      <c r="K10124" s="358"/>
      <c r="L10124" s="358"/>
    </row>
    <row r="10125" spans="2:12">
      <c r="B10125" s="368"/>
      <c r="C10125" s="368"/>
      <c r="D10125" s="368"/>
      <c r="E10125" s="368"/>
      <c r="F10125" s="368"/>
      <c r="G10125" s="368"/>
      <c r="H10125" s="368"/>
      <c r="I10125" s="368"/>
      <c r="J10125" s="366"/>
      <c r="K10125" s="366"/>
      <c r="L10125" s="366"/>
    </row>
    <row r="10126" spans="2:12" ht="28.5">
      <c r="B10126" s="358" t="s">
        <v>19431</v>
      </c>
      <c r="C10126" s="358" t="s">
        <v>19432</v>
      </c>
      <c r="D10126" s="358" t="s">
        <v>19433</v>
      </c>
      <c r="E10126" s="358" t="s">
        <v>19434</v>
      </c>
      <c r="F10126" s="358" t="s">
        <v>14394</v>
      </c>
      <c r="G10126" s="358" t="s">
        <v>14395</v>
      </c>
      <c r="H10126" s="358" t="s">
        <v>14370</v>
      </c>
      <c r="I10126" s="358" t="s">
        <v>14395</v>
      </c>
      <c r="J10126" s="358"/>
      <c r="K10126" s="358"/>
      <c r="L10126" s="358"/>
    </row>
    <row r="10127" spans="2:12">
      <c r="B10127" s="368"/>
      <c r="C10127" s="368"/>
      <c r="D10127" s="368"/>
      <c r="E10127" s="368"/>
      <c r="F10127" s="368"/>
      <c r="G10127" s="368"/>
      <c r="H10127" s="368"/>
      <c r="I10127" s="368"/>
      <c r="J10127" s="366"/>
      <c r="K10127" s="366"/>
      <c r="L10127" s="366"/>
    </row>
    <row r="10128" spans="2:12" ht="28.5">
      <c r="B10128" s="358" t="s">
        <v>19435</v>
      </c>
      <c r="C10128" s="358" t="s">
        <v>27606</v>
      </c>
      <c r="D10128" s="358" t="s">
        <v>19436</v>
      </c>
      <c r="E10128" s="358" t="s">
        <v>19437</v>
      </c>
      <c r="F10128" s="358" t="s">
        <v>14472</v>
      </c>
      <c r="G10128" s="358" t="s">
        <v>14473</v>
      </c>
      <c r="H10128" s="358" t="s">
        <v>8356</v>
      </c>
      <c r="I10128" s="358" t="s">
        <v>14473</v>
      </c>
      <c r="J10128" s="358"/>
      <c r="K10128" s="358"/>
      <c r="L10128" s="358"/>
    </row>
    <row r="10129" spans="2:12">
      <c r="B10129" s="368"/>
      <c r="C10129" s="368"/>
      <c r="D10129" s="368"/>
      <c r="E10129" s="368"/>
      <c r="F10129" s="368"/>
      <c r="G10129" s="368"/>
      <c r="H10129" s="368"/>
      <c r="I10129" s="368"/>
      <c r="J10129" s="366"/>
      <c r="K10129" s="366"/>
      <c r="L10129" s="366"/>
    </row>
    <row r="10130" spans="2:12" ht="28.5">
      <c r="B10130" s="358" t="s">
        <v>19438</v>
      </c>
      <c r="C10130" s="358" t="s">
        <v>30168</v>
      </c>
      <c r="D10130" s="358" t="s">
        <v>8356</v>
      </c>
      <c r="E10130" s="358" t="s">
        <v>19439</v>
      </c>
      <c r="F10130" s="358" t="s">
        <v>14371</v>
      </c>
      <c r="G10130" s="358" t="s">
        <v>14372</v>
      </c>
      <c r="H10130" s="358" t="s">
        <v>14370</v>
      </c>
      <c r="I10130" s="358" t="s">
        <v>14373</v>
      </c>
      <c r="J10130" s="358"/>
      <c r="K10130" s="358"/>
      <c r="L10130" s="358"/>
    </row>
    <row r="10131" spans="2:12">
      <c r="B10131" s="367"/>
      <c r="C10131" s="367"/>
      <c r="D10131" s="367"/>
      <c r="E10131" s="367"/>
      <c r="F10131" s="360"/>
      <c r="G10131" s="360"/>
      <c r="H10131" s="360"/>
      <c r="I10131" s="367"/>
      <c r="J10131" s="365"/>
      <c r="K10131" s="365"/>
      <c r="L10131" s="365"/>
    </row>
    <row r="10132" spans="2:12" ht="28.5">
      <c r="B10132" s="368"/>
      <c r="C10132" s="368"/>
      <c r="D10132" s="368"/>
      <c r="E10132" s="368"/>
      <c r="F10132" s="361" t="s">
        <v>14374</v>
      </c>
      <c r="G10132" s="361" t="s">
        <v>14373</v>
      </c>
      <c r="H10132" s="361" t="s">
        <v>14422</v>
      </c>
      <c r="I10132" s="368"/>
      <c r="J10132" s="366"/>
      <c r="K10132" s="366"/>
      <c r="L10132" s="366"/>
    </row>
    <row r="10133" spans="2:12">
      <c r="B10133" s="354" t="s">
        <v>8397</v>
      </c>
      <c r="C10133" s="369"/>
      <c r="D10133" s="369"/>
      <c r="E10133" s="369"/>
      <c r="F10133" s="369"/>
      <c r="G10133" s="369"/>
      <c r="H10133" s="369"/>
      <c r="I10133" s="369"/>
      <c r="J10133" s="369"/>
      <c r="K10133" s="369"/>
      <c r="L10133" s="370"/>
    </row>
    <row r="10134" spans="2:12" ht="28.5">
      <c r="B10134" s="358" t="s">
        <v>19440</v>
      </c>
      <c r="C10134" s="358" t="s">
        <v>19441</v>
      </c>
      <c r="D10134" s="358" t="s">
        <v>8356</v>
      </c>
      <c r="E10134" s="358" t="s">
        <v>19442</v>
      </c>
      <c r="F10134" s="358" t="s">
        <v>14507</v>
      </c>
      <c r="G10134" s="358" t="s">
        <v>14819</v>
      </c>
      <c r="H10134" s="358" t="s">
        <v>14381</v>
      </c>
      <c r="I10134" s="358" t="s">
        <v>14819</v>
      </c>
      <c r="J10134" s="358"/>
      <c r="K10134" s="358" t="s">
        <v>14517</v>
      </c>
      <c r="L10134" s="358"/>
    </row>
    <row r="10135" spans="2:12">
      <c r="B10135" s="367"/>
      <c r="C10135" s="367"/>
      <c r="D10135" s="367"/>
      <c r="E10135" s="367"/>
      <c r="F10135" s="360"/>
      <c r="G10135" s="360"/>
      <c r="H10135" s="360"/>
      <c r="I10135" s="360"/>
      <c r="J10135" s="365"/>
      <c r="K10135" s="360"/>
      <c r="L10135" s="365"/>
    </row>
    <row r="10136" spans="2:12">
      <c r="B10136" s="367"/>
      <c r="C10136" s="367"/>
      <c r="D10136" s="367"/>
      <c r="E10136" s="367"/>
      <c r="F10136" s="359" t="s">
        <v>14371</v>
      </c>
      <c r="G10136" s="359" t="s">
        <v>14372</v>
      </c>
      <c r="H10136" s="359" t="s">
        <v>14370</v>
      </c>
      <c r="I10136" s="359" t="s">
        <v>14373</v>
      </c>
      <c r="J10136" s="365"/>
      <c r="K10136" s="359" t="s">
        <v>14557</v>
      </c>
      <c r="L10136" s="365"/>
    </row>
    <row r="10137" spans="2:12">
      <c r="B10137" s="367"/>
      <c r="C10137" s="367"/>
      <c r="D10137" s="367"/>
      <c r="E10137" s="367"/>
      <c r="F10137" s="360"/>
      <c r="G10137" s="360"/>
      <c r="H10137" s="360"/>
      <c r="I10137" s="360"/>
      <c r="J10137" s="365"/>
      <c r="K10137" s="360"/>
      <c r="L10137" s="365"/>
    </row>
    <row r="10138" spans="2:12" ht="28.5">
      <c r="B10138" s="368"/>
      <c r="C10138" s="368"/>
      <c r="D10138" s="368"/>
      <c r="E10138" s="368"/>
      <c r="F10138" s="361" t="s">
        <v>14374</v>
      </c>
      <c r="G10138" s="361" t="s">
        <v>14373</v>
      </c>
      <c r="H10138" s="361" t="s">
        <v>14422</v>
      </c>
      <c r="I10138" s="362"/>
      <c r="J10138" s="366"/>
      <c r="K10138" s="362"/>
      <c r="L10138" s="366"/>
    </row>
    <row r="10139" spans="2:12">
      <c r="B10139" s="354" t="s">
        <v>28528</v>
      </c>
      <c r="C10139" s="369"/>
      <c r="D10139" s="369"/>
      <c r="E10139" s="369"/>
      <c r="F10139" s="369"/>
      <c r="G10139" s="369"/>
      <c r="H10139" s="369"/>
      <c r="I10139" s="369"/>
      <c r="J10139" s="369"/>
      <c r="K10139" s="369"/>
      <c r="L10139" s="370"/>
    </row>
    <row r="10140" spans="2:12" ht="28.5">
      <c r="B10140" s="358" t="s">
        <v>19443</v>
      </c>
      <c r="C10140" s="358" t="s">
        <v>27607</v>
      </c>
      <c r="D10140" s="358" t="s">
        <v>19444</v>
      </c>
      <c r="E10140" s="358" t="s">
        <v>19445</v>
      </c>
      <c r="F10140" s="358" t="s">
        <v>14420</v>
      </c>
      <c r="G10140" s="358" t="s">
        <v>14429</v>
      </c>
      <c r="H10140" s="358" t="s">
        <v>14381</v>
      </c>
      <c r="I10140" s="358" t="s">
        <v>14429</v>
      </c>
      <c r="J10140" s="358"/>
      <c r="K10140" s="358"/>
      <c r="L10140" s="358"/>
    </row>
    <row r="10141" spans="2:12">
      <c r="B10141" s="367"/>
      <c r="C10141" s="367"/>
      <c r="D10141" s="367"/>
      <c r="E10141" s="367"/>
      <c r="F10141" s="360"/>
      <c r="G10141" s="360"/>
      <c r="H10141" s="360"/>
      <c r="I10141" s="360"/>
      <c r="J10141" s="365"/>
      <c r="K10141" s="365"/>
      <c r="L10141" s="365"/>
    </row>
    <row r="10142" spans="2:12" ht="28.5">
      <c r="B10142" s="367"/>
      <c r="C10142" s="367"/>
      <c r="D10142" s="367"/>
      <c r="E10142" s="367"/>
      <c r="F10142" s="359" t="s">
        <v>14460</v>
      </c>
      <c r="G10142" s="359" t="s">
        <v>28724</v>
      </c>
      <c r="H10142" s="359" t="s">
        <v>14367</v>
      </c>
      <c r="I10142" s="359" t="s">
        <v>28724</v>
      </c>
      <c r="J10142" s="365"/>
      <c r="K10142" s="365"/>
      <c r="L10142" s="365"/>
    </row>
    <row r="10143" spans="2:12">
      <c r="B10143" s="367"/>
      <c r="C10143" s="367"/>
      <c r="D10143" s="367"/>
      <c r="E10143" s="367"/>
      <c r="F10143" s="360"/>
      <c r="G10143" s="360"/>
      <c r="H10143" s="360"/>
      <c r="I10143" s="360"/>
      <c r="J10143" s="365"/>
      <c r="K10143" s="365"/>
      <c r="L10143" s="365"/>
    </row>
    <row r="10144" spans="2:12" ht="28.5">
      <c r="B10144" s="367"/>
      <c r="C10144" s="367"/>
      <c r="D10144" s="367"/>
      <c r="E10144" s="367"/>
      <c r="F10144" s="359" t="s">
        <v>14394</v>
      </c>
      <c r="G10144" s="360"/>
      <c r="H10144" s="359" t="s">
        <v>14370</v>
      </c>
      <c r="I10144" s="360"/>
      <c r="J10144" s="365"/>
      <c r="K10144" s="365"/>
      <c r="L10144" s="365"/>
    </row>
    <row r="10145" spans="2:12">
      <c r="B10145" s="367"/>
      <c r="C10145" s="367"/>
      <c r="D10145" s="367"/>
      <c r="E10145" s="367"/>
      <c r="F10145" s="360"/>
      <c r="G10145" s="360"/>
      <c r="H10145" s="360"/>
      <c r="I10145" s="360"/>
      <c r="J10145" s="365"/>
      <c r="K10145" s="365"/>
      <c r="L10145" s="365"/>
    </row>
    <row r="10146" spans="2:12">
      <c r="B10146" s="368"/>
      <c r="C10146" s="368"/>
      <c r="D10146" s="368"/>
      <c r="E10146" s="368"/>
      <c r="F10146" s="362"/>
      <c r="G10146" s="362"/>
      <c r="H10146" s="361" t="s">
        <v>14422</v>
      </c>
      <c r="I10146" s="362"/>
      <c r="J10146" s="366"/>
      <c r="K10146" s="366"/>
      <c r="L10146" s="366"/>
    </row>
    <row r="10147" spans="2:12">
      <c r="B10147" s="358" t="s">
        <v>19446</v>
      </c>
      <c r="C10147" s="358" t="s">
        <v>19447</v>
      </c>
      <c r="D10147" s="358" t="s">
        <v>19448</v>
      </c>
      <c r="E10147" s="358" t="s">
        <v>19449</v>
      </c>
      <c r="F10147" s="358" t="s">
        <v>14371</v>
      </c>
      <c r="G10147" s="358" t="s">
        <v>14372</v>
      </c>
      <c r="H10147" s="358" t="s">
        <v>14370</v>
      </c>
      <c r="I10147" s="358" t="s">
        <v>14373</v>
      </c>
      <c r="J10147" s="358"/>
      <c r="K10147" s="358"/>
      <c r="L10147" s="358"/>
    </row>
    <row r="10148" spans="2:12">
      <c r="B10148" s="367"/>
      <c r="C10148" s="367"/>
      <c r="D10148" s="367"/>
      <c r="E10148" s="367"/>
      <c r="F10148" s="360"/>
      <c r="G10148" s="360"/>
      <c r="H10148" s="360"/>
      <c r="I10148" s="367"/>
      <c r="J10148" s="365"/>
      <c r="K10148" s="365"/>
      <c r="L10148" s="365"/>
    </row>
    <row r="10149" spans="2:12" ht="28.5">
      <c r="B10149" s="368"/>
      <c r="C10149" s="368"/>
      <c r="D10149" s="368"/>
      <c r="E10149" s="368"/>
      <c r="F10149" s="361" t="s">
        <v>14374</v>
      </c>
      <c r="G10149" s="361" t="s">
        <v>14373</v>
      </c>
      <c r="H10149" s="361" t="s">
        <v>14422</v>
      </c>
      <c r="I10149" s="368"/>
      <c r="J10149" s="366"/>
      <c r="K10149" s="366"/>
      <c r="L10149" s="366"/>
    </row>
    <row r="10150" spans="2:12">
      <c r="B10150" s="358" t="s">
        <v>19450</v>
      </c>
      <c r="C10150" s="358" t="s">
        <v>19451</v>
      </c>
      <c r="D10150" s="358" t="s">
        <v>19452</v>
      </c>
      <c r="E10150" s="358" t="s">
        <v>19453</v>
      </c>
      <c r="F10150" s="358" t="s">
        <v>14389</v>
      </c>
      <c r="G10150" s="358" t="s">
        <v>14390</v>
      </c>
      <c r="H10150" s="358" t="s">
        <v>14367</v>
      </c>
      <c r="I10150" s="358" t="s">
        <v>14390</v>
      </c>
      <c r="J10150" s="358"/>
      <c r="K10150" s="358"/>
      <c r="L10150" s="358"/>
    </row>
    <row r="10151" spans="2:12">
      <c r="B10151" s="367"/>
      <c r="C10151" s="367"/>
      <c r="D10151" s="367"/>
      <c r="E10151" s="367"/>
      <c r="F10151" s="360"/>
      <c r="G10151" s="360"/>
      <c r="H10151" s="360"/>
      <c r="I10151" s="360"/>
      <c r="J10151" s="365"/>
      <c r="K10151" s="365"/>
      <c r="L10151" s="365"/>
    </row>
    <row r="10152" spans="2:12" ht="28.5">
      <c r="B10152" s="368"/>
      <c r="C10152" s="368"/>
      <c r="D10152" s="368"/>
      <c r="E10152" s="368"/>
      <c r="F10152" s="361" t="s">
        <v>14472</v>
      </c>
      <c r="G10152" s="361" t="s">
        <v>14473</v>
      </c>
      <c r="H10152" s="361" t="s">
        <v>14422</v>
      </c>
      <c r="I10152" s="361" t="s">
        <v>14473</v>
      </c>
      <c r="J10152" s="366"/>
      <c r="K10152" s="366"/>
      <c r="L10152" s="366"/>
    </row>
    <row r="10153" spans="2:12">
      <c r="B10153" s="358" t="s">
        <v>19454</v>
      </c>
      <c r="C10153" s="358" t="s">
        <v>19455</v>
      </c>
      <c r="D10153" s="358" t="s">
        <v>19456</v>
      </c>
      <c r="E10153" s="358" t="s">
        <v>19457</v>
      </c>
      <c r="F10153" s="358" t="s">
        <v>14391</v>
      </c>
      <c r="G10153" s="358" t="s">
        <v>14392</v>
      </c>
      <c r="H10153" s="358" t="s">
        <v>14367</v>
      </c>
      <c r="I10153" s="358" t="s">
        <v>14392</v>
      </c>
      <c r="J10153" s="358"/>
      <c r="K10153" s="358"/>
      <c r="L10153" s="358"/>
    </row>
    <row r="10154" spans="2:12">
      <c r="B10154" s="367"/>
      <c r="C10154" s="367"/>
      <c r="D10154" s="367"/>
      <c r="E10154" s="367"/>
      <c r="F10154" s="360"/>
      <c r="G10154" s="360"/>
      <c r="H10154" s="360"/>
      <c r="I10154" s="360"/>
      <c r="J10154" s="365"/>
      <c r="K10154" s="365"/>
      <c r="L10154" s="365"/>
    </row>
    <row r="10155" spans="2:12" ht="28.5">
      <c r="B10155" s="368"/>
      <c r="C10155" s="368"/>
      <c r="D10155" s="368"/>
      <c r="E10155" s="368"/>
      <c r="F10155" s="361" t="s">
        <v>14472</v>
      </c>
      <c r="G10155" s="361" t="s">
        <v>14473</v>
      </c>
      <c r="H10155" s="361" t="s">
        <v>14422</v>
      </c>
      <c r="I10155" s="361" t="s">
        <v>14473</v>
      </c>
      <c r="J10155" s="366"/>
      <c r="K10155" s="366"/>
      <c r="L10155" s="366"/>
    </row>
    <row r="10156" spans="2:12" ht="28.5">
      <c r="B10156" s="358" t="s">
        <v>19458</v>
      </c>
      <c r="C10156" s="358" t="s">
        <v>27608</v>
      </c>
      <c r="D10156" s="358" t="s">
        <v>19459</v>
      </c>
      <c r="E10156" s="358" t="s">
        <v>19460</v>
      </c>
      <c r="F10156" s="358" t="s">
        <v>14420</v>
      </c>
      <c r="G10156" s="358" t="s">
        <v>14429</v>
      </c>
      <c r="H10156" s="358" t="s">
        <v>14341</v>
      </c>
      <c r="I10156" s="358" t="s">
        <v>14429</v>
      </c>
      <c r="J10156" s="358"/>
      <c r="K10156" s="358"/>
      <c r="L10156" s="358"/>
    </row>
    <row r="10157" spans="2:12">
      <c r="B10157" s="367"/>
      <c r="C10157" s="367"/>
      <c r="D10157" s="367"/>
      <c r="E10157" s="367"/>
      <c r="F10157" s="360"/>
      <c r="G10157" s="360"/>
      <c r="H10157" s="360"/>
      <c r="I10157" s="360"/>
      <c r="J10157" s="365"/>
      <c r="K10157" s="365"/>
      <c r="L10157" s="365"/>
    </row>
    <row r="10158" spans="2:12">
      <c r="B10158" s="367"/>
      <c r="C10158" s="367"/>
      <c r="D10158" s="367"/>
      <c r="E10158" s="367"/>
      <c r="F10158" s="359" t="s">
        <v>14430</v>
      </c>
      <c r="G10158" s="359" t="s">
        <v>14431</v>
      </c>
      <c r="H10158" s="359" t="s">
        <v>14367</v>
      </c>
      <c r="I10158" s="359" t="s">
        <v>14431</v>
      </c>
      <c r="J10158" s="365"/>
      <c r="K10158" s="365"/>
      <c r="L10158" s="365"/>
    </row>
    <row r="10159" spans="2:12">
      <c r="B10159" s="367"/>
      <c r="C10159" s="367"/>
      <c r="D10159" s="367"/>
      <c r="E10159" s="367"/>
      <c r="F10159" s="360"/>
      <c r="G10159" s="360"/>
      <c r="H10159" s="360"/>
      <c r="I10159" s="360"/>
      <c r="J10159" s="365"/>
      <c r="K10159" s="365"/>
      <c r="L10159" s="365"/>
    </row>
    <row r="10160" spans="2:12">
      <c r="B10160" s="368"/>
      <c r="C10160" s="368"/>
      <c r="D10160" s="368"/>
      <c r="E10160" s="368"/>
      <c r="F10160" s="361" t="s">
        <v>14391</v>
      </c>
      <c r="G10160" s="361" t="s">
        <v>14392</v>
      </c>
      <c r="H10160" s="361" t="s">
        <v>14332</v>
      </c>
      <c r="I10160" s="361" t="s">
        <v>14392</v>
      </c>
      <c r="J10160" s="366"/>
      <c r="K10160" s="366"/>
      <c r="L10160" s="366"/>
    </row>
    <row r="10161" spans="2:12" ht="57">
      <c r="B10161" s="358" t="s">
        <v>19461</v>
      </c>
      <c r="C10161" s="358" t="s">
        <v>30169</v>
      </c>
      <c r="D10161" s="358" t="s">
        <v>19462</v>
      </c>
      <c r="E10161" s="358" t="s">
        <v>8356</v>
      </c>
      <c r="F10161" s="358" t="s">
        <v>14371</v>
      </c>
      <c r="G10161" s="358" t="s">
        <v>14372</v>
      </c>
      <c r="H10161" s="358" t="s">
        <v>14370</v>
      </c>
      <c r="I10161" s="358" t="s">
        <v>14373</v>
      </c>
      <c r="J10161" s="358"/>
      <c r="K10161" s="358"/>
      <c r="L10161" s="358"/>
    </row>
    <row r="10162" spans="2:12">
      <c r="B10162" s="367"/>
      <c r="C10162" s="367"/>
      <c r="D10162" s="367"/>
      <c r="E10162" s="367"/>
      <c r="F10162" s="360"/>
      <c r="G10162" s="360"/>
      <c r="H10162" s="360"/>
      <c r="I10162" s="367"/>
      <c r="J10162" s="365"/>
      <c r="K10162" s="365"/>
      <c r="L10162" s="365"/>
    </row>
    <row r="10163" spans="2:12" ht="28.5">
      <c r="B10163" s="368"/>
      <c r="C10163" s="368"/>
      <c r="D10163" s="368"/>
      <c r="E10163" s="368"/>
      <c r="F10163" s="361" t="s">
        <v>14374</v>
      </c>
      <c r="G10163" s="361" t="s">
        <v>14373</v>
      </c>
      <c r="H10163" s="361" t="s">
        <v>14422</v>
      </c>
      <c r="I10163" s="368"/>
      <c r="J10163" s="366"/>
      <c r="K10163" s="366"/>
      <c r="L10163" s="366"/>
    </row>
    <row r="10164" spans="2:12" ht="28.5">
      <c r="B10164" s="358" t="s">
        <v>19463</v>
      </c>
      <c r="C10164" s="358" t="s">
        <v>19464</v>
      </c>
      <c r="D10164" s="358" t="s">
        <v>19465</v>
      </c>
      <c r="E10164" s="358" t="s">
        <v>19466</v>
      </c>
      <c r="F10164" s="358" t="s">
        <v>14426</v>
      </c>
      <c r="G10164" s="358" t="s">
        <v>14427</v>
      </c>
      <c r="H10164" s="358" t="s">
        <v>14381</v>
      </c>
      <c r="I10164" s="358" t="s">
        <v>14427</v>
      </c>
      <c r="J10164" s="358"/>
      <c r="K10164" s="358"/>
      <c r="L10164" s="358"/>
    </row>
    <row r="10165" spans="2:12">
      <c r="B10165" s="367"/>
      <c r="C10165" s="367"/>
      <c r="D10165" s="367"/>
      <c r="E10165" s="367"/>
      <c r="F10165" s="360"/>
      <c r="G10165" s="360"/>
      <c r="H10165" s="360"/>
      <c r="I10165" s="360"/>
      <c r="J10165" s="365"/>
      <c r="K10165" s="365"/>
      <c r="L10165" s="365"/>
    </row>
    <row r="10166" spans="2:12">
      <c r="B10166" s="367"/>
      <c r="C10166" s="367"/>
      <c r="D10166" s="367"/>
      <c r="E10166" s="367"/>
      <c r="F10166" s="359" t="s">
        <v>14371</v>
      </c>
      <c r="G10166" s="359" t="s">
        <v>14372</v>
      </c>
      <c r="H10166" s="359" t="s">
        <v>14370</v>
      </c>
      <c r="I10166" s="359" t="s">
        <v>14373</v>
      </c>
      <c r="J10166" s="365"/>
      <c r="K10166" s="365"/>
      <c r="L10166" s="365"/>
    </row>
    <row r="10167" spans="2:12">
      <c r="B10167" s="367"/>
      <c r="C10167" s="367"/>
      <c r="D10167" s="367"/>
      <c r="E10167" s="367"/>
      <c r="F10167" s="360"/>
      <c r="G10167" s="360"/>
      <c r="H10167" s="360"/>
      <c r="I10167" s="360"/>
      <c r="J10167" s="365"/>
      <c r="K10167" s="365"/>
      <c r="L10167" s="365"/>
    </row>
    <row r="10168" spans="2:12" ht="28.5">
      <c r="B10168" s="368"/>
      <c r="C10168" s="368"/>
      <c r="D10168" s="368"/>
      <c r="E10168" s="368"/>
      <c r="F10168" s="361" t="s">
        <v>14374</v>
      </c>
      <c r="G10168" s="361" t="s">
        <v>14373</v>
      </c>
      <c r="H10168" s="361" t="s">
        <v>14422</v>
      </c>
      <c r="I10168" s="362"/>
      <c r="J10168" s="366"/>
      <c r="K10168" s="366"/>
      <c r="L10168" s="366"/>
    </row>
    <row r="10169" spans="2:12" ht="28.5">
      <c r="B10169" s="358" t="s">
        <v>13082</v>
      </c>
      <c r="C10169" s="358" t="s">
        <v>19467</v>
      </c>
      <c r="D10169" s="358" t="s">
        <v>13083</v>
      </c>
      <c r="E10169" s="358" t="s">
        <v>13084</v>
      </c>
      <c r="F10169" s="358" t="s">
        <v>14424</v>
      </c>
      <c r="G10169" s="358" t="s">
        <v>29134</v>
      </c>
      <c r="H10169" s="358" t="s">
        <v>14381</v>
      </c>
      <c r="I10169" s="358" t="s">
        <v>29134</v>
      </c>
      <c r="J10169" s="358"/>
      <c r="K10169" s="358"/>
      <c r="L10169" s="358"/>
    </row>
    <row r="10170" spans="2:12">
      <c r="B10170" s="367"/>
      <c r="C10170" s="367"/>
      <c r="D10170" s="367"/>
      <c r="E10170" s="367"/>
      <c r="F10170" s="360"/>
      <c r="G10170" s="360"/>
      <c r="H10170" s="360"/>
      <c r="I10170" s="360"/>
      <c r="J10170" s="365"/>
      <c r="K10170" s="365"/>
      <c r="L10170" s="365"/>
    </row>
    <row r="10171" spans="2:12">
      <c r="B10171" s="367"/>
      <c r="C10171" s="367"/>
      <c r="D10171" s="367"/>
      <c r="E10171" s="367"/>
      <c r="F10171" s="359" t="s">
        <v>14430</v>
      </c>
      <c r="G10171" s="359" t="s">
        <v>14473</v>
      </c>
      <c r="H10171" s="359" t="s">
        <v>14341</v>
      </c>
      <c r="I10171" s="359" t="s">
        <v>14473</v>
      </c>
      <c r="J10171" s="365"/>
      <c r="K10171" s="365"/>
      <c r="L10171" s="365"/>
    </row>
    <row r="10172" spans="2:12">
      <c r="B10172" s="367"/>
      <c r="C10172" s="367"/>
      <c r="D10172" s="367"/>
      <c r="E10172" s="367"/>
      <c r="F10172" s="360"/>
      <c r="G10172" s="360"/>
      <c r="H10172" s="360"/>
      <c r="I10172" s="360"/>
      <c r="J10172" s="365"/>
      <c r="K10172" s="365"/>
      <c r="L10172" s="365"/>
    </row>
    <row r="10173" spans="2:12" ht="28.5">
      <c r="B10173" s="368"/>
      <c r="C10173" s="368"/>
      <c r="D10173" s="368"/>
      <c r="E10173" s="368"/>
      <c r="F10173" s="361" t="s">
        <v>14472</v>
      </c>
      <c r="G10173" s="362"/>
      <c r="H10173" s="361" t="s">
        <v>14332</v>
      </c>
      <c r="I10173" s="362"/>
      <c r="J10173" s="366"/>
      <c r="K10173" s="366"/>
      <c r="L10173" s="366"/>
    </row>
    <row r="10174" spans="2:12">
      <c r="B10174" s="358" t="s">
        <v>19468</v>
      </c>
      <c r="C10174" s="358" t="s">
        <v>27609</v>
      </c>
      <c r="D10174" s="358" t="s">
        <v>19469</v>
      </c>
      <c r="E10174" s="358" t="s">
        <v>19470</v>
      </c>
      <c r="F10174" s="358" t="s">
        <v>14386</v>
      </c>
      <c r="G10174" s="358" t="s">
        <v>14387</v>
      </c>
      <c r="H10174" s="358" t="s">
        <v>14367</v>
      </c>
      <c r="I10174" s="358" t="s">
        <v>14387</v>
      </c>
      <c r="J10174" s="358"/>
      <c r="K10174" s="358"/>
      <c r="L10174" s="358"/>
    </row>
    <row r="10175" spans="2:12">
      <c r="B10175" s="367"/>
      <c r="C10175" s="367"/>
      <c r="D10175" s="367"/>
      <c r="E10175" s="367"/>
      <c r="F10175" s="360"/>
      <c r="G10175" s="360"/>
      <c r="H10175" s="360"/>
      <c r="I10175" s="360"/>
      <c r="J10175" s="365"/>
      <c r="K10175" s="365"/>
      <c r="L10175" s="365"/>
    </row>
    <row r="10176" spans="2:12">
      <c r="B10176" s="368"/>
      <c r="C10176" s="368"/>
      <c r="D10176" s="368"/>
      <c r="E10176" s="368"/>
      <c r="F10176" s="361" t="s">
        <v>14391</v>
      </c>
      <c r="G10176" s="361" t="s">
        <v>14392</v>
      </c>
      <c r="H10176" s="361" t="s">
        <v>14422</v>
      </c>
      <c r="I10176" s="361" t="s">
        <v>14392</v>
      </c>
      <c r="J10176" s="366"/>
      <c r="K10176" s="366"/>
      <c r="L10176" s="366"/>
    </row>
    <row r="10177" spans="2:12" ht="28.5">
      <c r="B10177" s="358" t="s">
        <v>19471</v>
      </c>
      <c r="C10177" s="358" t="s">
        <v>19472</v>
      </c>
      <c r="D10177" s="358" t="s">
        <v>19473</v>
      </c>
      <c r="E10177" s="358" t="s">
        <v>19474</v>
      </c>
      <c r="F10177" s="358" t="s">
        <v>14462</v>
      </c>
      <c r="G10177" s="358" t="s">
        <v>14463</v>
      </c>
      <c r="H10177" s="358" t="s">
        <v>8356</v>
      </c>
      <c r="I10177" s="358" t="s">
        <v>14463</v>
      </c>
      <c r="J10177" s="358"/>
      <c r="K10177" s="358"/>
      <c r="L10177" s="358"/>
    </row>
    <row r="10178" spans="2:12">
      <c r="B10178" s="368"/>
      <c r="C10178" s="368"/>
      <c r="D10178" s="368"/>
      <c r="E10178" s="368"/>
      <c r="F10178" s="368"/>
      <c r="G10178" s="368"/>
      <c r="H10178" s="368"/>
      <c r="I10178" s="368"/>
      <c r="J10178" s="366"/>
      <c r="K10178" s="366"/>
      <c r="L10178" s="366"/>
    </row>
    <row r="10179" spans="2:12" ht="28.5">
      <c r="B10179" s="358" t="s">
        <v>19475</v>
      </c>
      <c r="C10179" s="358" t="s">
        <v>19476</v>
      </c>
      <c r="D10179" s="358" t="s">
        <v>19477</v>
      </c>
      <c r="E10179" s="358" t="s">
        <v>8356</v>
      </c>
      <c r="F10179" s="358" t="s">
        <v>14394</v>
      </c>
      <c r="G10179" s="358" t="s">
        <v>14395</v>
      </c>
      <c r="H10179" s="358" t="s">
        <v>14370</v>
      </c>
      <c r="I10179" s="358" t="s">
        <v>14395</v>
      </c>
      <c r="J10179" s="358"/>
      <c r="K10179" s="358"/>
      <c r="L10179" s="358"/>
    </row>
    <row r="10180" spans="2:12">
      <c r="B10180" s="368"/>
      <c r="C10180" s="368"/>
      <c r="D10180" s="368"/>
      <c r="E10180" s="368"/>
      <c r="F10180" s="368"/>
      <c r="G10180" s="368"/>
      <c r="H10180" s="368"/>
      <c r="I10180" s="368"/>
      <c r="J10180" s="366"/>
      <c r="K10180" s="366"/>
      <c r="L10180" s="366"/>
    </row>
    <row r="10181" spans="2:12" ht="28.5">
      <c r="B10181" s="358" t="s">
        <v>19478</v>
      </c>
      <c r="C10181" s="358" t="s">
        <v>27610</v>
      </c>
      <c r="D10181" s="358" t="s">
        <v>19479</v>
      </c>
      <c r="E10181" s="358" t="s">
        <v>19480</v>
      </c>
      <c r="F10181" s="358" t="s">
        <v>14394</v>
      </c>
      <c r="G10181" s="358" t="s">
        <v>14395</v>
      </c>
      <c r="H10181" s="358" t="s">
        <v>14370</v>
      </c>
      <c r="I10181" s="358" t="s">
        <v>14395</v>
      </c>
      <c r="J10181" s="358"/>
      <c r="K10181" s="358"/>
      <c r="L10181" s="358"/>
    </row>
    <row r="10182" spans="2:12">
      <c r="B10182" s="368"/>
      <c r="C10182" s="368"/>
      <c r="D10182" s="368"/>
      <c r="E10182" s="368"/>
      <c r="F10182" s="368"/>
      <c r="G10182" s="368"/>
      <c r="H10182" s="368"/>
      <c r="I10182" s="368"/>
      <c r="J10182" s="366"/>
      <c r="K10182" s="366"/>
      <c r="L10182" s="366"/>
    </row>
    <row r="10183" spans="2:12" ht="99.75">
      <c r="B10183" s="358" t="s">
        <v>19481</v>
      </c>
      <c r="C10183" s="358" t="s">
        <v>30170</v>
      </c>
      <c r="D10183" s="358" t="s">
        <v>19482</v>
      </c>
      <c r="E10183" s="358" t="s">
        <v>19483</v>
      </c>
      <c r="F10183" s="358" t="s">
        <v>14371</v>
      </c>
      <c r="G10183" s="358" t="s">
        <v>14372</v>
      </c>
      <c r="H10183" s="358" t="s">
        <v>14370</v>
      </c>
      <c r="I10183" s="358" t="s">
        <v>14373</v>
      </c>
      <c r="J10183" s="358"/>
      <c r="K10183" s="358"/>
      <c r="L10183" s="358"/>
    </row>
    <row r="10184" spans="2:12">
      <c r="B10184" s="367"/>
      <c r="C10184" s="367"/>
      <c r="D10184" s="367"/>
      <c r="E10184" s="367"/>
      <c r="F10184" s="360"/>
      <c r="G10184" s="360"/>
      <c r="H10184" s="360"/>
      <c r="I10184" s="367"/>
      <c r="J10184" s="365"/>
      <c r="K10184" s="365"/>
      <c r="L10184" s="365"/>
    </row>
    <row r="10185" spans="2:12" ht="28.5">
      <c r="B10185" s="368"/>
      <c r="C10185" s="368"/>
      <c r="D10185" s="368"/>
      <c r="E10185" s="368"/>
      <c r="F10185" s="361" t="s">
        <v>14374</v>
      </c>
      <c r="G10185" s="361" t="s">
        <v>14373</v>
      </c>
      <c r="H10185" s="361" t="s">
        <v>14422</v>
      </c>
      <c r="I10185" s="368"/>
      <c r="J10185" s="366"/>
      <c r="K10185" s="366"/>
      <c r="L10185" s="366"/>
    </row>
    <row r="10186" spans="2:12" ht="28.5">
      <c r="B10186" s="358" t="s">
        <v>19484</v>
      </c>
      <c r="C10186" s="358" t="s">
        <v>19485</v>
      </c>
      <c r="D10186" s="358" t="s">
        <v>19486</v>
      </c>
      <c r="E10186" s="358" t="s">
        <v>19487</v>
      </c>
      <c r="F10186" s="358" t="s">
        <v>14460</v>
      </c>
      <c r="G10186" s="358" t="s">
        <v>28895</v>
      </c>
      <c r="H10186" s="358" t="s">
        <v>14381</v>
      </c>
      <c r="I10186" s="358" t="s">
        <v>28895</v>
      </c>
      <c r="J10186" s="358"/>
      <c r="K10186" s="358"/>
      <c r="L10186" s="358"/>
    </row>
    <row r="10187" spans="2:12">
      <c r="B10187" s="367"/>
      <c r="C10187" s="367"/>
      <c r="D10187" s="367"/>
      <c r="E10187" s="367"/>
      <c r="F10187" s="360"/>
      <c r="G10187" s="360"/>
      <c r="H10187" s="360"/>
      <c r="I10187" s="360"/>
      <c r="J10187" s="365"/>
      <c r="K10187" s="365"/>
      <c r="L10187" s="365"/>
    </row>
    <row r="10188" spans="2:12">
      <c r="B10188" s="367"/>
      <c r="C10188" s="367"/>
      <c r="D10188" s="367"/>
      <c r="E10188" s="367"/>
      <c r="F10188" s="359" t="s">
        <v>14391</v>
      </c>
      <c r="G10188" s="359" t="s">
        <v>14473</v>
      </c>
      <c r="H10188" s="359" t="s">
        <v>14367</v>
      </c>
      <c r="I10188" s="359" t="s">
        <v>14473</v>
      </c>
      <c r="J10188" s="365"/>
      <c r="K10188" s="365"/>
      <c r="L10188" s="365"/>
    </row>
    <row r="10189" spans="2:12">
      <c r="B10189" s="367"/>
      <c r="C10189" s="367"/>
      <c r="D10189" s="367"/>
      <c r="E10189" s="367"/>
      <c r="F10189" s="360"/>
      <c r="G10189" s="360"/>
      <c r="H10189" s="360"/>
      <c r="I10189" s="360"/>
      <c r="J10189" s="365"/>
      <c r="K10189" s="365"/>
      <c r="L10189" s="365"/>
    </row>
    <row r="10190" spans="2:12" ht="28.5">
      <c r="B10190" s="368"/>
      <c r="C10190" s="368"/>
      <c r="D10190" s="368"/>
      <c r="E10190" s="368"/>
      <c r="F10190" s="361" t="s">
        <v>14472</v>
      </c>
      <c r="G10190" s="362"/>
      <c r="H10190" s="361" t="s">
        <v>14422</v>
      </c>
      <c r="I10190" s="362"/>
      <c r="J10190" s="366"/>
      <c r="K10190" s="366"/>
      <c r="L10190" s="366"/>
    </row>
    <row r="10191" spans="2:12" ht="28.5">
      <c r="B10191" s="358" t="s">
        <v>19488</v>
      </c>
      <c r="C10191" s="358" t="s">
        <v>19489</v>
      </c>
      <c r="D10191" s="358" t="s">
        <v>19490</v>
      </c>
      <c r="E10191" s="358" t="s">
        <v>19491</v>
      </c>
      <c r="F10191" s="358" t="s">
        <v>14394</v>
      </c>
      <c r="G10191" s="358" t="s">
        <v>14395</v>
      </c>
      <c r="H10191" s="358" t="s">
        <v>14370</v>
      </c>
      <c r="I10191" s="358" t="s">
        <v>14395</v>
      </c>
      <c r="J10191" s="358"/>
      <c r="K10191" s="358"/>
      <c r="L10191" s="358"/>
    </row>
    <row r="10192" spans="2:12">
      <c r="B10192" s="368"/>
      <c r="C10192" s="368"/>
      <c r="D10192" s="368"/>
      <c r="E10192" s="368"/>
      <c r="F10192" s="368"/>
      <c r="G10192" s="368"/>
      <c r="H10192" s="368"/>
      <c r="I10192" s="368"/>
      <c r="J10192" s="366"/>
      <c r="K10192" s="366"/>
      <c r="L10192" s="366"/>
    </row>
    <row r="10193" spans="2:12" ht="42.75">
      <c r="B10193" s="358" t="s">
        <v>19492</v>
      </c>
      <c r="C10193" s="358" t="s">
        <v>29135</v>
      </c>
      <c r="D10193" s="358" t="s">
        <v>19493</v>
      </c>
      <c r="E10193" s="358" t="s">
        <v>19494</v>
      </c>
      <c r="F10193" s="358" t="s">
        <v>14507</v>
      </c>
      <c r="G10193" s="358" t="s">
        <v>14508</v>
      </c>
      <c r="H10193" s="358" t="s">
        <v>14381</v>
      </c>
      <c r="I10193" s="358" t="s">
        <v>14508</v>
      </c>
      <c r="J10193" s="358"/>
      <c r="K10193" s="358"/>
      <c r="L10193" s="358"/>
    </row>
    <row r="10194" spans="2:12">
      <c r="B10194" s="367"/>
      <c r="C10194" s="367"/>
      <c r="D10194" s="367"/>
      <c r="E10194" s="367"/>
      <c r="F10194" s="360"/>
      <c r="G10194" s="360"/>
      <c r="H10194" s="360"/>
      <c r="I10194" s="360"/>
      <c r="J10194" s="365"/>
      <c r="K10194" s="365"/>
      <c r="L10194" s="365"/>
    </row>
    <row r="10195" spans="2:12">
      <c r="B10195" s="367"/>
      <c r="C10195" s="367"/>
      <c r="D10195" s="367"/>
      <c r="E10195" s="367"/>
      <c r="F10195" s="359" t="s">
        <v>14420</v>
      </c>
      <c r="G10195" s="359" t="s">
        <v>14429</v>
      </c>
      <c r="H10195" s="359" t="s">
        <v>14367</v>
      </c>
      <c r="I10195" s="359" t="s">
        <v>14429</v>
      </c>
      <c r="J10195" s="365"/>
      <c r="K10195" s="365"/>
      <c r="L10195" s="365"/>
    </row>
    <row r="10196" spans="2:12">
      <c r="B10196" s="367"/>
      <c r="C10196" s="367"/>
      <c r="D10196" s="367"/>
      <c r="E10196" s="367"/>
      <c r="F10196" s="360"/>
      <c r="G10196" s="360"/>
      <c r="H10196" s="360"/>
      <c r="I10196" s="360"/>
      <c r="J10196" s="365"/>
      <c r="K10196" s="365"/>
      <c r="L10196" s="365"/>
    </row>
    <row r="10197" spans="2:12">
      <c r="B10197" s="367"/>
      <c r="C10197" s="367"/>
      <c r="D10197" s="367"/>
      <c r="E10197" s="367"/>
      <c r="F10197" s="359" t="s">
        <v>14389</v>
      </c>
      <c r="G10197" s="359" t="s">
        <v>14390</v>
      </c>
      <c r="H10197" s="359" t="s">
        <v>14370</v>
      </c>
      <c r="I10197" s="359" t="s">
        <v>14390</v>
      </c>
      <c r="J10197" s="365"/>
      <c r="K10197" s="365"/>
      <c r="L10197" s="365"/>
    </row>
    <row r="10198" spans="2:12">
      <c r="B10198" s="367"/>
      <c r="C10198" s="367"/>
      <c r="D10198" s="367"/>
      <c r="E10198" s="367"/>
      <c r="F10198" s="360"/>
      <c r="G10198" s="360"/>
      <c r="H10198" s="360"/>
      <c r="I10198" s="360"/>
      <c r="J10198" s="365"/>
      <c r="K10198" s="365"/>
      <c r="L10198" s="365"/>
    </row>
    <row r="10199" spans="2:12">
      <c r="B10199" s="367"/>
      <c r="C10199" s="367"/>
      <c r="D10199" s="367"/>
      <c r="E10199" s="367"/>
      <c r="F10199" s="359" t="s">
        <v>14371</v>
      </c>
      <c r="G10199" s="359" t="s">
        <v>14372</v>
      </c>
      <c r="H10199" s="359" t="s">
        <v>14422</v>
      </c>
      <c r="I10199" s="359" t="s">
        <v>14373</v>
      </c>
      <c r="J10199" s="365"/>
      <c r="K10199" s="365"/>
      <c r="L10199" s="365"/>
    </row>
    <row r="10200" spans="2:12">
      <c r="B10200" s="367"/>
      <c r="C10200" s="367"/>
      <c r="D10200" s="367"/>
      <c r="E10200" s="367"/>
      <c r="F10200" s="360"/>
      <c r="G10200" s="360"/>
      <c r="H10200" s="360"/>
      <c r="I10200" s="360"/>
      <c r="J10200" s="365"/>
      <c r="K10200" s="365"/>
      <c r="L10200" s="365"/>
    </row>
    <row r="10201" spans="2:12" ht="28.5">
      <c r="B10201" s="368"/>
      <c r="C10201" s="368"/>
      <c r="D10201" s="368"/>
      <c r="E10201" s="368"/>
      <c r="F10201" s="361" t="s">
        <v>14374</v>
      </c>
      <c r="G10201" s="361" t="s">
        <v>14373</v>
      </c>
      <c r="H10201" s="362"/>
      <c r="I10201" s="362"/>
      <c r="J10201" s="366"/>
      <c r="K10201" s="366"/>
      <c r="L10201" s="366"/>
    </row>
    <row r="10202" spans="2:12" ht="28.5">
      <c r="B10202" s="358" t="s">
        <v>19495</v>
      </c>
      <c r="C10202" s="358" t="s">
        <v>19496</v>
      </c>
      <c r="D10202" s="358" t="s">
        <v>19497</v>
      </c>
      <c r="E10202" s="358" t="s">
        <v>19498</v>
      </c>
      <c r="F10202" s="358" t="s">
        <v>14371</v>
      </c>
      <c r="G10202" s="358" t="s">
        <v>14372</v>
      </c>
      <c r="H10202" s="358" t="s">
        <v>14370</v>
      </c>
      <c r="I10202" s="358" t="s">
        <v>14373</v>
      </c>
      <c r="J10202" s="358"/>
      <c r="K10202" s="358"/>
      <c r="L10202" s="358"/>
    </row>
    <row r="10203" spans="2:12">
      <c r="B10203" s="367"/>
      <c r="C10203" s="367"/>
      <c r="D10203" s="367"/>
      <c r="E10203" s="367"/>
      <c r="F10203" s="360"/>
      <c r="G10203" s="360"/>
      <c r="H10203" s="360"/>
      <c r="I10203" s="367"/>
      <c r="J10203" s="365"/>
      <c r="K10203" s="365"/>
      <c r="L10203" s="365"/>
    </row>
    <row r="10204" spans="2:12" ht="28.5">
      <c r="B10204" s="368"/>
      <c r="C10204" s="368"/>
      <c r="D10204" s="368"/>
      <c r="E10204" s="368"/>
      <c r="F10204" s="361" t="s">
        <v>14374</v>
      </c>
      <c r="G10204" s="361" t="s">
        <v>14373</v>
      </c>
      <c r="H10204" s="361" t="s">
        <v>14422</v>
      </c>
      <c r="I10204" s="368"/>
      <c r="J10204" s="366"/>
      <c r="K10204" s="366"/>
      <c r="L10204" s="366"/>
    </row>
    <row r="10205" spans="2:12" ht="28.5">
      <c r="B10205" s="358" t="s">
        <v>19499</v>
      </c>
      <c r="C10205" s="358" t="s">
        <v>19500</v>
      </c>
      <c r="D10205" s="358" t="s">
        <v>19501</v>
      </c>
      <c r="E10205" s="358" t="s">
        <v>19502</v>
      </c>
      <c r="F10205" s="358" t="s">
        <v>14460</v>
      </c>
      <c r="G10205" s="358" t="s">
        <v>28724</v>
      </c>
      <c r="H10205" s="358" t="s">
        <v>14381</v>
      </c>
      <c r="I10205" s="358" t="s">
        <v>28724</v>
      </c>
      <c r="J10205" s="358"/>
      <c r="K10205" s="358"/>
      <c r="L10205" s="358"/>
    </row>
    <row r="10206" spans="2:12">
      <c r="B10206" s="367"/>
      <c r="C10206" s="367"/>
      <c r="D10206" s="367"/>
      <c r="E10206" s="367"/>
      <c r="F10206" s="360"/>
      <c r="G10206" s="367"/>
      <c r="H10206" s="360"/>
      <c r="I10206" s="367"/>
      <c r="J10206" s="365"/>
      <c r="K10206" s="365"/>
      <c r="L10206" s="365"/>
    </row>
    <row r="10207" spans="2:12" ht="28.5">
      <c r="B10207" s="367"/>
      <c r="C10207" s="367"/>
      <c r="D10207" s="367"/>
      <c r="E10207" s="367"/>
      <c r="F10207" s="359" t="s">
        <v>14394</v>
      </c>
      <c r="G10207" s="367"/>
      <c r="H10207" s="359" t="s">
        <v>14370</v>
      </c>
      <c r="I10207" s="367"/>
      <c r="J10207" s="365"/>
      <c r="K10207" s="365"/>
      <c r="L10207" s="365"/>
    </row>
    <row r="10208" spans="2:12">
      <c r="B10208" s="367"/>
      <c r="C10208" s="367"/>
      <c r="D10208" s="367"/>
      <c r="E10208" s="367"/>
      <c r="F10208" s="360"/>
      <c r="G10208" s="367"/>
      <c r="H10208" s="360"/>
      <c r="I10208" s="367"/>
      <c r="J10208" s="365"/>
      <c r="K10208" s="365"/>
      <c r="L10208" s="365"/>
    </row>
    <row r="10209" spans="2:12">
      <c r="B10209" s="368"/>
      <c r="C10209" s="368"/>
      <c r="D10209" s="368"/>
      <c r="E10209" s="368"/>
      <c r="F10209" s="362"/>
      <c r="G10209" s="368"/>
      <c r="H10209" s="361" t="s">
        <v>14422</v>
      </c>
      <c r="I10209" s="368"/>
      <c r="J10209" s="366"/>
      <c r="K10209" s="366"/>
      <c r="L10209" s="366"/>
    </row>
    <row r="10210" spans="2:12" ht="28.5">
      <c r="B10210" s="358" t="s">
        <v>10396</v>
      </c>
      <c r="C10210" s="358" t="s">
        <v>29136</v>
      </c>
      <c r="D10210" s="358" t="s">
        <v>342</v>
      </c>
      <c r="E10210" s="358" t="s">
        <v>343</v>
      </c>
      <c r="F10210" s="358" t="s">
        <v>28860</v>
      </c>
      <c r="G10210" s="358" t="s">
        <v>14669</v>
      </c>
      <c r="H10210" s="358" t="s">
        <v>14381</v>
      </c>
      <c r="I10210" s="358" t="s">
        <v>14669</v>
      </c>
      <c r="J10210" s="358"/>
      <c r="K10210" s="358"/>
      <c r="L10210" s="358"/>
    </row>
    <row r="10211" spans="2:12">
      <c r="B10211" s="367"/>
      <c r="C10211" s="367"/>
      <c r="D10211" s="367"/>
      <c r="E10211" s="367"/>
      <c r="F10211" s="360"/>
      <c r="G10211" s="360"/>
      <c r="H10211" s="360"/>
      <c r="I10211" s="360"/>
      <c r="J10211" s="365"/>
      <c r="K10211" s="365"/>
      <c r="L10211" s="365"/>
    </row>
    <row r="10212" spans="2:12">
      <c r="B10212" s="367"/>
      <c r="C10212" s="367"/>
      <c r="D10212" s="367"/>
      <c r="E10212" s="367"/>
      <c r="F10212" s="359" t="s">
        <v>14430</v>
      </c>
      <c r="G10212" s="359" t="s">
        <v>14427</v>
      </c>
      <c r="H10212" s="359" t="s">
        <v>14341</v>
      </c>
      <c r="I10212" s="359" t="s">
        <v>14427</v>
      </c>
      <c r="J10212" s="365"/>
      <c r="K10212" s="365"/>
      <c r="L10212" s="365"/>
    </row>
    <row r="10213" spans="2:12">
      <c r="B10213" s="367"/>
      <c r="C10213" s="367"/>
      <c r="D10213" s="367"/>
      <c r="E10213" s="367"/>
      <c r="F10213" s="360"/>
      <c r="G10213" s="360"/>
      <c r="H10213" s="360"/>
      <c r="I10213" s="360"/>
      <c r="J10213" s="365"/>
      <c r="K10213" s="365"/>
      <c r="L10213" s="365"/>
    </row>
    <row r="10214" spans="2:12">
      <c r="B10214" s="368"/>
      <c r="C10214" s="368"/>
      <c r="D10214" s="368"/>
      <c r="E10214" s="368"/>
      <c r="F10214" s="362"/>
      <c r="G10214" s="361" t="s">
        <v>14431</v>
      </c>
      <c r="H10214" s="361" t="s">
        <v>14332</v>
      </c>
      <c r="I10214" s="361" t="s">
        <v>14431</v>
      </c>
      <c r="J10214" s="366"/>
      <c r="K10214" s="366"/>
      <c r="L10214" s="366"/>
    </row>
    <row r="10215" spans="2:12" ht="57">
      <c r="B10215" s="358" t="s">
        <v>19503</v>
      </c>
      <c r="C10215" s="358" t="s">
        <v>30171</v>
      </c>
      <c r="D10215" s="358" t="s">
        <v>19504</v>
      </c>
      <c r="E10215" s="358" t="s">
        <v>8356</v>
      </c>
      <c r="F10215" s="358" t="s">
        <v>14371</v>
      </c>
      <c r="G10215" s="358" t="s">
        <v>14372</v>
      </c>
      <c r="H10215" s="358" t="s">
        <v>14370</v>
      </c>
      <c r="I10215" s="358" t="s">
        <v>14373</v>
      </c>
      <c r="J10215" s="358"/>
      <c r="K10215" s="358"/>
      <c r="L10215" s="358"/>
    </row>
    <row r="10216" spans="2:12">
      <c r="B10216" s="367"/>
      <c r="C10216" s="367"/>
      <c r="D10216" s="367"/>
      <c r="E10216" s="367"/>
      <c r="F10216" s="360"/>
      <c r="G10216" s="360"/>
      <c r="H10216" s="360"/>
      <c r="I10216" s="367"/>
      <c r="J10216" s="365"/>
      <c r="K10216" s="365"/>
      <c r="L10216" s="365"/>
    </row>
    <row r="10217" spans="2:12" ht="28.5">
      <c r="B10217" s="368"/>
      <c r="C10217" s="368"/>
      <c r="D10217" s="368"/>
      <c r="E10217" s="368"/>
      <c r="F10217" s="361" t="s">
        <v>14374</v>
      </c>
      <c r="G10217" s="361" t="s">
        <v>14373</v>
      </c>
      <c r="H10217" s="361" t="s">
        <v>14422</v>
      </c>
      <c r="I10217" s="368"/>
      <c r="J10217" s="366"/>
      <c r="K10217" s="366"/>
      <c r="L10217" s="366"/>
    </row>
    <row r="10218" spans="2:12">
      <c r="B10218" s="358" t="s">
        <v>19505</v>
      </c>
      <c r="C10218" s="358" t="s">
        <v>19506</v>
      </c>
      <c r="D10218" s="358" t="s">
        <v>19507</v>
      </c>
      <c r="E10218" s="358" t="s">
        <v>19508</v>
      </c>
      <c r="F10218" s="358" t="s">
        <v>14420</v>
      </c>
      <c r="G10218" s="358" t="s">
        <v>14429</v>
      </c>
      <c r="H10218" s="358" t="s">
        <v>14367</v>
      </c>
      <c r="I10218" s="358" t="s">
        <v>14429</v>
      </c>
      <c r="J10218" s="358"/>
      <c r="K10218" s="358"/>
      <c r="L10218" s="358"/>
    </row>
    <row r="10219" spans="2:12">
      <c r="B10219" s="367"/>
      <c r="C10219" s="367"/>
      <c r="D10219" s="367"/>
      <c r="E10219" s="367"/>
      <c r="F10219" s="367"/>
      <c r="G10219" s="367"/>
      <c r="H10219" s="360"/>
      <c r="I10219" s="367"/>
      <c r="J10219" s="365"/>
      <c r="K10219" s="365"/>
      <c r="L10219" s="365"/>
    </row>
    <row r="10220" spans="2:12">
      <c r="B10220" s="368"/>
      <c r="C10220" s="368"/>
      <c r="D10220" s="368"/>
      <c r="E10220" s="368"/>
      <c r="F10220" s="368"/>
      <c r="G10220" s="368"/>
      <c r="H10220" s="361" t="s">
        <v>14422</v>
      </c>
      <c r="I10220" s="368"/>
      <c r="J10220" s="366"/>
      <c r="K10220" s="366"/>
      <c r="L10220" s="366"/>
    </row>
    <row r="10221" spans="2:12">
      <c r="B10221" s="358" t="s">
        <v>19509</v>
      </c>
      <c r="C10221" s="358" t="s">
        <v>19510</v>
      </c>
      <c r="D10221" s="358" t="s">
        <v>19511</v>
      </c>
      <c r="E10221" s="358" t="s">
        <v>19512</v>
      </c>
      <c r="F10221" s="358" t="s">
        <v>14430</v>
      </c>
      <c r="G10221" s="358" t="s">
        <v>14431</v>
      </c>
      <c r="H10221" s="358" t="s">
        <v>14341</v>
      </c>
      <c r="I10221" s="358" t="s">
        <v>14431</v>
      </c>
      <c r="J10221" s="358"/>
      <c r="K10221" s="358"/>
      <c r="L10221" s="358"/>
    </row>
    <row r="10222" spans="2:12">
      <c r="B10222" s="367"/>
      <c r="C10222" s="367"/>
      <c r="D10222" s="367"/>
      <c r="E10222" s="367"/>
      <c r="F10222" s="360"/>
      <c r="G10222" s="360"/>
      <c r="H10222" s="360"/>
      <c r="I10222" s="360"/>
      <c r="J10222" s="365"/>
      <c r="K10222" s="365"/>
      <c r="L10222" s="365"/>
    </row>
    <row r="10223" spans="2:12">
      <c r="B10223" s="367"/>
      <c r="C10223" s="367"/>
      <c r="D10223" s="367"/>
      <c r="E10223" s="367"/>
      <c r="F10223" s="359" t="s">
        <v>14391</v>
      </c>
      <c r="G10223" s="359" t="s">
        <v>14392</v>
      </c>
      <c r="H10223" s="359" t="s">
        <v>14367</v>
      </c>
      <c r="I10223" s="359" t="s">
        <v>14392</v>
      </c>
      <c r="J10223" s="365"/>
      <c r="K10223" s="365"/>
      <c r="L10223" s="365"/>
    </row>
    <row r="10224" spans="2:12">
      <c r="B10224" s="367"/>
      <c r="C10224" s="367"/>
      <c r="D10224" s="367"/>
      <c r="E10224" s="367"/>
      <c r="F10224" s="360"/>
      <c r="G10224" s="360"/>
      <c r="H10224" s="360"/>
      <c r="I10224" s="360"/>
      <c r="J10224" s="365"/>
      <c r="K10224" s="365"/>
      <c r="L10224" s="365"/>
    </row>
    <row r="10225" spans="2:12">
      <c r="B10225" s="368"/>
      <c r="C10225" s="368"/>
      <c r="D10225" s="368"/>
      <c r="E10225" s="368"/>
      <c r="F10225" s="362"/>
      <c r="G10225" s="362"/>
      <c r="H10225" s="361" t="s">
        <v>14332</v>
      </c>
      <c r="I10225" s="362"/>
      <c r="J10225" s="366"/>
      <c r="K10225" s="366"/>
      <c r="L10225" s="366"/>
    </row>
    <row r="10226" spans="2:12" ht="28.5">
      <c r="B10226" s="358" t="s">
        <v>19513</v>
      </c>
      <c r="C10226" s="358" t="s">
        <v>27611</v>
      </c>
      <c r="D10226" s="358" t="s">
        <v>19514</v>
      </c>
      <c r="E10226" s="358" t="s">
        <v>19515</v>
      </c>
      <c r="F10226" s="358" t="s">
        <v>14371</v>
      </c>
      <c r="G10226" s="358" t="s">
        <v>14372</v>
      </c>
      <c r="H10226" s="358" t="s">
        <v>14370</v>
      </c>
      <c r="I10226" s="358" t="s">
        <v>14373</v>
      </c>
      <c r="J10226" s="358"/>
      <c r="K10226" s="358"/>
      <c r="L10226" s="358"/>
    </row>
    <row r="10227" spans="2:12">
      <c r="B10227" s="367"/>
      <c r="C10227" s="367"/>
      <c r="D10227" s="367"/>
      <c r="E10227" s="367"/>
      <c r="F10227" s="360"/>
      <c r="G10227" s="360"/>
      <c r="H10227" s="360"/>
      <c r="I10227" s="367"/>
      <c r="J10227" s="365"/>
      <c r="K10227" s="365"/>
      <c r="L10227" s="365"/>
    </row>
    <row r="10228" spans="2:12" ht="28.5">
      <c r="B10228" s="368"/>
      <c r="C10228" s="368"/>
      <c r="D10228" s="368"/>
      <c r="E10228" s="368"/>
      <c r="F10228" s="361" t="s">
        <v>14374</v>
      </c>
      <c r="G10228" s="361" t="s">
        <v>14373</v>
      </c>
      <c r="H10228" s="361" t="s">
        <v>14422</v>
      </c>
      <c r="I10228" s="368"/>
      <c r="J10228" s="366"/>
      <c r="K10228" s="366"/>
      <c r="L10228" s="366"/>
    </row>
    <row r="10229" spans="2:12">
      <c r="B10229" s="358" t="s">
        <v>19516</v>
      </c>
      <c r="C10229" s="358" t="s">
        <v>19517</v>
      </c>
      <c r="D10229" s="358" t="s">
        <v>19518</v>
      </c>
      <c r="E10229" s="358" t="s">
        <v>19519</v>
      </c>
      <c r="F10229" s="358" t="s">
        <v>14356</v>
      </c>
      <c r="G10229" s="358" t="s">
        <v>14340</v>
      </c>
      <c r="H10229" s="358" t="s">
        <v>14341</v>
      </c>
      <c r="I10229" s="358" t="s">
        <v>14340</v>
      </c>
      <c r="J10229" s="358"/>
      <c r="K10229" s="358"/>
      <c r="L10229" s="358"/>
    </row>
    <row r="10230" spans="2:12">
      <c r="B10230" s="367"/>
      <c r="C10230" s="367"/>
      <c r="D10230" s="367"/>
      <c r="E10230" s="367"/>
      <c r="F10230" s="360"/>
      <c r="G10230" s="360"/>
      <c r="H10230" s="360"/>
      <c r="I10230" s="360"/>
      <c r="J10230" s="365"/>
      <c r="K10230" s="365"/>
      <c r="L10230" s="365"/>
    </row>
    <row r="10231" spans="2:12">
      <c r="B10231" s="367"/>
      <c r="C10231" s="367"/>
      <c r="D10231" s="367"/>
      <c r="E10231" s="367"/>
      <c r="F10231" s="359" t="s">
        <v>14391</v>
      </c>
      <c r="G10231" s="359" t="s">
        <v>14392</v>
      </c>
      <c r="H10231" s="359" t="s">
        <v>14367</v>
      </c>
      <c r="I10231" s="359" t="s">
        <v>14392</v>
      </c>
      <c r="J10231" s="365"/>
      <c r="K10231" s="365"/>
      <c r="L10231" s="365"/>
    </row>
    <row r="10232" spans="2:12">
      <c r="B10232" s="367"/>
      <c r="C10232" s="367"/>
      <c r="D10232" s="367"/>
      <c r="E10232" s="367"/>
      <c r="F10232" s="360"/>
      <c r="G10232" s="360"/>
      <c r="H10232" s="360"/>
      <c r="I10232" s="360"/>
      <c r="J10232" s="365"/>
      <c r="K10232" s="365"/>
      <c r="L10232" s="365"/>
    </row>
    <row r="10233" spans="2:12" ht="28.5">
      <c r="B10233" s="367"/>
      <c r="C10233" s="367"/>
      <c r="D10233" s="367"/>
      <c r="E10233" s="367"/>
      <c r="F10233" s="359" t="s">
        <v>14394</v>
      </c>
      <c r="G10233" s="359" t="s">
        <v>14395</v>
      </c>
      <c r="H10233" s="359" t="s">
        <v>14370</v>
      </c>
      <c r="I10233" s="359" t="s">
        <v>14395</v>
      </c>
      <c r="J10233" s="365"/>
      <c r="K10233" s="365"/>
      <c r="L10233" s="365"/>
    </row>
    <row r="10234" spans="2:12">
      <c r="B10234" s="367"/>
      <c r="C10234" s="367"/>
      <c r="D10234" s="367"/>
      <c r="E10234" s="367"/>
      <c r="F10234" s="360"/>
      <c r="G10234" s="360"/>
      <c r="H10234" s="360"/>
      <c r="I10234" s="360"/>
      <c r="J10234" s="365"/>
      <c r="K10234" s="365"/>
      <c r="L10234" s="365"/>
    </row>
    <row r="10235" spans="2:12">
      <c r="B10235" s="368"/>
      <c r="C10235" s="368"/>
      <c r="D10235" s="368"/>
      <c r="E10235" s="368"/>
      <c r="F10235" s="362"/>
      <c r="G10235" s="362"/>
      <c r="H10235" s="361" t="s">
        <v>14332</v>
      </c>
      <c r="I10235" s="362"/>
      <c r="J10235" s="366"/>
      <c r="K10235" s="366"/>
      <c r="L10235" s="366"/>
    </row>
    <row r="10236" spans="2:12">
      <c r="B10236" s="358" t="s">
        <v>19520</v>
      </c>
      <c r="C10236" s="358" t="s">
        <v>1602</v>
      </c>
      <c r="D10236" s="358" t="s">
        <v>19521</v>
      </c>
      <c r="E10236" s="358" t="s">
        <v>1603</v>
      </c>
      <c r="F10236" s="358" t="s">
        <v>14356</v>
      </c>
      <c r="G10236" s="358" t="s">
        <v>14340</v>
      </c>
      <c r="H10236" s="358" t="s">
        <v>14341</v>
      </c>
      <c r="I10236" s="358" t="s">
        <v>14340</v>
      </c>
      <c r="J10236" s="358"/>
      <c r="K10236" s="358"/>
      <c r="L10236" s="358"/>
    </row>
    <row r="10237" spans="2:12">
      <c r="B10237" s="367"/>
      <c r="C10237" s="367"/>
      <c r="D10237" s="367"/>
      <c r="E10237" s="367"/>
      <c r="F10237" s="360"/>
      <c r="G10237" s="360"/>
      <c r="H10237" s="360"/>
      <c r="I10237" s="360"/>
      <c r="J10237" s="365"/>
      <c r="K10237" s="365"/>
      <c r="L10237" s="365"/>
    </row>
    <row r="10238" spans="2:12">
      <c r="B10238" s="367"/>
      <c r="C10238" s="367"/>
      <c r="D10238" s="367"/>
      <c r="E10238" s="367"/>
      <c r="F10238" s="359" t="s">
        <v>14391</v>
      </c>
      <c r="G10238" s="359" t="s">
        <v>14392</v>
      </c>
      <c r="H10238" s="359" t="s">
        <v>14367</v>
      </c>
      <c r="I10238" s="359" t="s">
        <v>14392</v>
      </c>
      <c r="J10238" s="365"/>
      <c r="K10238" s="365"/>
      <c r="L10238" s="365"/>
    </row>
    <row r="10239" spans="2:12">
      <c r="B10239" s="367"/>
      <c r="C10239" s="367"/>
      <c r="D10239" s="367"/>
      <c r="E10239" s="367"/>
      <c r="F10239" s="360"/>
      <c r="G10239" s="360"/>
      <c r="H10239" s="360"/>
      <c r="I10239" s="360"/>
      <c r="J10239" s="365"/>
      <c r="K10239" s="365"/>
      <c r="L10239" s="365"/>
    </row>
    <row r="10240" spans="2:12">
      <c r="B10240" s="367"/>
      <c r="C10240" s="367"/>
      <c r="D10240" s="367"/>
      <c r="E10240" s="367"/>
      <c r="F10240" s="359" t="s">
        <v>14371</v>
      </c>
      <c r="G10240" s="359" t="s">
        <v>14372</v>
      </c>
      <c r="H10240" s="359" t="s">
        <v>14370</v>
      </c>
      <c r="I10240" s="359" t="s">
        <v>14373</v>
      </c>
      <c r="J10240" s="365"/>
      <c r="K10240" s="365"/>
      <c r="L10240" s="365"/>
    </row>
    <row r="10241" spans="2:12">
      <c r="B10241" s="367"/>
      <c r="C10241" s="367"/>
      <c r="D10241" s="367"/>
      <c r="E10241" s="367"/>
      <c r="F10241" s="360"/>
      <c r="G10241" s="360"/>
      <c r="H10241" s="360"/>
      <c r="I10241" s="360"/>
      <c r="J10241" s="365"/>
      <c r="K10241" s="365"/>
      <c r="L10241" s="365"/>
    </row>
    <row r="10242" spans="2:12" ht="28.5">
      <c r="B10242" s="368"/>
      <c r="C10242" s="368"/>
      <c r="D10242" s="368"/>
      <c r="E10242" s="368"/>
      <c r="F10242" s="361" t="s">
        <v>14374</v>
      </c>
      <c r="G10242" s="361" t="s">
        <v>14373</v>
      </c>
      <c r="H10242" s="361" t="s">
        <v>14332</v>
      </c>
      <c r="I10242" s="362"/>
      <c r="J10242" s="366"/>
      <c r="K10242" s="366"/>
      <c r="L10242" s="366"/>
    </row>
    <row r="10243" spans="2:12">
      <c r="B10243" s="354" t="s">
        <v>14874</v>
      </c>
      <c r="C10243" s="369"/>
      <c r="D10243" s="369"/>
      <c r="E10243" s="369"/>
      <c r="F10243" s="369"/>
      <c r="G10243" s="369"/>
      <c r="H10243" s="369"/>
      <c r="I10243" s="369"/>
      <c r="J10243" s="369"/>
      <c r="K10243" s="369"/>
      <c r="L10243" s="370"/>
    </row>
    <row r="10244" spans="2:12">
      <c r="B10244" s="354" t="s">
        <v>28528</v>
      </c>
      <c r="C10244" s="369"/>
      <c r="D10244" s="369"/>
      <c r="E10244" s="369"/>
      <c r="F10244" s="369"/>
      <c r="G10244" s="369"/>
      <c r="H10244" s="369"/>
      <c r="I10244" s="369"/>
      <c r="J10244" s="369"/>
      <c r="K10244" s="369"/>
      <c r="L10244" s="370"/>
    </row>
    <row r="10245" spans="2:12" ht="28.5">
      <c r="B10245" s="358" t="s">
        <v>19522</v>
      </c>
      <c r="C10245" s="358" t="s">
        <v>19523</v>
      </c>
      <c r="D10245" s="358" t="s">
        <v>19524</v>
      </c>
      <c r="E10245" s="358" t="s">
        <v>19525</v>
      </c>
      <c r="F10245" s="358" t="s">
        <v>14391</v>
      </c>
      <c r="G10245" s="358" t="s">
        <v>14392</v>
      </c>
      <c r="H10245" s="358" t="s">
        <v>14367</v>
      </c>
      <c r="I10245" s="358" t="s">
        <v>14392</v>
      </c>
      <c r="J10245" s="358"/>
      <c r="K10245" s="358"/>
      <c r="L10245" s="358"/>
    </row>
    <row r="10246" spans="2:12">
      <c r="B10246" s="367"/>
      <c r="C10246" s="367"/>
      <c r="D10246" s="367"/>
      <c r="E10246" s="367"/>
      <c r="F10246" s="360"/>
      <c r="G10246" s="360"/>
      <c r="H10246" s="360"/>
      <c r="I10246" s="360"/>
      <c r="J10246" s="365"/>
      <c r="K10246" s="365"/>
      <c r="L10246" s="365"/>
    </row>
    <row r="10247" spans="2:12" ht="28.5">
      <c r="B10247" s="368"/>
      <c r="C10247" s="368"/>
      <c r="D10247" s="368"/>
      <c r="E10247" s="368"/>
      <c r="F10247" s="361" t="s">
        <v>14472</v>
      </c>
      <c r="G10247" s="361" t="s">
        <v>14473</v>
      </c>
      <c r="H10247" s="361" t="s">
        <v>14422</v>
      </c>
      <c r="I10247" s="361" t="s">
        <v>14473</v>
      </c>
      <c r="J10247" s="366"/>
      <c r="K10247" s="366"/>
      <c r="L10247" s="366"/>
    </row>
    <row r="10248" spans="2:12" ht="28.5">
      <c r="B10248" s="358" t="s">
        <v>19526</v>
      </c>
      <c r="C10248" s="358" t="s">
        <v>30172</v>
      </c>
      <c r="D10248" s="358" t="s">
        <v>19527</v>
      </c>
      <c r="E10248" s="358"/>
      <c r="F10248" s="358" t="s">
        <v>14384</v>
      </c>
      <c r="G10248" s="358" t="s">
        <v>29137</v>
      </c>
      <c r="H10248" s="358" t="s">
        <v>14381</v>
      </c>
      <c r="I10248" s="358" t="s">
        <v>29137</v>
      </c>
      <c r="J10248" s="358"/>
      <c r="K10248" s="358"/>
      <c r="L10248" s="358"/>
    </row>
    <row r="10249" spans="2:12">
      <c r="B10249" s="367"/>
      <c r="C10249" s="367"/>
      <c r="D10249" s="367"/>
      <c r="E10249" s="365"/>
      <c r="F10249" s="360"/>
      <c r="G10249" s="360"/>
      <c r="H10249" s="360"/>
      <c r="I10249" s="360"/>
      <c r="J10249" s="365"/>
      <c r="K10249" s="365"/>
      <c r="L10249" s="365"/>
    </row>
    <row r="10250" spans="2:12">
      <c r="B10250" s="367"/>
      <c r="C10250" s="367"/>
      <c r="D10250" s="367"/>
      <c r="E10250" s="365"/>
      <c r="F10250" s="359" t="s">
        <v>14391</v>
      </c>
      <c r="G10250" s="359" t="s">
        <v>14473</v>
      </c>
      <c r="H10250" s="359" t="s">
        <v>14367</v>
      </c>
      <c r="I10250" s="359" t="s">
        <v>14473</v>
      </c>
      <c r="J10250" s="365"/>
      <c r="K10250" s="365"/>
      <c r="L10250" s="365"/>
    </row>
    <row r="10251" spans="2:12">
      <c r="B10251" s="367"/>
      <c r="C10251" s="367"/>
      <c r="D10251" s="367"/>
      <c r="E10251" s="365"/>
      <c r="F10251" s="360"/>
      <c r="G10251" s="360"/>
      <c r="H10251" s="360"/>
      <c r="I10251" s="360"/>
      <c r="J10251" s="365"/>
      <c r="K10251" s="365"/>
      <c r="L10251" s="365"/>
    </row>
    <row r="10252" spans="2:12" ht="28.5">
      <c r="B10252" s="368"/>
      <c r="C10252" s="368"/>
      <c r="D10252" s="368"/>
      <c r="E10252" s="366"/>
      <c r="F10252" s="361" t="s">
        <v>14472</v>
      </c>
      <c r="G10252" s="362"/>
      <c r="H10252" s="361" t="s">
        <v>14332</v>
      </c>
      <c r="I10252" s="362"/>
      <c r="J10252" s="366"/>
      <c r="K10252" s="366"/>
      <c r="L10252" s="366"/>
    </row>
    <row r="10253" spans="2:12">
      <c r="B10253" s="358" t="s">
        <v>19528</v>
      </c>
      <c r="C10253" s="358" t="s">
        <v>27612</v>
      </c>
      <c r="D10253" s="358" t="s">
        <v>19529</v>
      </c>
      <c r="E10253" s="358" t="s">
        <v>19530</v>
      </c>
      <c r="F10253" s="358" t="s">
        <v>14386</v>
      </c>
      <c r="G10253" s="358" t="s">
        <v>14387</v>
      </c>
      <c r="H10253" s="358" t="s">
        <v>14367</v>
      </c>
      <c r="I10253" s="358" t="s">
        <v>14387</v>
      </c>
      <c r="J10253" s="358"/>
      <c r="K10253" s="358"/>
      <c r="L10253" s="358"/>
    </row>
    <row r="10254" spans="2:12">
      <c r="B10254" s="367"/>
      <c r="C10254" s="367"/>
      <c r="D10254" s="367"/>
      <c r="E10254" s="367"/>
      <c r="F10254" s="360"/>
      <c r="G10254" s="360"/>
      <c r="H10254" s="360"/>
      <c r="I10254" s="360"/>
      <c r="J10254" s="365"/>
      <c r="K10254" s="365"/>
      <c r="L10254" s="365"/>
    </row>
    <row r="10255" spans="2:12">
      <c r="B10255" s="367"/>
      <c r="C10255" s="367"/>
      <c r="D10255" s="367"/>
      <c r="E10255" s="367"/>
      <c r="F10255" s="359" t="s">
        <v>14389</v>
      </c>
      <c r="G10255" s="359" t="s">
        <v>14390</v>
      </c>
      <c r="H10255" s="359" t="s">
        <v>14422</v>
      </c>
      <c r="I10255" s="359" t="s">
        <v>14390</v>
      </c>
      <c r="J10255" s="365"/>
      <c r="K10255" s="365"/>
      <c r="L10255" s="365"/>
    </row>
    <row r="10256" spans="2:12">
      <c r="B10256" s="367"/>
      <c r="C10256" s="367"/>
      <c r="D10256" s="367"/>
      <c r="E10256" s="367"/>
      <c r="F10256" s="360"/>
      <c r="G10256" s="360"/>
      <c r="H10256" s="360"/>
      <c r="I10256" s="360"/>
      <c r="J10256" s="365"/>
      <c r="K10256" s="365"/>
      <c r="L10256" s="365"/>
    </row>
    <row r="10257" spans="2:12">
      <c r="B10257" s="367"/>
      <c r="C10257" s="367"/>
      <c r="D10257" s="367"/>
      <c r="E10257" s="367"/>
      <c r="F10257" s="359" t="s">
        <v>14391</v>
      </c>
      <c r="G10257" s="359" t="s">
        <v>14392</v>
      </c>
      <c r="H10257" s="360"/>
      <c r="I10257" s="359" t="s">
        <v>14392</v>
      </c>
      <c r="J10257" s="365"/>
      <c r="K10257" s="365"/>
      <c r="L10257" s="365"/>
    </row>
    <row r="10258" spans="2:12">
      <c r="B10258" s="367"/>
      <c r="C10258" s="367"/>
      <c r="D10258" s="367"/>
      <c r="E10258" s="367"/>
      <c r="F10258" s="360"/>
      <c r="G10258" s="360"/>
      <c r="H10258" s="360"/>
      <c r="I10258" s="360"/>
      <c r="J10258" s="365"/>
      <c r="K10258" s="365"/>
      <c r="L10258" s="365"/>
    </row>
    <row r="10259" spans="2:12" ht="28.5">
      <c r="B10259" s="368"/>
      <c r="C10259" s="368"/>
      <c r="D10259" s="368"/>
      <c r="E10259" s="368"/>
      <c r="F10259" s="361" t="s">
        <v>14472</v>
      </c>
      <c r="G10259" s="361" t="s">
        <v>14473</v>
      </c>
      <c r="H10259" s="362"/>
      <c r="I10259" s="361" t="s">
        <v>14473</v>
      </c>
      <c r="J10259" s="366"/>
      <c r="K10259" s="366"/>
      <c r="L10259" s="366"/>
    </row>
    <row r="10260" spans="2:12" ht="28.5">
      <c r="B10260" s="358" t="s">
        <v>19531</v>
      </c>
      <c r="C10260" s="358" t="s">
        <v>19532</v>
      </c>
      <c r="D10260" s="358" t="s">
        <v>19533</v>
      </c>
      <c r="E10260" s="358" t="s">
        <v>19534</v>
      </c>
      <c r="F10260" s="358" t="s">
        <v>14371</v>
      </c>
      <c r="G10260" s="358" t="s">
        <v>14372</v>
      </c>
      <c r="H10260" s="358" t="s">
        <v>14370</v>
      </c>
      <c r="I10260" s="358" t="s">
        <v>14373</v>
      </c>
      <c r="J10260" s="358"/>
      <c r="K10260" s="358"/>
      <c r="L10260" s="358"/>
    </row>
    <row r="10261" spans="2:12">
      <c r="B10261" s="367"/>
      <c r="C10261" s="367"/>
      <c r="D10261" s="367"/>
      <c r="E10261" s="367"/>
      <c r="F10261" s="360"/>
      <c r="G10261" s="360"/>
      <c r="H10261" s="360"/>
      <c r="I10261" s="367"/>
      <c r="J10261" s="365"/>
      <c r="K10261" s="365"/>
      <c r="L10261" s="365"/>
    </row>
    <row r="10262" spans="2:12" ht="28.5">
      <c r="B10262" s="368"/>
      <c r="C10262" s="368"/>
      <c r="D10262" s="368"/>
      <c r="E10262" s="368"/>
      <c r="F10262" s="361" t="s">
        <v>14374</v>
      </c>
      <c r="G10262" s="361" t="s">
        <v>14373</v>
      </c>
      <c r="H10262" s="361" t="s">
        <v>14422</v>
      </c>
      <c r="I10262" s="368"/>
      <c r="J10262" s="366"/>
      <c r="K10262" s="366"/>
      <c r="L10262" s="366"/>
    </row>
    <row r="10263" spans="2:12">
      <c r="B10263" s="358" t="s">
        <v>19535</v>
      </c>
      <c r="C10263" s="358" t="s">
        <v>27613</v>
      </c>
      <c r="D10263" s="358" t="s">
        <v>19536</v>
      </c>
      <c r="E10263" s="358" t="s">
        <v>19537</v>
      </c>
      <c r="F10263" s="358" t="s">
        <v>14420</v>
      </c>
      <c r="G10263" s="358" t="s">
        <v>14429</v>
      </c>
      <c r="H10263" s="358" t="s">
        <v>14341</v>
      </c>
      <c r="I10263" s="358" t="s">
        <v>14429</v>
      </c>
      <c r="J10263" s="358"/>
      <c r="K10263" s="358"/>
      <c r="L10263" s="358"/>
    </row>
    <row r="10264" spans="2:12">
      <c r="B10264" s="367"/>
      <c r="C10264" s="367"/>
      <c r="D10264" s="367"/>
      <c r="E10264" s="367"/>
      <c r="F10264" s="360"/>
      <c r="G10264" s="360"/>
      <c r="H10264" s="360"/>
      <c r="I10264" s="360"/>
      <c r="J10264" s="365"/>
      <c r="K10264" s="365"/>
      <c r="L10264" s="365"/>
    </row>
    <row r="10265" spans="2:12">
      <c r="B10265" s="367"/>
      <c r="C10265" s="367"/>
      <c r="D10265" s="367"/>
      <c r="E10265" s="367"/>
      <c r="F10265" s="359" t="s">
        <v>14430</v>
      </c>
      <c r="G10265" s="359" t="s">
        <v>14431</v>
      </c>
      <c r="H10265" s="359" t="s">
        <v>14367</v>
      </c>
      <c r="I10265" s="359" t="s">
        <v>14431</v>
      </c>
      <c r="J10265" s="365"/>
      <c r="K10265" s="365"/>
      <c r="L10265" s="365"/>
    </row>
    <row r="10266" spans="2:12">
      <c r="B10266" s="367"/>
      <c r="C10266" s="367"/>
      <c r="D10266" s="367"/>
      <c r="E10266" s="367"/>
      <c r="F10266" s="360"/>
      <c r="G10266" s="360"/>
      <c r="H10266" s="360"/>
      <c r="I10266" s="360"/>
      <c r="J10266" s="365"/>
      <c r="K10266" s="365"/>
      <c r="L10266" s="365"/>
    </row>
    <row r="10267" spans="2:12">
      <c r="B10267" s="368"/>
      <c r="C10267" s="368"/>
      <c r="D10267" s="368"/>
      <c r="E10267" s="368"/>
      <c r="F10267" s="361" t="s">
        <v>14391</v>
      </c>
      <c r="G10267" s="361" t="s">
        <v>14392</v>
      </c>
      <c r="H10267" s="361" t="s">
        <v>14332</v>
      </c>
      <c r="I10267" s="361" t="s">
        <v>14392</v>
      </c>
      <c r="J10267" s="366"/>
      <c r="K10267" s="366"/>
      <c r="L10267" s="366"/>
    </row>
    <row r="10268" spans="2:12" ht="28.5">
      <c r="B10268" s="358" t="s">
        <v>19538</v>
      </c>
      <c r="C10268" s="358" t="s">
        <v>19539</v>
      </c>
      <c r="D10268" s="358" t="s">
        <v>19540</v>
      </c>
      <c r="E10268" s="358" t="s">
        <v>19541</v>
      </c>
      <c r="F10268" s="358" t="s">
        <v>14394</v>
      </c>
      <c r="G10268" s="358" t="s">
        <v>14395</v>
      </c>
      <c r="H10268" s="358" t="s">
        <v>14370</v>
      </c>
      <c r="I10268" s="358" t="s">
        <v>14395</v>
      </c>
      <c r="J10268" s="358"/>
      <c r="K10268" s="358"/>
      <c r="L10268" s="358"/>
    </row>
    <row r="10269" spans="2:12">
      <c r="B10269" s="368"/>
      <c r="C10269" s="368"/>
      <c r="D10269" s="368"/>
      <c r="E10269" s="368"/>
      <c r="F10269" s="368"/>
      <c r="G10269" s="368"/>
      <c r="H10269" s="368"/>
      <c r="I10269" s="368"/>
      <c r="J10269" s="366"/>
      <c r="K10269" s="366"/>
      <c r="L10269" s="366"/>
    </row>
    <row r="10270" spans="2:12" ht="28.5">
      <c r="B10270" s="358" t="s">
        <v>19542</v>
      </c>
      <c r="C10270" s="358" t="s">
        <v>27614</v>
      </c>
      <c r="D10270" s="358" t="s">
        <v>19543</v>
      </c>
      <c r="E10270" s="358" t="s">
        <v>19544</v>
      </c>
      <c r="F10270" s="358" t="s">
        <v>29049</v>
      </c>
      <c r="G10270" s="358" t="s">
        <v>14429</v>
      </c>
      <c r="H10270" s="358" t="s">
        <v>14367</v>
      </c>
      <c r="I10270" s="358" t="s">
        <v>14429</v>
      </c>
      <c r="J10270" s="358"/>
      <c r="K10270" s="358"/>
      <c r="L10270" s="358"/>
    </row>
    <row r="10271" spans="2:12">
      <c r="B10271" s="367"/>
      <c r="C10271" s="367"/>
      <c r="D10271" s="367"/>
      <c r="E10271" s="367"/>
      <c r="F10271" s="360"/>
      <c r="G10271" s="360"/>
      <c r="H10271" s="360"/>
      <c r="I10271" s="360"/>
      <c r="J10271" s="365"/>
      <c r="K10271" s="365"/>
      <c r="L10271" s="365"/>
    </row>
    <row r="10272" spans="2:12" ht="28.5">
      <c r="B10272" s="367"/>
      <c r="C10272" s="367"/>
      <c r="D10272" s="367"/>
      <c r="E10272" s="367"/>
      <c r="F10272" s="359" t="s">
        <v>14374</v>
      </c>
      <c r="G10272" s="359" t="s">
        <v>14372</v>
      </c>
      <c r="H10272" s="359" t="s">
        <v>14370</v>
      </c>
      <c r="I10272" s="359" t="s">
        <v>14373</v>
      </c>
      <c r="J10272" s="365"/>
      <c r="K10272" s="365"/>
      <c r="L10272" s="365"/>
    </row>
    <row r="10273" spans="2:12">
      <c r="B10273" s="367"/>
      <c r="C10273" s="367"/>
      <c r="D10273" s="367"/>
      <c r="E10273" s="367"/>
      <c r="F10273" s="360"/>
      <c r="G10273" s="360"/>
      <c r="H10273" s="360"/>
      <c r="I10273" s="360"/>
      <c r="J10273" s="365"/>
      <c r="K10273" s="365"/>
      <c r="L10273" s="365"/>
    </row>
    <row r="10274" spans="2:12">
      <c r="B10274" s="368"/>
      <c r="C10274" s="368"/>
      <c r="D10274" s="368"/>
      <c r="E10274" s="368"/>
      <c r="F10274" s="362"/>
      <c r="G10274" s="361" t="s">
        <v>14373</v>
      </c>
      <c r="H10274" s="361" t="s">
        <v>14422</v>
      </c>
      <c r="I10274" s="362"/>
      <c r="J10274" s="366"/>
      <c r="K10274" s="366"/>
      <c r="L10274" s="366"/>
    </row>
    <row r="10275" spans="2:12">
      <c r="B10275" s="358" t="s">
        <v>19545</v>
      </c>
      <c r="C10275" s="358" t="s">
        <v>19546</v>
      </c>
      <c r="D10275" s="358" t="s">
        <v>19547</v>
      </c>
      <c r="E10275" s="358" t="s">
        <v>19548</v>
      </c>
      <c r="F10275" s="358" t="s">
        <v>14389</v>
      </c>
      <c r="G10275" s="358" t="s">
        <v>14390</v>
      </c>
      <c r="H10275" s="358" t="s">
        <v>14367</v>
      </c>
      <c r="I10275" s="358" t="s">
        <v>14390</v>
      </c>
      <c r="J10275" s="358"/>
      <c r="K10275" s="358"/>
      <c r="L10275" s="358"/>
    </row>
    <row r="10276" spans="2:12">
      <c r="B10276" s="367"/>
      <c r="C10276" s="367"/>
      <c r="D10276" s="367"/>
      <c r="E10276" s="367"/>
      <c r="F10276" s="360"/>
      <c r="G10276" s="360"/>
      <c r="H10276" s="360"/>
      <c r="I10276" s="360"/>
      <c r="J10276" s="365"/>
      <c r="K10276" s="365"/>
      <c r="L10276" s="365"/>
    </row>
    <row r="10277" spans="2:12" ht="28.5">
      <c r="B10277" s="367"/>
      <c r="C10277" s="367"/>
      <c r="D10277" s="367"/>
      <c r="E10277" s="367"/>
      <c r="F10277" s="359" t="s">
        <v>14394</v>
      </c>
      <c r="G10277" s="359" t="s">
        <v>14395</v>
      </c>
      <c r="H10277" s="359" t="s">
        <v>14370</v>
      </c>
      <c r="I10277" s="359" t="s">
        <v>14395</v>
      </c>
      <c r="J10277" s="365"/>
      <c r="K10277" s="365"/>
      <c r="L10277" s="365"/>
    </row>
    <row r="10278" spans="2:12">
      <c r="B10278" s="367"/>
      <c r="C10278" s="367"/>
      <c r="D10278" s="367"/>
      <c r="E10278" s="367"/>
      <c r="F10278" s="360"/>
      <c r="G10278" s="360"/>
      <c r="H10278" s="360"/>
      <c r="I10278" s="360"/>
      <c r="J10278" s="365"/>
      <c r="K10278" s="365"/>
      <c r="L10278" s="365"/>
    </row>
    <row r="10279" spans="2:12">
      <c r="B10279" s="368"/>
      <c r="C10279" s="368"/>
      <c r="D10279" s="368"/>
      <c r="E10279" s="368"/>
      <c r="F10279" s="362"/>
      <c r="G10279" s="362"/>
      <c r="H10279" s="361" t="s">
        <v>14422</v>
      </c>
      <c r="I10279" s="362"/>
      <c r="J10279" s="366"/>
      <c r="K10279" s="366"/>
      <c r="L10279" s="366"/>
    </row>
    <row r="10280" spans="2:12" ht="42.75">
      <c r="B10280" s="358" t="s">
        <v>19549</v>
      </c>
      <c r="C10280" s="358" t="s">
        <v>29138</v>
      </c>
      <c r="D10280" s="358" t="s">
        <v>19550</v>
      </c>
      <c r="E10280" s="358" t="s">
        <v>19551</v>
      </c>
      <c r="F10280" s="358" t="s">
        <v>14462</v>
      </c>
      <c r="G10280" s="358" t="s">
        <v>14463</v>
      </c>
      <c r="H10280" s="358" t="s">
        <v>8356</v>
      </c>
      <c r="I10280" s="358" t="s">
        <v>14463</v>
      </c>
      <c r="J10280" s="358"/>
      <c r="K10280" s="358"/>
      <c r="L10280" s="358"/>
    </row>
    <row r="10281" spans="2:12">
      <c r="B10281" s="368"/>
      <c r="C10281" s="368"/>
      <c r="D10281" s="368"/>
      <c r="E10281" s="368"/>
      <c r="F10281" s="368"/>
      <c r="G10281" s="368"/>
      <c r="H10281" s="368"/>
      <c r="I10281" s="368"/>
      <c r="J10281" s="366"/>
      <c r="K10281" s="366"/>
      <c r="L10281" s="366"/>
    </row>
    <row r="10282" spans="2:12" ht="28.5">
      <c r="B10282" s="358" t="s">
        <v>19552</v>
      </c>
      <c r="C10282" s="358" t="s">
        <v>19553</v>
      </c>
      <c r="D10282" s="358" t="s">
        <v>19554</v>
      </c>
      <c r="E10282" s="358" t="s">
        <v>19555</v>
      </c>
      <c r="F10282" s="358" t="s">
        <v>14420</v>
      </c>
      <c r="G10282" s="358" t="s">
        <v>14429</v>
      </c>
      <c r="H10282" s="358" t="s">
        <v>14341</v>
      </c>
      <c r="I10282" s="358" t="s">
        <v>14429</v>
      </c>
      <c r="J10282" s="358"/>
      <c r="K10282" s="358"/>
      <c r="L10282" s="358"/>
    </row>
    <row r="10283" spans="2:12">
      <c r="B10283" s="367"/>
      <c r="C10283" s="367"/>
      <c r="D10283" s="367"/>
      <c r="E10283" s="367"/>
      <c r="F10283" s="360"/>
      <c r="G10283" s="360"/>
      <c r="H10283" s="360"/>
      <c r="I10283" s="360"/>
      <c r="J10283" s="365"/>
      <c r="K10283" s="365"/>
      <c r="L10283" s="365"/>
    </row>
    <row r="10284" spans="2:12">
      <c r="B10284" s="367"/>
      <c r="C10284" s="367"/>
      <c r="D10284" s="367"/>
      <c r="E10284" s="367"/>
      <c r="F10284" s="359" t="s">
        <v>14430</v>
      </c>
      <c r="G10284" s="359" t="s">
        <v>14431</v>
      </c>
      <c r="H10284" s="359" t="s">
        <v>14367</v>
      </c>
      <c r="I10284" s="359" t="s">
        <v>14431</v>
      </c>
      <c r="J10284" s="365"/>
      <c r="K10284" s="365"/>
      <c r="L10284" s="365"/>
    </row>
    <row r="10285" spans="2:12">
      <c r="B10285" s="367"/>
      <c r="C10285" s="367"/>
      <c r="D10285" s="367"/>
      <c r="E10285" s="367"/>
      <c r="F10285" s="360"/>
      <c r="G10285" s="360"/>
      <c r="H10285" s="360"/>
      <c r="I10285" s="360"/>
      <c r="J10285" s="365"/>
      <c r="K10285" s="365"/>
      <c r="L10285" s="365"/>
    </row>
    <row r="10286" spans="2:12" ht="28.5">
      <c r="B10286" s="368"/>
      <c r="C10286" s="368"/>
      <c r="D10286" s="368"/>
      <c r="E10286" s="368"/>
      <c r="F10286" s="361" t="s">
        <v>14472</v>
      </c>
      <c r="G10286" s="361" t="s">
        <v>14473</v>
      </c>
      <c r="H10286" s="361" t="s">
        <v>14332</v>
      </c>
      <c r="I10286" s="361" t="s">
        <v>14473</v>
      </c>
      <c r="J10286" s="366"/>
      <c r="K10286" s="366"/>
      <c r="L10286" s="366"/>
    </row>
    <row r="10287" spans="2:12">
      <c r="B10287" s="358" t="s">
        <v>19556</v>
      </c>
      <c r="C10287" s="358" t="s">
        <v>19557</v>
      </c>
      <c r="D10287" s="358" t="s">
        <v>19558</v>
      </c>
      <c r="E10287" s="358" t="s">
        <v>19559</v>
      </c>
      <c r="F10287" s="358" t="s">
        <v>14371</v>
      </c>
      <c r="G10287" s="358" t="s">
        <v>14372</v>
      </c>
      <c r="H10287" s="358" t="s">
        <v>14370</v>
      </c>
      <c r="I10287" s="358" t="s">
        <v>14373</v>
      </c>
      <c r="J10287" s="358"/>
      <c r="K10287" s="358"/>
      <c r="L10287" s="358"/>
    </row>
    <row r="10288" spans="2:12">
      <c r="B10288" s="367"/>
      <c r="C10288" s="367"/>
      <c r="D10288" s="367"/>
      <c r="E10288" s="367"/>
      <c r="F10288" s="360"/>
      <c r="G10288" s="360"/>
      <c r="H10288" s="360"/>
      <c r="I10288" s="367"/>
      <c r="J10288" s="365"/>
      <c r="K10288" s="365"/>
      <c r="L10288" s="365"/>
    </row>
    <row r="10289" spans="2:12" ht="28.5">
      <c r="B10289" s="368"/>
      <c r="C10289" s="368"/>
      <c r="D10289" s="368"/>
      <c r="E10289" s="368"/>
      <c r="F10289" s="361" t="s">
        <v>14374</v>
      </c>
      <c r="G10289" s="361" t="s">
        <v>14373</v>
      </c>
      <c r="H10289" s="361" t="s">
        <v>14422</v>
      </c>
      <c r="I10289" s="368"/>
      <c r="J10289" s="366"/>
      <c r="K10289" s="366"/>
      <c r="L10289" s="366"/>
    </row>
    <row r="10290" spans="2:12" ht="57">
      <c r="B10290" s="358" t="s">
        <v>19560</v>
      </c>
      <c r="C10290" s="358" t="s">
        <v>30173</v>
      </c>
      <c r="D10290" s="358" t="s">
        <v>19561</v>
      </c>
      <c r="E10290" s="358"/>
      <c r="F10290" s="358" t="s">
        <v>14371</v>
      </c>
      <c r="G10290" s="358" t="s">
        <v>14372</v>
      </c>
      <c r="H10290" s="358" t="s">
        <v>14370</v>
      </c>
      <c r="I10290" s="358" t="s">
        <v>14373</v>
      </c>
      <c r="J10290" s="358"/>
      <c r="K10290" s="358"/>
      <c r="L10290" s="358"/>
    </row>
    <row r="10291" spans="2:12">
      <c r="B10291" s="367"/>
      <c r="C10291" s="367"/>
      <c r="D10291" s="367"/>
      <c r="E10291" s="365"/>
      <c r="F10291" s="360"/>
      <c r="G10291" s="360"/>
      <c r="H10291" s="360"/>
      <c r="I10291" s="367"/>
      <c r="J10291" s="365"/>
      <c r="K10291" s="365"/>
      <c r="L10291" s="365"/>
    </row>
    <row r="10292" spans="2:12" ht="28.5">
      <c r="B10292" s="368"/>
      <c r="C10292" s="368"/>
      <c r="D10292" s="368"/>
      <c r="E10292" s="366"/>
      <c r="F10292" s="361" t="s">
        <v>14374</v>
      </c>
      <c r="G10292" s="361" t="s">
        <v>14373</v>
      </c>
      <c r="H10292" s="361" t="s">
        <v>14422</v>
      </c>
      <c r="I10292" s="368"/>
      <c r="J10292" s="366"/>
      <c r="K10292" s="366"/>
      <c r="L10292" s="366"/>
    </row>
    <row r="10293" spans="2:12" ht="28.5">
      <c r="B10293" s="358" t="s">
        <v>19562</v>
      </c>
      <c r="C10293" s="358" t="s">
        <v>27615</v>
      </c>
      <c r="D10293" s="358" t="s">
        <v>19563</v>
      </c>
      <c r="E10293" s="358" t="s">
        <v>19564</v>
      </c>
      <c r="F10293" s="358" t="s">
        <v>14420</v>
      </c>
      <c r="G10293" s="358" t="s">
        <v>14429</v>
      </c>
      <c r="H10293" s="358" t="s">
        <v>14367</v>
      </c>
      <c r="I10293" s="358" t="s">
        <v>14429</v>
      </c>
      <c r="J10293" s="358"/>
      <c r="K10293" s="358"/>
      <c r="L10293" s="358"/>
    </row>
    <row r="10294" spans="2:12">
      <c r="B10294" s="367"/>
      <c r="C10294" s="367"/>
      <c r="D10294" s="367"/>
      <c r="E10294" s="367"/>
      <c r="F10294" s="360"/>
      <c r="G10294" s="360"/>
      <c r="H10294" s="360"/>
      <c r="I10294" s="360"/>
      <c r="J10294" s="365"/>
      <c r="K10294" s="365"/>
      <c r="L10294" s="365"/>
    </row>
    <row r="10295" spans="2:12" ht="28.5">
      <c r="B10295" s="368"/>
      <c r="C10295" s="368"/>
      <c r="D10295" s="368"/>
      <c r="E10295" s="368"/>
      <c r="F10295" s="361" t="s">
        <v>14472</v>
      </c>
      <c r="G10295" s="361" t="s">
        <v>14473</v>
      </c>
      <c r="H10295" s="361" t="s">
        <v>14422</v>
      </c>
      <c r="I10295" s="361" t="s">
        <v>14473</v>
      </c>
      <c r="J10295" s="366"/>
      <c r="K10295" s="366"/>
      <c r="L10295" s="366"/>
    </row>
    <row r="10296" spans="2:12" ht="42.75">
      <c r="B10296" s="358" t="s">
        <v>19565</v>
      </c>
      <c r="C10296" s="358" t="s">
        <v>27616</v>
      </c>
      <c r="D10296" s="358" t="s">
        <v>19566</v>
      </c>
      <c r="E10296" s="358" t="s">
        <v>8356</v>
      </c>
      <c r="F10296" s="358" t="s">
        <v>14462</v>
      </c>
      <c r="G10296" s="358" t="s">
        <v>14463</v>
      </c>
      <c r="H10296" s="358" t="s">
        <v>8356</v>
      </c>
      <c r="I10296" s="358" t="s">
        <v>14463</v>
      </c>
      <c r="J10296" s="358"/>
      <c r="K10296" s="358"/>
      <c r="L10296" s="358"/>
    </row>
    <row r="10297" spans="2:12">
      <c r="B10297" s="368"/>
      <c r="C10297" s="368"/>
      <c r="D10297" s="368"/>
      <c r="E10297" s="368"/>
      <c r="F10297" s="368"/>
      <c r="G10297" s="368"/>
      <c r="H10297" s="368"/>
      <c r="I10297" s="368"/>
      <c r="J10297" s="366"/>
      <c r="K10297" s="366"/>
      <c r="L10297" s="366"/>
    </row>
    <row r="10298" spans="2:12">
      <c r="B10298" s="358" t="s">
        <v>19567</v>
      </c>
      <c r="C10298" s="358" t="s">
        <v>30174</v>
      </c>
      <c r="D10298" s="358" t="s">
        <v>19568</v>
      </c>
      <c r="E10298" s="358" t="s">
        <v>19569</v>
      </c>
      <c r="F10298" s="358" t="s">
        <v>14420</v>
      </c>
      <c r="G10298" s="358" t="s">
        <v>14429</v>
      </c>
      <c r="H10298" s="358" t="s">
        <v>14367</v>
      </c>
      <c r="I10298" s="358" t="s">
        <v>14429</v>
      </c>
      <c r="J10298" s="358"/>
      <c r="K10298" s="358"/>
      <c r="L10298" s="358"/>
    </row>
    <row r="10299" spans="2:12">
      <c r="B10299" s="367"/>
      <c r="C10299" s="367"/>
      <c r="D10299" s="367"/>
      <c r="E10299" s="367"/>
      <c r="F10299" s="360"/>
      <c r="G10299" s="360"/>
      <c r="H10299" s="360"/>
      <c r="I10299" s="360"/>
      <c r="J10299" s="365"/>
      <c r="K10299" s="365"/>
      <c r="L10299" s="365"/>
    </row>
    <row r="10300" spans="2:12">
      <c r="B10300" s="368"/>
      <c r="C10300" s="368"/>
      <c r="D10300" s="368"/>
      <c r="E10300" s="368"/>
      <c r="F10300" s="361" t="s">
        <v>14391</v>
      </c>
      <c r="G10300" s="361" t="s">
        <v>14392</v>
      </c>
      <c r="H10300" s="361" t="s">
        <v>14422</v>
      </c>
      <c r="I10300" s="361" t="s">
        <v>14392</v>
      </c>
      <c r="J10300" s="366"/>
      <c r="K10300" s="366"/>
      <c r="L10300" s="366"/>
    </row>
    <row r="10301" spans="2:12" ht="57">
      <c r="B10301" s="358" t="s">
        <v>19570</v>
      </c>
      <c r="C10301" s="358" t="s">
        <v>27617</v>
      </c>
      <c r="D10301" s="358" t="s">
        <v>19571</v>
      </c>
      <c r="E10301" s="358" t="s">
        <v>19572</v>
      </c>
      <c r="F10301" s="358" t="s">
        <v>14391</v>
      </c>
      <c r="G10301" s="358" t="s">
        <v>14392</v>
      </c>
      <c r="H10301" s="358" t="s">
        <v>14367</v>
      </c>
      <c r="I10301" s="358" t="s">
        <v>14392</v>
      </c>
      <c r="J10301" s="358"/>
      <c r="K10301" s="358"/>
      <c r="L10301" s="358"/>
    </row>
    <row r="10302" spans="2:12">
      <c r="B10302" s="367"/>
      <c r="C10302" s="367"/>
      <c r="D10302" s="367"/>
      <c r="E10302" s="367"/>
      <c r="F10302" s="360"/>
      <c r="G10302" s="360"/>
      <c r="H10302" s="360"/>
      <c r="I10302" s="360"/>
      <c r="J10302" s="365"/>
      <c r="K10302" s="365"/>
      <c r="L10302" s="365"/>
    </row>
    <row r="10303" spans="2:12" ht="28.5">
      <c r="B10303" s="367"/>
      <c r="C10303" s="367"/>
      <c r="D10303" s="367"/>
      <c r="E10303" s="367"/>
      <c r="F10303" s="359" t="s">
        <v>14394</v>
      </c>
      <c r="G10303" s="359" t="s">
        <v>14395</v>
      </c>
      <c r="H10303" s="359" t="s">
        <v>14370</v>
      </c>
      <c r="I10303" s="359" t="s">
        <v>14395</v>
      </c>
      <c r="J10303" s="365"/>
      <c r="K10303" s="365"/>
      <c r="L10303" s="365"/>
    </row>
    <row r="10304" spans="2:12">
      <c r="B10304" s="367"/>
      <c r="C10304" s="367"/>
      <c r="D10304" s="367"/>
      <c r="E10304" s="367"/>
      <c r="F10304" s="360"/>
      <c r="G10304" s="360"/>
      <c r="H10304" s="360"/>
      <c r="I10304" s="360"/>
      <c r="J10304" s="365"/>
      <c r="K10304" s="365"/>
      <c r="L10304" s="365"/>
    </row>
    <row r="10305" spans="2:12">
      <c r="B10305" s="368"/>
      <c r="C10305" s="368"/>
      <c r="D10305" s="368"/>
      <c r="E10305" s="368"/>
      <c r="F10305" s="362"/>
      <c r="G10305" s="362"/>
      <c r="H10305" s="361" t="s">
        <v>14422</v>
      </c>
      <c r="I10305" s="362"/>
      <c r="J10305" s="366"/>
      <c r="K10305" s="366"/>
      <c r="L10305" s="366"/>
    </row>
    <row r="10306" spans="2:12" ht="28.5">
      <c r="B10306" s="358" t="s">
        <v>19573</v>
      </c>
      <c r="C10306" s="358" t="s">
        <v>19574</v>
      </c>
      <c r="D10306" s="358" t="s">
        <v>19575</v>
      </c>
      <c r="E10306" s="358" t="s">
        <v>19576</v>
      </c>
      <c r="F10306" s="358" t="s">
        <v>14462</v>
      </c>
      <c r="G10306" s="358" t="s">
        <v>14463</v>
      </c>
      <c r="H10306" s="358" t="s">
        <v>8356</v>
      </c>
      <c r="I10306" s="358" t="s">
        <v>14463</v>
      </c>
      <c r="J10306" s="358"/>
      <c r="K10306" s="358"/>
      <c r="L10306" s="358"/>
    </row>
    <row r="10307" spans="2:12">
      <c r="B10307" s="368"/>
      <c r="C10307" s="368"/>
      <c r="D10307" s="368"/>
      <c r="E10307" s="368"/>
      <c r="F10307" s="368"/>
      <c r="G10307" s="368"/>
      <c r="H10307" s="368"/>
      <c r="I10307" s="368"/>
      <c r="J10307" s="366"/>
      <c r="K10307" s="366"/>
      <c r="L10307" s="366"/>
    </row>
    <row r="10308" spans="2:12" ht="28.5">
      <c r="B10308" s="358" t="s">
        <v>19577</v>
      </c>
      <c r="C10308" s="358" t="s">
        <v>19578</v>
      </c>
      <c r="D10308" s="358" t="s">
        <v>19579</v>
      </c>
      <c r="E10308" s="358" t="s">
        <v>19580</v>
      </c>
      <c r="F10308" s="358" t="s">
        <v>14462</v>
      </c>
      <c r="G10308" s="358" t="s">
        <v>14463</v>
      </c>
      <c r="H10308" s="358" t="s">
        <v>8356</v>
      </c>
      <c r="I10308" s="358" t="s">
        <v>14463</v>
      </c>
      <c r="J10308" s="358"/>
      <c r="K10308" s="358"/>
      <c r="L10308" s="358"/>
    </row>
    <row r="10309" spans="2:12">
      <c r="B10309" s="368"/>
      <c r="C10309" s="368"/>
      <c r="D10309" s="368"/>
      <c r="E10309" s="368"/>
      <c r="F10309" s="368"/>
      <c r="G10309" s="368"/>
      <c r="H10309" s="368"/>
      <c r="I10309" s="368"/>
      <c r="J10309" s="366"/>
      <c r="K10309" s="366"/>
      <c r="L10309" s="366"/>
    </row>
    <row r="10310" spans="2:12" ht="28.5">
      <c r="B10310" s="358" t="s">
        <v>19581</v>
      </c>
      <c r="C10310" s="358" t="s">
        <v>19582</v>
      </c>
      <c r="D10310" s="358" t="s">
        <v>19583</v>
      </c>
      <c r="E10310" s="358" t="s">
        <v>19584</v>
      </c>
      <c r="F10310" s="358" t="s">
        <v>14394</v>
      </c>
      <c r="G10310" s="358" t="s">
        <v>14395</v>
      </c>
      <c r="H10310" s="358" t="s">
        <v>14370</v>
      </c>
      <c r="I10310" s="358" t="s">
        <v>14395</v>
      </c>
      <c r="J10310" s="358"/>
      <c r="K10310" s="358"/>
      <c r="L10310" s="358"/>
    </row>
    <row r="10311" spans="2:12">
      <c r="B10311" s="368"/>
      <c r="C10311" s="368"/>
      <c r="D10311" s="368"/>
      <c r="E10311" s="368"/>
      <c r="F10311" s="368"/>
      <c r="G10311" s="368"/>
      <c r="H10311" s="368"/>
      <c r="I10311" s="368"/>
      <c r="J10311" s="366"/>
      <c r="K10311" s="366"/>
      <c r="L10311" s="366"/>
    </row>
    <row r="10312" spans="2:12" ht="28.5">
      <c r="B10312" s="358" t="s">
        <v>13086</v>
      </c>
      <c r="C10312" s="358" t="s">
        <v>19585</v>
      </c>
      <c r="D10312" s="358" t="s">
        <v>13087</v>
      </c>
      <c r="E10312" s="358" t="s">
        <v>13088</v>
      </c>
      <c r="F10312" s="358" t="s">
        <v>14424</v>
      </c>
      <c r="G10312" s="358" t="s">
        <v>28635</v>
      </c>
      <c r="H10312" s="358" t="s">
        <v>14381</v>
      </c>
      <c r="I10312" s="358" t="s">
        <v>28635</v>
      </c>
      <c r="J10312" s="358"/>
      <c r="K10312" s="358"/>
      <c r="L10312" s="358"/>
    </row>
    <row r="10313" spans="2:12">
      <c r="B10313" s="367"/>
      <c r="C10313" s="367"/>
      <c r="D10313" s="367"/>
      <c r="E10313" s="367"/>
      <c r="F10313" s="360"/>
      <c r="G10313" s="360"/>
      <c r="H10313" s="360"/>
      <c r="I10313" s="360"/>
      <c r="J10313" s="365"/>
      <c r="K10313" s="365"/>
      <c r="L10313" s="365"/>
    </row>
    <row r="10314" spans="2:12">
      <c r="B10314" s="367"/>
      <c r="C10314" s="367"/>
      <c r="D10314" s="367"/>
      <c r="E10314" s="367"/>
      <c r="F10314" s="359" t="s">
        <v>14420</v>
      </c>
      <c r="G10314" s="359" t="s">
        <v>14392</v>
      </c>
      <c r="H10314" s="359" t="s">
        <v>14367</v>
      </c>
      <c r="I10314" s="359" t="s">
        <v>14392</v>
      </c>
      <c r="J10314" s="365"/>
      <c r="K10314" s="365"/>
      <c r="L10314" s="365"/>
    </row>
    <row r="10315" spans="2:12">
      <c r="B10315" s="367"/>
      <c r="C10315" s="367"/>
      <c r="D10315" s="367"/>
      <c r="E10315" s="367"/>
      <c r="F10315" s="360"/>
      <c r="G10315" s="360"/>
      <c r="H10315" s="360"/>
      <c r="I10315" s="360"/>
      <c r="J10315" s="365"/>
      <c r="K10315" s="365"/>
      <c r="L10315" s="365"/>
    </row>
    <row r="10316" spans="2:12">
      <c r="B10316" s="367"/>
      <c r="C10316" s="367"/>
      <c r="D10316" s="367"/>
      <c r="E10316" s="367"/>
      <c r="F10316" s="359" t="s">
        <v>14391</v>
      </c>
      <c r="G10316" s="359" t="s">
        <v>14473</v>
      </c>
      <c r="H10316" s="359" t="s">
        <v>14332</v>
      </c>
      <c r="I10316" s="359" t="s">
        <v>14473</v>
      </c>
      <c r="J10316" s="365"/>
      <c r="K10316" s="365"/>
      <c r="L10316" s="365"/>
    </row>
    <row r="10317" spans="2:12">
      <c r="B10317" s="367"/>
      <c r="C10317" s="367"/>
      <c r="D10317" s="367"/>
      <c r="E10317" s="367"/>
      <c r="F10317" s="360"/>
      <c r="G10317" s="360"/>
      <c r="H10317" s="360"/>
      <c r="I10317" s="360"/>
      <c r="J10317" s="365"/>
      <c r="K10317" s="365"/>
      <c r="L10317" s="365"/>
    </row>
    <row r="10318" spans="2:12" ht="28.5">
      <c r="B10318" s="368"/>
      <c r="C10318" s="368"/>
      <c r="D10318" s="368"/>
      <c r="E10318" s="368"/>
      <c r="F10318" s="361" t="s">
        <v>14472</v>
      </c>
      <c r="G10318" s="362"/>
      <c r="H10318" s="362"/>
      <c r="I10318" s="362"/>
      <c r="J10318" s="366"/>
      <c r="K10318" s="366"/>
      <c r="L10318" s="366"/>
    </row>
    <row r="10319" spans="2:12" ht="128.25">
      <c r="B10319" s="358" t="s">
        <v>19586</v>
      </c>
      <c r="C10319" s="358" t="s">
        <v>29139</v>
      </c>
      <c r="D10319" s="358" t="s">
        <v>19587</v>
      </c>
      <c r="E10319" s="358" t="s">
        <v>19588</v>
      </c>
      <c r="F10319" s="358" t="s">
        <v>14371</v>
      </c>
      <c r="G10319" s="358" t="s">
        <v>14372</v>
      </c>
      <c r="H10319" s="358" t="s">
        <v>14370</v>
      </c>
      <c r="I10319" s="358" t="s">
        <v>14373</v>
      </c>
      <c r="J10319" s="358"/>
      <c r="K10319" s="358"/>
      <c r="L10319" s="358"/>
    </row>
    <row r="10320" spans="2:12">
      <c r="B10320" s="367"/>
      <c r="C10320" s="367"/>
      <c r="D10320" s="367"/>
      <c r="E10320" s="367"/>
      <c r="F10320" s="360"/>
      <c r="G10320" s="360"/>
      <c r="H10320" s="360"/>
      <c r="I10320" s="367"/>
      <c r="J10320" s="365"/>
      <c r="K10320" s="365"/>
      <c r="L10320" s="365"/>
    </row>
    <row r="10321" spans="2:12" ht="28.5">
      <c r="B10321" s="368"/>
      <c r="C10321" s="368"/>
      <c r="D10321" s="368"/>
      <c r="E10321" s="368"/>
      <c r="F10321" s="361" t="s">
        <v>14374</v>
      </c>
      <c r="G10321" s="361" t="s">
        <v>14373</v>
      </c>
      <c r="H10321" s="361" t="s">
        <v>14422</v>
      </c>
      <c r="I10321" s="368"/>
      <c r="J10321" s="366"/>
      <c r="K10321" s="366"/>
      <c r="L10321" s="366"/>
    </row>
    <row r="10322" spans="2:12" ht="28.5">
      <c r="B10322" s="358" t="s">
        <v>19589</v>
      </c>
      <c r="C10322" s="358" t="s">
        <v>19590</v>
      </c>
      <c r="D10322" s="358" t="s">
        <v>19591</v>
      </c>
      <c r="E10322" s="358" t="s">
        <v>19592</v>
      </c>
      <c r="F10322" s="358" t="s">
        <v>14394</v>
      </c>
      <c r="G10322" s="358" t="s">
        <v>14395</v>
      </c>
      <c r="H10322" s="358" t="s">
        <v>14370</v>
      </c>
      <c r="I10322" s="358" t="s">
        <v>14395</v>
      </c>
      <c r="J10322" s="358"/>
      <c r="K10322" s="358"/>
      <c r="L10322" s="358"/>
    </row>
    <row r="10323" spans="2:12">
      <c r="B10323" s="368"/>
      <c r="C10323" s="368"/>
      <c r="D10323" s="368"/>
      <c r="E10323" s="368"/>
      <c r="F10323" s="368"/>
      <c r="G10323" s="368"/>
      <c r="H10323" s="368"/>
      <c r="I10323" s="368"/>
      <c r="J10323" s="366"/>
      <c r="K10323" s="366"/>
      <c r="L10323" s="366"/>
    </row>
    <row r="10324" spans="2:12">
      <c r="B10324" s="358" t="s">
        <v>19593</v>
      </c>
      <c r="C10324" s="358" t="s">
        <v>27618</v>
      </c>
      <c r="D10324" s="358" t="s">
        <v>19594</v>
      </c>
      <c r="E10324" s="358" t="s">
        <v>8356</v>
      </c>
      <c r="F10324" s="358" t="s">
        <v>14391</v>
      </c>
      <c r="G10324" s="358" t="s">
        <v>14392</v>
      </c>
      <c r="H10324" s="358" t="s">
        <v>14367</v>
      </c>
      <c r="I10324" s="358" t="s">
        <v>14392</v>
      </c>
      <c r="J10324" s="358"/>
      <c r="K10324" s="358"/>
      <c r="L10324" s="358"/>
    </row>
    <row r="10325" spans="2:12">
      <c r="B10325" s="367"/>
      <c r="C10325" s="367"/>
      <c r="D10325" s="367"/>
      <c r="E10325" s="367"/>
      <c r="F10325" s="367"/>
      <c r="G10325" s="367"/>
      <c r="H10325" s="360"/>
      <c r="I10325" s="367"/>
      <c r="J10325" s="365"/>
      <c r="K10325" s="365"/>
      <c r="L10325" s="365"/>
    </row>
    <row r="10326" spans="2:12">
      <c r="B10326" s="368"/>
      <c r="C10326" s="368"/>
      <c r="D10326" s="368"/>
      <c r="E10326" s="368"/>
      <c r="F10326" s="368"/>
      <c r="G10326" s="368"/>
      <c r="H10326" s="361" t="s">
        <v>14422</v>
      </c>
      <c r="I10326" s="368"/>
      <c r="J10326" s="366"/>
      <c r="K10326" s="366"/>
      <c r="L10326" s="366"/>
    </row>
    <row r="10327" spans="2:12">
      <c r="B10327" s="358" t="s">
        <v>19595</v>
      </c>
      <c r="C10327" s="358" t="s">
        <v>27619</v>
      </c>
      <c r="D10327" s="358" t="s">
        <v>19596</v>
      </c>
      <c r="E10327" s="358" t="s">
        <v>19597</v>
      </c>
      <c r="F10327" s="358" t="s">
        <v>14391</v>
      </c>
      <c r="G10327" s="358" t="s">
        <v>14392</v>
      </c>
      <c r="H10327" s="358" t="s">
        <v>14367</v>
      </c>
      <c r="I10327" s="358" t="s">
        <v>14392</v>
      </c>
      <c r="J10327" s="358"/>
      <c r="K10327" s="358"/>
      <c r="L10327" s="358"/>
    </row>
    <row r="10328" spans="2:12">
      <c r="B10328" s="367"/>
      <c r="C10328" s="367"/>
      <c r="D10328" s="367"/>
      <c r="E10328" s="367"/>
      <c r="F10328" s="360"/>
      <c r="G10328" s="360"/>
      <c r="H10328" s="360"/>
      <c r="I10328" s="360"/>
      <c r="J10328" s="365"/>
      <c r="K10328" s="365"/>
      <c r="L10328" s="365"/>
    </row>
    <row r="10329" spans="2:12" ht="28.5">
      <c r="B10329" s="368"/>
      <c r="C10329" s="368"/>
      <c r="D10329" s="368"/>
      <c r="E10329" s="368"/>
      <c r="F10329" s="361" t="s">
        <v>14462</v>
      </c>
      <c r="G10329" s="361" t="s">
        <v>14463</v>
      </c>
      <c r="H10329" s="361" t="s">
        <v>14422</v>
      </c>
      <c r="I10329" s="361" t="s">
        <v>14463</v>
      </c>
      <c r="J10329" s="366"/>
      <c r="K10329" s="366"/>
      <c r="L10329" s="366"/>
    </row>
    <row r="10330" spans="2:12">
      <c r="B10330" s="358" t="s">
        <v>19598</v>
      </c>
      <c r="C10330" s="358" t="s">
        <v>19599</v>
      </c>
      <c r="D10330" s="358" t="s">
        <v>19600</v>
      </c>
      <c r="E10330" s="358" t="s">
        <v>19601</v>
      </c>
      <c r="F10330" s="358" t="s">
        <v>14391</v>
      </c>
      <c r="G10330" s="358" t="s">
        <v>14392</v>
      </c>
      <c r="H10330" s="358" t="s">
        <v>14367</v>
      </c>
      <c r="I10330" s="358" t="s">
        <v>14392</v>
      </c>
      <c r="J10330" s="358"/>
      <c r="K10330" s="358"/>
      <c r="L10330" s="358"/>
    </row>
    <row r="10331" spans="2:12">
      <c r="B10331" s="367"/>
      <c r="C10331" s="367"/>
      <c r="D10331" s="367"/>
      <c r="E10331" s="367"/>
      <c r="F10331" s="360"/>
      <c r="G10331" s="360"/>
      <c r="H10331" s="360"/>
      <c r="I10331" s="360"/>
      <c r="J10331" s="365"/>
      <c r="K10331" s="365"/>
      <c r="L10331" s="365"/>
    </row>
    <row r="10332" spans="2:12" ht="28.5">
      <c r="B10332" s="368"/>
      <c r="C10332" s="368"/>
      <c r="D10332" s="368"/>
      <c r="E10332" s="368"/>
      <c r="F10332" s="361" t="s">
        <v>14462</v>
      </c>
      <c r="G10332" s="361" t="s">
        <v>14463</v>
      </c>
      <c r="H10332" s="361" t="s">
        <v>14422</v>
      </c>
      <c r="I10332" s="361" t="s">
        <v>14463</v>
      </c>
      <c r="J10332" s="366"/>
      <c r="K10332" s="366"/>
      <c r="L10332" s="366"/>
    </row>
    <row r="10333" spans="2:12">
      <c r="B10333" s="358" t="s">
        <v>19602</v>
      </c>
      <c r="C10333" s="358" t="s">
        <v>27620</v>
      </c>
      <c r="D10333" s="358" t="s">
        <v>19603</v>
      </c>
      <c r="E10333" s="358" t="s">
        <v>19604</v>
      </c>
      <c r="F10333" s="358" t="s">
        <v>14391</v>
      </c>
      <c r="G10333" s="358" t="s">
        <v>14392</v>
      </c>
      <c r="H10333" s="358" t="s">
        <v>14367</v>
      </c>
      <c r="I10333" s="358" t="s">
        <v>14392</v>
      </c>
      <c r="J10333" s="358"/>
      <c r="K10333" s="358"/>
      <c r="L10333" s="358"/>
    </row>
    <row r="10334" spans="2:12">
      <c r="B10334" s="367"/>
      <c r="C10334" s="367"/>
      <c r="D10334" s="367"/>
      <c r="E10334" s="367"/>
      <c r="F10334" s="360"/>
      <c r="G10334" s="360"/>
      <c r="H10334" s="360"/>
      <c r="I10334" s="360"/>
      <c r="J10334" s="365"/>
      <c r="K10334" s="365"/>
      <c r="L10334" s="365"/>
    </row>
    <row r="10335" spans="2:12" ht="28.5">
      <c r="B10335" s="368"/>
      <c r="C10335" s="368"/>
      <c r="D10335" s="368"/>
      <c r="E10335" s="368"/>
      <c r="F10335" s="361" t="s">
        <v>14462</v>
      </c>
      <c r="G10335" s="361" t="s">
        <v>14463</v>
      </c>
      <c r="H10335" s="361" t="s">
        <v>14422</v>
      </c>
      <c r="I10335" s="361" t="s">
        <v>14463</v>
      </c>
      <c r="J10335" s="366"/>
      <c r="K10335" s="366"/>
      <c r="L10335" s="366"/>
    </row>
    <row r="10336" spans="2:12">
      <c r="B10336" s="358" t="s">
        <v>19605</v>
      </c>
      <c r="C10336" s="358" t="s">
        <v>19606</v>
      </c>
      <c r="D10336" s="358" t="s">
        <v>19607</v>
      </c>
      <c r="E10336" s="358" t="s">
        <v>19608</v>
      </c>
      <c r="F10336" s="358" t="s">
        <v>14382</v>
      </c>
      <c r="G10336" s="358" t="s">
        <v>14383</v>
      </c>
      <c r="H10336" s="358" t="s">
        <v>14378</v>
      </c>
      <c r="I10336" s="358" t="s">
        <v>14383</v>
      </c>
      <c r="J10336" s="358"/>
      <c r="K10336" s="358"/>
      <c r="L10336" s="358"/>
    </row>
    <row r="10337" spans="2:12">
      <c r="B10337" s="367"/>
      <c r="C10337" s="367"/>
      <c r="D10337" s="367"/>
      <c r="E10337" s="367"/>
      <c r="F10337" s="360"/>
      <c r="G10337" s="360"/>
      <c r="H10337" s="360"/>
      <c r="I10337" s="360"/>
      <c r="J10337" s="365"/>
      <c r="K10337" s="365"/>
      <c r="L10337" s="365"/>
    </row>
    <row r="10338" spans="2:12" ht="28.5">
      <c r="B10338" s="367"/>
      <c r="C10338" s="367"/>
      <c r="D10338" s="367"/>
      <c r="E10338" s="367"/>
      <c r="F10338" s="359" t="s">
        <v>14394</v>
      </c>
      <c r="G10338" s="359" t="s">
        <v>14395</v>
      </c>
      <c r="H10338" s="359" t="s">
        <v>14370</v>
      </c>
      <c r="I10338" s="359" t="s">
        <v>14395</v>
      </c>
      <c r="J10338" s="365"/>
      <c r="K10338" s="365"/>
      <c r="L10338" s="365"/>
    </row>
    <row r="10339" spans="2:12">
      <c r="B10339" s="367"/>
      <c r="C10339" s="367"/>
      <c r="D10339" s="367"/>
      <c r="E10339" s="367"/>
      <c r="F10339" s="360"/>
      <c r="G10339" s="360"/>
      <c r="H10339" s="360"/>
      <c r="I10339" s="360"/>
      <c r="J10339" s="365"/>
      <c r="K10339" s="365"/>
      <c r="L10339" s="365"/>
    </row>
    <row r="10340" spans="2:12">
      <c r="B10340" s="368"/>
      <c r="C10340" s="368"/>
      <c r="D10340" s="368"/>
      <c r="E10340" s="368"/>
      <c r="F10340" s="362"/>
      <c r="G10340" s="362"/>
      <c r="H10340" s="361" t="s">
        <v>14332</v>
      </c>
      <c r="I10340" s="362"/>
      <c r="J10340" s="366"/>
      <c r="K10340" s="366"/>
      <c r="L10340" s="366"/>
    </row>
    <row r="10341" spans="2:12" ht="28.5">
      <c r="B10341" s="358" t="s">
        <v>19609</v>
      </c>
      <c r="C10341" s="358" t="s">
        <v>19610</v>
      </c>
      <c r="D10341" s="358" t="s">
        <v>19611</v>
      </c>
      <c r="E10341" s="358" t="s">
        <v>19612</v>
      </c>
      <c r="F10341" s="358" t="s">
        <v>14472</v>
      </c>
      <c r="G10341" s="358" t="s">
        <v>14473</v>
      </c>
      <c r="H10341" s="358" t="s">
        <v>8356</v>
      </c>
      <c r="I10341" s="358" t="s">
        <v>14473</v>
      </c>
      <c r="J10341" s="358"/>
      <c r="K10341" s="358"/>
      <c r="L10341" s="358"/>
    </row>
    <row r="10342" spans="2:12">
      <c r="B10342" s="368"/>
      <c r="C10342" s="368"/>
      <c r="D10342" s="368"/>
      <c r="E10342" s="368"/>
      <c r="F10342" s="368"/>
      <c r="G10342" s="368"/>
      <c r="H10342" s="368"/>
      <c r="I10342" s="368"/>
      <c r="J10342" s="366"/>
      <c r="K10342" s="366"/>
      <c r="L10342" s="366"/>
    </row>
    <row r="10343" spans="2:12">
      <c r="B10343" s="358" t="s">
        <v>19613</v>
      </c>
      <c r="C10343" s="358" t="s">
        <v>19614</v>
      </c>
      <c r="D10343" s="358" t="s">
        <v>19615</v>
      </c>
      <c r="E10343" s="358" t="s">
        <v>19616</v>
      </c>
      <c r="F10343" s="358" t="s">
        <v>14420</v>
      </c>
      <c r="G10343" s="358" t="s">
        <v>14429</v>
      </c>
      <c r="H10343" s="358" t="s">
        <v>14367</v>
      </c>
      <c r="I10343" s="358" t="s">
        <v>14429</v>
      </c>
      <c r="J10343" s="358"/>
      <c r="K10343" s="358"/>
      <c r="L10343" s="358"/>
    </row>
    <row r="10344" spans="2:12">
      <c r="B10344" s="367"/>
      <c r="C10344" s="367"/>
      <c r="D10344" s="367"/>
      <c r="E10344" s="367"/>
      <c r="F10344" s="360"/>
      <c r="G10344" s="360"/>
      <c r="H10344" s="360"/>
      <c r="I10344" s="360"/>
      <c r="J10344" s="365"/>
      <c r="K10344" s="365"/>
      <c r="L10344" s="365"/>
    </row>
    <row r="10345" spans="2:12">
      <c r="B10345" s="367"/>
      <c r="C10345" s="367"/>
      <c r="D10345" s="367"/>
      <c r="E10345" s="367"/>
      <c r="F10345" s="359" t="s">
        <v>14391</v>
      </c>
      <c r="G10345" s="359" t="s">
        <v>14392</v>
      </c>
      <c r="H10345" s="359" t="s">
        <v>14422</v>
      </c>
      <c r="I10345" s="359" t="s">
        <v>14392</v>
      </c>
      <c r="J10345" s="365"/>
      <c r="K10345" s="365"/>
      <c r="L10345" s="365"/>
    </row>
    <row r="10346" spans="2:12">
      <c r="B10346" s="367"/>
      <c r="C10346" s="367"/>
      <c r="D10346" s="367"/>
      <c r="E10346" s="367"/>
      <c r="F10346" s="360"/>
      <c r="G10346" s="360"/>
      <c r="H10346" s="360"/>
      <c r="I10346" s="360"/>
      <c r="J10346" s="365"/>
      <c r="K10346" s="365"/>
      <c r="L10346" s="365"/>
    </row>
    <row r="10347" spans="2:12" ht="28.5">
      <c r="B10347" s="368"/>
      <c r="C10347" s="368"/>
      <c r="D10347" s="368"/>
      <c r="E10347" s="368"/>
      <c r="F10347" s="361" t="s">
        <v>14462</v>
      </c>
      <c r="G10347" s="361" t="s">
        <v>14463</v>
      </c>
      <c r="H10347" s="362"/>
      <c r="I10347" s="361" t="s">
        <v>14463</v>
      </c>
      <c r="J10347" s="366"/>
      <c r="K10347" s="366"/>
      <c r="L10347" s="366"/>
    </row>
    <row r="10348" spans="2:12">
      <c r="B10348" s="358" t="s">
        <v>19617</v>
      </c>
      <c r="C10348" s="358" t="s">
        <v>27621</v>
      </c>
      <c r="D10348" s="358" t="s">
        <v>19618</v>
      </c>
      <c r="E10348" s="358" t="s">
        <v>19619</v>
      </c>
      <c r="F10348" s="358" t="s">
        <v>14356</v>
      </c>
      <c r="G10348" s="358" t="s">
        <v>14340</v>
      </c>
      <c r="H10348" s="358" t="s">
        <v>14341</v>
      </c>
      <c r="I10348" s="358" t="s">
        <v>14340</v>
      </c>
      <c r="J10348" s="358"/>
      <c r="K10348" s="358"/>
      <c r="L10348" s="358"/>
    </row>
    <row r="10349" spans="2:12">
      <c r="B10349" s="367"/>
      <c r="C10349" s="367"/>
      <c r="D10349" s="367"/>
      <c r="E10349" s="367"/>
      <c r="F10349" s="360"/>
      <c r="G10349" s="360"/>
      <c r="H10349" s="360"/>
      <c r="I10349" s="360"/>
      <c r="J10349" s="365"/>
      <c r="K10349" s="365"/>
      <c r="L10349" s="365"/>
    </row>
    <row r="10350" spans="2:12" ht="42.75">
      <c r="B10350" s="367"/>
      <c r="C10350" s="367"/>
      <c r="D10350" s="367"/>
      <c r="E10350" s="367"/>
      <c r="F10350" s="359" t="s">
        <v>28990</v>
      </c>
      <c r="G10350" s="359" t="s">
        <v>14421</v>
      </c>
      <c r="H10350" s="359" t="s">
        <v>14381</v>
      </c>
      <c r="I10350" s="359" t="s">
        <v>14421</v>
      </c>
      <c r="J10350" s="365"/>
      <c r="K10350" s="365"/>
      <c r="L10350" s="365"/>
    </row>
    <row r="10351" spans="2:12">
      <c r="B10351" s="367"/>
      <c r="C10351" s="367"/>
      <c r="D10351" s="367"/>
      <c r="E10351" s="367"/>
      <c r="F10351" s="360"/>
      <c r="G10351" s="360"/>
      <c r="H10351" s="360"/>
      <c r="I10351" s="360"/>
      <c r="J10351" s="365"/>
      <c r="K10351" s="365"/>
      <c r="L10351" s="365"/>
    </row>
    <row r="10352" spans="2:12">
      <c r="B10352" s="367"/>
      <c r="C10352" s="367"/>
      <c r="D10352" s="367"/>
      <c r="E10352" s="367"/>
      <c r="F10352" s="359" t="s">
        <v>14391</v>
      </c>
      <c r="G10352" s="359" t="s">
        <v>14429</v>
      </c>
      <c r="H10352" s="359" t="s">
        <v>14367</v>
      </c>
      <c r="I10352" s="359" t="s">
        <v>14429</v>
      </c>
      <c r="J10352" s="365"/>
      <c r="K10352" s="365"/>
      <c r="L10352" s="365"/>
    </row>
    <row r="10353" spans="2:12">
      <c r="B10353" s="367"/>
      <c r="C10353" s="367"/>
      <c r="D10353" s="367"/>
      <c r="E10353" s="367"/>
      <c r="F10353" s="360"/>
      <c r="G10353" s="360"/>
      <c r="H10353" s="360"/>
      <c r="I10353" s="360"/>
      <c r="J10353" s="365"/>
      <c r="K10353" s="365"/>
      <c r="L10353" s="365"/>
    </row>
    <row r="10354" spans="2:12" ht="28.5">
      <c r="B10354" s="368"/>
      <c r="C10354" s="368"/>
      <c r="D10354" s="368"/>
      <c r="E10354" s="368"/>
      <c r="F10354" s="362"/>
      <c r="G10354" s="361" t="s">
        <v>29140</v>
      </c>
      <c r="H10354" s="361" t="s">
        <v>14332</v>
      </c>
      <c r="I10354" s="361" t="s">
        <v>29140</v>
      </c>
      <c r="J10354" s="366"/>
      <c r="K10354" s="366"/>
      <c r="L10354" s="366"/>
    </row>
    <row r="10355" spans="2:12">
      <c r="B10355" s="358" t="s">
        <v>19620</v>
      </c>
      <c r="C10355" s="358" t="s">
        <v>19621</v>
      </c>
      <c r="D10355" s="358" t="s">
        <v>19622</v>
      </c>
      <c r="E10355" s="358" t="s">
        <v>19623</v>
      </c>
      <c r="F10355" s="358" t="s">
        <v>14420</v>
      </c>
      <c r="G10355" s="358" t="s">
        <v>14429</v>
      </c>
      <c r="H10355" s="358" t="s">
        <v>14367</v>
      </c>
      <c r="I10355" s="358" t="s">
        <v>14429</v>
      </c>
      <c r="J10355" s="358"/>
      <c r="K10355" s="358"/>
      <c r="L10355" s="358"/>
    </row>
    <row r="10356" spans="2:12">
      <c r="B10356" s="367"/>
      <c r="C10356" s="367"/>
      <c r="D10356" s="367"/>
      <c r="E10356" s="367"/>
      <c r="F10356" s="360"/>
      <c r="G10356" s="360"/>
      <c r="H10356" s="360"/>
      <c r="I10356" s="360"/>
      <c r="J10356" s="365"/>
      <c r="K10356" s="365"/>
      <c r="L10356" s="365"/>
    </row>
    <row r="10357" spans="2:12">
      <c r="B10357" s="367"/>
      <c r="C10357" s="367"/>
      <c r="D10357" s="367"/>
      <c r="E10357" s="367"/>
      <c r="F10357" s="359" t="s">
        <v>14391</v>
      </c>
      <c r="G10357" s="359" t="s">
        <v>14392</v>
      </c>
      <c r="H10357" s="359" t="s">
        <v>14370</v>
      </c>
      <c r="I10357" s="359" t="s">
        <v>14392</v>
      </c>
      <c r="J10357" s="365"/>
      <c r="K10357" s="365"/>
      <c r="L10357" s="365"/>
    </row>
    <row r="10358" spans="2:12">
      <c r="B10358" s="367"/>
      <c r="C10358" s="367"/>
      <c r="D10358" s="367"/>
      <c r="E10358" s="367"/>
      <c r="F10358" s="360"/>
      <c r="G10358" s="360"/>
      <c r="H10358" s="360"/>
      <c r="I10358" s="360"/>
      <c r="J10358" s="365"/>
      <c r="K10358" s="365"/>
      <c r="L10358" s="365"/>
    </row>
    <row r="10359" spans="2:12" ht="28.5">
      <c r="B10359" s="368"/>
      <c r="C10359" s="368"/>
      <c r="D10359" s="368"/>
      <c r="E10359" s="368"/>
      <c r="F10359" s="361" t="s">
        <v>14394</v>
      </c>
      <c r="G10359" s="361" t="s">
        <v>14395</v>
      </c>
      <c r="H10359" s="361" t="s">
        <v>14422</v>
      </c>
      <c r="I10359" s="361" t="s">
        <v>14395</v>
      </c>
      <c r="J10359" s="366"/>
      <c r="K10359" s="366"/>
      <c r="L10359" s="366"/>
    </row>
    <row r="10360" spans="2:12" ht="42.75">
      <c r="B10360" s="358" t="s">
        <v>19624</v>
      </c>
      <c r="C10360" s="358" t="s">
        <v>30175</v>
      </c>
      <c r="D10360" s="358" t="s">
        <v>19625</v>
      </c>
      <c r="E10360" s="358" t="s">
        <v>19626</v>
      </c>
      <c r="F10360" s="358" t="s">
        <v>14420</v>
      </c>
      <c r="G10360" s="358" t="s">
        <v>14429</v>
      </c>
      <c r="H10360" s="358" t="s">
        <v>14367</v>
      </c>
      <c r="I10360" s="358" t="s">
        <v>14429</v>
      </c>
      <c r="J10360" s="358"/>
      <c r="K10360" s="358"/>
      <c r="L10360" s="358"/>
    </row>
    <row r="10361" spans="2:12">
      <c r="B10361" s="367"/>
      <c r="C10361" s="367"/>
      <c r="D10361" s="367"/>
      <c r="E10361" s="367"/>
      <c r="F10361" s="360"/>
      <c r="G10361" s="360"/>
      <c r="H10361" s="360"/>
      <c r="I10361" s="360"/>
      <c r="J10361" s="365"/>
      <c r="K10361" s="365"/>
      <c r="L10361" s="365"/>
    </row>
    <row r="10362" spans="2:12">
      <c r="B10362" s="367"/>
      <c r="C10362" s="367"/>
      <c r="D10362" s="367"/>
      <c r="E10362" s="367"/>
      <c r="F10362" s="359" t="s">
        <v>14386</v>
      </c>
      <c r="G10362" s="359" t="s">
        <v>14387</v>
      </c>
      <c r="H10362" s="359" t="s">
        <v>14422</v>
      </c>
      <c r="I10362" s="359" t="s">
        <v>14387</v>
      </c>
      <c r="J10362" s="365"/>
      <c r="K10362" s="365"/>
      <c r="L10362" s="365"/>
    </row>
    <row r="10363" spans="2:12">
      <c r="B10363" s="367"/>
      <c r="C10363" s="367"/>
      <c r="D10363" s="367"/>
      <c r="E10363" s="367"/>
      <c r="F10363" s="360"/>
      <c r="G10363" s="360"/>
      <c r="H10363" s="360"/>
      <c r="I10363" s="360"/>
      <c r="J10363" s="365"/>
      <c r="K10363" s="365"/>
      <c r="L10363" s="365"/>
    </row>
    <row r="10364" spans="2:12" ht="28.5">
      <c r="B10364" s="368"/>
      <c r="C10364" s="368"/>
      <c r="D10364" s="368"/>
      <c r="E10364" s="368"/>
      <c r="F10364" s="361" t="s">
        <v>14472</v>
      </c>
      <c r="G10364" s="361" t="s">
        <v>14473</v>
      </c>
      <c r="H10364" s="362"/>
      <c r="I10364" s="361" t="s">
        <v>14473</v>
      </c>
      <c r="J10364" s="366"/>
      <c r="K10364" s="366"/>
      <c r="L10364" s="366"/>
    </row>
    <row r="10365" spans="2:12" ht="28.5">
      <c r="B10365" s="358" t="s">
        <v>19627</v>
      </c>
      <c r="C10365" s="358" t="s">
        <v>19628</v>
      </c>
      <c r="D10365" s="358" t="s">
        <v>19629</v>
      </c>
      <c r="E10365" s="358" t="s">
        <v>19630</v>
      </c>
      <c r="F10365" s="358" t="s">
        <v>14430</v>
      </c>
      <c r="G10365" s="358" t="s">
        <v>14431</v>
      </c>
      <c r="H10365" s="358" t="s">
        <v>14341</v>
      </c>
      <c r="I10365" s="358" t="s">
        <v>14431</v>
      </c>
      <c r="J10365" s="358"/>
      <c r="K10365" s="358"/>
      <c r="L10365" s="358"/>
    </row>
    <row r="10366" spans="2:12">
      <c r="B10366" s="367"/>
      <c r="C10366" s="367"/>
      <c r="D10366" s="367"/>
      <c r="E10366" s="367"/>
      <c r="F10366" s="360"/>
      <c r="G10366" s="360"/>
      <c r="H10366" s="360"/>
      <c r="I10366" s="360"/>
      <c r="J10366" s="365"/>
      <c r="K10366" s="365"/>
      <c r="L10366" s="365"/>
    </row>
    <row r="10367" spans="2:12" ht="28.5">
      <c r="B10367" s="368"/>
      <c r="C10367" s="368"/>
      <c r="D10367" s="368"/>
      <c r="E10367" s="368"/>
      <c r="F10367" s="361" t="s">
        <v>14462</v>
      </c>
      <c r="G10367" s="361" t="s">
        <v>14463</v>
      </c>
      <c r="H10367" s="361" t="s">
        <v>14332</v>
      </c>
      <c r="I10367" s="361" t="s">
        <v>14463</v>
      </c>
      <c r="J10367" s="366"/>
      <c r="K10367" s="366"/>
      <c r="L10367" s="366"/>
    </row>
    <row r="10368" spans="2:12" ht="28.5">
      <c r="B10368" s="358" t="s">
        <v>19631</v>
      </c>
      <c r="C10368" s="358" t="s">
        <v>19632</v>
      </c>
      <c r="D10368" s="358" t="s">
        <v>19633</v>
      </c>
      <c r="E10368" s="358" t="s">
        <v>19634</v>
      </c>
      <c r="F10368" s="358" t="s">
        <v>14462</v>
      </c>
      <c r="G10368" s="358" t="s">
        <v>14463</v>
      </c>
      <c r="H10368" s="358" t="s">
        <v>8356</v>
      </c>
      <c r="I10368" s="358" t="s">
        <v>14463</v>
      </c>
      <c r="J10368" s="358"/>
      <c r="K10368" s="358"/>
      <c r="L10368" s="358"/>
    </row>
    <row r="10369" spans="2:12">
      <c r="B10369" s="368"/>
      <c r="C10369" s="368"/>
      <c r="D10369" s="368"/>
      <c r="E10369" s="368"/>
      <c r="F10369" s="368"/>
      <c r="G10369" s="368"/>
      <c r="H10369" s="368"/>
      <c r="I10369" s="368"/>
      <c r="J10369" s="366"/>
      <c r="K10369" s="366"/>
      <c r="L10369" s="366"/>
    </row>
    <row r="10370" spans="2:12" ht="42.75">
      <c r="B10370" s="358" t="s">
        <v>19635</v>
      </c>
      <c r="C10370" s="358" t="s">
        <v>30176</v>
      </c>
      <c r="D10370" s="358" t="s">
        <v>8356</v>
      </c>
      <c r="E10370" s="358" t="s">
        <v>19636</v>
      </c>
      <c r="F10370" s="358" t="s">
        <v>14443</v>
      </c>
      <c r="G10370" s="358" t="s">
        <v>14444</v>
      </c>
      <c r="H10370" s="358" t="s">
        <v>14381</v>
      </c>
      <c r="I10370" s="358" t="s">
        <v>14444</v>
      </c>
      <c r="J10370" s="358"/>
      <c r="K10370" s="358"/>
      <c r="L10370" s="358"/>
    </row>
    <row r="10371" spans="2:12">
      <c r="B10371" s="367"/>
      <c r="C10371" s="367"/>
      <c r="D10371" s="367"/>
      <c r="E10371" s="367"/>
      <c r="F10371" s="360"/>
      <c r="G10371" s="360"/>
      <c r="H10371" s="360"/>
      <c r="I10371" s="360"/>
      <c r="J10371" s="365"/>
      <c r="K10371" s="365"/>
      <c r="L10371" s="365"/>
    </row>
    <row r="10372" spans="2:12">
      <c r="B10372" s="367"/>
      <c r="C10372" s="367"/>
      <c r="D10372" s="367"/>
      <c r="E10372" s="367"/>
      <c r="F10372" s="359" t="s">
        <v>14507</v>
      </c>
      <c r="G10372" s="359" t="s">
        <v>16971</v>
      </c>
      <c r="H10372" s="359" t="s">
        <v>14367</v>
      </c>
      <c r="I10372" s="359" t="s">
        <v>16971</v>
      </c>
      <c r="J10372" s="365"/>
      <c r="K10372" s="365"/>
      <c r="L10372" s="365"/>
    </row>
    <row r="10373" spans="2:12">
      <c r="B10373" s="367"/>
      <c r="C10373" s="367"/>
      <c r="D10373" s="367"/>
      <c r="E10373" s="367"/>
      <c r="F10373" s="360"/>
      <c r="G10373" s="360"/>
      <c r="H10373" s="360"/>
      <c r="I10373" s="360"/>
      <c r="J10373" s="365"/>
      <c r="K10373" s="365"/>
      <c r="L10373" s="365"/>
    </row>
    <row r="10374" spans="2:12">
      <c r="B10374" s="368"/>
      <c r="C10374" s="368"/>
      <c r="D10374" s="368"/>
      <c r="E10374" s="368"/>
      <c r="F10374" s="361" t="s">
        <v>14391</v>
      </c>
      <c r="G10374" s="361" t="s">
        <v>14392</v>
      </c>
      <c r="H10374" s="361" t="s">
        <v>14422</v>
      </c>
      <c r="I10374" s="361" t="s">
        <v>14392</v>
      </c>
      <c r="J10374" s="366"/>
      <c r="K10374" s="366"/>
      <c r="L10374" s="366"/>
    </row>
    <row r="10375" spans="2:12" ht="42.75">
      <c r="B10375" s="358" t="s">
        <v>19637</v>
      </c>
      <c r="C10375" s="358" t="s">
        <v>30177</v>
      </c>
      <c r="D10375" s="358" t="s">
        <v>8356</v>
      </c>
      <c r="E10375" s="358" t="s">
        <v>19638</v>
      </c>
      <c r="F10375" s="358" t="s">
        <v>14443</v>
      </c>
      <c r="G10375" s="358" t="s">
        <v>14444</v>
      </c>
      <c r="H10375" s="358" t="s">
        <v>14381</v>
      </c>
      <c r="I10375" s="358" t="s">
        <v>14444</v>
      </c>
      <c r="J10375" s="358"/>
      <c r="K10375" s="358"/>
      <c r="L10375" s="358"/>
    </row>
    <row r="10376" spans="2:12">
      <c r="B10376" s="367"/>
      <c r="C10376" s="367"/>
      <c r="D10376" s="367"/>
      <c r="E10376" s="367"/>
      <c r="F10376" s="360"/>
      <c r="G10376" s="360"/>
      <c r="H10376" s="360"/>
      <c r="I10376" s="360"/>
      <c r="J10376" s="365"/>
      <c r="K10376" s="365"/>
      <c r="L10376" s="365"/>
    </row>
    <row r="10377" spans="2:12">
      <c r="B10377" s="368"/>
      <c r="C10377" s="368"/>
      <c r="D10377" s="368"/>
      <c r="E10377" s="368"/>
      <c r="F10377" s="361" t="s">
        <v>14507</v>
      </c>
      <c r="G10377" s="361" t="s">
        <v>14508</v>
      </c>
      <c r="H10377" s="361" t="s">
        <v>14422</v>
      </c>
      <c r="I10377" s="361" t="s">
        <v>14508</v>
      </c>
      <c r="J10377" s="366"/>
      <c r="K10377" s="366"/>
      <c r="L10377" s="366"/>
    </row>
    <row r="10378" spans="2:12" ht="28.5">
      <c r="B10378" s="358" t="s">
        <v>19639</v>
      </c>
      <c r="C10378" s="358" t="s">
        <v>19640</v>
      </c>
      <c r="D10378" s="358" t="s">
        <v>19641</v>
      </c>
      <c r="E10378" s="358" t="s">
        <v>19642</v>
      </c>
      <c r="F10378" s="358" t="s">
        <v>14391</v>
      </c>
      <c r="G10378" s="358" t="s">
        <v>14392</v>
      </c>
      <c r="H10378" s="358" t="s">
        <v>14367</v>
      </c>
      <c r="I10378" s="358" t="s">
        <v>14392</v>
      </c>
      <c r="J10378" s="358"/>
      <c r="K10378" s="358"/>
      <c r="L10378" s="358"/>
    </row>
    <row r="10379" spans="2:12">
      <c r="B10379" s="367"/>
      <c r="C10379" s="367"/>
      <c r="D10379" s="367"/>
      <c r="E10379" s="367"/>
      <c r="F10379" s="360"/>
      <c r="G10379" s="360"/>
      <c r="H10379" s="360"/>
      <c r="I10379" s="360"/>
      <c r="J10379" s="365"/>
      <c r="K10379" s="365"/>
      <c r="L10379" s="365"/>
    </row>
    <row r="10380" spans="2:12" ht="28.5">
      <c r="B10380" s="368"/>
      <c r="C10380" s="368"/>
      <c r="D10380" s="368"/>
      <c r="E10380" s="368"/>
      <c r="F10380" s="361" t="s">
        <v>14462</v>
      </c>
      <c r="G10380" s="361" t="s">
        <v>14463</v>
      </c>
      <c r="H10380" s="361" t="s">
        <v>14422</v>
      </c>
      <c r="I10380" s="361" t="s">
        <v>14463</v>
      </c>
      <c r="J10380" s="366"/>
      <c r="K10380" s="366"/>
      <c r="L10380" s="366"/>
    </row>
    <row r="10381" spans="2:12" ht="28.5">
      <c r="B10381" s="358" t="s">
        <v>19643</v>
      </c>
      <c r="C10381" s="358" t="s">
        <v>27622</v>
      </c>
      <c r="D10381" s="358" t="s">
        <v>19644</v>
      </c>
      <c r="E10381" s="358" t="s">
        <v>19645</v>
      </c>
      <c r="F10381" s="358" t="s">
        <v>14386</v>
      </c>
      <c r="G10381" s="358" t="s">
        <v>14387</v>
      </c>
      <c r="H10381" s="358" t="s">
        <v>14367</v>
      </c>
      <c r="I10381" s="358" t="s">
        <v>14387</v>
      </c>
      <c r="J10381" s="358"/>
      <c r="K10381" s="358"/>
      <c r="L10381" s="358"/>
    </row>
    <row r="10382" spans="2:12">
      <c r="B10382" s="367"/>
      <c r="C10382" s="367"/>
      <c r="D10382" s="367"/>
      <c r="E10382" s="367"/>
      <c r="F10382" s="360"/>
      <c r="G10382" s="360"/>
      <c r="H10382" s="360"/>
      <c r="I10382" s="360"/>
      <c r="J10382" s="365"/>
      <c r="K10382" s="365"/>
      <c r="L10382" s="365"/>
    </row>
    <row r="10383" spans="2:12">
      <c r="B10383" s="367"/>
      <c r="C10383" s="367"/>
      <c r="D10383" s="367"/>
      <c r="E10383" s="367"/>
      <c r="F10383" s="359" t="s">
        <v>14371</v>
      </c>
      <c r="G10383" s="359" t="s">
        <v>14372</v>
      </c>
      <c r="H10383" s="359" t="s">
        <v>14370</v>
      </c>
      <c r="I10383" s="359" t="s">
        <v>14373</v>
      </c>
      <c r="J10383" s="365"/>
      <c r="K10383" s="365"/>
      <c r="L10383" s="365"/>
    </row>
    <row r="10384" spans="2:12">
      <c r="B10384" s="367"/>
      <c r="C10384" s="367"/>
      <c r="D10384" s="367"/>
      <c r="E10384" s="367"/>
      <c r="F10384" s="360"/>
      <c r="G10384" s="360"/>
      <c r="H10384" s="360"/>
      <c r="I10384" s="360"/>
      <c r="J10384" s="365"/>
      <c r="K10384" s="365"/>
      <c r="L10384" s="365"/>
    </row>
    <row r="10385" spans="2:12" ht="28.5">
      <c r="B10385" s="368"/>
      <c r="C10385" s="368"/>
      <c r="D10385" s="368"/>
      <c r="E10385" s="368"/>
      <c r="F10385" s="361" t="s">
        <v>14374</v>
      </c>
      <c r="G10385" s="361" t="s">
        <v>14373</v>
      </c>
      <c r="H10385" s="361" t="s">
        <v>14422</v>
      </c>
      <c r="I10385" s="362"/>
      <c r="J10385" s="366"/>
      <c r="K10385" s="366"/>
      <c r="L10385" s="366"/>
    </row>
    <row r="10386" spans="2:12">
      <c r="B10386" s="358" t="s">
        <v>19646</v>
      </c>
      <c r="C10386" s="358" t="s">
        <v>27623</v>
      </c>
      <c r="D10386" s="358" t="s">
        <v>19647</v>
      </c>
      <c r="E10386" s="358" t="s">
        <v>8356</v>
      </c>
      <c r="F10386" s="358" t="s">
        <v>14391</v>
      </c>
      <c r="G10386" s="358" t="s">
        <v>14392</v>
      </c>
      <c r="H10386" s="358" t="s">
        <v>14367</v>
      </c>
      <c r="I10386" s="358" t="s">
        <v>14392</v>
      </c>
      <c r="J10386" s="358"/>
      <c r="K10386" s="358"/>
      <c r="L10386" s="358"/>
    </row>
    <row r="10387" spans="2:12">
      <c r="B10387" s="367"/>
      <c r="C10387" s="367"/>
      <c r="D10387" s="367"/>
      <c r="E10387" s="367"/>
      <c r="F10387" s="360"/>
      <c r="G10387" s="360"/>
      <c r="H10387" s="360"/>
      <c r="I10387" s="360"/>
      <c r="J10387" s="365"/>
      <c r="K10387" s="365"/>
      <c r="L10387" s="365"/>
    </row>
    <row r="10388" spans="2:12">
      <c r="B10388" s="367"/>
      <c r="C10388" s="367"/>
      <c r="D10388" s="367"/>
      <c r="E10388" s="367"/>
      <c r="F10388" s="359" t="s">
        <v>14371</v>
      </c>
      <c r="G10388" s="359" t="s">
        <v>14372</v>
      </c>
      <c r="H10388" s="359" t="s">
        <v>14370</v>
      </c>
      <c r="I10388" s="359" t="s">
        <v>14373</v>
      </c>
      <c r="J10388" s="365"/>
      <c r="K10388" s="365"/>
      <c r="L10388" s="365"/>
    </row>
    <row r="10389" spans="2:12">
      <c r="B10389" s="367"/>
      <c r="C10389" s="367"/>
      <c r="D10389" s="367"/>
      <c r="E10389" s="367"/>
      <c r="F10389" s="360"/>
      <c r="G10389" s="360"/>
      <c r="H10389" s="360"/>
      <c r="I10389" s="360"/>
      <c r="J10389" s="365"/>
      <c r="K10389" s="365"/>
      <c r="L10389" s="365"/>
    </row>
    <row r="10390" spans="2:12" ht="28.5">
      <c r="B10390" s="368"/>
      <c r="C10390" s="368"/>
      <c r="D10390" s="368"/>
      <c r="E10390" s="368"/>
      <c r="F10390" s="361" t="s">
        <v>14374</v>
      </c>
      <c r="G10390" s="361" t="s">
        <v>14373</v>
      </c>
      <c r="H10390" s="361" t="s">
        <v>14422</v>
      </c>
      <c r="I10390" s="362"/>
      <c r="J10390" s="366"/>
      <c r="K10390" s="366"/>
      <c r="L10390" s="366"/>
    </row>
    <row r="10391" spans="2:12" ht="28.5">
      <c r="B10391" s="358" t="s">
        <v>19648</v>
      </c>
      <c r="C10391" s="358" t="s">
        <v>19649</v>
      </c>
      <c r="D10391" s="358" t="s">
        <v>19650</v>
      </c>
      <c r="E10391" s="358" t="s">
        <v>19651</v>
      </c>
      <c r="F10391" s="358" t="s">
        <v>14420</v>
      </c>
      <c r="G10391" s="358" t="s">
        <v>14429</v>
      </c>
      <c r="H10391" s="358" t="s">
        <v>14367</v>
      </c>
      <c r="I10391" s="358" t="s">
        <v>14429</v>
      </c>
      <c r="J10391" s="358"/>
      <c r="K10391" s="358"/>
      <c r="L10391" s="358"/>
    </row>
    <row r="10392" spans="2:12">
      <c r="B10392" s="367"/>
      <c r="C10392" s="367"/>
      <c r="D10392" s="367"/>
      <c r="E10392" s="367"/>
      <c r="F10392" s="360"/>
      <c r="G10392" s="360"/>
      <c r="H10392" s="360"/>
      <c r="I10392" s="360"/>
      <c r="J10392" s="365"/>
      <c r="K10392" s="365"/>
      <c r="L10392" s="365"/>
    </row>
    <row r="10393" spans="2:12" ht="28.5">
      <c r="B10393" s="368"/>
      <c r="C10393" s="368"/>
      <c r="D10393" s="368"/>
      <c r="E10393" s="368"/>
      <c r="F10393" s="361" t="s">
        <v>14472</v>
      </c>
      <c r="G10393" s="361" t="s">
        <v>14473</v>
      </c>
      <c r="H10393" s="361" t="s">
        <v>14422</v>
      </c>
      <c r="I10393" s="361" t="s">
        <v>14473</v>
      </c>
      <c r="J10393" s="366"/>
      <c r="K10393" s="366"/>
      <c r="L10393" s="366"/>
    </row>
    <row r="10394" spans="2:12" ht="42.75">
      <c r="B10394" s="358" t="s">
        <v>19652</v>
      </c>
      <c r="C10394" s="358" t="s">
        <v>27624</v>
      </c>
      <c r="D10394" s="358" t="s">
        <v>19653</v>
      </c>
      <c r="E10394" s="358" t="s">
        <v>19654</v>
      </c>
      <c r="F10394" s="358" t="s">
        <v>14356</v>
      </c>
      <c r="G10394" s="358" t="s">
        <v>14340</v>
      </c>
      <c r="H10394" s="358" t="s">
        <v>14341</v>
      </c>
      <c r="I10394" s="358" t="s">
        <v>14340</v>
      </c>
      <c r="J10394" s="358"/>
      <c r="K10394" s="358"/>
      <c r="L10394" s="358"/>
    </row>
    <row r="10395" spans="2:12">
      <c r="B10395" s="367"/>
      <c r="C10395" s="367"/>
      <c r="D10395" s="367"/>
      <c r="E10395" s="367"/>
      <c r="F10395" s="360"/>
      <c r="G10395" s="360"/>
      <c r="H10395" s="360"/>
      <c r="I10395" s="360"/>
      <c r="J10395" s="365"/>
      <c r="K10395" s="365"/>
      <c r="L10395" s="365"/>
    </row>
    <row r="10396" spans="2:12">
      <c r="B10396" s="367"/>
      <c r="C10396" s="367"/>
      <c r="D10396" s="367"/>
      <c r="E10396" s="367"/>
      <c r="F10396" s="359" t="s">
        <v>14391</v>
      </c>
      <c r="G10396" s="359" t="s">
        <v>14392</v>
      </c>
      <c r="H10396" s="359" t="s">
        <v>14367</v>
      </c>
      <c r="I10396" s="359" t="s">
        <v>14392</v>
      </c>
      <c r="J10396" s="365"/>
      <c r="K10396" s="365"/>
      <c r="L10396" s="365"/>
    </row>
    <row r="10397" spans="2:12">
      <c r="B10397" s="367"/>
      <c r="C10397" s="367"/>
      <c r="D10397" s="367"/>
      <c r="E10397" s="367"/>
      <c r="F10397" s="360"/>
      <c r="G10397" s="360"/>
      <c r="H10397" s="360"/>
      <c r="I10397" s="360"/>
      <c r="J10397" s="365"/>
      <c r="K10397" s="365"/>
      <c r="L10397" s="365"/>
    </row>
    <row r="10398" spans="2:12">
      <c r="B10398" s="367"/>
      <c r="C10398" s="367"/>
      <c r="D10398" s="367"/>
      <c r="E10398" s="367"/>
      <c r="F10398" s="359" t="s">
        <v>14371</v>
      </c>
      <c r="G10398" s="359" t="s">
        <v>14372</v>
      </c>
      <c r="H10398" s="359" t="s">
        <v>14370</v>
      </c>
      <c r="I10398" s="359" t="s">
        <v>14373</v>
      </c>
      <c r="J10398" s="365"/>
      <c r="K10398" s="365"/>
      <c r="L10398" s="365"/>
    </row>
    <row r="10399" spans="2:12">
      <c r="B10399" s="367"/>
      <c r="C10399" s="367"/>
      <c r="D10399" s="367"/>
      <c r="E10399" s="367"/>
      <c r="F10399" s="360"/>
      <c r="G10399" s="360"/>
      <c r="H10399" s="360"/>
      <c r="I10399" s="360"/>
      <c r="J10399" s="365"/>
      <c r="K10399" s="365"/>
      <c r="L10399" s="365"/>
    </row>
    <row r="10400" spans="2:12" ht="28.5">
      <c r="B10400" s="368"/>
      <c r="C10400" s="368"/>
      <c r="D10400" s="368"/>
      <c r="E10400" s="368"/>
      <c r="F10400" s="361" t="s">
        <v>14374</v>
      </c>
      <c r="G10400" s="361" t="s">
        <v>14373</v>
      </c>
      <c r="H10400" s="361" t="s">
        <v>14332</v>
      </c>
      <c r="I10400" s="362"/>
      <c r="J10400" s="366"/>
      <c r="K10400" s="366"/>
      <c r="L10400" s="366"/>
    </row>
    <row r="10401" spans="2:12" ht="28.5">
      <c r="B10401" s="358" t="s">
        <v>19655</v>
      </c>
      <c r="C10401" s="358" t="s">
        <v>19656</v>
      </c>
      <c r="D10401" s="358" t="s">
        <v>19657</v>
      </c>
      <c r="E10401" s="358" t="s">
        <v>19658</v>
      </c>
      <c r="F10401" s="358" t="s">
        <v>28964</v>
      </c>
      <c r="G10401" s="358" t="s">
        <v>14429</v>
      </c>
      <c r="H10401" s="358" t="s">
        <v>14341</v>
      </c>
      <c r="I10401" s="358" t="s">
        <v>14429</v>
      </c>
      <c r="J10401" s="358"/>
      <c r="K10401" s="358"/>
      <c r="L10401" s="358"/>
    </row>
    <row r="10402" spans="2:12">
      <c r="B10402" s="367"/>
      <c r="C10402" s="367"/>
      <c r="D10402" s="367"/>
      <c r="E10402" s="367"/>
      <c r="F10402" s="360"/>
      <c r="G10402" s="360"/>
      <c r="H10402" s="360"/>
      <c r="I10402" s="360"/>
      <c r="J10402" s="365"/>
      <c r="K10402" s="365"/>
      <c r="L10402" s="365"/>
    </row>
    <row r="10403" spans="2:12" ht="28.5">
      <c r="B10403" s="367"/>
      <c r="C10403" s="367"/>
      <c r="D10403" s="367"/>
      <c r="E10403" s="367"/>
      <c r="F10403" s="359" t="s">
        <v>14389</v>
      </c>
      <c r="G10403" s="359" t="s">
        <v>29141</v>
      </c>
      <c r="H10403" s="359" t="s">
        <v>14381</v>
      </c>
      <c r="I10403" s="359" t="s">
        <v>29141</v>
      </c>
      <c r="J10403" s="365"/>
      <c r="K10403" s="365"/>
      <c r="L10403" s="365"/>
    </row>
    <row r="10404" spans="2:12">
      <c r="B10404" s="367"/>
      <c r="C10404" s="367"/>
      <c r="D10404" s="367"/>
      <c r="E10404" s="367"/>
      <c r="F10404" s="360"/>
      <c r="G10404" s="360"/>
      <c r="H10404" s="360"/>
      <c r="I10404" s="360"/>
      <c r="J10404" s="365"/>
      <c r="K10404" s="365"/>
      <c r="L10404" s="365"/>
    </row>
    <row r="10405" spans="2:12">
      <c r="B10405" s="367"/>
      <c r="C10405" s="367"/>
      <c r="D10405" s="367"/>
      <c r="E10405" s="367"/>
      <c r="F10405" s="359" t="s">
        <v>14430</v>
      </c>
      <c r="G10405" s="359" t="s">
        <v>14431</v>
      </c>
      <c r="H10405" s="359" t="s">
        <v>14367</v>
      </c>
      <c r="I10405" s="359" t="s">
        <v>14431</v>
      </c>
      <c r="J10405" s="365"/>
      <c r="K10405" s="365"/>
      <c r="L10405" s="365"/>
    </row>
    <row r="10406" spans="2:12">
      <c r="B10406" s="367"/>
      <c r="C10406" s="367"/>
      <c r="D10406" s="367"/>
      <c r="E10406" s="367"/>
      <c r="F10406" s="360"/>
      <c r="G10406" s="360"/>
      <c r="H10406" s="360"/>
      <c r="I10406" s="360"/>
      <c r="J10406" s="365"/>
      <c r="K10406" s="365"/>
      <c r="L10406" s="365"/>
    </row>
    <row r="10407" spans="2:12">
      <c r="B10407" s="367"/>
      <c r="C10407" s="367"/>
      <c r="D10407" s="367"/>
      <c r="E10407" s="367"/>
      <c r="F10407" s="359" t="s">
        <v>14391</v>
      </c>
      <c r="G10407" s="359" t="s">
        <v>14392</v>
      </c>
      <c r="H10407" s="359" t="s">
        <v>14370</v>
      </c>
      <c r="I10407" s="359" t="s">
        <v>14392</v>
      </c>
      <c r="J10407" s="365"/>
      <c r="K10407" s="365"/>
      <c r="L10407" s="365"/>
    </row>
    <row r="10408" spans="2:12">
      <c r="B10408" s="367"/>
      <c r="C10408" s="367"/>
      <c r="D10408" s="367"/>
      <c r="E10408" s="367"/>
      <c r="F10408" s="360"/>
      <c r="G10408" s="360"/>
      <c r="H10408" s="360"/>
      <c r="I10408" s="360"/>
      <c r="J10408" s="365"/>
      <c r="K10408" s="365"/>
      <c r="L10408" s="365"/>
    </row>
    <row r="10409" spans="2:12">
      <c r="B10409" s="367"/>
      <c r="C10409" s="367"/>
      <c r="D10409" s="367"/>
      <c r="E10409" s="367"/>
      <c r="F10409" s="359" t="s">
        <v>14371</v>
      </c>
      <c r="G10409" s="359" t="s">
        <v>14372</v>
      </c>
      <c r="H10409" s="359" t="s">
        <v>14332</v>
      </c>
      <c r="I10409" s="359" t="s">
        <v>14373</v>
      </c>
      <c r="J10409" s="365"/>
      <c r="K10409" s="365"/>
      <c r="L10409" s="365"/>
    </row>
    <row r="10410" spans="2:12">
      <c r="B10410" s="367"/>
      <c r="C10410" s="367"/>
      <c r="D10410" s="367"/>
      <c r="E10410" s="367"/>
      <c r="F10410" s="360"/>
      <c r="G10410" s="360"/>
      <c r="H10410" s="360"/>
      <c r="I10410" s="360"/>
      <c r="J10410" s="365"/>
      <c r="K10410" s="365"/>
      <c r="L10410" s="365"/>
    </row>
    <row r="10411" spans="2:12" ht="28.5">
      <c r="B10411" s="368"/>
      <c r="C10411" s="368"/>
      <c r="D10411" s="368"/>
      <c r="E10411" s="368"/>
      <c r="F10411" s="361" t="s">
        <v>14374</v>
      </c>
      <c r="G10411" s="361" t="s">
        <v>14373</v>
      </c>
      <c r="H10411" s="362"/>
      <c r="I10411" s="362"/>
      <c r="J10411" s="366"/>
      <c r="K10411" s="366"/>
      <c r="L10411" s="366"/>
    </row>
    <row r="10412" spans="2:12">
      <c r="B10412" s="358" t="s">
        <v>19659</v>
      </c>
      <c r="C10412" s="358" t="s">
        <v>19660</v>
      </c>
      <c r="D10412" s="358" t="s">
        <v>19661</v>
      </c>
      <c r="E10412" s="358" t="s">
        <v>8356</v>
      </c>
      <c r="F10412" s="358" t="s">
        <v>14391</v>
      </c>
      <c r="G10412" s="358" t="s">
        <v>14392</v>
      </c>
      <c r="H10412" s="358" t="s">
        <v>14367</v>
      </c>
      <c r="I10412" s="358" t="s">
        <v>14392</v>
      </c>
      <c r="J10412" s="358"/>
      <c r="K10412" s="358"/>
      <c r="L10412" s="358"/>
    </row>
    <row r="10413" spans="2:12">
      <c r="B10413" s="367"/>
      <c r="C10413" s="367"/>
      <c r="D10413" s="367"/>
      <c r="E10413" s="367"/>
      <c r="F10413" s="360"/>
      <c r="G10413" s="360"/>
      <c r="H10413" s="360"/>
      <c r="I10413" s="360"/>
      <c r="J10413" s="365"/>
      <c r="K10413" s="365"/>
      <c r="L10413" s="365"/>
    </row>
    <row r="10414" spans="2:12" ht="28.5">
      <c r="B10414" s="368"/>
      <c r="C10414" s="368"/>
      <c r="D10414" s="368"/>
      <c r="E10414" s="368"/>
      <c r="F10414" s="361" t="s">
        <v>14462</v>
      </c>
      <c r="G10414" s="361" t="s">
        <v>14463</v>
      </c>
      <c r="H10414" s="361" t="s">
        <v>14422</v>
      </c>
      <c r="I10414" s="361" t="s">
        <v>14463</v>
      </c>
      <c r="J10414" s="366"/>
      <c r="K10414" s="366"/>
      <c r="L10414" s="366"/>
    </row>
    <row r="10415" spans="2:12" ht="28.5">
      <c r="B10415" s="358" t="s">
        <v>19662</v>
      </c>
      <c r="C10415" s="358" t="s">
        <v>19663</v>
      </c>
      <c r="D10415" s="358" t="s">
        <v>19664</v>
      </c>
      <c r="E10415" s="358" t="s">
        <v>19665</v>
      </c>
      <c r="F10415" s="358" t="s">
        <v>29142</v>
      </c>
      <c r="G10415" s="358" t="s">
        <v>29143</v>
      </c>
      <c r="H10415" s="358" t="s">
        <v>14381</v>
      </c>
      <c r="I10415" s="358" t="s">
        <v>28567</v>
      </c>
      <c r="J10415" s="358"/>
      <c r="K10415" s="358"/>
      <c r="L10415" s="358"/>
    </row>
    <row r="10416" spans="2:12">
      <c r="B10416" s="367"/>
      <c r="C10416" s="367"/>
      <c r="D10416" s="367"/>
      <c r="E10416" s="367"/>
      <c r="F10416" s="360"/>
      <c r="G10416" s="360"/>
      <c r="H10416" s="360"/>
      <c r="I10416" s="367"/>
      <c r="J10416" s="365"/>
      <c r="K10416" s="365"/>
      <c r="L10416" s="365"/>
    </row>
    <row r="10417" spans="2:12" ht="28.5">
      <c r="B10417" s="367"/>
      <c r="C10417" s="367"/>
      <c r="D10417" s="367"/>
      <c r="E10417" s="367"/>
      <c r="F10417" s="359" t="s">
        <v>14374</v>
      </c>
      <c r="G10417" s="359" t="s">
        <v>14373</v>
      </c>
      <c r="H10417" s="359" t="s">
        <v>14370</v>
      </c>
      <c r="I10417" s="367"/>
      <c r="J10417" s="365"/>
      <c r="K10417" s="365"/>
      <c r="L10417" s="365"/>
    </row>
    <row r="10418" spans="2:12">
      <c r="B10418" s="367"/>
      <c r="C10418" s="367"/>
      <c r="D10418" s="367"/>
      <c r="E10418" s="367"/>
      <c r="F10418" s="360"/>
      <c r="G10418" s="360"/>
      <c r="H10418" s="360"/>
      <c r="I10418" s="367"/>
      <c r="J10418" s="365"/>
      <c r="K10418" s="365"/>
      <c r="L10418" s="365"/>
    </row>
    <row r="10419" spans="2:12">
      <c r="B10419" s="368"/>
      <c r="C10419" s="368"/>
      <c r="D10419" s="368"/>
      <c r="E10419" s="368"/>
      <c r="F10419" s="362"/>
      <c r="G10419" s="362"/>
      <c r="H10419" s="361" t="s">
        <v>14422</v>
      </c>
      <c r="I10419" s="368"/>
      <c r="J10419" s="366"/>
      <c r="K10419" s="366"/>
      <c r="L10419" s="366"/>
    </row>
    <row r="10420" spans="2:12">
      <c r="B10420" s="358" t="s">
        <v>19666</v>
      </c>
      <c r="C10420" s="358" t="s">
        <v>19667</v>
      </c>
      <c r="D10420" s="358" t="s">
        <v>19668</v>
      </c>
      <c r="E10420" s="358" t="s">
        <v>19669</v>
      </c>
      <c r="F10420" s="358" t="s">
        <v>14420</v>
      </c>
      <c r="G10420" s="358" t="s">
        <v>14429</v>
      </c>
      <c r="H10420" s="358" t="s">
        <v>14367</v>
      </c>
      <c r="I10420" s="358" t="s">
        <v>14429</v>
      </c>
      <c r="J10420" s="358"/>
      <c r="K10420" s="358"/>
      <c r="L10420" s="358"/>
    </row>
    <row r="10421" spans="2:12">
      <c r="B10421" s="367"/>
      <c r="C10421" s="367"/>
      <c r="D10421" s="367"/>
      <c r="E10421" s="367"/>
      <c r="F10421" s="367"/>
      <c r="G10421" s="367"/>
      <c r="H10421" s="360"/>
      <c r="I10421" s="367"/>
      <c r="J10421" s="365"/>
      <c r="K10421" s="365"/>
      <c r="L10421" s="365"/>
    </row>
    <row r="10422" spans="2:12">
      <c r="B10422" s="368"/>
      <c r="C10422" s="368"/>
      <c r="D10422" s="368"/>
      <c r="E10422" s="368"/>
      <c r="F10422" s="368"/>
      <c r="G10422" s="368"/>
      <c r="H10422" s="361" t="s">
        <v>14422</v>
      </c>
      <c r="I10422" s="368"/>
      <c r="J10422" s="366"/>
      <c r="K10422" s="366"/>
      <c r="L10422" s="366"/>
    </row>
    <row r="10423" spans="2:12" ht="28.5">
      <c r="B10423" s="358" t="s">
        <v>19670</v>
      </c>
      <c r="C10423" s="358" t="s">
        <v>19671</v>
      </c>
      <c r="D10423" s="358" t="s">
        <v>19672</v>
      </c>
      <c r="E10423" s="358" t="s">
        <v>19673</v>
      </c>
      <c r="F10423" s="358" t="s">
        <v>14394</v>
      </c>
      <c r="G10423" s="358" t="s">
        <v>14395</v>
      </c>
      <c r="H10423" s="358" t="s">
        <v>14370</v>
      </c>
      <c r="I10423" s="358" t="s">
        <v>14395</v>
      </c>
      <c r="J10423" s="358"/>
      <c r="K10423" s="358"/>
      <c r="L10423" s="358"/>
    </row>
    <row r="10424" spans="2:12">
      <c r="B10424" s="368"/>
      <c r="C10424" s="368"/>
      <c r="D10424" s="368"/>
      <c r="E10424" s="368"/>
      <c r="F10424" s="368"/>
      <c r="G10424" s="368"/>
      <c r="H10424" s="368"/>
      <c r="I10424" s="368"/>
      <c r="J10424" s="366"/>
      <c r="K10424" s="366"/>
      <c r="L10424" s="366"/>
    </row>
    <row r="10425" spans="2:12" ht="28.5">
      <c r="B10425" s="358" t="s">
        <v>19674</v>
      </c>
      <c r="C10425" s="358" t="s">
        <v>27625</v>
      </c>
      <c r="D10425" s="358" t="s">
        <v>19675</v>
      </c>
      <c r="E10425" s="358" t="s">
        <v>19676</v>
      </c>
      <c r="F10425" s="358" t="s">
        <v>14462</v>
      </c>
      <c r="G10425" s="358" t="s">
        <v>14463</v>
      </c>
      <c r="H10425" s="358" t="s">
        <v>8356</v>
      </c>
      <c r="I10425" s="358" t="s">
        <v>14463</v>
      </c>
      <c r="J10425" s="358"/>
      <c r="K10425" s="358"/>
      <c r="L10425" s="358"/>
    </row>
    <row r="10426" spans="2:12">
      <c r="B10426" s="368"/>
      <c r="C10426" s="368"/>
      <c r="D10426" s="368"/>
      <c r="E10426" s="368"/>
      <c r="F10426" s="368"/>
      <c r="G10426" s="368"/>
      <c r="H10426" s="368"/>
      <c r="I10426" s="368"/>
      <c r="J10426" s="366"/>
      <c r="K10426" s="366"/>
      <c r="L10426" s="366"/>
    </row>
    <row r="10427" spans="2:12" ht="42.75">
      <c r="B10427" s="358" t="s">
        <v>19677</v>
      </c>
      <c r="C10427" s="358" t="s">
        <v>30178</v>
      </c>
      <c r="D10427" s="358" t="s">
        <v>19678</v>
      </c>
      <c r="E10427" s="358" t="s">
        <v>19679</v>
      </c>
      <c r="F10427" s="358" t="s">
        <v>14462</v>
      </c>
      <c r="G10427" s="358" t="s">
        <v>14463</v>
      </c>
      <c r="H10427" s="358" t="s">
        <v>8356</v>
      </c>
      <c r="I10427" s="358" t="s">
        <v>14463</v>
      </c>
      <c r="J10427" s="358"/>
      <c r="K10427" s="358"/>
      <c r="L10427" s="358"/>
    </row>
    <row r="10428" spans="2:12">
      <c r="B10428" s="368"/>
      <c r="C10428" s="368"/>
      <c r="D10428" s="368"/>
      <c r="E10428" s="368"/>
      <c r="F10428" s="368"/>
      <c r="G10428" s="368"/>
      <c r="H10428" s="368"/>
      <c r="I10428" s="368"/>
      <c r="J10428" s="366"/>
      <c r="K10428" s="366"/>
      <c r="L10428" s="366"/>
    </row>
    <row r="10429" spans="2:12">
      <c r="B10429" s="358" t="s">
        <v>19680</v>
      </c>
      <c r="C10429" s="358" t="s">
        <v>19681</v>
      </c>
      <c r="D10429" s="358" t="s">
        <v>19682</v>
      </c>
      <c r="E10429" s="358" t="s">
        <v>19683</v>
      </c>
      <c r="F10429" s="358" t="s">
        <v>14391</v>
      </c>
      <c r="G10429" s="358" t="s">
        <v>14392</v>
      </c>
      <c r="H10429" s="358" t="s">
        <v>14367</v>
      </c>
      <c r="I10429" s="358" t="s">
        <v>14392</v>
      </c>
      <c r="J10429" s="358"/>
      <c r="K10429" s="358"/>
      <c r="L10429" s="358"/>
    </row>
    <row r="10430" spans="2:12">
      <c r="B10430" s="367"/>
      <c r="C10430" s="367"/>
      <c r="D10430" s="367"/>
      <c r="E10430" s="367"/>
      <c r="F10430" s="360"/>
      <c r="G10430" s="360"/>
      <c r="H10430" s="360"/>
      <c r="I10430" s="360"/>
      <c r="J10430" s="365"/>
      <c r="K10430" s="365"/>
      <c r="L10430" s="365"/>
    </row>
    <row r="10431" spans="2:12" ht="28.5">
      <c r="B10431" s="368"/>
      <c r="C10431" s="368"/>
      <c r="D10431" s="368"/>
      <c r="E10431" s="368"/>
      <c r="F10431" s="361" t="s">
        <v>14472</v>
      </c>
      <c r="G10431" s="361" t="s">
        <v>14473</v>
      </c>
      <c r="H10431" s="361" t="s">
        <v>14422</v>
      </c>
      <c r="I10431" s="361" t="s">
        <v>14473</v>
      </c>
      <c r="J10431" s="366"/>
      <c r="K10431" s="366"/>
      <c r="L10431" s="366"/>
    </row>
    <row r="10432" spans="2:12" ht="42.75">
      <c r="B10432" s="358" t="s">
        <v>13090</v>
      </c>
      <c r="C10432" s="358" t="s">
        <v>19684</v>
      </c>
      <c r="D10432" s="358" t="s">
        <v>13091</v>
      </c>
      <c r="E10432" s="358" t="s">
        <v>13092</v>
      </c>
      <c r="F10432" s="358" t="s">
        <v>14424</v>
      </c>
      <c r="G10432" s="358" t="s">
        <v>29144</v>
      </c>
      <c r="H10432" s="358" t="s">
        <v>14381</v>
      </c>
      <c r="I10432" s="358" t="s">
        <v>29144</v>
      </c>
      <c r="J10432" s="358"/>
      <c r="K10432" s="358"/>
      <c r="L10432" s="358"/>
    </row>
    <row r="10433" spans="2:12">
      <c r="B10433" s="367"/>
      <c r="C10433" s="367"/>
      <c r="D10433" s="367"/>
      <c r="E10433" s="367"/>
      <c r="F10433" s="360"/>
      <c r="G10433" s="367"/>
      <c r="H10433" s="360"/>
      <c r="I10433" s="367"/>
      <c r="J10433" s="365"/>
      <c r="K10433" s="365"/>
      <c r="L10433" s="365"/>
    </row>
    <row r="10434" spans="2:12">
      <c r="B10434" s="367"/>
      <c r="C10434" s="367"/>
      <c r="D10434" s="367"/>
      <c r="E10434" s="367"/>
      <c r="F10434" s="359" t="s">
        <v>14460</v>
      </c>
      <c r="G10434" s="367"/>
      <c r="H10434" s="359" t="s">
        <v>14370</v>
      </c>
      <c r="I10434" s="367"/>
      <c r="J10434" s="365"/>
      <c r="K10434" s="365"/>
      <c r="L10434" s="365"/>
    </row>
    <row r="10435" spans="2:12">
      <c r="B10435" s="367"/>
      <c r="C10435" s="367"/>
      <c r="D10435" s="367"/>
      <c r="E10435" s="367"/>
      <c r="F10435" s="360"/>
      <c r="G10435" s="367"/>
      <c r="H10435" s="360"/>
      <c r="I10435" s="367"/>
      <c r="J10435" s="365"/>
      <c r="K10435" s="365"/>
      <c r="L10435" s="365"/>
    </row>
    <row r="10436" spans="2:12" ht="28.5">
      <c r="B10436" s="368"/>
      <c r="C10436" s="368"/>
      <c r="D10436" s="368"/>
      <c r="E10436" s="368"/>
      <c r="F10436" s="361" t="s">
        <v>14394</v>
      </c>
      <c r="G10436" s="368"/>
      <c r="H10436" s="361" t="s">
        <v>14332</v>
      </c>
      <c r="I10436" s="368"/>
      <c r="J10436" s="366"/>
      <c r="K10436" s="366"/>
      <c r="L10436" s="366"/>
    </row>
    <row r="10437" spans="2:12">
      <c r="B10437" s="358" t="s">
        <v>19685</v>
      </c>
      <c r="C10437" s="358" t="s">
        <v>19686</v>
      </c>
      <c r="D10437" s="358" t="s">
        <v>19687</v>
      </c>
      <c r="E10437" s="358" t="s">
        <v>19688</v>
      </c>
      <c r="F10437" s="358" t="s">
        <v>14391</v>
      </c>
      <c r="G10437" s="358" t="s">
        <v>14392</v>
      </c>
      <c r="H10437" s="358" t="s">
        <v>14367</v>
      </c>
      <c r="I10437" s="358" t="s">
        <v>14392</v>
      </c>
      <c r="J10437" s="358"/>
      <c r="K10437" s="358"/>
      <c r="L10437" s="358"/>
    </row>
    <row r="10438" spans="2:12">
      <c r="B10438" s="367"/>
      <c r="C10438" s="367"/>
      <c r="D10438" s="367"/>
      <c r="E10438" s="367"/>
      <c r="F10438" s="360"/>
      <c r="G10438" s="360"/>
      <c r="H10438" s="360"/>
      <c r="I10438" s="360"/>
      <c r="J10438" s="365"/>
      <c r="K10438" s="365"/>
      <c r="L10438" s="365"/>
    </row>
    <row r="10439" spans="2:12" ht="28.5">
      <c r="B10439" s="368"/>
      <c r="C10439" s="368"/>
      <c r="D10439" s="368"/>
      <c r="E10439" s="368"/>
      <c r="F10439" s="361" t="s">
        <v>14472</v>
      </c>
      <c r="G10439" s="361" t="s">
        <v>14473</v>
      </c>
      <c r="H10439" s="361" t="s">
        <v>14422</v>
      </c>
      <c r="I10439" s="361" t="s">
        <v>14473</v>
      </c>
      <c r="J10439" s="366"/>
      <c r="K10439" s="366"/>
      <c r="L10439" s="366"/>
    </row>
    <row r="10440" spans="2:12">
      <c r="B10440" s="358" t="s">
        <v>19689</v>
      </c>
      <c r="C10440" s="358" t="s">
        <v>19690</v>
      </c>
      <c r="D10440" s="358" t="s">
        <v>19691</v>
      </c>
      <c r="E10440" s="358" t="s">
        <v>19692</v>
      </c>
      <c r="F10440" s="358" t="s">
        <v>14507</v>
      </c>
      <c r="G10440" s="358" t="s">
        <v>14873</v>
      </c>
      <c r="H10440" s="358" t="s">
        <v>14381</v>
      </c>
      <c r="I10440" s="358" t="s">
        <v>14873</v>
      </c>
      <c r="J10440" s="358"/>
      <c r="K10440" s="358"/>
      <c r="L10440" s="358"/>
    </row>
    <row r="10441" spans="2:12">
      <c r="B10441" s="367"/>
      <c r="C10441" s="367"/>
      <c r="D10441" s="367"/>
      <c r="E10441" s="367"/>
      <c r="F10441" s="367"/>
      <c r="G10441" s="367"/>
      <c r="H10441" s="360"/>
      <c r="I10441" s="367"/>
      <c r="J10441" s="365"/>
      <c r="K10441" s="365"/>
      <c r="L10441" s="365"/>
    </row>
    <row r="10442" spans="2:12">
      <c r="B10442" s="368"/>
      <c r="C10442" s="368"/>
      <c r="D10442" s="368"/>
      <c r="E10442" s="368"/>
      <c r="F10442" s="368"/>
      <c r="G10442" s="368"/>
      <c r="H10442" s="361" t="s">
        <v>14422</v>
      </c>
      <c r="I10442" s="368"/>
      <c r="J10442" s="366"/>
      <c r="K10442" s="366"/>
      <c r="L10442" s="366"/>
    </row>
    <row r="10443" spans="2:12" ht="28.5">
      <c r="B10443" s="358" t="s">
        <v>19693</v>
      </c>
      <c r="C10443" s="358" t="s">
        <v>19694</v>
      </c>
      <c r="D10443" s="358" t="s">
        <v>19695</v>
      </c>
      <c r="E10443" s="358" t="s">
        <v>19696</v>
      </c>
      <c r="F10443" s="358" t="s">
        <v>14462</v>
      </c>
      <c r="G10443" s="358" t="s">
        <v>14463</v>
      </c>
      <c r="H10443" s="358" t="s">
        <v>8356</v>
      </c>
      <c r="I10443" s="358" t="s">
        <v>14463</v>
      </c>
      <c r="J10443" s="358"/>
      <c r="K10443" s="358"/>
      <c r="L10443" s="358"/>
    </row>
    <row r="10444" spans="2:12">
      <c r="B10444" s="368"/>
      <c r="C10444" s="368"/>
      <c r="D10444" s="368"/>
      <c r="E10444" s="368"/>
      <c r="F10444" s="368"/>
      <c r="G10444" s="368"/>
      <c r="H10444" s="368"/>
      <c r="I10444" s="368"/>
      <c r="J10444" s="366"/>
      <c r="K10444" s="366"/>
      <c r="L10444" s="366"/>
    </row>
    <row r="10445" spans="2:12" ht="57">
      <c r="B10445" s="358" t="s">
        <v>19697</v>
      </c>
      <c r="C10445" s="358" t="s">
        <v>30179</v>
      </c>
      <c r="D10445" s="358" t="s">
        <v>19698</v>
      </c>
      <c r="E10445" s="358" t="s">
        <v>19699</v>
      </c>
      <c r="F10445" s="358" t="s">
        <v>14386</v>
      </c>
      <c r="G10445" s="358" t="s">
        <v>14387</v>
      </c>
      <c r="H10445" s="358" t="s">
        <v>14367</v>
      </c>
      <c r="I10445" s="358" t="s">
        <v>14387</v>
      </c>
      <c r="J10445" s="358"/>
      <c r="K10445" s="358"/>
      <c r="L10445" s="358"/>
    </row>
    <row r="10446" spans="2:12">
      <c r="B10446" s="367"/>
      <c r="C10446" s="367"/>
      <c r="D10446" s="367"/>
      <c r="E10446" s="367"/>
      <c r="F10446" s="360"/>
      <c r="G10446" s="360"/>
      <c r="H10446" s="360"/>
      <c r="I10446" s="360"/>
      <c r="J10446" s="365"/>
      <c r="K10446" s="365"/>
      <c r="L10446" s="365"/>
    </row>
    <row r="10447" spans="2:12" ht="28.5">
      <c r="B10447" s="368"/>
      <c r="C10447" s="368"/>
      <c r="D10447" s="368"/>
      <c r="E10447" s="368"/>
      <c r="F10447" s="361" t="s">
        <v>14462</v>
      </c>
      <c r="G10447" s="361" t="s">
        <v>14463</v>
      </c>
      <c r="H10447" s="361" t="s">
        <v>14422</v>
      </c>
      <c r="I10447" s="361" t="s">
        <v>14463</v>
      </c>
      <c r="J10447" s="366"/>
      <c r="K10447" s="366"/>
      <c r="L10447" s="366"/>
    </row>
    <row r="10448" spans="2:12" ht="28.5">
      <c r="B10448" s="358" t="s">
        <v>19700</v>
      </c>
      <c r="C10448" s="358" t="s">
        <v>30180</v>
      </c>
      <c r="D10448" s="358" t="s">
        <v>19701</v>
      </c>
      <c r="E10448" s="358" t="s">
        <v>19702</v>
      </c>
      <c r="F10448" s="358" t="s">
        <v>14462</v>
      </c>
      <c r="G10448" s="358" t="s">
        <v>14463</v>
      </c>
      <c r="H10448" s="358" t="s">
        <v>8356</v>
      </c>
      <c r="I10448" s="358" t="s">
        <v>14463</v>
      </c>
      <c r="J10448" s="358"/>
      <c r="K10448" s="358"/>
      <c r="L10448" s="358"/>
    </row>
    <row r="10449" spans="2:12">
      <c r="B10449" s="368"/>
      <c r="C10449" s="368"/>
      <c r="D10449" s="368"/>
      <c r="E10449" s="368"/>
      <c r="F10449" s="368"/>
      <c r="G10449" s="368"/>
      <c r="H10449" s="368"/>
      <c r="I10449" s="368"/>
      <c r="J10449" s="366"/>
      <c r="K10449" s="366"/>
      <c r="L10449" s="366"/>
    </row>
    <row r="10450" spans="2:12" ht="28.5">
      <c r="B10450" s="358" t="s">
        <v>19703</v>
      </c>
      <c r="C10450" s="358" t="s">
        <v>19704</v>
      </c>
      <c r="D10450" s="358" t="s">
        <v>19705</v>
      </c>
      <c r="E10450" s="358" t="s">
        <v>19706</v>
      </c>
      <c r="F10450" s="358" t="s">
        <v>14418</v>
      </c>
      <c r="G10450" s="358" t="s">
        <v>14419</v>
      </c>
      <c r="H10450" s="358" t="s">
        <v>14328</v>
      </c>
      <c r="I10450" s="358" t="s">
        <v>14419</v>
      </c>
      <c r="J10450" s="358"/>
      <c r="K10450" s="358" t="s">
        <v>14820</v>
      </c>
      <c r="L10450" s="358"/>
    </row>
    <row r="10451" spans="2:12">
      <c r="B10451" s="367"/>
      <c r="C10451" s="367"/>
      <c r="D10451" s="367"/>
      <c r="E10451" s="367"/>
      <c r="F10451" s="360"/>
      <c r="G10451" s="360"/>
      <c r="H10451" s="360"/>
      <c r="I10451" s="360"/>
      <c r="J10451" s="365"/>
      <c r="K10451" s="367"/>
      <c r="L10451" s="365"/>
    </row>
    <row r="10452" spans="2:12" ht="28.5">
      <c r="B10452" s="367"/>
      <c r="C10452" s="367"/>
      <c r="D10452" s="367"/>
      <c r="E10452" s="367"/>
      <c r="F10452" s="359" t="s">
        <v>28964</v>
      </c>
      <c r="G10452" s="359" t="s">
        <v>14429</v>
      </c>
      <c r="H10452" s="359" t="s">
        <v>14341</v>
      </c>
      <c r="I10452" s="359" t="s">
        <v>14429</v>
      </c>
      <c r="J10452" s="365"/>
      <c r="K10452" s="367"/>
      <c r="L10452" s="365"/>
    </row>
    <row r="10453" spans="2:12">
      <c r="B10453" s="367"/>
      <c r="C10453" s="367"/>
      <c r="D10453" s="367"/>
      <c r="E10453" s="367"/>
      <c r="F10453" s="360"/>
      <c r="G10453" s="360"/>
      <c r="H10453" s="360"/>
      <c r="I10453" s="360"/>
      <c r="J10453" s="365"/>
      <c r="K10453" s="367"/>
      <c r="L10453" s="365"/>
    </row>
    <row r="10454" spans="2:12" ht="28.5">
      <c r="B10454" s="367"/>
      <c r="C10454" s="367"/>
      <c r="D10454" s="367"/>
      <c r="E10454" s="367"/>
      <c r="F10454" s="359" t="s">
        <v>14389</v>
      </c>
      <c r="G10454" s="359" t="s">
        <v>29141</v>
      </c>
      <c r="H10454" s="359" t="s">
        <v>14381</v>
      </c>
      <c r="I10454" s="359" t="s">
        <v>29141</v>
      </c>
      <c r="J10454" s="365"/>
      <c r="K10454" s="367"/>
      <c r="L10454" s="365"/>
    </row>
    <row r="10455" spans="2:12">
      <c r="B10455" s="367"/>
      <c r="C10455" s="367"/>
      <c r="D10455" s="367"/>
      <c r="E10455" s="367"/>
      <c r="F10455" s="360"/>
      <c r="G10455" s="360"/>
      <c r="H10455" s="360"/>
      <c r="I10455" s="360"/>
      <c r="J10455" s="365"/>
      <c r="K10455" s="367"/>
      <c r="L10455" s="365"/>
    </row>
    <row r="10456" spans="2:12">
      <c r="B10456" s="367"/>
      <c r="C10456" s="367"/>
      <c r="D10456" s="367"/>
      <c r="E10456" s="367"/>
      <c r="F10456" s="359" t="s">
        <v>14430</v>
      </c>
      <c r="G10456" s="359" t="s">
        <v>14431</v>
      </c>
      <c r="H10456" s="359" t="s">
        <v>14367</v>
      </c>
      <c r="I10456" s="359" t="s">
        <v>14431</v>
      </c>
      <c r="J10456" s="365"/>
      <c r="K10456" s="367"/>
      <c r="L10456" s="365"/>
    </row>
    <row r="10457" spans="2:12">
      <c r="B10457" s="367"/>
      <c r="C10457" s="367"/>
      <c r="D10457" s="367"/>
      <c r="E10457" s="367"/>
      <c r="F10457" s="360"/>
      <c r="G10457" s="360"/>
      <c r="H10457" s="360"/>
      <c r="I10457" s="360"/>
      <c r="J10457" s="365"/>
      <c r="K10457" s="367"/>
      <c r="L10457" s="365"/>
    </row>
    <row r="10458" spans="2:12">
      <c r="B10458" s="367"/>
      <c r="C10458" s="367"/>
      <c r="D10458" s="367"/>
      <c r="E10458" s="367"/>
      <c r="F10458" s="359" t="s">
        <v>14391</v>
      </c>
      <c r="G10458" s="359" t="s">
        <v>14392</v>
      </c>
      <c r="H10458" s="359" t="s">
        <v>14370</v>
      </c>
      <c r="I10458" s="359" t="s">
        <v>14392</v>
      </c>
      <c r="J10458" s="365"/>
      <c r="K10458" s="367"/>
      <c r="L10458" s="365"/>
    </row>
    <row r="10459" spans="2:12">
      <c r="B10459" s="367"/>
      <c r="C10459" s="367"/>
      <c r="D10459" s="367"/>
      <c r="E10459" s="367"/>
      <c r="F10459" s="360"/>
      <c r="G10459" s="360"/>
      <c r="H10459" s="360"/>
      <c r="I10459" s="360"/>
      <c r="J10459" s="365"/>
      <c r="K10459" s="367"/>
      <c r="L10459" s="365"/>
    </row>
    <row r="10460" spans="2:12">
      <c r="B10460" s="367"/>
      <c r="C10460" s="367"/>
      <c r="D10460" s="367"/>
      <c r="E10460" s="367"/>
      <c r="F10460" s="359" t="s">
        <v>14371</v>
      </c>
      <c r="G10460" s="359" t="s">
        <v>14372</v>
      </c>
      <c r="H10460" s="359" t="s">
        <v>14332</v>
      </c>
      <c r="I10460" s="359" t="s">
        <v>14373</v>
      </c>
      <c r="J10460" s="365"/>
      <c r="K10460" s="367"/>
      <c r="L10460" s="365"/>
    </row>
    <row r="10461" spans="2:12">
      <c r="B10461" s="367"/>
      <c r="C10461" s="367"/>
      <c r="D10461" s="367"/>
      <c r="E10461" s="367"/>
      <c r="F10461" s="360"/>
      <c r="G10461" s="360"/>
      <c r="H10461" s="360"/>
      <c r="I10461" s="360"/>
      <c r="J10461" s="365"/>
      <c r="K10461" s="367"/>
      <c r="L10461" s="365"/>
    </row>
    <row r="10462" spans="2:12" ht="28.5">
      <c r="B10462" s="368"/>
      <c r="C10462" s="368"/>
      <c r="D10462" s="368"/>
      <c r="E10462" s="368"/>
      <c r="F10462" s="361" t="s">
        <v>14374</v>
      </c>
      <c r="G10462" s="361" t="s">
        <v>14373</v>
      </c>
      <c r="H10462" s="362"/>
      <c r="I10462" s="362"/>
      <c r="J10462" s="366"/>
      <c r="K10462" s="368"/>
      <c r="L10462" s="366"/>
    </row>
    <row r="10463" spans="2:12" ht="28.5">
      <c r="B10463" s="358" t="s">
        <v>19707</v>
      </c>
      <c r="C10463" s="358" t="s">
        <v>27626</v>
      </c>
      <c r="D10463" s="358" t="s">
        <v>19708</v>
      </c>
      <c r="E10463" s="358" t="s">
        <v>19709</v>
      </c>
      <c r="F10463" s="358" t="s">
        <v>14462</v>
      </c>
      <c r="G10463" s="358" t="s">
        <v>14463</v>
      </c>
      <c r="H10463" s="358" t="s">
        <v>8356</v>
      </c>
      <c r="I10463" s="358" t="s">
        <v>14463</v>
      </c>
      <c r="J10463" s="358"/>
      <c r="K10463" s="358"/>
      <c r="L10463" s="358"/>
    </row>
    <row r="10464" spans="2:12">
      <c r="B10464" s="368"/>
      <c r="C10464" s="368"/>
      <c r="D10464" s="368"/>
      <c r="E10464" s="368"/>
      <c r="F10464" s="368"/>
      <c r="G10464" s="368"/>
      <c r="H10464" s="368"/>
      <c r="I10464" s="368"/>
      <c r="J10464" s="366"/>
      <c r="K10464" s="366"/>
      <c r="L10464" s="366"/>
    </row>
    <row r="10465" spans="2:12" ht="28.5">
      <c r="B10465" s="358" t="s">
        <v>19710</v>
      </c>
      <c r="C10465" s="358" t="s">
        <v>19711</v>
      </c>
      <c r="D10465" s="358" t="s">
        <v>19712</v>
      </c>
      <c r="E10465" s="358" t="s">
        <v>19713</v>
      </c>
      <c r="F10465" s="358" t="s">
        <v>29142</v>
      </c>
      <c r="G10465" s="358" t="s">
        <v>29143</v>
      </c>
      <c r="H10465" s="358" t="s">
        <v>14381</v>
      </c>
      <c r="I10465" s="358" t="s">
        <v>28567</v>
      </c>
      <c r="J10465" s="358"/>
      <c r="K10465" s="358"/>
      <c r="L10465" s="358"/>
    </row>
    <row r="10466" spans="2:12">
      <c r="B10466" s="367"/>
      <c r="C10466" s="367"/>
      <c r="D10466" s="367"/>
      <c r="E10466" s="367"/>
      <c r="F10466" s="360"/>
      <c r="G10466" s="360"/>
      <c r="H10466" s="360"/>
      <c r="I10466" s="367"/>
      <c r="J10466" s="365"/>
      <c r="K10466" s="365"/>
      <c r="L10466" s="365"/>
    </row>
    <row r="10467" spans="2:12" ht="28.5">
      <c r="B10467" s="367"/>
      <c r="C10467" s="367"/>
      <c r="D10467" s="367"/>
      <c r="E10467" s="367"/>
      <c r="F10467" s="359" t="s">
        <v>14374</v>
      </c>
      <c r="G10467" s="359" t="s">
        <v>14373</v>
      </c>
      <c r="H10467" s="359" t="s">
        <v>14370</v>
      </c>
      <c r="I10467" s="367"/>
      <c r="J10467" s="365"/>
      <c r="K10467" s="365"/>
      <c r="L10467" s="365"/>
    </row>
    <row r="10468" spans="2:12">
      <c r="B10468" s="367"/>
      <c r="C10468" s="367"/>
      <c r="D10468" s="367"/>
      <c r="E10468" s="367"/>
      <c r="F10468" s="360"/>
      <c r="G10468" s="360"/>
      <c r="H10468" s="360"/>
      <c r="I10468" s="367"/>
      <c r="J10468" s="365"/>
      <c r="K10468" s="365"/>
      <c r="L10468" s="365"/>
    </row>
    <row r="10469" spans="2:12">
      <c r="B10469" s="368"/>
      <c r="C10469" s="368"/>
      <c r="D10469" s="368"/>
      <c r="E10469" s="368"/>
      <c r="F10469" s="362"/>
      <c r="G10469" s="362"/>
      <c r="H10469" s="361" t="s">
        <v>29145</v>
      </c>
      <c r="I10469" s="368"/>
      <c r="J10469" s="366"/>
      <c r="K10469" s="366"/>
      <c r="L10469" s="366"/>
    </row>
    <row r="10470" spans="2:12" ht="28.5">
      <c r="B10470" s="358" t="s">
        <v>19714</v>
      </c>
      <c r="C10470" s="358" t="s">
        <v>19715</v>
      </c>
      <c r="D10470" s="358" t="s">
        <v>19716</v>
      </c>
      <c r="E10470" s="358" t="s">
        <v>8356</v>
      </c>
      <c r="F10470" s="358" t="s">
        <v>14386</v>
      </c>
      <c r="G10470" s="358" t="s">
        <v>14387</v>
      </c>
      <c r="H10470" s="358" t="s">
        <v>14367</v>
      </c>
      <c r="I10470" s="358" t="s">
        <v>14387</v>
      </c>
      <c r="J10470" s="358"/>
      <c r="K10470" s="358"/>
      <c r="L10470" s="358"/>
    </row>
    <row r="10471" spans="2:12">
      <c r="B10471" s="367"/>
      <c r="C10471" s="367"/>
      <c r="D10471" s="367"/>
      <c r="E10471" s="367"/>
      <c r="F10471" s="367"/>
      <c r="G10471" s="367"/>
      <c r="H10471" s="360"/>
      <c r="I10471" s="367"/>
      <c r="J10471" s="365"/>
      <c r="K10471" s="365"/>
      <c r="L10471" s="365"/>
    </row>
    <row r="10472" spans="2:12">
      <c r="B10472" s="368"/>
      <c r="C10472" s="368"/>
      <c r="D10472" s="368"/>
      <c r="E10472" s="368"/>
      <c r="F10472" s="368"/>
      <c r="G10472" s="368"/>
      <c r="H10472" s="361" t="s">
        <v>14422</v>
      </c>
      <c r="I10472" s="368"/>
      <c r="J10472" s="366"/>
      <c r="K10472" s="366"/>
      <c r="L10472" s="366"/>
    </row>
    <row r="10473" spans="2:12" ht="85.5">
      <c r="B10473" s="358" t="s">
        <v>19717</v>
      </c>
      <c r="C10473" s="358" t="s">
        <v>30181</v>
      </c>
      <c r="D10473" s="358" t="s">
        <v>19718</v>
      </c>
      <c r="E10473" s="358" t="s">
        <v>8356</v>
      </c>
      <c r="F10473" s="358" t="s">
        <v>14420</v>
      </c>
      <c r="G10473" s="358" t="s">
        <v>14429</v>
      </c>
      <c r="H10473" s="358" t="s">
        <v>14367</v>
      </c>
      <c r="I10473" s="358" t="s">
        <v>14429</v>
      </c>
      <c r="J10473" s="358"/>
      <c r="K10473" s="358"/>
      <c r="L10473" s="358"/>
    </row>
    <row r="10474" spans="2:12">
      <c r="B10474" s="367"/>
      <c r="C10474" s="367"/>
      <c r="D10474" s="367"/>
      <c r="E10474" s="367"/>
      <c r="F10474" s="360"/>
      <c r="G10474" s="360"/>
      <c r="H10474" s="360"/>
      <c r="I10474" s="360"/>
      <c r="J10474" s="365"/>
      <c r="K10474" s="365"/>
      <c r="L10474" s="365"/>
    </row>
    <row r="10475" spans="2:12" ht="28.5">
      <c r="B10475" s="367"/>
      <c r="C10475" s="367"/>
      <c r="D10475" s="367"/>
      <c r="E10475" s="367"/>
      <c r="F10475" s="359" t="s">
        <v>14394</v>
      </c>
      <c r="G10475" s="359" t="s">
        <v>14395</v>
      </c>
      <c r="H10475" s="359" t="s">
        <v>14370</v>
      </c>
      <c r="I10475" s="359" t="s">
        <v>14395</v>
      </c>
      <c r="J10475" s="365"/>
      <c r="K10475" s="365"/>
      <c r="L10475" s="365"/>
    </row>
    <row r="10476" spans="2:12">
      <c r="B10476" s="367"/>
      <c r="C10476" s="367"/>
      <c r="D10476" s="367"/>
      <c r="E10476" s="367"/>
      <c r="F10476" s="360"/>
      <c r="G10476" s="360"/>
      <c r="H10476" s="360"/>
      <c r="I10476" s="360"/>
      <c r="J10476" s="365"/>
      <c r="K10476" s="365"/>
      <c r="L10476" s="365"/>
    </row>
    <row r="10477" spans="2:12">
      <c r="B10477" s="368"/>
      <c r="C10477" s="368"/>
      <c r="D10477" s="368"/>
      <c r="E10477" s="368"/>
      <c r="F10477" s="362"/>
      <c r="G10477" s="362"/>
      <c r="H10477" s="361" t="s">
        <v>14422</v>
      </c>
      <c r="I10477" s="362"/>
      <c r="J10477" s="366"/>
      <c r="K10477" s="366"/>
      <c r="L10477" s="366"/>
    </row>
    <row r="10478" spans="2:12" ht="71.25">
      <c r="B10478" s="358" t="s">
        <v>19719</v>
      </c>
      <c r="C10478" s="358" t="s">
        <v>29146</v>
      </c>
      <c r="D10478" s="358" t="s">
        <v>19720</v>
      </c>
      <c r="E10478" s="358" t="s">
        <v>19721</v>
      </c>
      <c r="F10478" s="358" t="s">
        <v>14507</v>
      </c>
      <c r="G10478" s="358" t="s">
        <v>16971</v>
      </c>
      <c r="H10478" s="358" t="s">
        <v>14378</v>
      </c>
      <c r="I10478" s="358" t="s">
        <v>16971</v>
      </c>
      <c r="J10478" s="358"/>
      <c r="K10478" s="358" t="s">
        <v>29149</v>
      </c>
      <c r="L10478" s="358"/>
    </row>
    <row r="10479" spans="2:12">
      <c r="B10479" s="367"/>
      <c r="C10479" s="367"/>
      <c r="D10479" s="360"/>
      <c r="E10479" s="360"/>
      <c r="F10479" s="360"/>
      <c r="G10479" s="360"/>
      <c r="H10479" s="360"/>
      <c r="I10479" s="360"/>
      <c r="J10479" s="365"/>
      <c r="K10479" s="360"/>
      <c r="L10479" s="365"/>
    </row>
    <row r="10480" spans="2:12" ht="28.5">
      <c r="B10480" s="367"/>
      <c r="C10480" s="367"/>
      <c r="D10480" s="359" t="s">
        <v>19723</v>
      </c>
      <c r="E10480" s="359" t="s">
        <v>19724</v>
      </c>
      <c r="F10480" s="359" t="s">
        <v>14700</v>
      </c>
      <c r="G10480" s="359" t="s">
        <v>14405</v>
      </c>
      <c r="H10480" s="359" t="s">
        <v>14381</v>
      </c>
      <c r="I10480" s="359" t="s">
        <v>14405</v>
      </c>
      <c r="J10480" s="365"/>
      <c r="K10480" s="359" t="s">
        <v>29150</v>
      </c>
      <c r="L10480" s="365"/>
    </row>
    <row r="10481" spans="2:12">
      <c r="B10481" s="367"/>
      <c r="C10481" s="367"/>
      <c r="D10481" s="360"/>
      <c r="E10481" s="360"/>
      <c r="F10481" s="360"/>
      <c r="G10481" s="360"/>
      <c r="H10481" s="360"/>
      <c r="I10481" s="360"/>
      <c r="J10481" s="365"/>
      <c r="K10481" s="360"/>
      <c r="L10481" s="365"/>
    </row>
    <row r="10482" spans="2:12">
      <c r="B10482" s="367"/>
      <c r="C10482" s="367"/>
      <c r="D10482" s="360"/>
      <c r="E10482" s="360"/>
      <c r="F10482" s="359" t="s">
        <v>14530</v>
      </c>
      <c r="G10482" s="359" t="s">
        <v>14380</v>
      </c>
      <c r="H10482" s="359" t="s">
        <v>14370</v>
      </c>
      <c r="I10482" s="359" t="s">
        <v>14380</v>
      </c>
      <c r="J10482" s="365"/>
      <c r="K10482" s="359" t="s">
        <v>14864</v>
      </c>
      <c r="L10482" s="365"/>
    </row>
    <row r="10483" spans="2:12">
      <c r="B10483" s="367"/>
      <c r="C10483" s="367"/>
      <c r="D10483" s="360"/>
      <c r="E10483" s="360"/>
      <c r="F10483" s="360"/>
      <c r="G10483" s="360"/>
      <c r="H10483" s="360"/>
      <c r="I10483" s="360"/>
      <c r="J10483" s="365"/>
      <c r="K10483" s="360"/>
      <c r="L10483" s="365"/>
    </row>
    <row r="10484" spans="2:12" ht="57">
      <c r="B10484" s="367"/>
      <c r="C10484" s="367"/>
      <c r="D10484" s="360"/>
      <c r="E10484" s="360"/>
      <c r="F10484" s="359" t="s">
        <v>14384</v>
      </c>
      <c r="G10484" s="359" t="s">
        <v>29147</v>
      </c>
      <c r="H10484" s="359" t="s">
        <v>14332</v>
      </c>
      <c r="I10484" s="359" t="s">
        <v>29148</v>
      </c>
      <c r="J10484" s="365"/>
      <c r="K10484" s="360"/>
      <c r="L10484" s="365"/>
    </row>
    <row r="10485" spans="2:12">
      <c r="B10485" s="367"/>
      <c r="C10485" s="367"/>
      <c r="D10485" s="360"/>
      <c r="E10485" s="360"/>
      <c r="F10485" s="360"/>
      <c r="G10485" s="360"/>
      <c r="H10485" s="360"/>
      <c r="I10485" s="360"/>
      <c r="J10485" s="365"/>
      <c r="K10485" s="360"/>
      <c r="L10485" s="365"/>
    </row>
    <row r="10486" spans="2:12">
      <c r="B10486" s="367"/>
      <c r="C10486" s="367"/>
      <c r="D10486" s="360"/>
      <c r="E10486" s="360"/>
      <c r="F10486" s="359" t="s">
        <v>14371</v>
      </c>
      <c r="G10486" s="359" t="s">
        <v>14373</v>
      </c>
      <c r="H10486" s="360"/>
      <c r="I10486" s="360"/>
      <c r="J10486" s="365"/>
      <c r="K10486" s="360"/>
      <c r="L10486" s="365"/>
    </row>
    <row r="10487" spans="2:12">
      <c r="B10487" s="367"/>
      <c r="C10487" s="367"/>
      <c r="D10487" s="360"/>
      <c r="E10487" s="360"/>
      <c r="F10487" s="360"/>
      <c r="G10487" s="360"/>
      <c r="H10487" s="360"/>
      <c r="I10487" s="360"/>
      <c r="J10487" s="365"/>
      <c r="K10487" s="360"/>
      <c r="L10487" s="365"/>
    </row>
    <row r="10488" spans="2:12" ht="28.5">
      <c r="B10488" s="368"/>
      <c r="C10488" s="368"/>
      <c r="D10488" s="362"/>
      <c r="E10488" s="362"/>
      <c r="F10488" s="361" t="s">
        <v>14374</v>
      </c>
      <c r="G10488" s="362"/>
      <c r="H10488" s="362"/>
      <c r="I10488" s="362"/>
      <c r="J10488" s="366"/>
      <c r="K10488" s="362"/>
      <c r="L10488" s="366"/>
    </row>
    <row r="10489" spans="2:12" ht="28.5">
      <c r="B10489" s="358" t="s">
        <v>19725</v>
      </c>
      <c r="C10489" s="358" t="s">
        <v>29151</v>
      </c>
      <c r="D10489" s="358" t="s">
        <v>8356</v>
      </c>
      <c r="E10489" s="358" t="s">
        <v>19726</v>
      </c>
      <c r="F10489" s="358" t="s">
        <v>14391</v>
      </c>
      <c r="G10489" s="358" t="s">
        <v>14392</v>
      </c>
      <c r="H10489" s="358" t="s">
        <v>14367</v>
      </c>
      <c r="I10489" s="358" t="s">
        <v>14392</v>
      </c>
      <c r="J10489" s="358"/>
      <c r="K10489" s="358" t="s">
        <v>19132</v>
      </c>
      <c r="L10489" s="358"/>
    </row>
    <row r="10490" spans="2:12">
      <c r="B10490" s="367"/>
      <c r="C10490" s="367"/>
      <c r="D10490" s="367"/>
      <c r="E10490" s="367"/>
      <c r="F10490" s="360"/>
      <c r="G10490" s="360"/>
      <c r="H10490" s="360"/>
      <c r="I10490" s="360"/>
      <c r="J10490" s="365"/>
      <c r="K10490" s="367"/>
      <c r="L10490" s="365"/>
    </row>
    <row r="10491" spans="2:12" ht="57">
      <c r="B10491" s="367"/>
      <c r="C10491" s="367"/>
      <c r="D10491" s="367"/>
      <c r="E10491" s="367"/>
      <c r="F10491" s="359" t="s">
        <v>15246</v>
      </c>
      <c r="G10491" s="359" t="s">
        <v>29152</v>
      </c>
      <c r="H10491" s="359" t="s">
        <v>14381</v>
      </c>
      <c r="I10491" s="359" t="s">
        <v>29152</v>
      </c>
      <c r="J10491" s="365"/>
      <c r="K10491" s="367"/>
      <c r="L10491" s="365"/>
    </row>
    <row r="10492" spans="2:12">
      <c r="B10492" s="367"/>
      <c r="C10492" s="367"/>
      <c r="D10492" s="367"/>
      <c r="E10492" s="367"/>
      <c r="F10492" s="360"/>
      <c r="G10492" s="360"/>
      <c r="H10492" s="360"/>
      <c r="I10492" s="360"/>
      <c r="J10492" s="365"/>
      <c r="K10492" s="367"/>
      <c r="L10492" s="365"/>
    </row>
    <row r="10493" spans="2:12">
      <c r="B10493" s="367"/>
      <c r="C10493" s="367"/>
      <c r="D10493" s="367"/>
      <c r="E10493" s="367"/>
      <c r="F10493" s="359" t="s">
        <v>16919</v>
      </c>
      <c r="G10493" s="359" t="s">
        <v>14372</v>
      </c>
      <c r="H10493" s="359" t="s">
        <v>14370</v>
      </c>
      <c r="I10493" s="359" t="s">
        <v>14373</v>
      </c>
      <c r="J10493" s="365"/>
      <c r="K10493" s="367"/>
      <c r="L10493" s="365"/>
    </row>
    <row r="10494" spans="2:12">
      <c r="B10494" s="367"/>
      <c r="C10494" s="367"/>
      <c r="D10494" s="367"/>
      <c r="E10494" s="367"/>
      <c r="F10494" s="360"/>
      <c r="G10494" s="360"/>
      <c r="H10494" s="360"/>
      <c r="I10494" s="360"/>
      <c r="J10494" s="365"/>
      <c r="K10494" s="367"/>
      <c r="L10494" s="365"/>
    </row>
    <row r="10495" spans="2:12">
      <c r="B10495" s="367"/>
      <c r="C10495" s="367"/>
      <c r="D10495" s="367"/>
      <c r="E10495" s="367"/>
      <c r="F10495" s="359" t="s">
        <v>14371</v>
      </c>
      <c r="G10495" s="359" t="s">
        <v>14373</v>
      </c>
      <c r="H10495" s="359" t="s">
        <v>14332</v>
      </c>
      <c r="I10495" s="360"/>
      <c r="J10495" s="365"/>
      <c r="K10495" s="367"/>
      <c r="L10495" s="365"/>
    </row>
    <row r="10496" spans="2:12">
      <c r="B10496" s="367"/>
      <c r="C10496" s="367"/>
      <c r="D10496" s="367"/>
      <c r="E10496" s="367"/>
      <c r="F10496" s="360"/>
      <c r="G10496" s="360"/>
      <c r="H10496" s="360"/>
      <c r="I10496" s="360"/>
      <c r="J10496" s="365"/>
      <c r="K10496" s="367"/>
      <c r="L10496" s="365"/>
    </row>
    <row r="10497" spans="2:12" ht="28.5">
      <c r="B10497" s="368"/>
      <c r="C10497" s="368"/>
      <c r="D10497" s="368"/>
      <c r="E10497" s="368"/>
      <c r="F10497" s="361" t="s">
        <v>14374</v>
      </c>
      <c r="G10497" s="362"/>
      <c r="H10497" s="362"/>
      <c r="I10497" s="362"/>
      <c r="J10497" s="366"/>
      <c r="K10497" s="368"/>
      <c r="L10497" s="366"/>
    </row>
    <row r="10498" spans="2:12" ht="42.75">
      <c r="B10498" s="358" t="s">
        <v>19727</v>
      </c>
      <c r="C10498" s="358" t="s">
        <v>29153</v>
      </c>
      <c r="D10498" s="358"/>
      <c r="E10498" s="358" t="s">
        <v>19728</v>
      </c>
      <c r="F10498" s="358" t="s">
        <v>14507</v>
      </c>
      <c r="G10498" s="358" t="s">
        <v>29154</v>
      </c>
      <c r="H10498" s="358" t="s">
        <v>14381</v>
      </c>
      <c r="I10498" s="358" t="s">
        <v>29154</v>
      </c>
      <c r="J10498" s="358"/>
      <c r="K10498" s="358" t="s">
        <v>14863</v>
      </c>
      <c r="L10498" s="358"/>
    </row>
    <row r="10499" spans="2:12">
      <c r="B10499" s="367"/>
      <c r="C10499" s="367"/>
      <c r="D10499" s="365"/>
      <c r="E10499" s="367"/>
      <c r="F10499" s="360"/>
      <c r="G10499" s="360"/>
      <c r="H10499" s="360"/>
      <c r="I10499" s="360"/>
      <c r="J10499" s="365"/>
      <c r="K10499" s="360"/>
      <c r="L10499" s="365"/>
    </row>
    <row r="10500" spans="2:12">
      <c r="B10500" s="367"/>
      <c r="C10500" s="367"/>
      <c r="D10500" s="365"/>
      <c r="E10500" s="367"/>
      <c r="F10500" s="359" t="s">
        <v>16919</v>
      </c>
      <c r="G10500" s="359" t="s">
        <v>14372</v>
      </c>
      <c r="H10500" s="359" t="s">
        <v>14367</v>
      </c>
      <c r="I10500" s="359" t="s">
        <v>14373</v>
      </c>
      <c r="J10500" s="365"/>
      <c r="K10500" s="359" t="s">
        <v>14517</v>
      </c>
      <c r="L10500" s="365"/>
    </row>
    <row r="10501" spans="2:12">
      <c r="B10501" s="367"/>
      <c r="C10501" s="367"/>
      <c r="D10501" s="365"/>
      <c r="E10501" s="367"/>
      <c r="F10501" s="360"/>
      <c r="G10501" s="360"/>
      <c r="H10501" s="360"/>
      <c r="I10501" s="360"/>
      <c r="J10501" s="365"/>
      <c r="K10501" s="360"/>
      <c r="L10501" s="365"/>
    </row>
    <row r="10502" spans="2:12" ht="28.5">
      <c r="B10502" s="367"/>
      <c r="C10502" s="367"/>
      <c r="D10502" s="365"/>
      <c r="E10502" s="367"/>
      <c r="F10502" s="359" t="s">
        <v>28400</v>
      </c>
      <c r="G10502" s="359" t="s">
        <v>14373</v>
      </c>
      <c r="H10502" s="359" t="s">
        <v>14370</v>
      </c>
      <c r="I10502" s="360"/>
      <c r="J10502" s="365"/>
      <c r="K10502" s="360"/>
      <c r="L10502" s="365"/>
    </row>
    <row r="10503" spans="2:12">
      <c r="B10503" s="367"/>
      <c r="C10503" s="367"/>
      <c r="D10503" s="365"/>
      <c r="E10503" s="367"/>
      <c r="F10503" s="360"/>
      <c r="G10503" s="360"/>
      <c r="H10503" s="360"/>
      <c r="I10503" s="360"/>
      <c r="J10503" s="365"/>
      <c r="K10503" s="360"/>
      <c r="L10503" s="365"/>
    </row>
    <row r="10504" spans="2:12" ht="28.5">
      <c r="B10504" s="368"/>
      <c r="C10504" s="368"/>
      <c r="D10504" s="366"/>
      <c r="E10504" s="368"/>
      <c r="F10504" s="361" t="s">
        <v>14374</v>
      </c>
      <c r="G10504" s="362"/>
      <c r="H10504" s="361" t="s">
        <v>14422</v>
      </c>
      <c r="I10504" s="362"/>
      <c r="J10504" s="366"/>
      <c r="K10504" s="362"/>
      <c r="L10504" s="366"/>
    </row>
    <row r="10505" spans="2:12" ht="28.5">
      <c r="B10505" s="358" t="s">
        <v>19730</v>
      </c>
      <c r="C10505" s="358" t="s">
        <v>19731</v>
      </c>
      <c r="D10505" s="358" t="s">
        <v>8356</v>
      </c>
      <c r="E10505" s="358" t="s">
        <v>19732</v>
      </c>
      <c r="F10505" s="358" t="s">
        <v>14443</v>
      </c>
      <c r="G10505" s="358" t="s">
        <v>14444</v>
      </c>
      <c r="H10505" s="358" t="s">
        <v>14381</v>
      </c>
      <c r="I10505" s="358" t="s">
        <v>14444</v>
      </c>
      <c r="J10505" s="358"/>
      <c r="K10505" s="358"/>
      <c r="L10505" s="358"/>
    </row>
    <row r="10506" spans="2:12">
      <c r="B10506" s="367"/>
      <c r="C10506" s="367"/>
      <c r="D10506" s="367"/>
      <c r="E10506" s="367"/>
      <c r="F10506" s="360"/>
      <c r="G10506" s="360"/>
      <c r="H10506" s="360"/>
      <c r="I10506" s="360"/>
      <c r="J10506" s="365"/>
      <c r="K10506" s="365"/>
      <c r="L10506" s="365"/>
    </row>
    <row r="10507" spans="2:12">
      <c r="B10507" s="367"/>
      <c r="C10507" s="367"/>
      <c r="D10507" s="367"/>
      <c r="E10507" s="367"/>
      <c r="F10507" s="359" t="s">
        <v>15089</v>
      </c>
      <c r="G10507" s="359" t="s">
        <v>14429</v>
      </c>
      <c r="H10507" s="359" t="s">
        <v>14367</v>
      </c>
      <c r="I10507" s="359" t="s">
        <v>14429</v>
      </c>
      <c r="J10507" s="365"/>
      <c r="K10507" s="365"/>
      <c r="L10507" s="365"/>
    </row>
    <row r="10508" spans="2:12">
      <c r="B10508" s="367"/>
      <c r="C10508" s="367"/>
      <c r="D10508" s="367"/>
      <c r="E10508" s="367"/>
      <c r="F10508" s="360"/>
      <c r="G10508" s="360"/>
      <c r="H10508" s="360"/>
      <c r="I10508" s="360"/>
      <c r="J10508" s="365"/>
      <c r="K10508" s="365"/>
      <c r="L10508" s="365"/>
    </row>
    <row r="10509" spans="2:12" ht="28.5">
      <c r="B10509" s="367"/>
      <c r="C10509" s="367"/>
      <c r="D10509" s="367"/>
      <c r="E10509" s="367"/>
      <c r="F10509" s="359" t="s">
        <v>14394</v>
      </c>
      <c r="G10509" s="359" t="s">
        <v>14395</v>
      </c>
      <c r="H10509" s="359" t="s">
        <v>14370</v>
      </c>
      <c r="I10509" s="359" t="s">
        <v>14395</v>
      </c>
      <c r="J10509" s="365"/>
      <c r="K10509" s="365"/>
      <c r="L10509" s="365"/>
    </row>
    <row r="10510" spans="2:12">
      <c r="B10510" s="367"/>
      <c r="C10510" s="367"/>
      <c r="D10510" s="367"/>
      <c r="E10510" s="367"/>
      <c r="F10510" s="360"/>
      <c r="G10510" s="360"/>
      <c r="H10510" s="360"/>
      <c r="I10510" s="360"/>
      <c r="J10510" s="365"/>
      <c r="K10510" s="365"/>
      <c r="L10510" s="365"/>
    </row>
    <row r="10511" spans="2:12">
      <c r="B10511" s="368"/>
      <c r="C10511" s="368"/>
      <c r="D10511" s="368"/>
      <c r="E10511" s="368"/>
      <c r="F10511" s="362"/>
      <c r="G10511" s="362"/>
      <c r="H10511" s="361" t="s">
        <v>14422</v>
      </c>
      <c r="I10511" s="362"/>
      <c r="J10511" s="366"/>
      <c r="K10511" s="366"/>
      <c r="L10511" s="366"/>
    </row>
    <row r="10512" spans="2:12" ht="42.75">
      <c r="B10512" s="358" t="s">
        <v>19733</v>
      </c>
      <c r="C10512" s="358" t="s">
        <v>27627</v>
      </c>
      <c r="D10512" s="358" t="s">
        <v>19734</v>
      </c>
      <c r="E10512" s="358" t="s">
        <v>19735</v>
      </c>
      <c r="F10512" s="358" t="s">
        <v>14507</v>
      </c>
      <c r="G10512" s="358" t="s">
        <v>16971</v>
      </c>
      <c r="H10512" s="358" t="s">
        <v>14381</v>
      </c>
      <c r="I10512" s="358" t="s">
        <v>16971</v>
      </c>
      <c r="J10512" s="358"/>
      <c r="K10512" s="358"/>
      <c r="L10512" s="358"/>
    </row>
    <row r="10513" spans="2:12">
      <c r="B10513" s="367"/>
      <c r="C10513" s="367"/>
      <c r="D10513" s="367"/>
      <c r="E10513" s="367"/>
      <c r="F10513" s="367"/>
      <c r="G10513" s="367"/>
      <c r="H10513" s="360"/>
      <c r="I10513" s="367"/>
      <c r="J10513" s="365"/>
      <c r="K10513" s="365"/>
      <c r="L10513" s="365"/>
    </row>
    <row r="10514" spans="2:12">
      <c r="B10514" s="368"/>
      <c r="C10514" s="368"/>
      <c r="D10514" s="368"/>
      <c r="E10514" s="368"/>
      <c r="F10514" s="368"/>
      <c r="G10514" s="368"/>
      <c r="H10514" s="361" t="s">
        <v>14422</v>
      </c>
      <c r="I10514" s="368"/>
      <c r="J10514" s="366"/>
      <c r="K10514" s="366"/>
      <c r="L10514" s="366"/>
    </row>
    <row r="10515" spans="2:12">
      <c r="B10515" s="354" t="s">
        <v>8397</v>
      </c>
      <c r="C10515" s="369"/>
      <c r="D10515" s="369"/>
      <c r="E10515" s="369"/>
      <c r="F10515" s="369"/>
      <c r="G10515" s="369"/>
      <c r="H10515" s="369"/>
      <c r="I10515" s="369"/>
      <c r="J10515" s="369"/>
      <c r="K10515" s="369"/>
      <c r="L10515" s="370"/>
    </row>
    <row r="10516" spans="2:12">
      <c r="B10516" s="358" t="s">
        <v>19736</v>
      </c>
      <c r="C10516" s="358" t="s">
        <v>19737</v>
      </c>
      <c r="D10516" s="358" t="s">
        <v>19738</v>
      </c>
      <c r="E10516" s="358" t="s">
        <v>19739</v>
      </c>
      <c r="F10516" s="358" t="s">
        <v>14391</v>
      </c>
      <c r="G10516" s="358" t="s">
        <v>14392</v>
      </c>
      <c r="H10516" s="358" t="s">
        <v>14367</v>
      </c>
      <c r="I10516" s="358" t="s">
        <v>14392</v>
      </c>
      <c r="J10516" s="358"/>
      <c r="K10516" s="358"/>
      <c r="L10516" s="358"/>
    </row>
    <row r="10517" spans="2:12">
      <c r="B10517" s="367"/>
      <c r="C10517" s="360"/>
      <c r="D10517" s="360"/>
      <c r="E10517" s="360"/>
      <c r="F10517" s="367"/>
      <c r="G10517" s="367"/>
      <c r="H10517" s="360"/>
      <c r="I10517" s="367"/>
      <c r="J10517" s="365"/>
      <c r="K10517" s="365"/>
      <c r="L10517" s="365"/>
    </row>
    <row r="10518" spans="2:12" ht="28.5">
      <c r="B10518" s="367"/>
      <c r="C10518" s="359" t="s">
        <v>19740</v>
      </c>
      <c r="D10518" s="359" t="s">
        <v>19741</v>
      </c>
      <c r="E10518" s="359" t="s">
        <v>19742</v>
      </c>
      <c r="F10518" s="367"/>
      <c r="G10518" s="367"/>
      <c r="H10518" s="359" t="s">
        <v>14422</v>
      </c>
      <c r="I10518" s="367"/>
      <c r="J10518" s="365"/>
      <c r="K10518" s="365"/>
      <c r="L10518" s="365"/>
    </row>
    <row r="10519" spans="2:12">
      <c r="B10519" s="367"/>
      <c r="C10519" s="360"/>
      <c r="D10519" s="360"/>
      <c r="E10519" s="360"/>
      <c r="F10519" s="367"/>
      <c r="G10519" s="367"/>
      <c r="H10519" s="360"/>
      <c r="I10519" s="367"/>
      <c r="J10519" s="365"/>
      <c r="K10519" s="365"/>
      <c r="L10519" s="365"/>
    </row>
    <row r="10520" spans="2:12" ht="28.5">
      <c r="B10520" s="367"/>
      <c r="C10520" s="359" t="s">
        <v>19743</v>
      </c>
      <c r="D10520" s="359" t="s">
        <v>19744</v>
      </c>
      <c r="E10520" s="359" t="s">
        <v>19745</v>
      </c>
      <c r="F10520" s="367"/>
      <c r="G10520" s="367"/>
      <c r="H10520" s="360"/>
      <c r="I10520" s="367"/>
      <c r="J10520" s="365"/>
      <c r="K10520" s="365"/>
      <c r="L10520" s="365"/>
    </row>
    <row r="10521" spans="2:12">
      <c r="B10521" s="367"/>
      <c r="C10521" s="360"/>
      <c r="D10521" s="360"/>
      <c r="E10521" s="360"/>
      <c r="F10521" s="367"/>
      <c r="G10521" s="367"/>
      <c r="H10521" s="360"/>
      <c r="I10521" s="367"/>
      <c r="J10521" s="365"/>
      <c r="K10521" s="365"/>
      <c r="L10521" s="365"/>
    </row>
    <row r="10522" spans="2:12" ht="28.5">
      <c r="B10522" s="368"/>
      <c r="C10522" s="361" t="s">
        <v>19746</v>
      </c>
      <c r="D10522" s="362"/>
      <c r="E10522" s="362"/>
      <c r="F10522" s="368"/>
      <c r="G10522" s="368"/>
      <c r="H10522" s="362"/>
      <c r="I10522" s="368"/>
      <c r="J10522" s="366"/>
      <c r="K10522" s="366"/>
      <c r="L10522" s="366"/>
    </row>
    <row r="10523" spans="2:12" ht="42.75">
      <c r="B10523" s="358" t="s">
        <v>19747</v>
      </c>
      <c r="C10523" s="358" t="s">
        <v>19748</v>
      </c>
      <c r="D10523" s="358" t="s">
        <v>8356</v>
      </c>
      <c r="E10523" s="358" t="s">
        <v>19749</v>
      </c>
      <c r="F10523" s="358" t="s">
        <v>14507</v>
      </c>
      <c r="G10523" s="358" t="s">
        <v>16971</v>
      </c>
      <c r="H10523" s="358" t="s">
        <v>14381</v>
      </c>
      <c r="I10523" s="358" t="s">
        <v>16971</v>
      </c>
      <c r="J10523" s="358"/>
      <c r="K10523" s="358" t="s">
        <v>14557</v>
      </c>
      <c r="L10523" s="358"/>
    </row>
    <row r="10524" spans="2:12">
      <c r="B10524" s="367"/>
      <c r="C10524" s="367"/>
      <c r="D10524" s="367"/>
      <c r="E10524" s="367"/>
      <c r="F10524" s="360"/>
      <c r="G10524" s="360"/>
      <c r="H10524" s="360"/>
      <c r="I10524" s="360"/>
      <c r="J10524" s="365"/>
      <c r="K10524" s="360"/>
      <c r="L10524" s="365"/>
    </row>
    <row r="10525" spans="2:12" ht="42.75">
      <c r="B10525" s="367"/>
      <c r="C10525" s="367"/>
      <c r="D10525" s="367"/>
      <c r="E10525" s="367"/>
      <c r="F10525" s="359" t="s">
        <v>16919</v>
      </c>
      <c r="G10525" s="359" t="s">
        <v>19750</v>
      </c>
      <c r="H10525" s="359" t="s">
        <v>14367</v>
      </c>
      <c r="I10525" s="359" t="s">
        <v>19750</v>
      </c>
      <c r="J10525" s="365"/>
      <c r="K10525" s="359" t="s">
        <v>14517</v>
      </c>
      <c r="L10525" s="365"/>
    </row>
    <row r="10526" spans="2:12">
      <c r="B10526" s="367"/>
      <c r="C10526" s="367"/>
      <c r="D10526" s="367"/>
      <c r="E10526" s="367"/>
      <c r="F10526" s="360"/>
      <c r="G10526" s="360"/>
      <c r="H10526" s="360"/>
      <c r="I10526" s="360"/>
      <c r="J10526" s="365"/>
      <c r="K10526" s="360"/>
      <c r="L10526" s="365"/>
    </row>
    <row r="10527" spans="2:12">
      <c r="B10527" s="367"/>
      <c r="C10527" s="367"/>
      <c r="D10527" s="367"/>
      <c r="E10527" s="367"/>
      <c r="F10527" s="359" t="s">
        <v>14391</v>
      </c>
      <c r="G10527" s="359" t="s">
        <v>14392</v>
      </c>
      <c r="H10527" s="359" t="s">
        <v>14370</v>
      </c>
      <c r="I10527" s="359" t="s">
        <v>14392</v>
      </c>
      <c r="J10527" s="365"/>
      <c r="K10527" s="360"/>
      <c r="L10527" s="365"/>
    </row>
    <row r="10528" spans="2:12">
      <c r="B10528" s="367"/>
      <c r="C10528" s="367"/>
      <c r="D10528" s="367"/>
      <c r="E10528" s="367"/>
      <c r="F10528" s="360"/>
      <c r="G10528" s="360"/>
      <c r="H10528" s="360"/>
      <c r="I10528" s="360"/>
      <c r="J10528" s="365"/>
      <c r="K10528" s="360"/>
      <c r="L10528" s="365"/>
    </row>
    <row r="10529" spans="2:12">
      <c r="B10529" s="367"/>
      <c r="C10529" s="367"/>
      <c r="D10529" s="367"/>
      <c r="E10529" s="367"/>
      <c r="F10529" s="359" t="s">
        <v>14371</v>
      </c>
      <c r="G10529" s="359" t="s">
        <v>14372</v>
      </c>
      <c r="H10529" s="359" t="s">
        <v>14422</v>
      </c>
      <c r="I10529" s="359" t="s">
        <v>14373</v>
      </c>
      <c r="J10529" s="365"/>
      <c r="K10529" s="360"/>
      <c r="L10529" s="365"/>
    </row>
    <row r="10530" spans="2:12">
      <c r="B10530" s="367"/>
      <c r="C10530" s="367"/>
      <c r="D10530" s="367"/>
      <c r="E10530" s="367"/>
      <c r="F10530" s="360"/>
      <c r="G10530" s="360"/>
      <c r="H10530" s="360"/>
      <c r="I10530" s="360"/>
      <c r="J10530" s="365"/>
      <c r="K10530" s="360"/>
      <c r="L10530" s="365"/>
    </row>
    <row r="10531" spans="2:12" ht="28.5">
      <c r="B10531" s="368"/>
      <c r="C10531" s="368"/>
      <c r="D10531" s="368"/>
      <c r="E10531" s="368"/>
      <c r="F10531" s="361" t="s">
        <v>14374</v>
      </c>
      <c r="G10531" s="361" t="s">
        <v>14373</v>
      </c>
      <c r="H10531" s="362"/>
      <c r="I10531" s="362"/>
      <c r="J10531" s="366"/>
      <c r="K10531" s="362"/>
      <c r="L10531" s="366"/>
    </row>
    <row r="10532" spans="2:12">
      <c r="B10532" s="354" t="s">
        <v>8444</v>
      </c>
      <c r="C10532" s="369"/>
      <c r="D10532" s="369"/>
      <c r="E10532" s="369"/>
      <c r="F10532" s="369"/>
      <c r="G10532" s="369"/>
      <c r="H10532" s="369"/>
      <c r="I10532" s="369"/>
      <c r="J10532" s="369"/>
      <c r="K10532" s="369"/>
      <c r="L10532" s="370"/>
    </row>
    <row r="10533" spans="2:12" ht="42.75">
      <c r="B10533" s="358" t="s">
        <v>19751</v>
      </c>
      <c r="C10533" s="358" t="s">
        <v>19752</v>
      </c>
      <c r="D10533" s="358" t="s">
        <v>8356</v>
      </c>
      <c r="E10533" s="358" t="s">
        <v>19753</v>
      </c>
      <c r="F10533" s="358" t="s">
        <v>15089</v>
      </c>
      <c r="G10533" s="358" t="s">
        <v>14429</v>
      </c>
      <c r="H10533" s="358" t="s">
        <v>14367</v>
      </c>
      <c r="I10533" s="358" t="s">
        <v>14429</v>
      </c>
      <c r="J10533" s="358" t="s">
        <v>17309</v>
      </c>
      <c r="K10533" s="358"/>
      <c r="L10533" s="358"/>
    </row>
    <row r="10534" spans="2:12">
      <c r="B10534" s="367"/>
      <c r="C10534" s="367"/>
      <c r="D10534" s="367"/>
      <c r="E10534" s="367"/>
      <c r="F10534" s="360"/>
      <c r="G10534" s="360"/>
      <c r="H10534" s="360"/>
      <c r="I10534" s="360"/>
      <c r="J10534" s="367"/>
      <c r="K10534" s="365"/>
      <c r="L10534" s="365"/>
    </row>
    <row r="10535" spans="2:12">
      <c r="B10535" s="367"/>
      <c r="C10535" s="367"/>
      <c r="D10535" s="367"/>
      <c r="E10535" s="367"/>
      <c r="F10535" s="359" t="s">
        <v>14391</v>
      </c>
      <c r="G10535" s="359" t="s">
        <v>14392</v>
      </c>
      <c r="H10535" s="359" t="s">
        <v>14422</v>
      </c>
      <c r="I10535" s="359" t="s">
        <v>14392</v>
      </c>
      <c r="J10535" s="367"/>
      <c r="K10535" s="365"/>
      <c r="L10535" s="365"/>
    </row>
    <row r="10536" spans="2:12">
      <c r="B10536" s="367"/>
      <c r="C10536" s="367"/>
      <c r="D10536" s="367"/>
      <c r="E10536" s="367"/>
      <c r="F10536" s="360"/>
      <c r="G10536" s="360"/>
      <c r="H10536" s="360"/>
      <c r="I10536" s="360"/>
      <c r="J10536" s="367"/>
      <c r="K10536" s="365"/>
      <c r="L10536" s="365"/>
    </row>
    <row r="10537" spans="2:12" ht="28.5">
      <c r="B10537" s="368"/>
      <c r="C10537" s="368"/>
      <c r="D10537" s="368"/>
      <c r="E10537" s="368"/>
      <c r="F10537" s="361" t="s">
        <v>14472</v>
      </c>
      <c r="G10537" s="361" t="s">
        <v>14473</v>
      </c>
      <c r="H10537" s="362"/>
      <c r="I10537" s="361" t="s">
        <v>14473</v>
      </c>
      <c r="J10537" s="368"/>
      <c r="K10537" s="366"/>
      <c r="L10537" s="366"/>
    </row>
    <row r="10538" spans="2:12">
      <c r="B10538" s="358" t="s">
        <v>13930</v>
      </c>
      <c r="C10538" s="358" t="s">
        <v>19754</v>
      </c>
      <c r="D10538" s="358" t="s">
        <v>13931</v>
      </c>
      <c r="E10538" s="358" t="s">
        <v>13932</v>
      </c>
      <c r="F10538" s="358" t="s">
        <v>14376</v>
      </c>
      <c r="G10538" s="358" t="s">
        <v>14669</v>
      </c>
      <c r="H10538" s="358" t="s">
        <v>14381</v>
      </c>
      <c r="I10538" s="358" t="s">
        <v>14669</v>
      </c>
      <c r="J10538" s="358"/>
      <c r="K10538" s="358"/>
      <c r="L10538" s="358"/>
    </row>
    <row r="10539" spans="2:12">
      <c r="B10539" s="367"/>
      <c r="C10539" s="367"/>
      <c r="D10539" s="367"/>
      <c r="E10539" s="367"/>
      <c r="F10539" s="367"/>
      <c r="G10539" s="367"/>
      <c r="H10539" s="360"/>
      <c r="I10539" s="367"/>
      <c r="J10539" s="365"/>
      <c r="K10539" s="365"/>
      <c r="L10539" s="365"/>
    </row>
    <row r="10540" spans="2:12">
      <c r="B10540" s="368"/>
      <c r="C10540" s="368"/>
      <c r="D10540" s="368"/>
      <c r="E10540" s="368"/>
      <c r="F10540" s="368"/>
      <c r="G10540" s="368"/>
      <c r="H10540" s="361" t="s">
        <v>14332</v>
      </c>
      <c r="I10540" s="368"/>
      <c r="J10540" s="366"/>
      <c r="K10540" s="366"/>
      <c r="L10540" s="366"/>
    </row>
    <row r="10541" spans="2:12">
      <c r="B10541" s="354" t="s">
        <v>28528</v>
      </c>
      <c r="C10541" s="369"/>
      <c r="D10541" s="369"/>
      <c r="E10541" s="369"/>
      <c r="F10541" s="369"/>
      <c r="G10541" s="369"/>
      <c r="H10541" s="369"/>
      <c r="I10541" s="369"/>
      <c r="J10541" s="369"/>
      <c r="K10541" s="369"/>
      <c r="L10541" s="370"/>
    </row>
    <row r="10542" spans="2:12" ht="85.5">
      <c r="B10542" s="358" t="s">
        <v>19755</v>
      </c>
      <c r="C10542" s="358" t="s">
        <v>29155</v>
      </c>
      <c r="D10542" s="358" t="s">
        <v>19756</v>
      </c>
      <c r="E10542" s="358" t="s">
        <v>19757</v>
      </c>
      <c r="F10542" s="358" t="s">
        <v>14339</v>
      </c>
      <c r="G10542" s="358" t="s">
        <v>14340</v>
      </c>
      <c r="H10542" s="358" t="s">
        <v>14341</v>
      </c>
      <c r="I10542" s="358" t="s">
        <v>14340</v>
      </c>
      <c r="J10542" s="358"/>
      <c r="K10542" s="358" t="s">
        <v>29156</v>
      </c>
      <c r="L10542" s="358" t="s">
        <v>10376</v>
      </c>
    </row>
    <row r="10543" spans="2:12">
      <c r="B10543" s="367"/>
      <c r="C10543" s="367"/>
      <c r="D10543" s="367"/>
      <c r="E10543" s="367"/>
      <c r="F10543" s="367"/>
      <c r="G10543" s="367"/>
      <c r="H10543" s="360"/>
      <c r="I10543" s="367"/>
      <c r="J10543" s="365"/>
      <c r="K10543" s="360"/>
      <c r="L10543" s="367"/>
    </row>
    <row r="10544" spans="2:12" ht="42.75">
      <c r="B10544" s="367"/>
      <c r="C10544" s="367"/>
      <c r="D10544" s="367"/>
      <c r="E10544" s="367"/>
      <c r="F10544" s="367"/>
      <c r="G10544" s="367"/>
      <c r="H10544" s="359" t="s">
        <v>14332</v>
      </c>
      <c r="I10544" s="367"/>
      <c r="J10544" s="365"/>
      <c r="K10544" s="359" t="s">
        <v>29157</v>
      </c>
      <c r="L10544" s="367"/>
    </row>
    <row r="10545" spans="2:12">
      <c r="B10545" s="367"/>
      <c r="C10545" s="367"/>
      <c r="D10545" s="367"/>
      <c r="E10545" s="367"/>
      <c r="F10545" s="367"/>
      <c r="G10545" s="367"/>
      <c r="H10545" s="360"/>
      <c r="I10545" s="367"/>
      <c r="J10545" s="365"/>
      <c r="K10545" s="360"/>
      <c r="L10545" s="367"/>
    </row>
    <row r="10546" spans="2:12">
      <c r="B10546" s="367"/>
      <c r="C10546" s="367"/>
      <c r="D10546" s="367"/>
      <c r="E10546" s="367"/>
      <c r="F10546" s="367"/>
      <c r="G10546" s="367"/>
      <c r="H10546" s="360"/>
      <c r="I10546" s="367"/>
      <c r="J10546" s="365"/>
      <c r="K10546" s="359" t="s">
        <v>28689</v>
      </c>
      <c r="L10546" s="367"/>
    </row>
    <row r="10547" spans="2:12">
      <c r="B10547" s="367"/>
      <c r="C10547" s="367"/>
      <c r="D10547" s="367"/>
      <c r="E10547" s="367"/>
      <c r="F10547" s="367"/>
      <c r="G10547" s="367"/>
      <c r="H10547" s="360"/>
      <c r="I10547" s="367"/>
      <c r="J10547" s="365"/>
      <c r="K10547" s="360"/>
      <c r="L10547" s="367"/>
    </row>
    <row r="10548" spans="2:12" ht="28.5">
      <c r="B10548" s="367"/>
      <c r="C10548" s="367"/>
      <c r="D10548" s="367"/>
      <c r="E10548" s="367"/>
      <c r="F10548" s="367"/>
      <c r="G10548" s="367"/>
      <c r="H10548" s="360"/>
      <c r="I10548" s="367"/>
      <c r="J10548" s="365"/>
      <c r="K10548" s="359" t="s">
        <v>29158</v>
      </c>
      <c r="L10548" s="367"/>
    </row>
    <row r="10549" spans="2:12">
      <c r="B10549" s="367"/>
      <c r="C10549" s="367"/>
      <c r="D10549" s="367"/>
      <c r="E10549" s="367"/>
      <c r="F10549" s="367"/>
      <c r="G10549" s="367"/>
      <c r="H10549" s="360"/>
      <c r="I10549" s="367"/>
      <c r="J10549" s="365"/>
      <c r="K10549" s="360"/>
      <c r="L10549" s="367"/>
    </row>
    <row r="10550" spans="2:12">
      <c r="B10550" s="368"/>
      <c r="C10550" s="368"/>
      <c r="D10550" s="368"/>
      <c r="E10550" s="368"/>
      <c r="F10550" s="368"/>
      <c r="G10550" s="368"/>
      <c r="H10550" s="362"/>
      <c r="I10550" s="368"/>
      <c r="J10550" s="366"/>
      <c r="K10550" s="361" t="s">
        <v>29159</v>
      </c>
      <c r="L10550" s="368"/>
    </row>
    <row r="10551" spans="2:12" ht="71.25">
      <c r="B10551" s="358" t="s">
        <v>19758</v>
      </c>
      <c r="C10551" s="358" t="s">
        <v>29160</v>
      </c>
      <c r="D10551" s="358" t="s">
        <v>19759</v>
      </c>
      <c r="E10551" s="358" t="s">
        <v>19760</v>
      </c>
      <c r="F10551" s="358" t="s">
        <v>14418</v>
      </c>
      <c r="G10551" s="358" t="s">
        <v>14419</v>
      </c>
      <c r="H10551" s="358" t="s">
        <v>14328</v>
      </c>
      <c r="I10551" s="358" t="s">
        <v>14419</v>
      </c>
      <c r="J10551" s="358"/>
      <c r="K10551" s="358" t="s">
        <v>29161</v>
      </c>
      <c r="L10551" s="358" t="s">
        <v>10376</v>
      </c>
    </row>
    <row r="10552" spans="2:12">
      <c r="B10552" s="367"/>
      <c r="C10552" s="367"/>
      <c r="D10552" s="367"/>
      <c r="E10552" s="367"/>
      <c r="F10552" s="360"/>
      <c r="G10552" s="360"/>
      <c r="H10552" s="360"/>
      <c r="I10552" s="360"/>
      <c r="J10552" s="365"/>
      <c r="K10552" s="360"/>
      <c r="L10552" s="367"/>
    </row>
    <row r="10553" spans="2:12" ht="42.75">
      <c r="B10553" s="367"/>
      <c r="C10553" s="367"/>
      <c r="D10553" s="367"/>
      <c r="E10553" s="367"/>
      <c r="F10553" s="359" t="s">
        <v>14339</v>
      </c>
      <c r="G10553" s="359" t="s">
        <v>14340</v>
      </c>
      <c r="H10553" s="359" t="s">
        <v>14341</v>
      </c>
      <c r="I10553" s="359" t="s">
        <v>14340</v>
      </c>
      <c r="J10553" s="365"/>
      <c r="K10553" s="359" t="s">
        <v>29162</v>
      </c>
      <c r="L10553" s="367"/>
    </row>
    <row r="10554" spans="2:12">
      <c r="B10554" s="367"/>
      <c r="C10554" s="367"/>
      <c r="D10554" s="367"/>
      <c r="E10554" s="367"/>
      <c r="F10554" s="360"/>
      <c r="G10554" s="360"/>
      <c r="H10554" s="360"/>
      <c r="I10554" s="360"/>
      <c r="J10554" s="365"/>
      <c r="K10554" s="360"/>
      <c r="L10554" s="367"/>
    </row>
    <row r="10555" spans="2:12" ht="42.75">
      <c r="B10555" s="368"/>
      <c r="C10555" s="368"/>
      <c r="D10555" s="368"/>
      <c r="E10555" s="368"/>
      <c r="F10555" s="362"/>
      <c r="G10555" s="362"/>
      <c r="H10555" s="361" t="s">
        <v>14332</v>
      </c>
      <c r="I10555" s="362"/>
      <c r="J10555" s="366"/>
      <c r="K10555" s="361" t="s">
        <v>28667</v>
      </c>
      <c r="L10555" s="368"/>
    </row>
    <row r="10556" spans="2:12" ht="42.75">
      <c r="B10556" s="358" t="s">
        <v>19761</v>
      </c>
      <c r="C10556" s="358" t="s">
        <v>19762</v>
      </c>
      <c r="D10556" s="358" t="s">
        <v>19763</v>
      </c>
      <c r="E10556" s="358" t="s">
        <v>19764</v>
      </c>
      <c r="F10556" s="358" t="s">
        <v>29010</v>
      </c>
      <c r="G10556" s="358" t="s">
        <v>14483</v>
      </c>
      <c r="H10556" s="358" t="s">
        <v>14378</v>
      </c>
      <c r="I10556" s="358" t="s">
        <v>14483</v>
      </c>
      <c r="J10556" s="358"/>
      <c r="K10556" s="358" t="s">
        <v>29103</v>
      </c>
      <c r="L10556" s="358"/>
    </row>
    <row r="10557" spans="2:12">
      <c r="B10557" s="367"/>
      <c r="C10557" s="367"/>
      <c r="D10557" s="367"/>
      <c r="E10557" s="367"/>
      <c r="F10557" s="360"/>
      <c r="G10557" s="360"/>
      <c r="H10557" s="360"/>
      <c r="I10557" s="360"/>
      <c r="J10557" s="365"/>
      <c r="K10557" s="367"/>
      <c r="L10557" s="365"/>
    </row>
    <row r="10558" spans="2:12" ht="28.5">
      <c r="B10558" s="367"/>
      <c r="C10558" s="367"/>
      <c r="D10558" s="367"/>
      <c r="E10558" s="367"/>
      <c r="F10558" s="359" t="s">
        <v>29063</v>
      </c>
      <c r="G10558" s="359" t="s">
        <v>14579</v>
      </c>
      <c r="H10558" s="359" t="s">
        <v>14341</v>
      </c>
      <c r="I10558" s="359" t="s">
        <v>14579</v>
      </c>
      <c r="J10558" s="365"/>
      <c r="K10558" s="367"/>
      <c r="L10558" s="365"/>
    </row>
    <row r="10559" spans="2:12">
      <c r="B10559" s="367"/>
      <c r="C10559" s="367"/>
      <c r="D10559" s="367"/>
      <c r="E10559" s="367"/>
      <c r="F10559" s="360"/>
      <c r="G10559" s="360"/>
      <c r="H10559" s="360"/>
      <c r="I10559" s="360"/>
      <c r="J10559" s="365"/>
      <c r="K10559" s="367"/>
      <c r="L10559" s="365"/>
    </row>
    <row r="10560" spans="2:12">
      <c r="B10560" s="367"/>
      <c r="C10560" s="367"/>
      <c r="D10560" s="367"/>
      <c r="E10560" s="367"/>
      <c r="F10560" s="360"/>
      <c r="G10560" s="359" t="s">
        <v>14383</v>
      </c>
      <c r="H10560" s="359" t="s">
        <v>14370</v>
      </c>
      <c r="I10560" s="359" t="s">
        <v>14383</v>
      </c>
      <c r="J10560" s="365"/>
      <c r="K10560" s="367"/>
      <c r="L10560" s="365"/>
    </row>
    <row r="10561" spans="2:12">
      <c r="B10561" s="367"/>
      <c r="C10561" s="367"/>
      <c r="D10561" s="367"/>
      <c r="E10561" s="367"/>
      <c r="F10561" s="360"/>
      <c r="G10561" s="360"/>
      <c r="H10561" s="360"/>
      <c r="I10561" s="360"/>
      <c r="J10561" s="365"/>
      <c r="K10561" s="367"/>
      <c r="L10561" s="365"/>
    </row>
    <row r="10562" spans="2:12">
      <c r="B10562" s="367"/>
      <c r="C10562" s="367"/>
      <c r="D10562" s="367"/>
      <c r="E10562" s="367"/>
      <c r="F10562" s="360"/>
      <c r="G10562" s="359" t="s">
        <v>14340</v>
      </c>
      <c r="H10562" s="359" t="s">
        <v>14332</v>
      </c>
      <c r="I10562" s="359" t="s">
        <v>14340</v>
      </c>
      <c r="J10562" s="365"/>
      <c r="K10562" s="367"/>
      <c r="L10562" s="365"/>
    </row>
    <row r="10563" spans="2:12">
      <c r="B10563" s="367"/>
      <c r="C10563" s="367"/>
      <c r="D10563" s="367"/>
      <c r="E10563" s="367"/>
      <c r="F10563" s="360"/>
      <c r="G10563" s="360"/>
      <c r="H10563" s="360"/>
      <c r="I10563" s="360"/>
      <c r="J10563" s="365"/>
      <c r="K10563" s="367"/>
      <c r="L10563" s="365"/>
    </row>
    <row r="10564" spans="2:12">
      <c r="B10564" s="368"/>
      <c r="C10564" s="368"/>
      <c r="D10564" s="368"/>
      <c r="E10564" s="368"/>
      <c r="F10564" s="362"/>
      <c r="G10564" s="361" t="s">
        <v>14372</v>
      </c>
      <c r="H10564" s="362"/>
      <c r="I10564" s="361" t="s">
        <v>14372</v>
      </c>
      <c r="J10564" s="366"/>
      <c r="K10564" s="368"/>
      <c r="L10564" s="366"/>
    </row>
    <row r="10565" spans="2:12" ht="42.75">
      <c r="B10565" s="358" t="s">
        <v>19765</v>
      </c>
      <c r="C10565" s="358" t="s">
        <v>29163</v>
      </c>
      <c r="D10565" s="358" t="s">
        <v>19766</v>
      </c>
      <c r="E10565" s="358" t="s">
        <v>19767</v>
      </c>
      <c r="F10565" s="358" t="s">
        <v>29053</v>
      </c>
      <c r="G10565" s="358" t="s">
        <v>14340</v>
      </c>
      <c r="H10565" s="358" t="s">
        <v>14341</v>
      </c>
      <c r="I10565" s="358" t="s">
        <v>14340</v>
      </c>
      <c r="J10565" s="358"/>
      <c r="K10565" s="358" t="s">
        <v>28614</v>
      </c>
      <c r="L10565" s="358"/>
    </row>
    <row r="10566" spans="2:12">
      <c r="B10566" s="367"/>
      <c r="C10566" s="367"/>
      <c r="D10566" s="367"/>
      <c r="E10566" s="367"/>
      <c r="F10566" s="360"/>
      <c r="G10566" s="360"/>
      <c r="H10566" s="360"/>
      <c r="I10566" s="360"/>
      <c r="J10566" s="365"/>
      <c r="K10566" s="367"/>
      <c r="L10566" s="365"/>
    </row>
    <row r="10567" spans="2:12" ht="28.5">
      <c r="B10567" s="367"/>
      <c r="C10567" s="367"/>
      <c r="D10567" s="367"/>
      <c r="E10567" s="367"/>
      <c r="F10567" s="359" t="s">
        <v>14374</v>
      </c>
      <c r="G10567" s="359" t="s">
        <v>14372</v>
      </c>
      <c r="H10567" s="359" t="s">
        <v>14370</v>
      </c>
      <c r="I10567" s="359" t="s">
        <v>14373</v>
      </c>
      <c r="J10567" s="365"/>
      <c r="K10567" s="367"/>
      <c r="L10567" s="365"/>
    </row>
    <row r="10568" spans="2:12">
      <c r="B10568" s="367"/>
      <c r="C10568" s="367"/>
      <c r="D10568" s="367"/>
      <c r="E10568" s="367"/>
      <c r="F10568" s="360"/>
      <c r="G10568" s="360"/>
      <c r="H10568" s="360"/>
      <c r="I10568" s="360"/>
      <c r="J10568" s="365"/>
      <c r="K10568" s="367"/>
      <c r="L10568" s="365"/>
    </row>
    <row r="10569" spans="2:12">
      <c r="B10569" s="368"/>
      <c r="C10569" s="368"/>
      <c r="D10569" s="368"/>
      <c r="E10569" s="368"/>
      <c r="F10569" s="362"/>
      <c r="G10569" s="361" t="s">
        <v>14373</v>
      </c>
      <c r="H10569" s="361" t="s">
        <v>14332</v>
      </c>
      <c r="I10569" s="362"/>
      <c r="J10569" s="366"/>
      <c r="K10569" s="368"/>
      <c r="L10569" s="366"/>
    </row>
    <row r="10570" spans="2:12">
      <c r="B10570" s="358" t="s">
        <v>19768</v>
      </c>
      <c r="C10570" s="358" t="s">
        <v>29164</v>
      </c>
      <c r="D10570" s="358" t="s">
        <v>19769</v>
      </c>
      <c r="E10570" s="358" t="s">
        <v>19770</v>
      </c>
      <c r="F10570" s="358" t="s">
        <v>14368</v>
      </c>
      <c r="G10570" s="358" t="s">
        <v>14388</v>
      </c>
      <c r="H10570" s="358" t="s">
        <v>14367</v>
      </c>
      <c r="I10570" s="358" t="s">
        <v>14388</v>
      </c>
      <c r="J10570" s="358"/>
      <c r="K10570" s="358"/>
      <c r="L10570" s="358"/>
    </row>
    <row r="10571" spans="2:12">
      <c r="B10571" s="367"/>
      <c r="C10571" s="367"/>
      <c r="D10571" s="367"/>
      <c r="E10571" s="367"/>
      <c r="F10571" s="360"/>
      <c r="G10571" s="360"/>
      <c r="H10571" s="360"/>
      <c r="I10571" s="360"/>
      <c r="J10571" s="365"/>
      <c r="K10571" s="365"/>
      <c r="L10571" s="365"/>
    </row>
    <row r="10572" spans="2:12">
      <c r="B10572" s="367"/>
      <c r="C10572" s="367"/>
      <c r="D10572" s="367"/>
      <c r="E10572" s="367"/>
      <c r="F10572" s="359" t="s">
        <v>14371</v>
      </c>
      <c r="G10572" s="359" t="s">
        <v>14372</v>
      </c>
      <c r="H10572" s="359" t="s">
        <v>14370</v>
      </c>
      <c r="I10572" s="359" t="s">
        <v>14373</v>
      </c>
      <c r="J10572" s="365"/>
      <c r="K10572" s="365"/>
      <c r="L10572" s="365"/>
    </row>
    <row r="10573" spans="2:12">
      <c r="B10573" s="367"/>
      <c r="C10573" s="367"/>
      <c r="D10573" s="367"/>
      <c r="E10573" s="367"/>
      <c r="F10573" s="360"/>
      <c r="G10573" s="360"/>
      <c r="H10573" s="360"/>
      <c r="I10573" s="360"/>
      <c r="J10573" s="365"/>
      <c r="K10573" s="365"/>
      <c r="L10573" s="365"/>
    </row>
    <row r="10574" spans="2:12" ht="28.5">
      <c r="B10574" s="368"/>
      <c r="C10574" s="368"/>
      <c r="D10574" s="368"/>
      <c r="E10574" s="368"/>
      <c r="F10574" s="361" t="s">
        <v>14374</v>
      </c>
      <c r="G10574" s="361" t="s">
        <v>14373</v>
      </c>
      <c r="H10574" s="361" t="s">
        <v>14422</v>
      </c>
      <c r="I10574" s="362"/>
      <c r="J10574" s="366"/>
      <c r="K10574" s="366"/>
      <c r="L10574" s="366"/>
    </row>
    <row r="10575" spans="2:12" ht="28.5">
      <c r="B10575" s="358" t="s">
        <v>19771</v>
      </c>
      <c r="C10575" s="358" t="s">
        <v>19772</v>
      </c>
      <c r="D10575" s="358" t="s">
        <v>19773</v>
      </c>
      <c r="E10575" s="358" t="s">
        <v>19774</v>
      </c>
      <c r="F10575" s="358" t="s">
        <v>28938</v>
      </c>
      <c r="G10575" s="358" t="s">
        <v>14421</v>
      </c>
      <c r="H10575" s="358" t="s">
        <v>14367</v>
      </c>
      <c r="I10575" s="358" t="s">
        <v>14421</v>
      </c>
      <c r="J10575" s="358"/>
      <c r="K10575" s="358" t="s">
        <v>14929</v>
      </c>
      <c r="L10575" s="358"/>
    </row>
    <row r="10576" spans="2:12">
      <c r="B10576" s="367"/>
      <c r="C10576" s="367"/>
      <c r="D10576" s="367"/>
      <c r="E10576" s="367"/>
      <c r="F10576" s="367"/>
      <c r="G10576" s="360"/>
      <c r="H10576" s="360"/>
      <c r="I10576" s="360"/>
      <c r="J10576" s="365"/>
      <c r="K10576" s="367"/>
      <c r="L10576" s="365"/>
    </row>
    <row r="10577" spans="2:12">
      <c r="B10577" s="368"/>
      <c r="C10577" s="368"/>
      <c r="D10577" s="368"/>
      <c r="E10577" s="368"/>
      <c r="F10577" s="368"/>
      <c r="G10577" s="361" t="s">
        <v>14429</v>
      </c>
      <c r="H10577" s="361" t="s">
        <v>14422</v>
      </c>
      <c r="I10577" s="361" t="s">
        <v>14429</v>
      </c>
      <c r="J10577" s="366"/>
      <c r="K10577" s="368"/>
      <c r="L10577" s="366"/>
    </row>
    <row r="10578" spans="2:12" ht="28.5">
      <c r="B10578" s="358" t="s">
        <v>19775</v>
      </c>
      <c r="C10578" s="358" t="s">
        <v>29165</v>
      </c>
      <c r="D10578" s="358" t="s">
        <v>8356</v>
      </c>
      <c r="E10578" s="358" t="s">
        <v>8356</v>
      </c>
      <c r="F10578" s="358" t="s">
        <v>28938</v>
      </c>
      <c r="G10578" s="358" t="s">
        <v>14421</v>
      </c>
      <c r="H10578" s="358" t="s">
        <v>14367</v>
      </c>
      <c r="I10578" s="358" t="s">
        <v>14421</v>
      </c>
      <c r="J10578" s="358"/>
      <c r="K10578" s="358" t="s">
        <v>14929</v>
      </c>
      <c r="L10578" s="358" t="s">
        <v>9491</v>
      </c>
    </row>
    <row r="10579" spans="2:12">
      <c r="B10579" s="367"/>
      <c r="C10579" s="367"/>
      <c r="D10579" s="367"/>
      <c r="E10579" s="367"/>
      <c r="F10579" s="367"/>
      <c r="G10579" s="360"/>
      <c r="H10579" s="360"/>
      <c r="I10579" s="360"/>
      <c r="J10579" s="365"/>
      <c r="K10579" s="367"/>
      <c r="L10579" s="367"/>
    </row>
    <row r="10580" spans="2:12">
      <c r="B10580" s="368"/>
      <c r="C10580" s="368"/>
      <c r="D10580" s="368"/>
      <c r="E10580" s="368"/>
      <c r="F10580" s="368"/>
      <c r="G10580" s="361" t="s">
        <v>14429</v>
      </c>
      <c r="H10580" s="361" t="s">
        <v>14422</v>
      </c>
      <c r="I10580" s="361" t="s">
        <v>14429</v>
      </c>
      <c r="J10580" s="366"/>
      <c r="K10580" s="368"/>
      <c r="L10580" s="368"/>
    </row>
    <row r="10581" spans="2:12" ht="71.25">
      <c r="B10581" s="358" t="s">
        <v>19776</v>
      </c>
      <c r="C10581" s="358" t="s">
        <v>19777</v>
      </c>
      <c r="D10581" s="358" t="s">
        <v>19778</v>
      </c>
      <c r="E10581" s="358" t="s">
        <v>19779</v>
      </c>
      <c r="F10581" s="358" t="s">
        <v>14418</v>
      </c>
      <c r="G10581" s="358" t="s">
        <v>14419</v>
      </c>
      <c r="H10581" s="358" t="s">
        <v>14328</v>
      </c>
      <c r="I10581" s="358" t="s">
        <v>14419</v>
      </c>
      <c r="J10581" s="358"/>
      <c r="K10581" s="358" t="s">
        <v>29166</v>
      </c>
      <c r="L10581" s="358"/>
    </row>
    <row r="10582" spans="2:12">
      <c r="B10582" s="367"/>
      <c r="C10582" s="367"/>
      <c r="D10582" s="367"/>
      <c r="E10582" s="367"/>
      <c r="F10582" s="360"/>
      <c r="G10582" s="360"/>
      <c r="H10582" s="360"/>
      <c r="I10582" s="360"/>
      <c r="J10582" s="365"/>
      <c r="K10582" s="360"/>
      <c r="L10582" s="365"/>
    </row>
    <row r="10583" spans="2:12" ht="28.5">
      <c r="B10583" s="367"/>
      <c r="C10583" s="367"/>
      <c r="D10583" s="367"/>
      <c r="E10583" s="367"/>
      <c r="F10583" s="359" t="s">
        <v>28938</v>
      </c>
      <c r="G10583" s="359" t="s">
        <v>14459</v>
      </c>
      <c r="H10583" s="359" t="s">
        <v>14341</v>
      </c>
      <c r="I10583" s="359" t="s">
        <v>14459</v>
      </c>
      <c r="J10583" s="365"/>
      <c r="K10583" s="359" t="s">
        <v>29085</v>
      </c>
      <c r="L10583" s="365"/>
    </row>
    <row r="10584" spans="2:12">
      <c r="B10584" s="367"/>
      <c r="C10584" s="367"/>
      <c r="D10584" s="367"/>
      <c r="E10584" s="367"/>
      <c r="F10584" s="360"/>
      <c r="G10584" s="360"/>
      <c r="H10584" s="360"/>
      <c r="I10584" s="360"/>
      <c r="J10584" s="365"/>
      <c r="K10584" s="360"/>
      <c r="L10584" s="365"/>
    </row>
    <row r="10585" spans="2:12" ht="42.75">
      <c r="B10585" s="367"/>
      <c r="C10585" s="367"/>
      <c r="D10585" s="367"/>
      <c r="E10585" s="367"/>
      <c r="F10585" s="359" t="s">
        <v>14356</v>
      </c>
      <c r="G10585" s="359" t="s">
        <v>14429</v>
      </c>
      <c r="H10585" s="359" t="s">
        <v>14367</v>
      </c>
      <c r="I10585" s="359" t="s">
        <v>14429</v>
      </c>
      <c r="J10585" s="365"/>
      <c r="K10585" s="359" t="s">
        <v>29167</v>
      </c>
      <c r="L10585" s="365"/>
    </row>
    <row r="10586" spans="2:12">
      <c r="B10586" s="367"/>
      <c r="C10586" s="367"/>
      <c r="D10586" s="367"/>
      <c r="E10586" s="367"/>
      <c r="F10586" s="360"/>
      <c r="G10586" s="360"/>
      <c r="H10586" s="360"/>
      <c r="I10586" s="360"/>
      <c r="J10586" s="365"/>
      <c r="K10586" s="360"/>
      <c r="L10586" s="365"/>
    </row>
    <row r="10587" spans="2:12">
      <c r="B10587" s="367"/>
      <c r="C10587" s="367"/>
      <c r="D10587" s="367"/>
      <c r="E10587" s="367"/>
      <c r="F10587" s="360"/>
      <c r="G10587" s="359" t="s">
        <v>14340</v>
      </c>
      <c r="H10587" s="359" t="s">
        <v>14332</v>
      </c>
      <c r="I10587" s="359" t="s">
        <v>14340</v>
      </c>
      <c r="J10587" s="365"/>
      <c r="K10587" s="359" t="s">
        <v>29085</v>
      </c>
      <c r="L10587" s="365"/>
    </row>
    <row r="10588" spans="2:12">
      <c r="B10588" s="367"/>
      <c r="C10588" s="367"/>
      <c r="D10588" s="367"/>
      <c r="E10588" s="367"/>
      <c r="F10588" s="360"/>
      <c r="G10588" s="360"/>
      <c r="H10588" s="360"/>
      <c r="I10588" s="360"/>
      <c r="J10588" s="365"/>
      <c r="K10588" s="360"/>
      <c r="L10588" s="365"/>
    </row>
    <row r="10589" spans="2:12" ht="42.75">
      <c r="B10589" s="367"/>
      <c r="C10589" s="367"/>
      <c r="D10589" s="367"/>
      <c r="E10589" s="367"/>
      <c r="F10589" s="360"/>
      <c r="G10589" s="360"/>
      <c r="H10589" s="360"/>
      <c r="I10589" s="360"/>
      <c r="J10589" s="365"/>
      <c r="K10589" s="359" t="s">
        <v>29168</v>
      </c>
      <c r="L10589" s="365"/>
    </row>
    <row r="10590" spans="2:12">
      <c r="B10590" s="367"/>
      <c r="C10590" s="367"/>
      <c r="D10590" s="367"/>
      <c r="E10590" s="367"/>
      <c r="F10590" s="360"/>
      <c r="G10590" s="360"/>
      <c r="H10590" s="360"/>
      <c r="I10590" s="360"/>
      <c r="J10590" s="365"/>
      <c r="K10590" s="360"/>
      <c r="L10590" s="365"/>
    </row>
    <row r="10591" spans="2:12">
      <c r="B10591" s="367"/>
      <c r="C10591" s="367"/>
      <c r="D10591" s="367"/>
      <c r="E10591" s="367"/>
      <c r="F10591" s="360"/>
      <c r="G10591" s="360"/>
      <c r="H10591" s="360"/>
      <c r="I10591" s="360"/>
      <c r="J10591" s="365"/>
      <c r="K10591" s="359" t="s">
        <v>28694</v>
      </c>
      <c r="L10591" s="365"/>
    </row>
    <row r="10592" spans="2:12">
      <c r="B10592" s="367"/>
      <c r="C10592" s="367"/>
      <c r="D10592" s="367"/>
      <c r="E10592" s="367"/>
      <c r="F10592" s="360"/>
      <c r="G10592" s="360"/>
      <c r="H10592" s="360"/>
      <c r="I10592" s="360"/>
      <c r="J10592" s="365"/>
      <c r="K10592" s="360"/>
      <c r="L10592" s="365"/>
    </row>
    <row r="10593" spans="2:12" ht="42.75">
      <c r="B10593" s="368"/>
      <c r="C10593" s="368"/>
      <c r="D10593" s="368"/>
      <c r="E10593" s="368"/>
      <c r="F10593" s="362"/>
      <c r="G10593" s="362"/>
      <c r="H10593" s="362"/>
      <c r="I10593" s="362"/>
      <c r="J10593" s="366"/>
      <c r="K10593" s="361" t="s">
        <v>28582</v>
      </c>
      <c r="L10593" s="366"/>
    </row>
    <row r="10594" spans="2:12" ht="28.5">
      <c r="B10594" s="358" t="s">
        <v>19780</v>
      </c>
      <c r="C10594" s="358" t="s">
        <v>19781</v>
      </c>
      <c r="D10594" s="358" t="s">
        <v>19782</v>
      </c>
      <c r="E10594" s="358" t="s">
        <v>6231</v>
      </c>
      <c r="F10594" s="358" t="s">
        <v>28913</v>
      </c>
      <c r="G10594" s="358" t="s">
        <v>14429</v>
      </c>
      <c r="H10594" s="358" t="s">
        <v>14381</v>
      </c>
      <c r="I10594" s="358" t="s">
        <v>14429</v>
      </c>
      <c r="J10594" s="358"/>
      <c r="K10594" s="358"/>
      <c r="L10594" s="358"/>
    </row>
    <row r="10595" spans="2:12">
      <c r="B10595" s="367"/>
      <c r="C10595" s="367"/>
      <c r="D10595" s="367"/>
      <c r="E10595" s="367"/>
      <c r="F10595" s="360"/>
      <c r="G10595" s="360"/>
      <c r="H10595" s="360"/>
      <c r="I10595" s="360"/>
      <c r="J10595" s="365"/>
      <c r="K10595" s="365"/>
      <c r="L10595" s="365"/>
    </row>
    <row r="10596" spans="2:12">
      <c r="B10596" s="367"/>
      <c r="C10596" s="367"/>
      <c r="D10596" s="367"/>
      <c r="E10596" s="367"/>
      <c r="F10596" s="359" t="s">
        <v>14389</v>
      </c>
      <c r="G10596" s="359" t="s">
        <v>14388</v>
      </c>
      <c r="H10596" s="359" t="s">
        <v>14341</v>
      </c>
      <c r="I10596" s="359" t="s">
        <v>14388</v>
      </c>
      <c r="J10596" s="365"/>
      <c r="K10596" s="365"/>
      <c r="L10596" s="365"/>
    </row>
    <row r="10597" spans="2:12">
      <c r="B10597" s="367"/>
      <c r="C10597" s="367"/>
      <c r="D10597" s="367"/>
      <c r="E10597" s="367"/>
      <c r="F10597" s="360"/>
      <c r="G10597" s="360"/>
      <c r="H10597" s="360"/>
      <c r="I10597" s="360"/>
      <c r="J10597" s="365"/>
      <c r="K10597" s="365"/>
      <c r="L10597" s="365"/>
    </row>
    <row r="10598" spans="2:12">
      <c r="B10598" s="367"/>
      <c r="C10598" s="367"/>
      <c r="D10598" s="367"/>
      <c r="E10598" s="367"/>
      <c r="F10598" s="359" t="s">
        <v>14430</v>
      </c>
      <c r="G10598" s="359" t="s">
        <v>14390</v>
      </c>
      <c r="H10598" s="359" t="s">
        <v>14367</v>
      </c>
      <c r="I10598" s="359" t="s">
        <v>14390</v>
      </c>
      <c r="J10598" s="365"/>
      <c r="K10598" s="365"/>
      <c r="L10598" s="365"/>
    </row>
    <row r="10599" spans="2:12">
      <c r="B10599" s="367"/>
      <c r="C10599" s="367"/>
      <c r="D10599" s="367"/>
      <c r="E10599" s="367"/>
      <c r="F10599" s="360"/>
      <c r="G10599" s="360"/>
      <c r="H10599" s="360"/>
      <c r="I10599" s="360"/>
      <c r="J10599" s="365"/>
      <c r="K10599" s="365"/>
      <c r="L10599" s="365"/>
    </row>
    <row r="10600" spans="2:12">
      <c r="B10600" s="367"/>
      <c r="C10600" s="367"/>
      <c r="D10600" s="367"/>
      <c r="E10600" s="367"/>
      <c r="F10600" s="359" t="s">
        <v>14814</v>
      </c>
      <c r="G10600" s="359" t="s">
        <v>14431</v>
      </c>
      <c r="H10600" s="359" t="s">
        <v>14332</v>
      </c>
      <c r="I10600" s="359" t="s">
        <v>14431</v>
      </c>
      <c r="J10600" s="365"/>
      <c r="K10600" s="365"/>
      <c r="L10600" s="365"/>
    </row>
    <row r="10601" spans="2:12">
      <c r="B10601" s="367"/>
      <c r="C10601" s="367"/>
      <c r="D10601" s="367"/>
      <c r="E10601" s="367"/>
      <c r="F10601" s="360"/>
      <c r="G10601" s="360"/>
      <c r="H10601" s="360"/>
      <c r="I10601" s="360"/>
      <c r="J10601" s="365"/>
      <c r="K10601" s="365"/>
      <c r="L10601" s="365"/>
    </row>
    <row r="10602" spans="2:12">
      <c r="B10602" s="367"/>
      <c r="C10602" s="367"/>
      <c r="D10602" s="367"/>
      <c r="E10602" s="367"/>
      <c r="F10602" s="359" t="s">
        <v>14391</v>
      </c>
      <c r="G10602" s="359" t="s">
        <v>14815</v>
      </c>
      <c r="H10602" s="360"/>
      <c r="I10602" s="359" t="s">
        <v>14815</v>
      </c>
      <c r="J10602" s="365"/>
      <c r="K10602" s="365"/>
      <c r="L10602" s="365"/>
    </row>
    <row r="10603" spans="2:12">
      <c r="B10603" s="367"/>
      <c r="C10603" s="367"/>
      <c r="D10603" s="367"/>
      <c r="E10603" s="367"/>
      <c r="F10603" s="360"/>
      <c r="G10603" s="360"/>
      <c r="H10603" s="360"/>
      <c r="I10603" s="360"/>
      <c r="J10603" s="365"/>
      <c r="K10603" s="365"/>
      <c r="L10603" s="365"/>
    </row>
    <row r="10604" spans="2:12">
      <c r="B10604" s="368"/>
      <c r="C10604" s="368"/>
      <c r="D10604" s="368"/>
      <c r="E10604" s="368"/>
      <c r="F10604" s="362"/>
      <c r="G10604" s="361" t="s">
        <v>14392</v>
      </c>
      <c r="H10604" s="362"/>
      <c r="I10604" s="361" t="s">
        <v>14392</v>
      </c>
      <c r="J10604" s="366"/>
      <c r="K10604" s="366"/>
      <c r="L10604" s="366"/>
    </row>
    <row r="10605" spans="2:12" ht="85.5">
      <c r="B10605" s="358" t="s">
        <v>19783</v>
      </c>
      <c r="C10605" s="358" t="s">
        <v>19784</v>
      </c>
      <c r="D10605" s="358" t="s">
        <v>19785</v>
      </c>
      <c r="E10605" s="358" t="s">
        <v>19786</v>
      </c>
      <c r="F10605" s="358" t="s">
        <v>14356</v>
      </c>
      <c r="G10605" s="358" t="s">
        <v>14340</v>
      </c>
      <c r="H10605" s="358" t="s">
        <v>14341</v>
      </c>
      <c r="I10605" s="358" t="s">
        <v>14340</v>
      </c>
      <c r="J10605" s="358"/>
      <c r="K10605" s="358" t="s">
        <v>28607</v>
      </c>
      <c r="L10605" s="358"/>
    </row>
    <row r="10606" spans="2:12">
      <c r="B10606" s="367"/>
      <c r="C10606" s="367"/>
      <c r="D10606" s="367"/>
      <c r="E10606" s="367"/>
      <c r="F10606" s="367"/>
      <c r="G10606" s="367"/>
      <c r="H10606" s="360"/>
      <c r="I10606" s="367"/>
      <c r="J10606" s="365"/>
      <c r="K10606" s="360"/>
      <c r="L10606" s="365"/>
    </row>
    <row r="10607" spans="2:12" ht="42.75">
      <c r="B10607" s="368"/>
      <c r="C10607" s="368"/>
      <c r="D10607" s="368"/>
      <c r="E10607" s="368"/>
      <c r="F10607" s="368"/>
      <c r="G10607" s="368"/>
      <c r="H10607" s="361" t="s">
        <v>14332</v>
      </c>
      <c r="I10607" s="368"/>
      <c r="J10607" s="366"/>
      <c r="K10607" s="361" t="s">
        <v>28667</v>
      </c>
      <c r="L10607" s="366"/>
    </row>
    <row r="10608" spans="2:12">
      <c r="B10608" s="358" t="s">
        <v>19787</v>
      </c>
      <c r="C10608" s="358" t="s">
        <v>19788</v>
      </c>
      <c r="D10608" s="358" t="s">
        <v>19789</v>
      </c>
      <c r="E10608" s="358" t="s">
        <v>19790</v>
      </c>
      <c r="F10608" s="358" t="s">
        <v>14505</v>
      </c>
      <c r="G10608" s="358" t="s">
        <v>14506</v>
      </c>
      <c r="H10608" s="358" t="s">
        <v>14328</v>
      </c>
      <c r="I10608" s="358" t="s">
        <v>14506</v>
      </c>
      <c r="J10608" s="358" t="s">
        <v>14355</v>
      </c>
      <c r="K10608" s="358"/>
      <c r="L10608" s="358"/>
    </row>
    <row r="10609" spans="2:12">
      <c r="B10609" s="367"/>
      <c r="C10609" s="367"/>
      <c r="D10609" s="367"/>
      <c r="E10609" s="367"/>
      <c r="F10609" s="360"/>
      <c r="G10609" s="360"/>
      <c r="H10609" s="360"/>
      <c r="I10609" s="360"/>
      <c r="J10609" s="367"/>
      <c r="K10609" s="365"/>
      <c r="L10609" s="365"/>
    </row>
    <row r="10610" spans="2:12">
      <c r="B10610" s="367"/>
      <c r="C10610" s="367"/>
      <c r="D10610" s="367"/>
      <c r="E10610" s="367"/>
      <c r="F10610" s="359" t="s">
        <v>14356</v>
      </c>
      <c r="G10610" s="359" t="s">
        <v>14340</v>
      </c>
      <c r="H10610" s="359" t="s">
        <v>14341</v>
      </c>
      <c r="I10610" s="359" t="s">
        <v>14340</v>
      </c>
      <c r="J10610" s="367"/>
      <c r="K10610" s="365"/>
      <c r="L10610" s="365"/>
    </row>
    <row r="10611" spans="2:12">
      <c r="B10611" s="367"/>
      <c r="C10611" s="367"/>
      <c r="D10611" s="367"/>
      <c r="E10611" s="367"/>
      <c r="F10611" s="360"/>
      <c r="G10611" s="360"/>
      <c r="H10611" s="360"/>
      <c r="I10611" s="360"/>
      <c r="J10611" s="367"/>
      <c r="K10611" s="365"/>
      <c r="L10611" s="365"/>
    </row>
    <row r="10612" spans="2:12">
      <c r="B10612" s="368"/>
      <c r="C10612" s="368"/>
      <c r="D10612" s="368"/>
      <c r="E10612" s="368"/>
      <c r="F10612" s="362"/>
      <c r="G10612" s="362"/>
      <c r="H10612" s="361" t="s">
        <v>14332</v>
      </c>
      <c r="I10612" s="362"/>
      <c r="J10612" s="368"/>
      <c r="K10612" s="366"/>
      <c r="L10612" s="366"/>
    </row>
    <row r="10613" spans="2:12" ht="42.75">
      <c r="B10613" s="358" t="s">
        <v>19791</v>
      </c>
      <c r="C10613" s="358" t="s">
        <v>19792</v>
      </c>
      <c r="D10613" s="358" t="s">
        <v>19793</v>
      </c>
      <c r="E10613" s="358" t="s">
        <v>19794</v>
      </c>
      <c r="F10613" s="358" t="s">
        <v>28943</v>
      </c>
      <c r="G10613" s="358" t="s">
        <v>14459</v>
      </c>
      <c r="H10613" s="358" t="s">
        <v>14341</v>
      </c>
      <c r="I10613" s="358" t="s">
        <v>14459</v>
      </c>
      <c r="J10613" s="358"/>
      <c r="K10613" s="358"/>
      <c r="L10613" s="358"/>
    </row>
    <row r="10614" spans="2:12">
      <c r="B10614" s="367"/>
      <c r="C10614" s="367"/>
      <c r="D10614" s="367"/>
      <c r="E10614" s="367"/>
      <c r="F10614" s="360"/>
      <c r="G10614" s="360"/>
      <c r="H10614" s="360"/>
      <c r="I10614" s="360"/>
      <c r="J10614" s="365"/>
      <c r="K10614" s="365"/>
      <c r="L10614" s="365"/>
    </row>
    <row r="10615" spans="2:12">
      <c r="B10615" s="367"/>
      <c r="C10615" s="367"/>
      <c r="D10615" s="367"/>
      <c r="E10615" s="367"/>
      <c r="F10615" s="359" t="s">
        <v>14356</v>
      </c>
      <c r="G10615" s="359" t="s">
        <v>14421</v>
      </c>
      <c r="H10615" s="359" t="s">
        <v>14367</v>
      </c>
      <c r="I10615" s="359" t="s">
        <v>14421</v>
      </c>
      <c r="J10615" s="365"/>
      <c r="K10615" s="365"/>
      <c r="L10615" s="365"/>
    </row>
    <row r="10616" spans="2:12">
      <c r="B10616" s="367"/>
      <c r="C10616" s="367"/>
      <c r="D10616" s="367"/>
      <c r="E10616" s="367"/>
      <c r="F10616" s="360"/>
      <c r="G10616" s="360"/>
      <c r="H10616" s="360"/>
      <c r="I10616" s="360"/>
      <c r="J10616" s="365"/>
      <c r="K10616" s="365"/>
      <c r="L10616" s="365"/>
    </row>
    <row r="10617" spans="2:12">
      <c r="B10617" s="367"/>
      <c r="C10617" s="367"/>
      <c r="D10617" s="367"/>
      <c r="E10617" s="367"/>
      <c r="F10617" s="359" t="s">
        <v>14391</v>
      </c>
      <c r="G10617" s="359" t="s">
        <v>14429</v>
      </c>
      <c r="H10617" s="359" t="s">
        <v>14332</v>
      </c>
      <c r="I10617" s="359" t="s">
        <v>14429</v>
      </c>
      <c r="J10617" s="365"/>
      <c r="K10617" s="365"/>
      <c r="L10617" s="365"/>
    </row>
    <row r="10618" spans="2:12">
      <c r="B10618" s="367"/>
      <c r="C10618" s="367"/>
      <c r="D10618" s="367"/>
      <c r="E10618" s="367"/>
      <c r="F10618" s="360"/>
      <c r="G10618" s="360"/>
      <c r="H10618" s="360"/>
      <c r="I10618" s="360"/>
      <c r="J10618" s="365"/>
      <c r="K10618" s="365"/>
      <c r="L10618" s="365"/>
    </row>
    <row r="10619" spans="2:12">
      <c r="B10619" s="367"/>
      <c r="C10619" s="367"/>
      <c r="D10619" s="367"/>
      <c r="E10619" s="367"/>
      <c r="F10619" s="360"/>
      <c r="G10619" s="359" t="s">
        <v>14340</v>
      </c>
      <c r="H10619" s="360"/>
      <c r="I10619" s="359" t="s">
        <v>14340</v>
      </c>
      <c r="J10619" s="365"/>
      <c r="K10619" s="365"/>
      <c r="L10619" s="365"/>
    </row>
    <row r="10620" spans="2:12">
      <c r="B10620" s="367"/>
      <c r="C10620" s="367"/>
      <c r="D10620" s="367"/>
      <c r="E10620" s="367"/>
      <c r="F10620" s="360"/>
      <c r="G10620" s="360"/>
      <c r="H10620" s="360"/>
      <c r="I10620" s="360"/>
      <c r="J10620" s="365"/>
      <c r="K10620" s="365"/>
      <c r="L10620" s="365"/>
    </row>
    <row r="10621" spans="2:12">
      <c r="B10621" s="368"/>
      <c r="C10621" s="368"/>
      <c r="D10621" s="368"/>
      <c r="E10621" s="368"/>
      <c r="F10621" s="362"/>
      <c r="G10621" s="361" t="s">
        <v>14392</v>
      </c>
      <c r="H10621" s="362"/>
      <c r="I10621" s="361" t="s">
        <v>14392</v>
      </c>
      <c r="J10621" s="366"/>
      <c r="K10621" s="366"/>
      <c r="L10621" s="366"/>
    </row>
    <row r="10622" spans="2:12">
      <c r="B10622" s="358" t="s">
        <v>19795</v>
      </c>
      <c r="C10622" s="358" t="s">
        <v>19796</v>
      </c>
      <c r="D10622" s="358" t="s">
        <v>19797</v>
      </c>
      <c r="E10622" s="358" t="s">
        <v>19798</v>
      </c>
      <c r="F10622" s="358" t="s">
        <v>14505</v>
      </c>
      <c r="G10622" s="358" t="s">
        <v>14506</v>
      </c>
      <c r="H10622" s="358" t="s">
        <v>14328</v>
      </c>
      <c r="I10622" s="358" t="s">
        <v>14506</v>
      </c>
      <c r="J10622" s="358"/>
      <c r="K10622" s="358"/>
      <c r="L10622" s="358"/>
    </row>
    <row r="10623" spans="2:12">
      <c r="B10623" s="367"/>
      <c r="C10623" s="367"/>
      <c r="D10623" s="367"/>
      <c r="E10623" s="367"/>
      <c r="F10623" s="367"/>
      <c r="G10623" s="367"/>
      <c r="H10623" s="360"/>
      <c r="I10623" s="367"/>
      <c r="J10623" s="365"/>
      <c r="K10623" s="365"/>
      <c r="L10623" s="365"/>
    </row>
    <row r="10624" spans="2:12">
      <c r="B10624" s="368"/>
      <c r="C10624" s="368"/>
      <c r="D10624" s="368"/>
      <c r="E10624" s="368"/>
      <c r="F10624" s="368"/>
      <c r="G10624" s="368"/>
      <c r="H10624" s="361" t="s">
        <v>14332</v>
      </c>
      <c r="I10624" s="368"/>
      <c r="J10624" s="366"/>
      <c r="K10624" s="366"/>
      <c r="L10624" s="366"/>
    </row>
    <row r="10625" spans="2:12">
      <c r="B10625" s="358" t="s">
        <v>19799</v>
      </c>
      <c r="C10625" s="358" t="s">
        <v>19800</v>
      </c>
      <c r="D10625" s="358" t="s">
        <v>19801</v>
      </c>
      <c r="E10625" s="358" t="s">
        <v>19802</v>
      </c>
      <c r="F10625" s="358" t="s">
        <v>14524</v>
      </c>
      <c r="G10625" s="358" t="s">
        <v>14525</v>
      </c>
      <c r="H10625" s="358" t="s">
        <v>14328</v>
      </c>
      <c r="I10625" s="358" t="s">
        <v>14525</v>
      </c>
      <c r="J10625" s="358"/>
      <c r="K10625" s="358"/>
      <c r="L10625" s="358"/>
    </row>
    <row r="10626" spans="2:12">
      <c r="B10626" s="367"/>
      <c r="C10626" s="367"/>
      <c r="D10626" s="367"/>
      <c r="E10626" s="367"/>
      <c r="F10626" s="360"/>
      <c r="G10626" s="360"/>
      <c r="H10626" s="360"/>
      <c r="I10626" s="360"/>
      <c r="J10626" s="365"/>
      <c r="K10626" s="365"/>
      <c r="L10626" s="365"/>
    </row>
    <row r="10627" spans="2:12" ht="28.5">
      <c r="B10627" s="367"/>
      <c r="C10627" s="367"/>
      <c r="D10627" s="367"/>
      <c r="E10627" s="367"/>
      <c r="F10627" s="359" t="s">
        <v>28938</v>
      </c>
      <c r="G10627" s="359" t="s">
        <v>14459</v>
      </c>
      <c r="H10627" s="359" t="s">
        <v>14367</v>
      </c>
      <c r="I10627" s="359" t="s">
        <v>14459</v>
      </c>
      <c r="J10627" s="365"/>
      <c r="K10627" s="365"/>
      <c r="L10627" s="365"/>
    </row>
    <row r="10628" spans="2:12">
      <c r="B10628" s="367"/>
      <c r="C10628" s="367"/>
      <c r="D10628" s="367"/>
      <c r="E10628" s="367"/>
      <c r="F10628" s="360"/>
      <c r="G10628" s="360"/>
      <c r="H10628" s="360"/>
      <c r="I10628" s="360"/>
      <c r="J10628" s="365"/>
      <c r="K10628" s="365"/>
      <c r="L10628" s="365"/>
    </row>
    <row r="10629" spans="2:12">
      <c r="B10629" s="367"/>
      <c r="C10629" s="367"/>
      <c r="D10629" s="367"/>
      <c r="E10629" s="367"/>
      <c r="F10629" s="359" t="s">
        <v>14386</v>
      </c>
      <c r="G10629" s="359" t="s">
        <v>14429</v>
      </c>
      <c r="H10629" s="359" t="s">
        <v>14332</v>
      </c>
      <c r="I10629" s="359" t="s">
        <v>14429</v>
      </c>
      <c r="J10629" s="365"/>
      <c r="K10629" s="365"/>
      <c r="L10629" s="365"/>
    </row>
    <row r="10630" spans="2:12">
      <c r="B10630" s="367"/>
      <c r="C10630" s="367"/>
      <c r="D10630" s="367"/>
      <c r="E10630" s="367"/>
      <c r="F10630" s="360"/>
      <c r="G10630" s="360"/>
      <c r="H10630" s="360"/>
      <c r="I10630" s="360"/>
      <c r="J10630" s="365"/>
      <c r="K10630" s="365"/>
      <c r="L10630" s="365"/>
    </row>
    <row r="10631" spans="2:12">
      <c r="B10631" s="367"/>
      <c r="C10631" s="367"/>
      <c r="D10631" s="367"/>
      <c r="E10631" s="367"/>
      <c r="F10631" s="359" t="s">
        <v>14368</v>
      </c>
      <c r="G10631" s="359" t="s">
        <v>14387</v>
      </c>
      <c r="H10631" s="360"/>
      <c r="I10631" s="359" t="s">
        <v>14387</v>
      </c>
      <c r="J10631" s="365"/>
      <c r="K10631" s="365"/>
      <c r="L10631" s="365"/>
    </row>
    <row r="10632" spans="2:12">
      <c r="B10632" s="367"/>
      <c r="C10632" s="367"/>
      <c r="D10632" s="367"/>
      <c r="E10632" s="367"/>
      <c r="F10632" s="360"/>
      <c r="G10632" s="360"/>
      <c r="H10632" s="360"/>
      <c r="I10632" s="360"/>
      <c r="J10632" s="365"/>
      <c r="K10632" s="365"/>
      <c r="L10632" s="365"/>
    </row>
    <row r="10633" spans="2:12">
      <c r="B10633" s="368"/>
      <c r="C10633" s="368"/>
      <c r="D10633" s="368"/>
      <c r="E10633" s="368"/>
      <c r="F10633" s="362"/>
      <c r="G10633" s="361" t="s">
        <v>14388</v>
      </c>
      <c r="H10633" s="362"/>
      <c r="I10633" s="361" t="s">
        <v>14388</v>
      </c>
      <c r="J10633" s="366"/>
      <c r="K10633" s="366"/>
      <c r="L10633" s="366"/>
    </row>
    <row r="10634" spans="2:12">
      <c r="B10634" s="358" t="s">
        <v>19803</v>
      </c>
      <c r="C10634" s="358" t="s">
        <v>19804</v>
      </c>
      <c r="D10634" s="358" t="s">
        <v>19805</v>
      </c>
      <c r="E10634" s="358" t="s">
        <v>19806</v>
      </c>
      <c r="F10634" s="358" t="s">
        <v>14505</v>
      </c>
      <c r="G10634" s="358" t="s">
        <v>14506</v>
      </c>
      <c r="H10634" s="358" t="s">
        <v>14328</v>
      </c>
      <c r="I10634" s="358" t="s">
        <v>14506</v>
      </c>
      <c r="J10634" s="358"/>
      <c r="K10634" s="358"/>
      <c r="L10634" s="358"/>
    </row>
    <row r="10635" spans="2:12">
      <c r="B10635" s="367"/>
      <c r="C10635" s="367"/>
      <c r="D10635" s="367"/>
      <c r="E10635" s="367"/>
      <c r="F10635" s="360"/>
      <c r="G10635" s="360"/>
      <c r="H10635" s="360"/>
      <c r="I10635" s="360"/>
      <c r="J10635" s="365"/>
      <c r="K10635" s="365"/>
      <c r="L10635" s="365"/>
    </row>
    <row r="10636" spans="2:12" ht="28.5">
      <c r="B10636" s="367"/>
      <c r="C10636" s="367"/>
      <c r="D10636" s="367"/>
      <c r="E10636" s="367"/>
      <c r="F10636" s="359" t="s">
        <v>28938</v>
      </c>
      <c r="G10636" s="359" t="s">
        <v>14459</v>
      </c>
      <c r="H10636" s="359" t="s">
        <v>14367</v>
      </c>
      <c r="I10636" s="359" t="s">
        <v>14459</v>
      </c>
      <c r="J10636" s="365"/>
      <c r="K10636" s="365"/>
      <c r="L10636" s="365"/>
    </row>
    <row r="10637" spans="2:12">
      <c r="B10637" s="367"/>
      <c r="C10637" s="367"/>
      <c r="D10637" s="367"/>
      <c r="E10637" s="367"/>
      <c r="F10637" s="360"/>
      <c r="G10637" s="360"/>
      <c r="H10637" s="360"/>
      <c r="I10637" s="360"/>
      <c r="J10637" s="365"/>
      <c r="K10637" s="365"/>
      <c r="L10637" s="365"/>
    </row>
    <row r="10638" spans="2:12">
      <c r="B10638" s="367"/>
      <c r="C10638" s="367"/>
      <c r="D10638" s="367"/>
      <c r="E10638" s="367"/>
      <c r="F10638" s="359" t="s">
        <v>14386</v>
      </c>
      <c r="G10638" s="359" t="s">
        <v>14429</v>
      </c>
      <c r="H10638" s="359" t="s">
        <v>14332</v>
      </c>
      <c r="I10638" s="359" t="s">
        <v>14429</v>
      </c>
      <c r="J10638" s="365"/>
      <c r="K10638" s="365"/>
      <c r="L10638" s="365"/>
    </row>
    <row r="10639" spans="2:12">
      <c r="B10639" s="367"/>
      <c r="C10639" s="367"/>
      <c r="D10639" s="367"/>
      <c r="E10639" s="367"/>
      <c r="F10639" s="360"/>
      <c r="G10639" s="360"/>
      <c r="H10639" s="360"/>
      <c r="I10639" s="360"/>
      <c r="J10639" s="365"/>
      <c r="K10639" s="365"/>
      <c r="L10639" s="365"/>
    </row>
    <row r="10640" spans="2:12">
      <c r="B10640" s="367"/>
      <c r="C10640" s="367"/>
      <c r="D10640" s="367"/>
      <c r="E10640" s="367"/>
      <c r="F10640" s="359" t="s">
        <v>14368</v>
      </c>
      <c r="G10640" s="359" t="s">
        <v>14387</v>
      </c>
      <c r="H10640" s="360"/>
      <c r="I10640" s="359" t="s">
        <v>14387</v>
      </c>
      <c r="J10640" s="365"/>
      <c r="K10640" s="365"/>
      <c r="L10640" s="365"/>
    </row>
    <row r="10641" spans="2:12">
      <c r="B10641" s="367"/>
      <c r="C10641" s="367"/>
      <c r="D10641" s="367"/>
      <c r="E10641" s="367"/>
      <c r="F10641" s="360"/>
      <c r="G10641" s="360"/>
      <c r="H10641" s="360"/>
      <c r="I10641" s="360"/>
      <c r="J10641" s="365"/>
      <c r="K10641" s="365"/>
      <c r="L10641" s="365"/>
    </row>
    <row r="10642" spans="2:12">
      <c r="B10642" s="368"/>
      <c r="C10642" s="368"/>
      <c r="D10642" s="368"/>
      <c r="E10642" s="368"/>
      <c r="F10642" s="362"/>
      <c r="G10642" s="361" t="s">
        <v>14388</v>
      </c>
      <c r="H10642" s="362"/>
      <c r="I10642" s="361" t="s">
        <v>14388</v>
      </c>
      <c r="J10642" s="366"/>
      <c r="K10642" s="366"/>
      <c r="L10642" s="366"/>
    </row>
    <row r="10643" spans="2:12">
      <c r="B10643" s="358" t="s">
        <v>19807</v>
      </c>
      <c r="C10643" s="358" t="s">
        <v>29169</v>
      </c>
      <c r="D10643" s="358" t="s">
        <v>19808</v>
      </c>
      <c r="E10643" s="358" t="s">
        <v>19809</v>
      </c>
      <c r="F10643" s="358" t="s">
        <v>14505</v>
      </c>
      <c r="G10643" s="358" t="s">
        <v>14506</v>
      </c>
      <c r="H10643" s="358" t="s">
        <v>14328</v>
      </c>
      <c r="I10643" s="358" t="s">
        <v>14506</v>
      </c>
      <c r="J10643" s="358"/>
      <c r="K10643" s="358"/>
      <c r="L10643" s="358" t="s">
        <v>14611</v>
      </c>
    </row>
    <row r="10644" spans="2:12">
      <c r="B10644" s="367"/>
      <c r="C10644" s="367"/>
      <c r="D10644" s="360"/>
      <c r="E10644" s="360"/>
      <c r="F10644" s="360"/>
      <c r="G10644" s="360"/>
      <c r="H10644" s="360"/>
      <c r="I10644" s="360"/>
      <c r="J10644" s="365"/>
      <c r="K10644" s="365"/>
      <c r="L10644" s="367"/>
    </row>
    <row r="10645" spans="2:12">
      <c r="B10645" s="367"/>
      <c r="C10645" s="367"/>
      <c r="D10645" s="359" t="s">
        <v>19810</v>
      </c>
      <c r="E10645" s="359" t="s">
        <v>19811</v>
      </c>
      <c r="F10645" s="359" t="s">
        <v>14386</v>
      </c>
      <c r="G10645" s="359" t="s">
        <v>14387</v>
      </c>
      <c r="H10645" s="359" t="s">
        <v>14367</v>
      </c>
      <c r="I10645" s="359" t="s">
        <v>14387</v>
      </c>
      <c r="J10645" s="365"/>
      <c r="K10645" s="365"/>
      <c r="L10645" s="367"/>
    </row>
    <row r="10646" spans="2:12">
      <c r="B10646" s="367"/>
      <c r="C10646" s="367"/>
      <c r="D10646" s="360"/>
      <c r="E10646" s="360"/>
      <c r="F10646" s="360"/>
      <c r="G10646" s="360"/>
      <c r="H10646" s="360"/>
      <c r="I10646" s="360"/>
      <c r="J10646" s="365"/>
      <c r="K10646" s="365"/>
      <c r="L10646" s="367"/>
    </row>
    <row r="10647" spans="2:12">
      <c r="B10647" s="367"/>
      <c r="C10647" s="367"/>
      <c r="D10647" s="360"/>
      <c r="E10647" s="360"/>
      <c r="F10647" s="359" t="s">
        <v>14368</v>
      </c>
      <c r="G10647" s="359" t="s">
        <v>14388</v>
      </c>
      <c r="H10647" s="359" t="s">
        <v>14332</v>
      </c>
      <c r="I10647" s="359" t="s">
        <v>14388</v>
      </c>
      <c r="J10647" s="365"/>
      <c r="K10647" s="365"/>
      <c r="L10647" s="367"/>
    </row>
    <row r="10648" spans="2:12">
      <c r="B10648" s="367"/>
      <c r="C10648" s="367"/>
      <c r="D10648" s="360"/>
      <c r="E10648" s="360"/>
      <c r="F10648" s="360"/>
      <c r="G10648" s="360"/>
      <c r="H10648" s="360"/>
      <c r="I10648" s="360"/>
      <c r="J10648" s="365"/>
      <c r="K10648" s="365"/>
      <c r="L10648" s="367"/>
    </row>
    <row r="10649" spans="2:12">
      <c r="B10649" s="368"/>
      <c r="C10649" s="368"/>
      <c r="D10649" s="362"/>
      <c r="E10649" s="362"/>
      <c r="F10649" s="361" t="s">
        <v>14368</v>
      </c>
      <c r="G10649" s="361" t="s">
        <v>14369</v>
      </c>
      <c r="H10649" s="362"/>
      <c r="I10649" s="361" t="s">
        <v>14369</v>
      </c>
      <c r="J10649" s="366"/>
      <c r="K10649" s="366"/>
      <c r="L10649" s="368"/>
    </row>
    <row r="10650" spans="2:12" ht="28.5">
      <c r="B10650" s="358" t="s">
        <v>19812</v>
      </c>
      <c r="C10650" s="358" t="s">
        <v>30182</v>
      </c>
      <c r="D10650" s="358" t="s">
        <v>19813</v>
      </c>
      <c r="E10650" s="358" t="s">
        <v>19814</v>
      </c>
      <c r="F10650" s="358" t="s">
        <v>14505</v>
      </c>
      <c r="G10650" s="358" t="s">
        <v>14506</v>
      </c>
      <c r="H10650" s="358" t="s">
        <v>14328</v>
      </c>
      <c r="I10650" s="358" t="s">
        <v>14506</v>
      </c>
      <c r="J10650" s="358"/>
      <c r="K10650" s="358"/>
      <c r="L10650" s="358" t="s">
        <v>14611</v>
      </c>
    </row>
    <row r="10651" spans="2:12">
      <c r="B10651" s="367"/>
      <c r="C10651" s="367"/>
      <c r="D10651" s="360"/>
      <c r="E10651" s="360"/>
      <c r="F10651" s="360"/>
      <c r="G10651" s="360"/>
      <c r="H10651" s="360"/>
      <c r="I10651" s="360"/>
      <c r="J10651" s="365"/>
      <c r="K10651" s="365"/>
      <c r="L10651" s="367"/>
    </row>
    <row r="10652" spans="2:12">
      <c r="B10652" s="367"/>
      <c r="C10652" s="367"/>
      <c r="D10652" s="359" t="s">
        <v>19815</v>
      </c>
      <c r="E10652" s="359" t="s">
        <v>19816</v>
      </c>
      <c r="F10652" s="359" t="s">
        <v>14386</v>
      </c>
      <c r="G10652" s="359" t="s">
        <v>14387</v>
      </c>
      <c r="H10652" s="359" t="s">
        <v>14367</v>
      </c>
      <c r="I10652" s="359" t="s">
        <v>14387</v>
      </c>
      <c r="J10652" s="365"/>
      <c r="K10652" s="365"/>
      <c r="L10652" s="367"/>
    </row>
    <row r="10653" spans="2:12">
      <c r="B10653" s="367"/>
      <c r="C10653" s="367"/>
      <c r="D10653" s="360"/>
      <c r="E10653" s="360"/>
      <c r="F10653" s="360"/>
      <c r="G10653" s="360"/>
      <c r="H10653" s="360"/>
      <c r="I10653" s="360"/>
      <c r="J10653" s="365"/>
      <c r="K10653" s="365"/>
      <c r="L10653" s="367"/>
    </row>
    <row r="10654" spans="2:12">
      <c r="B10654" s="368"/>
      <c r="C10654" s="368"/>
      <c r="D10654" s="361" t="s">
        <v>19817</v>
      </c>
      <c r="E10654" s="361" t="s">
        <v>19818</v>
      </c>
      <c r="F10654" s="361" t="s">
        <v>14368</v>
      </c>
      <c r="G10654" s="361" t="s">
        <v>14388</v>
      </c>
      <c r="H10654" s="361" t="s">
        <v>14332</v>
      </c>
      <c r="I10654" s="361" t="s">
        <v>14388</v>
      </c>
      <c r="J10654" s="366"/>
      <c r="K10654" s="366"/>
      <c r="L10654" s="368"/>
    </row>
    <row r="10655" spans="2:12">
      <c r="B10655" s="358" t="s">
        <v>19819</v>
      </c>
      <c r="C10655" s="358" t="s">
        <v>29170</v>
      </c>
      <c r="D10655" s="358" t="s">
        <v>19820</v>
      </c>
      <c r="E10655" s="358" t="s">
        <v>19821</v>
      </c>
      <c r="F10655" s="358" t="s">
        <v>14505</v>
      </c>
      <c r="G10655" s="358" t="s">
        <v>14506</v>
      </c>
      <c r="H10655" s="358" t="s">
        <v>14328</v>
      </c>
      <c r="I10655" s="358" t="s">
        <v>14506</v>
      </c>
      <c r="J10655" s="358"/>
      <c r="K10655" s="358"/>
      <c r="L10655" s="358" t="s">
        <v>14611</v>
      </c>
    </row>
    <row r="10656" spans="2:12">
      <c r="B10656" s="367"/>
      <c r="C10656" s="367"/>
      <c r="D10656" s="360"/>
      <c r="E10656" s="360"/>
      <c r="F10656" s="360"/>
      <c r="G10656" s="360"/>
      <c r="H10656" s="360"/>
      <c r="I10656" s="360"/>
      <c r="J10656" s="365"/>
      <c r="K10656" s="365"/>
      <c r="L10656" s="367"/>
    </row>
    <row r="10657" spans="2:12" ht="28.5">
      <c r="B10657" s="367"/>
      <c r="C10657" s="367"/>
      <c r="D10657" s="359" t="s">
        <v>19822</v>
      </c>
      <c r="E10657" s="359" t="s">
        <v>19823</v>
      </c>
      <c r="F10657" s="359" t="s">
        <v>14386</v>
      </c>
      <c r="G10657" s="359" t="s">
        <v>14387</v>
      </c>
      <c r="H10657" s="359" t="s">
        <v>14367</v>
      </c>
      <c r="I10657" s="359" t="s">
        <v>14387</v>
      </c>
      <c r="J10657" s="365"/>
      <c r="K10657" s="365"/>
      <c r="L10657" s="367"/>
    </row>
    <row r="10658" spans="2:12">
      <c r="B10658" s="367"/>
      <c r="C10658" s="367"/>
      <c r="D10658" s="360"/>
      <c r="E10658" s="360"/>
      <c r="F10658" s="360"/>
      <c r="G10658" s="360"/>
      <c r="H10658" s="360"/>
      <c r="I10658" s="360"/>
      <c r="J10658" s="365"/>
      <c r="K10658" s="365"/>
      <c r="L10658" s="367"/>
    </row>
    <row r="10659" spans="2:12">
      <c r="B10659" s="368"/>
      <c r="C10659" s="368"/>
      <c r="D10659" s="362"/>
      <c r="E10659" s="362"/>
      <c r="F10659" s="361" t="s">
        <v>14368</v>
      </c>
      <c r="G10659" s="361" t="s">
        <v>14388</v>
      </c>
      <c r="H10659" s="361" t="s">
        <v>14332</v>
      </c>
      <c r="I10659" s="361" t="s">
        <v>14388</v>
      </c>
      <c r="J10659" s="366"/>
      <c r="K10659" s="366"/>
      <c r="L10659" s="368"/>
    </row>
    <row r="10660" spans="2:12">
      <c r="B10660" s="358" t="s">
        <v>19824</v>
      </c>
      <c r="C10660" s="358" t="s">
        <v>19825</v>
      </c>
      <c r="D10660" s="358" t="s">
        <v>19826</v>
      </c>
      <c r="E10660" s="358" t="s">
        <v>19827</v>
      </c>
      <c r="F10660" s="358" t="s">
        <v>14505</v>
      </c>
      <c r="G10660" s="358" t="s">
        <v>14506</v>
      </c>
      <c r="H10660" s="358" t="s">
        <v>14328</v>
      </c>
      <c r="I10660" s="358" t="s">
        <v>14506</v>
      </c>
      <c r="J10660" s="358"/>
      <c r="K10660" s="358"/>
      <c r="L10660" s="358"/>
    </row>
    <row r="10661" spans="2:12">
      <c r="B10661" s="367"/>
      <c r="C10661" s="367"/>
      <c r="D10661" s="367"/>
      <c r="E10661" s="367"/>
      <c r="F10661" s="360"/>
      <c r="G10661" s="360"/>
      <c r="H10661" s="360"/>
      <c r="I10661" s="360"/>
      <c r="J10661" s="365"/>
      <c r="K10661" s="365"/>
      <c r="L10661" s="365"/>
    </row>
    <row r="10662" spans="2:12" ht="28.5">
      <c r="B10662" s="367"/>
      <c r="C10662" s="367"/>
      <c r="D10662" s="367"/>
      <c r="E10662" s="367"/>
      <c r="F10662" s="359" t="s">
        <v>29171</v>
      </c>
      <c r="G10662" s="359" t="s">
        <v>14380</v>
      </c>
      <c r="H10662" s="359" t="s">
        <v>14378</v>
      </c>
      <c r="I10662" s="359" t="s">
        <v>14380</v>
      </c>
      <c r="J10662" s="365"/>
      <c r="K10662" s="365"/>
      <c r="L10662" s="365"/>
    </row>
    <row r="10663" spans="2:12">
      <c r="B10663" s="367"/>
      <c r="C10663" s="367"/>
      <c r="D10663" s="367"/>
      <c r="E10663" s="367"/>
      <c r="F10663" s="360"/>
      <c r="G10663" s="360"/>
      <c r="H10663" s="360"/>
      <c r="I10663" s="360"/>
      <c r="J10663" s="365"/>
      <c r="K10663" s="365"/>
      <c r="L10663" s="365"/>
    </row>
    <row r="10664" spans="2:12">
      <c r="B10664" s="367"/>
      <c r="C10664" s="367"/>
      <c r="D10664" s="367"/>
      <c r="E10664" s="367"/>
      <c r="F10664" s="359" t="s">
        <v>14420</v>
      </c>
      <c r="G10664" s="359" t="s">
        <v>14421</v>
      </c>
      <c r="H10664" s="359" t="s">
        <v>14341</v>
      </c>
      <c r="I10664" s="359" t="s">
        <v>14421</v>
      </c>
      <c r="J10664" s="365"/>
      <c r="K10664" s="365"/>
      <c r="L10664" s="365"/>
    </row>
    <row r="10665" spans="2:12">
      <c r="B10665" s="367"/>
      <c r="C10665" s="367"/>
      <c r="D10665" s="367"/>
      <c r="E10665" s="367"/>
      <c r="F10665" s="360"/>
      <c r="G10665" s="360"/>
      <c r="H10665" s="360"/>
      <c r="I10665" s="360"/>
      <c r="J10665" s="365"/>
      <c r="K10665" s="365"/>
      <c r="L10665" s="365"/>
    </row>
    <row r="10666" spans="2:12">
      <c r="B10666" s="367"/>
      <c r="C10666" s="367"/>
      <c r="D10666" s="367"/>
      <c r="E10666" s="367"/>
      <c r="F10666" s="359" t="s">
        <v>14356</v>
      </c>
      <c r="G10666" s="359" t="s">
        <v>14429</v>
      </c>
      <c r="H10666" s="359" t="s">
        <v>14332</v>
      </c>
      <c r="I10666" s="359" t="s">
        <v>14429</v>
      </c>
      <c r="J10666" s="365"/>
      <c r="K10666" s="365"/>
      <c r="L10666" s="365"/>
    </row>
    <row r="10667" spans="2:12">
      <c r="B10667" s="367"/>
      <c r="C10667" s="367"/>
      <c r="D10667" s="367"/>
      <c r="E10667" s="367"/>
      <c r="F10667" s="360"/>
      <c r="G10667" s="360"/>
      <c r="H10667" s="360"/>
      <c r="I10667" s="360"/>
      <c r="J10667" s="365"/>
      <c r="K10667" s="365"/>
      <c r="L10667" s="365"/>
    </row>
    <row r="10668" spans="2:12">
      <c r="B10668" s="368"/>
      <c r="C10668" s="368"/>
      <c r="D10668" s="368"/>
      <c r="E10668" s="368"/>
      <c r="F10668" s="362"/>
      <c r="G10668" s="361" t="s">
        <v>14340</v>
      </c>
      <c r="H10668" s="362"/>
      <c r="I10668" s="361" t="s">
        <v>14340</v>
      </c>
      <c r="J10668" s="366"/>
      <c r="K10668" s="366"/>
      <c r="L10668" s="366"/>
    </row>
    <row r="10669" spans="2:12">
      <c r="B10669" s="358" t="s">
        <v>19828</v>
      </c>
      <c r="C10669" s="358" t="s">
        <v>19829</v>
      </c>
      <c r="D10669" s="358" t="s">
        <v>19830</v>
      </c>
      <c r="E10669" s="358" t="s">
        <v>19831</v>
      </c>
      <c r="F10669" s="358" t="s">
        <v>14505</v>
      </c>
      <c r="G10669" s="358" t="s">
        <v>14506</v>
      </c>
      <c r="H10669" s="358" t="s">
        <v>14328</v>
      </c>
      <c r="I10669" s="358" t="s">
        <v>14506</v>
      </c>
      <c r="J10669" s="358"/>
      <c r="K10669" s="358"/>
      <c r="L10669" s="358"/>
    </row>
    <row r="10670" spans="2:12">
      <c r="B10670" s="367"/>
      <c r="C10670" s="367"/>
      <c r="D10670" s="367"/>
      <c r="E10670" s="367"/>
      <c r="F10670" s="360"/>
      <c r="G10670" s="360"/>
      <c r="H10670" s="360"/>
      <c r="I10670" s="360"/>
      <c r="J10670" s="365"/>
      <c r="K10670" s="365"/>
      <c r="L10670" s="365"/>
    </row>
    <row r="10671" spans="2:12" ht="28.5">
      <c r="B10671" s="367"/>
      <c r="C10671" s="367"/>
      <c r="D10671" s="367"/>
      <c r="E10671" s="367"/>
      <c r="F10671" s="359" t="s">
        <v>29171</v>
      </c>
      <c r="G10671" s="359" t="s">
        <v>14380</v>
      </c>
      <c r="H10671" s="359" t="s">
        <v>14378</v>
      </c>
      <c r="I10671" s="359" t="s">
        <v>14380</v>
      </c>
      <c r="J10671" s="365"/>
      <c r="K10671" s="365"/>
      <c r="L10671" s="365"/>
    </row>
    <row r="10672" spans="2:12">
      <c r="B10672" s="367"/>
      <c r="C10672" s="367"/>
      <c r="D10672" s="367"/>
      <c r="E10672" s="367"/>
      <c r="F10672" s="360"/>
      <c r="G10672" s="360"/>
      <c r="H10672" s="360"/>
      <c r="I10672" s="360"/>
      <c r="J10672" s="365"/>
      <c r="K10672" s="365"/>
      <c r="L10672" s="365"/>
    </row>
    <row r="10673" spans="2:12">
      <c r="B10673" s="367"/>
      <c r="C10673" s="367"/>
      <c r="D10673" s="367"/>
      <c r="E10673" s="367"/>
      <c r="F10673" s="359" t="s">
        <v>14356</v>
      </c>
      <c r="G10673" s="359" t="s">
        <v>14429</v>
      </c>
      <c r="H10673" s="359" t="s">
        <v>14341</v>
      </c>
      <c r="I10673" s="359" t="s">
        <v>14429</v>
      </c>
      <c r="J10673" s="365"/>
      <c r="K10673" s="365"/>
      <c r="L10673" s="365"/>
    </row>
    <row r="10674" spans="2:12">
      <c r="B10674" s="367"/>
      <c r="C10674" s="367"/>
      <c r="D10674" s="367"/>
      <c r="E10674" s="367"/>
      <c r="F10674" s="360"/>
      <c r="G10674" s="360"/>
      <c r="H10674" s="360"/>
      <c r="I10674" s="360"/>
      <c r="J10674" s="365"/>
      <c r="K10674" s="365"/>
      <c r="L10674" s="365"/>
    </row>
    <row r="10675" spans="2:12">
      <c r="B10675" s="368"/>
      <c r="C10675" s="368"/>
      <c r="D10675" s="368"/>
      <c r="E10675" s="368"/>
      <c r="F10675" s="362"/>
      <c r="G10675" s="361" t="s">
        <v>14340</v>
      </c>
      <c r="H10675" s="361" t="s">
        <v>14332</v>
      </c>
      <c r="I10675" s="361" t="s">
        <v>14340</v>
      </c>
      <c r="J10675" s="366"/>
      <c r="K10675" s="366"/>
      <c r="L10675" s="366"/>
    </row>
    <row r="10676" spans="2:12">
      <c r="B10676" s="358" t="s">
        <v>19832</v>
      </c>
      <c r="C10676" s="358" t="s">
        <v>19833</v>
      </c>
      <c r="D10676" s="358" t="s">
        <v>19834</v>
      </c>
      <c r="E10676" s="358" t="s">
        <v>19835</v>
      </c>
      <c r="F10676" s="358" t="s">
        <v>14505</v>
      </c>
      <c r="G10676" s="358" t="s">
        <v>14506</v>
      </c>
      <c r="H10676" s="358" t="s">
        <v>14328</v>
      </c>
      <c r="I10676" s="358" t="s">
        <v>14506</v>
      </c>
      <c r="J10676" s="358" t="s">
        <v>17309</v>
      </c>
      <c r="K10676" s="358"/>
      <c r="L10676" s="358"/>
    </row>
    <row r="10677" spans="2:12">
      <c r="B10677" s="367"/>
      <c r="C10677" s="367"/>
      <c r="D10677" s="367"/>
      <c r="E10677" s="367"/>
      <c r="F10677" s="360"/>
      <c r="G10677" s="360"/>
      <c r="H10677" s="360"/>
      <c r="I10677" s="360"/>
      <c r="J10677" s="367"/>
      <c r="K10677" s="365"/>
      <c r="L10677" s="365"/>
    </row>
    <row r="10678" spans="2:12">
      <c r="B10678" s="367"/>
      <c r="C10678" s="367"/>
      <c r="D10678" s="367"/>
      <c r="E10678" s="367"/>
      <c r="F10678" s="359" t="s">
        <v>14386</v>
      </c>
      <c r="G10678" s="359" t="s">
        <v>14387</v>
      </c>
      <c r="H10678" s="359" t="s">
        <v>14367</v>
      </c>
      <c r="I10678" s="359" t="s">
        <v>14387</v>
      </c>
      <c r="J10678" s="367"/>
      <c r="K10678" s="365"/>
      <c r="L10678" s="365"/>
    </row>
    <row r="10679" spans="2:12">
      <c r="B10679" s="367"/>
      <c r="C10679" s="367"/>
      <c r="D10679" s="367"/>
      <c r="E10679" s="367"/>
      <c r="F10679" s="360"/>
      <c r="G10679" s="360"/>
      <c r="H10679" s="360"/>
      <c r="I10679" s="360"/>
      <c r="J10679" s="367"/>
      <c r="K10679" s="365"/>
      <c r="L10679" s="365"/>
    </row>
    <row r="10680" spans="2:12">
      <c r="B10680" s="368"/>
      <c r="C10680" s="368"/>
      <c r="D10680" s="368"/>
      <c r="E10680" s="368"/>
      <c r="F10680" s="361" t="s">
        <v>14368</v>
      </c>
      <c r="G10680" s="361" t="s">
        <v>14369</v>
      </c>
      <c r="H10680" s="361" t="s">
        <v>14332</v>
      </c>
      <c r="I10680" s="361" t="s">
        <v>14369</v>
      </c>
      <c r="J10680" s="368"/>
      <c r="K10680" s="366"/>
      <c r="L10680" s="366"/>
    </row>
    <row r="10681" spans="2:12">
      <c r="B10681" s="358" t="s">
        <v>19836</v>
      </c>
      <c r="C10681" s="358" t="s">
        <v>19837</v>
      </c>
      <c r="D10681" s="358" t="s">
        <v>19838</v>
      </c>
      <c r="E10681" s="358" t="s">
        <v>19839</v>
      </c>
      <c r="F10681" s="358" t="s">
        <v>14505</v>
      </c>
      <c r="G10681" s="358" t="s">
        <v>14506</v>
      </c>
      <c r="H10681" s="358" t="s">
        <v>14328</v>
      </c>
      <c r="I10681" s="358" t="s">
        <v>14506</v>
      </c>
      <c r="J10681" s="358" t="s">
        <v>17309</v>
      </c>
      <c r="K10681" s="358"/>
      <c r="L10681" s="358"/>
    </row>
    <row r="10682" spans="2:12">
      <c r="B10682" s="367"/>
      <c r="C10682" s="367"/>
      <c r="D10682" s="367"/>
      <c r="E10682" s="367"/>
      <c r="F10682" s="360"/>
      <c r="G10682" s="360"/>
      <c r="H10682" s="360"/>
      <c r="I10682" s="360"/>
      <c r="J10682" s="367"/>
      <c r="K10682" s="365"/>
      <c r="L10682" s="365"/>
    </row>
    <row r="10683" spans="2:12">
      <c r="B10683" s="367"/>
      <c r="C10683" s="367"/>
      <c r="D10683" s="367"/>
      <c r="E10683" s="367"/>
      <c r="F10683" s="359" t="s">
        <v>14386</v>
      </c>
      <c r="G10683" s="359" t="s">
        <v>14387</v>
      </c>
      <c r="H10683" s="359" t="s">
        <v>14367</v>
      </c>
      <c r="I10683" s="359" t="s">
        <v>14387</v>
      </c>
      <c r="J10683" s="367"/>
      <c r="K10683" s="365"/>
      <c r="L10683" s="365"/>
    </row>
    <row r="10684" spans="2:12">
      <c r="B10684" s="367"/>
      <c r="C10684" s="367"/>
      <c r="D10684" s="367"/>
      <c r="E10684" s="367"/>
      <c r="F10684" s="360"/>
      <c r="G10684" s="360"/>
      <c r="H10684" s="360"/>
      <c r="I10684" s="360"/>
      <c r="J10684" s="367"/>
      <c r="K10684" s="365"/>
      <c r="L10684" s="365"/>
    </row>
    <row r="10685" spans="2:12">
      <c r="B10685" s="368"/>
      <c r="C10685" s="368"/>
      <c r="D10685" s="368"/>
      <c r="E10685" s="368"/>
      <c r="F10685" s="361" t="s">
        <v>14368</v>
      </c>
      <c r="G10685" s="361" t="s">
        <v>14369</v>
      </c>
      <c r="H10685" s="361" t="s">
        <v>14332</v>
      </c>
      <c r="I10685" s="361" t="s">
        <v>14369</v>
      </c>
      <c r="J10685" s="368"/>
      <c r="K10685" s="366"/>
      <c r="L10685" s="366"/>
    </row>
    <row r="10686" spans="2:12">
      <c r="B10686" s="358" t="s">
        <v>19840</v>
      </c>
      <c r="C10686" s="358" t="s">
        <v>19841</v>
      </c>
      <c r="D10686" s="358" t="s">
        <v>19842</v>
      </c>
      <c r="E10686" s="358" t="s">
        <v>19843</v>
      </c>
      <c r="F10686" s="358" t="s">
        <v>14505</v>
      </c>
      <c r="G10686" s="358" t="s">
        <v>14506</v>
      </c>
      <c r="H10686" s="358" t="s">
        <v>14328</v>
      </c>
      <c r="I10686" s="358" t="s">
        <v>14506</v>
      </c>
      <c r="J10686" s="358"/>
      <c r="K10686" s="358"/>
      <c r="L10686" s="358" t="s">
        <v>595</v>
      </c>
    </row>
    <row r="10687" spans="2:12">
      <c r="B10687" s="367"/>
      <c r="C10687" s="367"/>
      <c r="D10687" s="367"/>
      <c r="E10687" s="367"/>
      <c r="F10687" s="360"/>
      <c r="G10687" s="360"/>
      <c r="H10687" s="360"/>
      <c r="I10687" s="360"/>
      <c r="J10687" s="365"/>
      <c r="K10687" s="365"/>
      <c r="L10687" s="367"/>
    </row>
    <row r="10688" spans="2:12">
      <c r="B10688" s="367"/>
      <c r="C10688" s="367"/>
      <c r="D10688" s="367"/>
      <c r="E10688" s="367"/>
      <c r="F10688" s="359" t="s">
        <v>14443</v>
      </c>
      <c r="G10688" s="359" t="s">
        <v>14444</v>
      </c>
      <c r="H10688" s="359" t="s">
        <v>14381</v>
      </c>
      <c r="I10688" s="359" t="s">
        <v>14444</v>
      </c>
      <c r="J10688" s="365"/>
      <c r="K10688" s="365"/>
      <c r="L10688" s="367"/>
    </row>
    <row r="10689" spans="2:12">
      <c r="B10689" s="367"/>
      <c r="C10689" s="367"/>
      <c r="D10689" s="367"/>
      <c r="E10689" s="367"/>
      <c r="F10689" s="360"/>
      <c r="G10689" s="360"/>
      <c r="H10689" s="360"/>
      <c r="I10689" s="360"/>
      <c r="J10689" s="365"/>
      <c r="K10689" s="365"/>
      <c r="L10689" s="367"/>
    </row>
    <row r="10690" spans="2:12">
      <c r="B10690" s="367"/>
      <c r="C10690" s="367"/>
      <c r="D10690" s="367"/>
      <c r="E10690" s="367"/>
      <c r="F10690" s="359" t="s">
        <v>15089</v>
      </c>
      <c r="G10690" s="359" t="s">
        <v>14459</v>
      </c>
      <c r="H10690" s="359" t="s">
        <v>14367</v>
      </c>
      <c r="I10690" s="359" t="s">
        <v>14459</v>
      </c>
      <c r="J10690" s="365"/>
      <c r="K10690" s="365"/>
      <c r="L10690" s="367"/>
    </row>
    <row r="10691" spans="2:12">
      <c r="B10691" s="367"/>
      <c r="C10691" s="367"/>
      <c r="D10691" s="367"/>
      <c r="E10691" s="367"/>
      <c r="F10691" s="360"/>
      <c r="G10691" s="360"/>
      <c r="H10691" s="360"/>
      <c r="I10691" s="360"/>
      <c r="J10691" s="365"/>
      <c r="K10691" s="365"/>
      <c r="L10691" s="367"/>
    </row>
    <row r="10692" spans="2:12">
      <c r="B10692" s="368"/>
      <c r="C10692" s="368"/>
      <c r="D10692" s="368"/>
      <c r="E10692" s="368"/>
      <c r="F10692" s="361" t="s">
        <v>14368</v>
      </c>
      <c r="G10692" s="361" t="s">
        <v>14388</v>
      </c>
      <c r="H10692" s="361" t="s">
        <v>14332</v>
      </c>
      <c r="I10692" s="361" t="s">
        <v>14388</v>
      </c>
      <c r="J10692" s="366"/>
      <c r="K10692" s="366"/>
      <c r="L10692" s="368"/>
    </row>
    <row r="10693" spans="2:12">
      <c r="B10693" s="358" t="s">
        <v>19844</v>
      </c>
      <c r="C10693" s="358" t="s">
        <v>29172</v>
      </c>
      <c r="D10693" s="358" t="s">
        <v>19845</v>
      </c>
      <c r="E10693" s="358" t="s">
        <v>19846</v>
      </c>
      <c r="F10693" s="358" t="s">
        <v>14505</v>
      </c>
      <c r="G10693" s="358" t="s">
        <v>14506</v>
      </c>
      <c r="H10693" s="358" t="s">
        <v>14328</v>
      </c>
      <c r="I10693" s="358" t="s">
        <v>14506</v>
      </c>
      <c r="J10693" s="358" t="s">
        <v>17309</v>
      </c>
      <c r="K10693" s="358"/>
      <c r="L10693" s="358" t="s">
        <v>14611</v>
      </c>
    </row>
    <row r="10694" spans="2:12">
      <c r="B10694" s="367"/>
      <c r="C10694" s="367"/>
      <c r="D10694" s="360"/>
      <c r="E10694" s="360"/>
      <c r="F10694" s="360"/>
      <c r="G10694" s="360"/>
      <c r="H10694" s="360"/>
      <c r="I10694" s="360"/>
      <c r="J10694" s="367"/>
      <c r="K10694" s="365"/>
      <c r="L10694" s="367"/>
    </row>
    <row r="10695" spans="2:12">
      <c r="B10695" s="367"/>
      <c r="C10695" s="367"/>
      <c r="D10695" s="359" t="s">
        <v>19847</v>
      </c>
      <c r="E10695" s="359" t="s">
        <v>19848</v>
      </c>
      <c r="F10695" s="359" t="s">
        <v>14386</v>
      </c>
      <c r="G10695" s="359" t="s">
        <v>14387</v>
      </c>
      <c r="H10695" s="359" t="s">
        <v>14367</v>
      </c>
      <c r="I10695" s="359" t="s">
        <v>14387</v>
      </c>
      <c r="J10695" s="367"/>
      <c r="K10695" s="365"/>
      <c r="L10695" s="367"/>
    </row>
    <row r="10696" spans="2:12">
      <c r="B10696" s="367"/>
      <c r="C10696" s="367"/>
      <c r="D10696" s="360"/>
      <c r="E10696" s="360"/>
      <c r="F10696" s="360"/>
      <c r="G10696" s="360"/>
      <c r="H10696" s="360"/>
      <c r="I10696" s="360"/>
      <c r="J10696" s="367"/>
      <c r="K10696" s="365"/>
      <c r="L10696" s="367"/>
    </row>
    <row r="10697" spans="2:12">
      <c r="B10697" s="368"/>
      <c r="C10697" s="368"/>
      <c r="D10697" s="362"/>
      <c r="E10697" s="362"/>
      <c r="F10697" s="361" t="s">
        <v>14368</v>
      </c>
      <c r="G10697" s="361" t="s">
        <v>14369</v>
      </c>
      <c r="H10697" s="361" t="s">
        <v>14332</v>
      </c>
      <c r="I10697" s="361" t="s">
        <v>14369</v>
      </c>
      <c r="J10697" s="368"/>
      <c r="K10697" s="366"/>
      <c r="L10697" s="368"/>
    </row>
    <row r="10698" spans="2:12">
      <c r="B10698" s="358" t="s">
        <v>19849</v>
      </c>
      <c r="C10698" s="358" t="s">
        <v>27628</v>
      </c>
      <c r="D10698" s="358" t="s">
        <v>19850</v>
      </c>
      <c r="E10698" s="358" t="s">
        <v>19851</v>
      </c>
      <c r="F10698" s="358" t="s">
        <v>14418</v>
      </c>
      <c r="G10698" s="358" t="s">
        <v>14419</v>
      </c>
      <c r="H10698" s="358" t="s">
        <v>14328</v>
      </c>
      <c r="I10698" s="358" t="s">
        <v>14419</v>
      </c>
      <c r="J10698" s="358" t="s">
        <v>17309</v>
      </c>
      <c r="K10698" s="358"/>
      <c r="L10698" s="358"/>
    </row>
    <row r="10699" spans="2:12">
      <c r="B10699" s="367"/>
      <c r="C10699" s="367"/>
      <c r="D10699" s="367"/>
      <c r="E10699" s="367"/>
      <c r="F10699" s="360"/>
      <c r="G10699" s="360"/>
      <c r="H10699" s="360"/>
      <c r="I10699" s="360"/>
      <c r="J10699" s="367"/>
      <c r="K10699" s="365"/>
      <c r="L10699" s="365"/>
    </row>
    <row r="10700" spans="2:12">
      <c r="B10700" s="367"/>
      <c r="C10700" s="367"/>
      <c r="D10700" s="367"/>
      <c r="E10700" s="367"/>
      <c r="F10700" s="359" t="s">
        <v>14368</v>
      </c>
      <c r="G10700" s="359" t="s">
        <v>14369</v>
      </c>
      <c r="H10700" s="359" t="s">
        <v>14367</v>
      </c>
      <c r="I10700" s="359" t="s">
        <v>14369</v>
      </c>
      <c r="J10700" s="367"/>
      <c r="K10700" s="365"/>
      <c r="L10700" s="365"/>
    </row>
    <row r="10701" spans="2:12">
      <c r="B10701" s="367"/>
      <c r="C10701" s="367"/>
      <c r="D10701" s="367"/>
      <c r="E10701" s="367"/>
      <c r="F10701" s="360"/>
      <c r="G10701" s="360"/>
      <c r="H10701" s="360"/>
      <c r="I10701" s="360"/>
      <c r="J10701" s="367"/>
      <c r="K10701" s="365"/>
      <c r="L10701" s="365"/>
    </row>
    <row r="10702" spans="2:12">
      <c r="B10702" s="368"/>
      <c r="C10702" s="368"/>
      <c r="D10702" s="368"/>
      <c r="E10702" s="368"/>
      <c r="F10702" s="362"/>
      <c r="G10702" s="362"/>
      <c r="H10702" s="361" t="s">
        <v>14422</v>
      </c>
      <c r="I10702" s="362"/>
      <c r="J10702" s="368"/>
      <c r="K10702" s="366"/>
      <c r="L10702" s="366"/>
    </row>
    <row r="10703" spans="2:12" ht="28.5">
      <c r="B10703" s="358" t="s">
        <v>19852</v>
      </c>
      <c r="C10703" s="358" t="s">
        <v>30183</v>
      </c>
      <c r="D10703" s="358" t="s">
        <v>19853</v>
      </c>
      <c r="E10703" s="358" t="s">
        <v>19854</v>
      </c>
      <c r="F10703" s="358" t="s">
        <v>14505</v>
      </c>
      <c r="G10703" s="358" t="s">
        <v>14506</v>
      </c>
      <c r="H10703" s="358" t="s">
        <v>14328</v>
      </c>
      <c r="I10703" s="358" t="s">
        <v>14506</v>
      </c>
      <c r="J10703" s="358" t="s">
        <v>17309</v>
      </c>
      <c r="K10703" s="358"/>
      <c r="L10703" s="358" t="s">
        <v>14611</v>
      </c>
    </row>
    <row r="10704" spans="2:12">
      <c r="B10704" s="367"/>
      <c r="C10704" s="367"/>
      <c r="D10704" s="360"/>
      <c r="E10704" s="360"/>
      <c r="F10704" s="367"/>
      <c r="G10704" s="367"/>
      <c r="H10704" s="360"/>
      <c r="I10704" s="367"/>
      <c r="J10704" s="367"/>
      <c r="K10704" s="365"/>
      <c r="L10704" s="367"/>
    </row>
    <row r="10705" spans="2:12">
      <c r="B10705" s="367"/>
      <c r="C10705" s="367"/>
      <c r="D10705" s="359" t="s">
        <v>19855</v>
      </c>
      <c r="E10705" s="359" t="s">
        <v>19856</v>
      </c>
      <c r="F10705" s="367"/>
      <c r="G10705" s="367"/>
      <c r="H10705" s="359" t="s">
        <v>14332</v>
      </c>
      <c r="I10705" s="367"/>
      <c r="J10705" s="367"/>
      <c r="K10705" s="365"/>
      <c r="L10705" s="367"/>
    </row>
    <row r="10706" spans="2:12">
      <c r="B10706" s="367"/>
      <c r="C10706" s="367"/>
      <c r="D10706" s="360"/>
      <c r="E10706" s="360"/>
      <c r="F10706" s="367"/>
      <c r="G10706" s="367"/>
      <c r="H10706" s="360"/>
      <c r="I10706" s="367"/>
      <c r="J10706" s="367"/>
      <c r="K10706" s="365"/>
      <c r="L10706" s="367"/>
    </row>
    <row r="10707" spans="2:12">
      <c r="B10707" s="368"/>
      <c r="C10707" s="368"/>
      <c r="D10707" s="361" t="s">
        <v>19857</v>
      </c>
      <c r="E10707" s="361" t="s">
        <v>19858</v>
      </c>
      <c r="F10707" s="368"/>
      <c r="G10707" s="368"/>
      <c r="H10707" s="362"/>
      <c r="I10707" s="368"/>
      <c r="J10707" s="368"/>
      <c r="K10707" s="366"/>
      <c r="L10707" s="368"/>
    </row>
    <row r="10708" spans="2:12">
      <c r="B10708" s="358" t="s">
        <v>19859</v>
      </c>
      <c r="C10708" s="358" t="s">
        <v>19860</v>
      </c>
      <c r="D10708" s="358" t="s">
        <v>19861</v>
      </c>
      <c r="E10708" s="358" t="s">
        <v>19862</v>
      </c>
      <c r="F10708" s="358" t="s">
        <v>14505</v>
      </c>
      <c r="G10708" s="358" t="s">
        <v>14506</v>
      </c>
      <c r="H10708" s="358" t="s">
        <v>14328</v>
      </c>
      <c r="I10708" s="358" t="s">
        <v>14506</v>
      </c>
      <c r="J10708" s="358"/>
      <c r="K10708" s="358"/>
      <c r="L10708" s="358"/>
    </row>
    <row r="10709" spans="2:12">
      <c r="B10709" s="367"/>
      <c r="C10709" s="367"/>
      <c r="D10709" s="367"/>
      <c r="E10709" s="367"/>
      <c r="F10709" s="360"/>
      <c r="G10709" s="360"/>
      <c r="H10709" s="360"/>
      <c r="I10709" s="360"/>
      <c r="J10709" s="365"/>
      <c r="K10709" s="365"/>
      <c r="L10709" s="365"/>
    </row>
    <row r="10710" spans="2:12">
      <c r="B10710" s="367"/>
      <c r="C10710" s="367"/>
      <c r="D10710" s="367"/>
      <c r="E10710" s="367"/>
      <c r="F10710" s="359" t="s">
        <v>14420</v>
      </c>
      <c r="G10710" s="359" t="s">
        <v>14459</v>
      </c>
      <c r="H10710" s="359" t="s">
        <v>14367</v>
      </c>
      <c r="I10710" s="359" t="s">
        <v>14459</v>
      </c>
      <c r="J10710" s="365"/>
      <c r="K10710" s="365"/>
      <c r="L10710" s="365"/>
    </row>
    <row r="10711" spans="2:12">
      <c r="B10711" s="367"/>
      <c r="C10711" s="367"/>
      <c r="D10711" s="367"/>
      <c r="E10711" s="367"/>
      <c r="F10711" s="360"/>
      <c r="G10711" s="360"/>
      <c r="H10711" s="360"/>
      <c r="I10711" s="360"/>
      <c r="J10711" s="365"/>
      <c r="K10711" s="365"/>
      <c r="L10711" s="365"/>
    </row>
    <row r="10712" spans="2:12">
      <c r="B10712" s="368"/>
      <c r="C10712" s="368"/>
      <c r="D10712" s="368"/>
      <c r="E10712" s="368"/>
      <c r="F10712" s="362"/>
      <c r="G10712" s="362"/>
      <c r="H10712" s="361" t="s">
        <v>14332</v>
      </c>
      <c r="I10712" s="362"/>
      <c r="J10712" s="366"/>
      <c r="K10712" s="366"/>
      <c r="L10712" s="366"/>
    </row>
    <row r="10713" spans="2:12">
      <c r="B10713" s="358" t="s">
        <v>19863</v>
      </c>
      <c r="C10713" s="358" t="s">
        <v>19864</v>
      </c>
      <c r="D10713" s="358" t="s">
        <v>19865</v>
      </c>
      <c r="E10713" s="358" t="s">
        <v>19866</v>
      </c>
      <c r="F10713" s="358" t="s">
        <v>14505</v>
      </c>
      <c r="G10713" s="358" t="s">
        <v>14506</v>
      </c>
      <c r="H10713" s="358" t="s">
        <v>14328</v>
      </c>
      <c r="I10713" s="358" t="s">
        <v>14506</v>
      </c>
      <c r="J10713" s="358"/>
      <c r="K10713" s="358"/>
      <c r="L10713" s="358"/>
    </row>
    <row r="10714" spans="2:12">
      <c r="B10714" s="367"/>
      <c r="C10714" s="367"/>
      <c r="D10714" s="367"/>
      <c r="E10714" s="367"/>
      <c r="F10714" s="367"/>
      <c r="G10714" s="367"/>
      <c r="H10714" s="360"/>
      <c r="I10714" s="367"/>
      <c r="J10714" s="365"/>
      <c r="K10714" s="365"/>
      <c r="L10714" s="365"/>
    </row>
    <row r="10715" spans="2:12">
      <c r="B10715" s="368"/>
      <c r="C10715" s="368"/>
      <c r="D10715" s="368"/>
      <c r="E10715" s="368"/>
      <c r="F10715" s="368"/>
      <c r="G10715" s="368"/>
      <c r="H10715" s="361" t="s">
        <v>14332</v>
      </c>
      <c r="I10715" s="368"/>
      <c r="J10715" s="366"/>
      <c r="K10715" s="366"/>
      <c r="L10715" s="366"/>
    </row>
    <row r="10716" spans="2:12" ht="28.5">
      <c r="B10716" s="358" t="s">
        <v>19867</v>
      </c>
      <c r="C10716" s="358" t="s">
        <v>30184</v>
      </c>
      <c r="D10716" s="358" t="s">
        <v>19868</v>
      </c>
      <c r="E10716" s="358" t="s">
        <v>19869</v>
      </c>
      <c r="F10716" s="358" t="s">
        <v>14418</v>
      </c>
      <c r="G10716" s="358" t="s">
        <v>14419</v>
      </c>
      <c r="H10716" s="358" t="s">
        <v>14328</v>
      </c>
      <c r="I10716" s="358" t="s">
        <v>14419</v>
      </c>
      <c r="J10716" s="358"/>
      <c r="K10716" s="358"/>
      <c r="L10716" s="358" t="s">
        <v>14611</v>
      </c>
    </row>
    <row r="10717" spans="2:12">
      <c r="B10717" s="367"/>
      <c r="C10717" s="367"/>
      <c r="D10717" s="360"/>
      <c r="E10717" s="360"/>
      <c r="F10717" s="367"/>
      <c r="G10717" s="367"/>
      <c r="H10717" s="360"/>
      <c r="I10717" s="367"/>
      <c r="J10717" s="365"/>
      <c r="K10717" s="365"/>
      <c r="L10717" s="367"/>
    </row>
    <row r="10718" spans="2:12">
      <c r="B10718" s="367"/>
      <c r="C10718" s="367"/>
      <c r="D10718" s="359" t="s">
        <v>28737</v>
      </c>
      <c r="E10718" s="359" t="s">
        <v>19870</v>
      </c>
      <c r="F10718" s="367"/>
      <c r="G10718" s="367"/>
      <c r="H10718" s="359" t="s">
        <v>14422</v>
      </c>
      <c r="I10718" s="367"/>
      <c r="J10718" s="365"/>
      <c r="K10718" s="365"/>
      <c r="L10718" s="367"/>
    </row>
    <row r="10719" spans="2:12">
      <c r="B10719" s="367"/>
      <c r="C10719" s="367"/>
      <c r="D10719" s="360"/>
      <c r="E10719" s="360"/>
      <c r="F10719" s="367"/>
      <c r="G10719" s="367"/>
      <c r="H10719" s="360"/>
      <c r="I10719" s="367"/>
      <c r="J10719" s="365"/>
      <c r="K10719" s="365"/>
      <c r="L10719" s="367"/>
    </row>
    <row r="10720" spans="2:12">
      <c r="B10720" s="368"/>
      <c r="C10720" s="368"/>
      <c r="D10720" s="361" t="s">
        <v>19871</v>
      </c>
      <c r="E10720" s="361" t="s">
        <v>19872</v>
      </c>
      <c r="F10720" s="368"/>
      <c r="G10720" s="368"/>
      <c r="H10720" s="362"/>
      <c r="I10720" s="368"/>
      <c r="J10720" s="366"/>
      <c r="K10720" s="366"/>
      <c r="L10720" s="368"/>
    </row>
    <row r="10721" spans="2:12">
      <c r="B10721" s="358" t="s">
        <v>19873</v>
      </c>
      <c r="C10721" s="358" t="s">
        <v>19874</v>
      </c>
      <c r="D10721" s="358" t="s">
        <v>19875</v>
      </c>
      <c r="E10721" s="358" t="s">
        <v>19876</v>
      </c>
      <c r="F10721" s="358" t="s">
        <v>14418</v>
      </c>
      <c r="G10721" s="358" t="s">
        <v>14419</v>
      </c>
      <c r="H10721" s="358" t="s">
        <v>14328</v>
      </c>
      <c r="I10721" s="358" t="s">
        <v>14419</v>
      </c>
      <c r="J10721" s="358"/>
      <c r="K10721" s="358"/>
      <c r="L10721" s="358"/>
    </row>
    <row r="10722" spans="2:12">
      <c r="B10722" s="367"/>
      <c r="C10722" s="367"/>
      <c r="D10722" s="367"/>
      <c r="E10722" s="367"/>
      <c r="F10722" s="360"/>
      <c r="G10722" s="360"/>
      <c r="H10722" s="360"/>
      <c r="I10722" s="360"/>
      <c r="J10722" s="365"/>
      <c r="K10722" s="365"/>
      <c r="L10722" s="365"/>
    </row>
    <row r="10723" spans="2:12">
      <c r="B10723" s="367"/>
      <c r="C10723" s="367"/>
      <c r="D10723" s="367"/>
      <c r="E10723" s="367"/>
      <c r="F10723" s="359" t="s">
        <v>14420</v>
      </c>
      <c r="G10723" s="359" t="s">
        <v>14459</v>
      </c>
      <c r="H10723" s="359" t="s">
        <v>14367</v>
      </c>
      <c r="I10723" s="359" t="s">
        <v>14459</v>
      </c>
      <c r="J10723" s="365"/>
      <c r="K10723" s="365"/>
      <c r="L10723" s="365"/>
    </row>
    <row r="10724" spans="2:12">
      <c r="B10724" s="367"/>
      <c r="C10724" s="367"/>
      <c r="D10724" s="367"/>
      <c r="E10724" s="367"/>
      <c r="F10724" s="360"/>
      <c r="G10724" s="360"/>
      <c r="H10724" s="360"/>
      <c r="I10724" s="360"/>
      <c r="J10724" s="365"/>
      <c r="K10724" s="365"/>
      <c r="L10724" s="365"/>
    </row>
    <row r="10725" spans="2:12">
      <c r="B10725" s="368"/>
      <c r="C10725" s="368"/>
      <c r="D10725" s="368"/>
      <c r="E10725" s="368"/>
      <c r="F10725" s="362"/>
      <c r="G10725" s="362"/>
      <c r="H10725" s="361" t="s">
        <v>14422</v>
      </c>
      <c r="I10725" s="362"/>
      <c r="J10725" s="366"/>
      <c r="K10725" s="366"/>
      <c r="L10725" s="366"/>
    </row>
    <row r="10726" spans="2:12">
      <c r="B10726" s="358" t="s">
        <v>19877</v>
      </c>
      <c r="C10726" s="358" t="s">
        <v>19878</v>
      </c>
      <c r="D10726" s="358" t="s">
        <v>19879</v>
      </c>
      <c r="E10726" s="358" t="s">
        <v>19880</v>
      </c>
      <c r="F10726" s="358" t="s">
        <v>14418</v>
      </c>
      <c r="G10726" s="358" t="s">
        <v>14419</v>
      </c>
      <c r="H10726" s="358" t="s">
        <v>14328</v>
      </c>
      <c r="I10726" s="358" t="s">
        <v>14419</v>
      </c>
      <c r="J10726" s="358"/>
      <c r="K10726" s="358"/>
      <c r="L10726" s="358" t="s">
        <v>14611</v>
      </c>
    </row>
    <row r="10727" spans="2:12">
      <c r="B10727" s="367"/>
      <c r="C10727" s="367"/>
      <c r="D10727" s="367"/>
      <c r="E10727" s="367"/>
      <c r="F10727" s="367"/>
      <c r="G10727" s="367"/>
      <c r="H10727" s="360"/>
      <c r="I10727" s="367"/>
      <c r="J10727" s="365"/>
      <c r="K10727" s="365"/>
      <c r="L10727" s="367"/>
    </row>
    <row r="10728" spans="2:12">
      <c r="B10728" s="368"/>
      <c r="C10728" s="368"/>
      <c r="D10728" s="368"/>
      <c r="E10728" s="368"/>
      <c r="F10728" s="368"/>
      <c r="G10728" s="368"/>
      <c r="H10728" s="361" t="s">
        <v>14422</v>
      </c>
      <c r="I10728" s="368"/>
      <c r="J10728" s="366"/>
      <c r="K10728" s="366"/>
      <c r="L10728" s="368"/>
    </row>
    <row r="10729" spans="2:12" ht="99.75">
      <c r="B10729" s="358" t="s">
        <v>19881</v>
      </c>
      <c r="C10729" s="358" t="s">
        <v>19882</v>
      </c>
      <c r="D10729" s="358" t="s">
        <v>19883</v>
      </c>
      <c r="E10729" s="358" t="s">
        <v>19884</v>
      </c>
      <c r="F10729" s="358" t="s">
        <v>14505</v>
      </c>
      <c r="G10729" s="358" t="s">
        <v>14506</v>
      </c>
      <c r="H10729" s="358" t="s">
        <v>14328</v>
      </c>
      <c r="I10729" s="358" t="s">
        <v>14506</v>
      </c>
      <c r="J10729" s="358"/>
      <c r="K10729" s="358" t="s">
        <v>29173</v>
      </c>
      <c r="L10729" s="358" t="s">
        <v>595</v>
      </c>
    </row>
    <row r="10730" spans="2:12">
      <c r="B10730" s="367"/>
      <c r="C10730" s="367"/>
      <c r="D10730" s="367"/>
      <c r="E10730" s="367"/>
      <c r="F10730" s="360"/>
      <c r="G10730" s="360"/>
      <c r="H10730" s="360"/>
      <c r="I10730" s="360"/>
      <c r="J10730" s="365"/>
      <c r="K10730" s="367"/>
      <c r="L10730" s="367"/>
    </row>
    <row r="10731" spans="2:12" ht="28.5">
      <c r="B10731" s="367"/>
      <c r="C10731" s="367"/>
      <c r="D10731" s="367"/>
      <c r="E10731" s="367"/>
      <c r="F10731" s="359" t="s">
        <v>28938</v>
      </c>
      <c r="G10731" s="359" t="s">
        <v>14459</v>
      </c>
      <c r="H10731" s="359" t="s">
        <v>14367</v>
      </c>
      <c r="I10731" s="359" t="s">
        <v>14459</v>
      </c>
      <c r="J10731" s="365"/>
      <c r="K10731" s="367"/>
      <c r="L10731" s="367"/>
    </row>
    <row r="10732" spans="2:12">
      <c r="B10732" s="367"/>
      <c r="C10732" s="367"/>
      <c r="D10732" s="367"/>
      <c r="E10732" s="367"/>
      <c r="F10732" s="360"/>
      <c r="G10732" s="360"/>
      <c r="H10732" s="360"/>
      <c r="I10732" s="360"/>
      <c r="J10732" s="365"/>
      <c r="K10732" s="367"/>
      <c r="L10732" s="367"/>
    </row>
    <row r="10733" spans="2:12">
      <c r="B10733" s="367"/>
      <c r="C10733" s="367"/>
      <c r="D10733" s="367"/>
      <c r="E10733" s="367"/>
      <c r="F10733" s="359" t="s">
        <v>14420</v>
      </c>
      <c r="G10733" s="359" t="s">
        <v>14421</v>
      </c>
      <c r="H10733" s="359" t="s">
        <v>14332</v>
      </c>
      <c r="I10733" s="359" t="s">
        <v>14421</v>
      </c>
      <c r="J10733" s="365"/>
      <c r="K10733" s="367"/>
      <c r="L10733" s="367"/>
    </row>
    <row r="10734" spans="2:12">
      <c r="B10734" s="367"/>
      <c r="C10734" s="367"/>
      <c r="D10734" s="367"/>
      <c r="E10734" s="367"/>
      <c r="F10734" s="360"/>
      <c r="G10734" s="360"/>
      <c r="H10734" s="360"/>
      <c r="I10734" s="360"/>
      <c r="J10734" s="365"/>
      <c r="K10734" s="367"/>
      <c r="L10734" s="367"/>
    </row>
    <row r="10735" spans="2:12">
      <c r="B10735" s="367"/>
      <c r="C10735" s="367"/>
      <c r="D10735" s="367"/>
      <c r="E10735" s="367"/>
      <c r="F10735" s="359" t="s">
        <v>14386</v>
      </c>
      <c r="G10735" s="359" t="s">
        <v>14429</v>
      </c>
      <c r="H10735" s="360"/>
      <c r="I10735" s="359" t="s">
        <v>14429</v>
      </c>
      <c r="J10735" s="365"/>
      <c r="K10735" s="367"/>
      <c r="L10735" s="367"/>
    </row>
    <row r="10736" spans="2:12">
      <c r="B10736" s="367"/>
      <c r="C10736" s="367"/>
      <c r="D10736" s="367"/>
      <c r="E10736" s="367"/>
      <c r="F10736" s="360"/>
      <c r="G10736" s="360"/>
      <c r="H10736" s="360"/>
      <c r="I10736" s="360"/>
      <c r="J10736" s="365"/>
      <c r="K10736" s="367"/>
      <c r="L10736" s="367"/>
    </row>
    <row r="10737" spans="2:12">
      <c r="B10737" s="367"/>
      <c r="C10737" s="367"/>
      <c r="D10737" s="367"/>
      <c r="E10737" s="367"/>
      <c r="F10737" s="359" t="s">
        <v>14368</v>
      </c>
      <c r="G10737" s="359" t="s">
        <v>14387</v>
      </c>
      <c r="H10737" s="360"/>
      <c r="I10737" s="359" t="s">
        <v>14387</v>
      </c>
      <c r="J10737" s="365"/>
      <c r="K10737" s="367"/>
      <c r="L10737" s="367"/>
    </row>
    <row r="10738" spans="2:12">
      <c r="B10738" s="367"/>
      <c r="C10738" s="367"/>
      <c r="D10738" s="367"/>
      <c r="E10738" s="367"/>
      <c r="F10738" s="360"/>
      <c r="G10738" s="360"/>
      <c r="H10738" s="360"/>
      <c r="I10738" s="360"/>
      <c r="J10738" s="365"/>
      <c r="K10738" s="367"/>
      <c r="L10738" s="367"/>
    </row>
    <row r="10739" spans="2:12">
      <c r="B10739" s="367"/>
      <c r="C10739" s="367"/>
      <c r="D10739" s="367"/>
      <c r="E10739" s="367"/>
      <c r="F10739" s="359" t="s">
        <v>14389</v>
      </c>
      <c r="G10739" s="359" t="s">
        <v>14388</v>
      </c>
      <c r="H10739" s="360"/>
      <c r="I10739" s="359" t="s">
        <v>14388</v>
      </c>
      <c r="J10739" s="365"/>
      <c r="K10739" s="367"/>
      <c r="L10739" s="367"/>
    </row>
    <row r="10740" spans="2:12">
      <c r="B10740" s="367"/>
      <c r="C10740" s="367"/>
      <c r="D10740" s="367"/>
      <c r="E10740" s="367"/>
      <c r="F10740" s="360"/>
      <c r="G10740" s="360"/>
      <c r="H10740" s="360"/>
      <c r="I10740" s="360"/>
      <c r="J10740" s="365"/>
      <c r="K10740" s="367"/>
      <c r="L10740" s="367"/>
    </row>
    <row r="10741" spans="2:12">
      <c r="B10741" s="367"/>
      <c r="C10741" s="367"/>
      <c r="D10741" s="367"/>
      <c r="E10741" s="367"/>
      <c r="F10741" s="359" t="s">
        <v>14391</v>
      </c>
      <c r="G10741" s="359" t="s">
        <v>14390</v>
      </c>
      <c r="H10741" s="360"/>
      <c r="I10741" s="359" t="s">
        <v>14390</v>
      </c>
      <c r="J10741" s="365"/>
      <c r="K10741" s="367"/>
      <c r="L10741" s="367"/>
    </row>
    <row r="10742" spans="2:12">
      <c r="B10742" s="367"/>
      <c r="C10742" s="367"/>
      <c r="D10742" s="367"/>
      <c r="E10742" s="367"/>
      <c r="F10742" s="360"/>
      <c r="G10742" s="360"/>
      <c r="H10742" s="360"/>
      <c r="I10742" s="360"/>
      <c r="J10742" s="365"/>
      <c r="K10742" s="367"/>
      <c r="L10742" s="367"/>
    </row>
    <row r="10743" spans="2:12">
      <c r="B10743" s="368"/>
      <c r="C10743" s="368"/>
      <c r="D10743" s="368"/>
      <c r="E10743" s="368"/>
      <c r="F10743" s="362"/>
      <c r="G10743" s="361" t="s">
        <v>14392</v>
      </c>
      <c r="H10743" s="362"/>
      <c r="I10743" s="361" t="s">
        <v>14392</v>
      </c>
      <c r="J10743" s="366"/>
      <c r="K10743" s="368"/>
      <c r="L10743" s="368"/>
    </row>
    <row r="10744" spans="2:12">
      <c r="B10744" s="358" t="s">
        <v>19885</v>
      </c>
      <c r="C10744" s="358" t="s">
        <v>27629</v>
      </c>
      <c r="D10744" s="358" t="s">
        <v>19886</v>
      </c>
      <c r="E10744" s="358" t="s">
        <v>19887</v>
      </c>
      <c r="F10744" s="358" t="s">
        <v>14418</v>
      </c>
      <c r="G10744" s="358" t="s">
        <v>14419</v>
      </c>
      <c r="H10744" s="358" t="s">
        <v>14328</v>
      </c>
      <c r="I10744" s="358" t="s">
        <v>14419</v>
      </c>
      <c r="J10744" s="358"/>
      <c r="K10744" s="358"/>
      <c r="L10744" s="358" t="s">
        <v>595</v>
      </c>
    </row>
    <row r="10745" spans="2:12">
      <c r="B10745" s="367"/>
      <c r="C10745" s="367"/>
      <c r="D10745" s="367"/>
      <c r="E10745" s="367"/>
      <c r="F10745" s="360"/>
      <c r="G10745" s="360"/>
      <c r="H10745" s="360"/>
      <c r="I10745" s="360"/>
      <c r="J10745" s="365"/>
      <c r="K10745" s="365"/>
      <c r="L10745" s="367"/>
    </row>
    <row r="10746" spans="2:12">
      <c r="B10746" s="367"/>
      <c r="C10746" s="367"/>
      <c r="D10746" s="367"/>
      <c r="E10746" s="367"/>
      <c r="F10746" s="359" t="s">
        <v>14386</v>
      </c>
      <c r="G10746" s="359" t="s">
        <v>14387</v>
      </c>
      <c r="H10746" s="359" t="s">
        <v>14367</v>
      </c>
      <c r="I10746" s="359" t="s">
        <v>14387</v>
      </c>
      <c r="J10746" s="365"/>
      <c r="K10746" s="365"/>
      <c r="L10746" s="367"/>
    </row>
    <row r="10747" spans="2:12">
      <c r="B10747" s="367"/>
      <c r="C10747" s="367"/>
      <c r="D10747" s="367"/>
      <c r="E10747" s="367"/>
      <c r="F10747" s="360"/>
      <c r="G10747" s="360"/>
      <c r="H10747" s="360"/>
      <c r="I10747" s="360"/>
      <c r="J10747" s="365"/>
      <c r="K10747" s="365"/>
      <c r="L10747" s="367"/>
    </row>
    <row r="10748" spans="2:12">
      <c r="B10748" s="367"/>
      <c r="C10748" s="367"/>
      <c r="D10748" s="367"/>
      <c r="E10748" s="367"/>
      <c r="F10748" s="359" t="s">
        <v>14368</v>
      </c>
      <c r="G10748" s="359" t="s">
        <v>14388</v>
      </c>
      <c r="H10748" s="359" t="s">
        <v>14422</v>
      </c>
      <c r="I10748" s="359" t="s">
        <v>14388</v>
      </c>
      <c r="J10748" s="365"/>
      <c r="K10748" s="365"/>
      <c r="L10748" s="367"/>
    </row>
    <row r="10749" spans="2:12">
      <c r="B10749" s="367"/>
      <c r="C10749" s="367"/>
      <c r="D10749" s="367"/>
      <c r="E10749" s="367"/>
      <c r="F10749" s="360"/>
      <c r="G10749" s="360"/>
      <c r="H10749" s="360"/>
      <c r="I10749" s="360"/>
      <c r="J10749" s="365"/>
      <c r="K10749" s="365"/>
      <c r="L10749" s="367"/>
    </row>
    <row r="10750" spans="2:12">
      <c r="B10750" s="367"/>
      <c r="C10750" s="367"/>
      <c r="D10750" s="367"/>
      <c r="E10750" s="367"/>
      <c r="F10750" s="359" t="s">
        <v>14389</v>
      </c>
      <c r="G10750" s="359" t="s">
        <v>14390</v>
      </c>
      <c r="H10750" s="360"/>
      <c r="I10750" s="359" t="s">
        <v>14390</v>
      </c>
      <c r="J10750" s="365"/>
      <c r="K10750" s="365"/>
      <c r="L10750" s="367"/>
    </row>
    <row r="10751" spans="2:12">
      <c r="B10751" s="367"/>
      <c r="C10751" s="367"/>
      <c r="D10751" s="367"/>
      <c r="E10751" s="367"/>
      <c r="F10751" s="360"/>
      <c r="G10751" s="360"/>
      <c r="H10751" s="360"/>
      <c r="I10751" s="360"/>
      <c r="J10751" s="365"/>
      <c r="K10751" s="365"/>
      <c r="L10751" s="367"/>
    </row>
    <row r="10752" spans="2:12">
      <c r="B10752" s="368"/>
      <c r="C10752" s="368"/>
      <c r="D10752" s="368"/>
      <c r="E10752" s="368"/>
      <c r="F10752" s="361" t="s">
        <v>14391</v>
      </c>
      <c r="G10752" s="361" t="s">
        <v>14392</v>
      </c>
      <c r="H10752" s="362"/>
      <c r="I10752" s="361" t="s">
        <v>14392</v>
      </c>
      <c r="J10752" s="366"/>
      <c r="K10752" s="366"/>
      <c r="L10752" s="368"/>
    </row>
    <row r="10753" spans="2:12">
      <c r="B10753" s="358" t="s">
        <v>19888</v>
      </c>
      <c r="C10753" s="358" t="s">
        <v>29174</v>
      </c>
      <c r="D10753" s="358" t="s">
        <v>19889</v>
      </c>
      <c r="E10753" s="358" t="s">
        <v>19890</v>
      </c>
      <c r="F10753" s="358" t="s">
        <v>14505</v>
      </c>
      <c r="G10753" s="358" t="s">
        <v>14506</v>
      </c>
      <c r="H10753" s="358" t="s">
        <v>14328</v>
      </c>
      <c r="I10753" s="358" t="s">
        <v>14506</v>
      </c>
      <c r="J10753" s="358"/>
      <c r="K10753" s="358"/>
      <c r="L10753" s="358" t="s">
        <v>595</v>
      </c>
    </row>
    <row r="10754" spans="2:12">
      <c r="B10754" s="367"/>
      <c r="C10754" s="367"/>
      <c r="D10754" s="367"/>
      <c r="E10754" s="367"/>
      <c r="F10754" s="360"/>
      <c r="G10754" s="360"/>
      <c r="H10754" s="360"/>
      <c r="I10754" s="360"/>
      <c r="J10754" s="365"/>
      <c r="K10754" s="365"/>
      <c r="L10754" s="367"/>
    </row>
    <row r="10755" spans="2:12" ht="28.5">
      <c r="B10755" s="367"/>
      <c r="C10755" s="367"/>
      <c r="D10755" s="367"/>
      <c r="E10755" s="367"/>
      <c r="F10755" s="359" t="s">
        <v>28938</v>
      </c>
      <c r="G10755" s="359" t="s">
        <v>14459</v>
      </c>
      <c r="H10755" s="359" t="s">
        <v>14367</v>
      </c>
      <c r="I10755" s="359" t="s">
        <v>14459</v>
      </c>
      <c r="J10755" s="365"/>
      <c r="K10755" s="365"/>
      <c r="L10755" s="367"/>
    </row>
    <row r="10756" spans="2:12">
      <c r="B10756" s="367"/>
      <c r="C10756" s="367"/>
      <c r="D10756" s="367"/>
      <c r="E10756" s="367"/>
      <c r="F10756" s="360"/>
      <c r="G10756" s="360"/>
      <c r="H10756" s="360"/>
      <c r="I10756" s="360"/>
      <c r="J10756" s="365"/>
      <c r="K10756" s="365"/>
      <c r="L10756" s="367"/>
    </row>
    <row r="10757" spans="2:12">
      <c r="B10757" s="367"/>
      <c r="C10757" s="367"/>
      <c r="D10757" s="367"/>
      <c r="E10757" s="367"/>
      <c r="F10757" s="359" t="s">
        <v>14420</v>
      </c>
      <c r="G10757" s="359" t="s">
        <v>14421</v>
      </c>
      <c r="H10757" s="359" t="s">
        <v>14332</v>
      </c>
      <c r="I10757" s="359" t="s">
        <v>14421</v>
      </c>
      <c r="J10757" s="365"/>
      <c r="K10757" s="365"/>
      <c r="L10757" s="367"/>
    </row>
    <row r="10758" spans="2:12">
      <c r="B10758" s="367"/>
      <c r="C10758" s="367"/>
      <c r="D10758" s="367"/>
      <c r="E10758" s="367"/>
      <c r="F10758" s="360"/>
      <c r="G10758" s="360"/>
      <c r="H10758" s="360"/>
      <c r="I10758" s="360"/>
      <c r="J10758" s="365"/>
      <c r="K10758" s="365"/>
      <c r="L10758" s="367"/>
    </row>
    <row r="10759" spans="2:12">
      <c r="B10759" s="367"/>
      <c r="C10759" s="367"/>
      <c r="D10759" s="367"/>
      <c r="E10759" s="367"/>
      <c r="F10759" s="359" t="s">
        <v>14386</v>
      </c>
      <c r="G10759" s="359" t="s">
        <v>14429</v>
      </c>
      <c r="H10759" s="360"/>
      <c r="I10759" s="359" t="s">
        <v>14429</v>
      </c>
      <c r="J10759" s="365"/>
      <c r="K10759" s="365"/>
      <c r="L10759" s="367"/>
    </row>
    <row r="10760" spans="2:12">
      <c r="B10760" s="367"/>
      <c r="C10760" s="367"/>
      <c r="D10760" s="367"/>
      <c r="E10760" s="367"/>
      <c r="F10760" s="360"/>
      <c r="G10760" s="360"/>
      <c r="H10760" s="360"/>
      <c r="I10760" s="360"/>
      <c r="J10760" s="365"/>
      <c r="K10760" s="365"/>
      <c r="L10760" s="367"/>
    </row>
    <row r="10761" spans="2:12">
      <c r="B10761" s="367"/>
      <c r="C10761" s="367"/>
      <c r="D10761" s="367"/>
      <c r="E10761" s="367"/>
      <c r="F10761" s="359" t="s">
        <v>14368</v>
      </c>
      <c r="G10761" s="359" t="s">
        <v>14387</v>
      </c>
      <c r="H10761" s="360"/>
      <c r="I10761" s="359" t="s">
        <v>14387</v>
      </c>
      <c r="J10761" s="365"/>
      <c r="K10761" s="365"/>
      <c r="L10761" s="367"/>
    </row>
    <row r="10762" spans="2:12">
      <c r="B10762" s="367"/>
      <c r="C10762" s="367"/>
      <c r="D10762" s="367"/>
      <c r="E10762" s="367"/>
      <c r="F10762" s="360"/>
      <c r="G10762" s="360"/>
      <c r="H10762" s="360"/>
      <c r="I10762" s="360"/>
      <c r="J10762" s="365"/>
      <c r="K10762" s="365"/>
      <c r="L10762" s="367"/>
    </row>
    <row r="10763" spans="2:12">
      <c r="B10763" s="367"/>
      <c r="C10763" s="367"/>
      <c r="D10763" s="367"/>
      <c r="E10763" s="367"/>
      <c r="F10763" s="359" t="s">
        <v>14389</v>
      </c>
      <c r="G10763" s="359" t="s">
        <v>14388</v>
      </c>
      <c r="H10763" s="360"/>
      <c r="I10763" s="359" t="s">
        <v>14388</v>
      </c>
      <c r="J10763" s="365"/>
      <c r="K10763" s="365"/>
      <c r="L10763" s="367"/>
    </row>
    <row r="10764" spans="2:12">
      <c r="B10764" s="367"/>
      <c r="C10764" s="367"/>
      <c r="D10764" s="367"/>
      <c r="E10764" s="367"/>
      <c r="F10764" s="360"/>
      <c r="G10764" s="360"/>
      <c r="H10764" s="360"/>
      <c r="I10764" s="360"/>
      <c r="J10764" s="365"/>
      <c r="K10764" s="365"/>
      <c r="L10764" s="367"/>
    </row>
    <row r="10765" spans="2:12">
      <c r="B10765" s="367"/>
      <c r="C10765" s="367"/>
      <c r="D10765" s="367"/>
      <c r="E10765" s="367"/>
      <c r="F10765" s="359" t="s">
        <v>14391</v>
      </c>
      <c r="G10765" s="359" t="s">
        <v>14390</v>
      </c>
      <c r="H10765" s="360"/>
      <c r="I10765" s="359" t="s">
        <v>14390</v>
      </c>
      <c r="J10765" s="365"/>
      <c r="K10765" s="365"/>
      <c r="L10765" s="367"/>
    </row>
    <row r="10766" spans="2:12">
      <c r="B10766" s="367"/>
      <c r="C10766" s="367"/>
      <c r="D10766" s="367"/>
      <c r="E10766" s="367"/>
      <c r="F10766" s="360"/>
      <c r="G10766" s="360"/>
      <c r="H10766" s="360"/>
      <c r="I10766" s="360"/>
      <c r="J10766" s="365"/>
      <c r="K10766" s="365"/>
      <c r="L10766" s="367"/>
    </row>
    <row r="10767" spans="2:12">
      <c r="B10767" s="368"/>
      <c r="C10767" s="368"/>
      <c r="D10767" s="368"/>
      <c r="E10767" s="368"/>
      <c r="F10767" s="362"/>
      <c r="G10767" s="361" t="s">
        <v>14392</v>
      </c>
      <c r="H10767" s="362"/>
      <c r="I10767" s="361" t="s">
        <v>14392</v>
      </c>
      <c r="J10767" s="366"/>
      <c r="K10767" s="366"/>
      <c r="L10767" s="368"/>
    </row>
    <row r="10768" spans="2:12" ht="28.5">
      <c r="B10768" s="358" t="s">
        <v>19891</v>
      </c>
      <c r="C10768" s="358" t="s">
        <v>29175</v>
      </c>
      <c r="D10768" s="358" t="s">
        <v>19892</v>
      </c>
      <c r="E10768" s="358" t="s">
        <v>19893</v>
      </c>
      <c r="F10768" s="358" t="s">
        <v>14505</v>
      </c>
      <c r="G10768" s="358" t="s">
        <v>14506</v>
      </c>
      <c r="H10768" s="358" t="s">
        <v>14328</v>
      </c>
      <c r="I10768" s="358" t="s">
        <v>14506</v>
      </c>
      <c r="J10768" s="358"/>
      <c r="K10768" s="358"/>
      <c r="L10768" s="358" t="s">
        <v>595</v>
      </c>
    </row>
    <row r="10769" spans="2:12">
      <c r="B10769" s="367"/>
      <c r="C10769" s="367"/>
      <c r="D10769" s="367"/>
      <c r="E10769" s="367"/>
      <c r="F10769" s="360"/>
      <c r="G10769" s="360"/>
      <c r="H10769" s="360"/>
      <c r="I10769" s="360"/>
      <c r="J10769" s="365"/>
      <c r="K10769" s="365"/>
      <c r="L10769" s="367"/>
    </row>
    <row r="10770" spans="2:12">
      <c r="B10770" s="367"/>
      <c r="C10770" s="367"/>
      <c r="D10770" s="367"/>
      <c r="E10770" s="367"/>
      <c r="F10770" s="359" t="s">
        <v>14368</v>
      </c>
      <c r="G10770" s="359" t="s">
        <v>14388</v>
      </c>
      <c r="H10770" s="359" t="s">
        <v>14367</v>
      </c>
      <c r="I10770" s="359" t="s">
        <v>14388</v>
      </c>
      <c r="J10770" s="365"/>
      <c r="K10770" s="365"/>
      <c r="L10770" s="367"/>
    </row>
    <row r="10771" spans="2:12">
      <c r="B10771" s="367"/>
      <c r="C10771" s="367"/>
      <c r="D10771" s="367"/>
      <c r="E10771" s="367"/>
      <c r="F10771" s="360"/>
      <c r="G10771" s="360"/>
      <c r="H10771" s="360"/>
      <c r="I10771" s="360"/>
      <c r="J10771" s="365"/>
      <c r="K10771" s="365"/>
      <c r="L10771" s="367"/>
    </row>
    <row r="10772" spans="2:12">
      <c r="B10772" s="367"/>
      <c r="C10772" s="367"/>
      <c r="D10772" s="367"/>
      <c r="E10772" s="367"/>
      <c r="F10772" s="359" t="s">
        <v>14389</v>
      </c>
      <c r="G10772" s="359" t="s">
        <v>14390</v>
      </c>
      <c r="H10772" s="359" t="s">
        <v>14332</v>
      </c>
      <c r="I10772" s="359" t="s">
        <v>14390</v>
      </c>
      <c r="J10772" s="365"/>
      <c r="K10772" s="365"/>
      <c r="L10772" s="367"/>
    </row>
    <row r="10773" spans="2:12">
      <c r="B10773" s="367"/>
      <c r="C10773" s="367"/>
      <c r="D10773" s="367"/>
      <c r="E10773" s="367"/>
      <c r="F10773" s="360"/>
      <c r="G10773" s="360"/>
      <c r="H10773" s="360"/>
      <c r="I10773" s="360"/>
      <c r="J10773" s="365"/>
      <c r="K10773" s="365"/>
      <c r="L10773" s="367"/>
    </row>
    <row r="10774" spans="2:12">
      <c r="B10774" s="368"/>
      <c r="C10774" s="368"/>
      <c r="D10774" s="368"/>
      <c r="E10774" s="368"/>
      <c r="F10774" s="361" t="s">
        <v>14391</v>
      </c>
      <c r="G10774" s="361" t="s">
        <v>14392</v>
      </c>
      <c r="H10774" s="362"/>
      <c r="I10774" s="361" t="s">
        <v>14392</v>
      </c>
      <c r="J10774" s="366"/>
      <c r="K10774" s="366"/>
      <c r="L10774" s="368"/>
    </row>
    <row r="10775" spans="2:12" ht="28.5">
      <c r="B10775" s="358" t="s">
        <v>13094</v>
      </c>
      <c r="C10775" s="358" t="s">
        <v>29176</v>
      </c>
      <c r="D10775" s="358" t="s">
        <v>13095</v>
      </c>
      <c r="E10775" s="358" t="s">
        <v>3535</v>
      </c>
      <c r="F10775" s="358" t="s">
        <v>14424</v>
      </c>
      <c r="G10775" s="358" t="s">
        <v>28914</v>
      </c>
      <c r="H10775" s="358" t="s">
        <v>14381</v>
      </c>
      <c r="I10775" s="358" t="s">
        <v>28914</v>
      </c>
      <c r="J10775" s="358"/>
      <c r="K10775" s="358"/>
      <c r="L10775" s="358"/>
    </row>
    <row r="10776" spans="2:12">
      <c r="B10776" s="367"/>
      <c r="C10776" s="367"/>
      <c r="D10776" s="367"/>
      <c r="E10776" s="367"/>
      <c r="F10776" s="360"/>
      <c r="G10776" s="360"/>
      <c r="H10776" s="360"/>
      <c r="I10776" s="360"/>
      <c r="J10776" s="365"/>
      <c r="K10776" s="365"/>
      <c r="L10776" s="365"/>
    </row>
    <row r="10777" spans="2:12" ht="28.5">
      <c r="B10777" s="367"/>
      <c r="C10777" s="367"/>
      <c r="D10777" s="367"/>
      <c r="E10777" s="367"/>
      <c r="F10777" s="359" t="s">
        <v>28938</v>
      </c>
      <c r="G10777" s="359" t="s">
        <v>14421</v>
      </c>
      <c r="H10777" s="359" t="s">
        <v>14367</v>
      </c>
      <c r="I10777" s="359" t="s">
        <v>14421</v>
      </c>
      <c r="J10777" s="365"/>
      <c r="K10777" s="365"/>
      <c r="L10777" s="365"/>
    </row>
    <row r="10778" spans="2:12">
      <c r="B10778" s="367"/>
      <c r="C10778" s="367"/>
      <c r="D10778" s="367"/>
      <c r="E10778" s="367"/>
      <c r="F10778" s="360"/>
      <c r="G10778" s="360"/>
      <c r="H10778" s="360"/>
      <c r="I10778" s="360"/>
      <c r="J10778" s="365"/>
      <c r="K10778" s="365"/>
      <c r="L10778" s="365"/>
    </row>
    <row r="10779" spans="2:12">
      <c r="B10779" s="368"/>
      <c r="C10779" s="368"/>
      <c r="D10779" s="368"/>
      <c r="E10779" s="368"/>
      <c r="F10779" s="361" t="s">
        <v>14420</v>
      </c>
      <c r="G10779" s="361" t="s">
        <v>14429</v>
      </c>
      <c r="H10779" s="361" t="s">
        <v>14332</v>
      </c>
      <c r="I10779" s="361" t="s">
        <v>14429</v>
      </c>
      <c r="J10779" s="366"/>
      <c r="K10779" s="366"/>
      <c r="L10779" s="366"/>
    </row>
    <row r="10780" spans="2:12">
      <c r="B10780" s="358" t="s">
        <v>13097</v>
      </c>
      <c r="C10780" s="358" t="s">
        <v>29177</v>
      </c>
      <c r="D10780" s="358" t="s">
        <v>436</v>
      </c>
      <c r="E10780" s="358" t="s">
        <v>437</v>
      </c>
      <c r="F10780" s="358" t="s">
        <v>14418</v>
      </c>
      <c r="G10780" s="358" t="s">
        <v>14419</v>
      </c>
      <c r="H10780" s="358" t="s">
        <v>14328</v>
      </c>
      <c r="I10780" s="358" t="s">
        <v>14419</v>
      </c>
      <c r="J10780" s="358"/>
      <c r="K10780" s="358"/>
      <c r="L10780" s="358"/>
    </row>
    <row r="10781" spans="2:12">
      <c r="B10781" s="367"/>
      <c r="C10781" s="367"/>
      <c r="D10781" s="367"/>
      <c r="E10781" s="367"/>
      <c r="F10781" s="360"/>
      <c r="G10781" s="360"/>
      <c r="H10781" s="360"/>
      <c r="I10781" s="360"/>
      <c r="J10781" s="365"/>
      <c r="K10781" s="365"/>
      <c r="L10781" s="365"/>
    </row>
    <row r="10782" spans="2:12" ht="28.5">
      <c r="B10782" s="367"/>
      <c r="C10782" s="367"/>
      <c r="D10782" s="367"/>
      <c r="E10782" s="367"/>
      <c r="F10782" s="359" t="s">
        <v>14424</v>
      </c>
      <c r="G10782" s="359" t="s">
        <v>28914</v>
      </c>
      <c r="H10782" s="359" t="s">
        <v>14381</v>
      </c>
      <c r="I10782" s="359" t="s">
        <v>28914</v>
      </c>
      <c r="J10782" s="365"/>
      <c r="K10782" s="365"/>
      <c r="L10782" s="365"/>
    </row>
    <row r="10783" spans="2:12">
      <c r="B10783" s="367"/>
      <c r="C10783" s="367"/>
      <c r="D10783" s="367"/>
      <c r="E10783" s="367"/>
      <c r="F10783" s="360"/>
      <c r="G10783" s="360"/>
      <c r="H10783" s="360"/>
      <c r="I10783" s="360"/>
      <c r="J10783" s="365"/>
      <c r="K10783" s="365"/>
      <c r="L10783" s="365"/>
    </row>
    <row r="10784" spans="2:12" ht="28.5">
      <c r="B10784" s="367"/>
      <c r="C10784" s="367"/>
      <c r="D10784" s="367"/>
      <c r="E10784" s="367"/>
      <c r="F10784" s="359" t="s">
        <v>28938</v>
      </c>
      <c r="G10784" s="359" t="s">
        <v>14421</v>
      </c>
      <c r="H10784" s="359" t="s">
        <v>14367</v>
      </c>
      <c r="I10784" s="359" t="s">
        <v>14421</v>
      </c>
      <c r="J10784" s="365"/>
      <c r="K10784" s="365"/>
      <c r="L10784" s="365"/>
    </row>
    <row r="10785" spans="2:12">
      <c r="B10785" s="367"/>
      <c r="C10785" s="367"/>
      <c r="D10785" s="367"/>
      <c r="E10785" s="367"/>
      <c r="F10785" s="360"/>
      <c r="G10785" s="360"/>
      <c r="H10785" s="360"/>
      <c r="I10785" s="360"/>
      <c r="J10785" s="365"/>
      <c r="K10785" s="365"/>
      <c r="L10785" s="365"/>
    </row>
    <row r="10786" spans="2:12">
      <c r="B10786" s="368"/>
      <c r="C10786" s="368"/>
      <c r="D10786" s="368"/>
      <c r="E10786" s="368"/>
      <c r="F10786" s="361" t="s">
        <v>14420</v>
      </c>
      <c r="G10786" s="361" t="s">
        <v>14429</v>
      </c>
      <c r="H10786" s="361" t="s">
        <v>14332</v>
      </c>
      <c r="I10786" s="361" t="s">
        <v>14429</v>
      </c>
      <c r="J10786" s="366"/>
      <c r="K10786" s="366"/>
      <c r="L10786" s="366"/>
    </row>
    <row r="10787" spans="2:12" ht="28.5">
      <c r="B10787" s="358" t="s">
        <v>19894</v>
      </c>
      <c r="C10787" s="358" t="s">
        <v>29178</v>
      </c>
      <c r="D10787" s="358" t="s">
        <v>19895</v>
      </c>
      <c r="E10787" s="358" t="s">
        <v>19896</v>
      </c>
      <c r="F10787" s="358" t="s">
        <v>28938</v>
      </c>
      <c r="G10787" s="358" t="s">
        <v>14459</v>
      </c>
      <c r="H10787" s="358" t="s">
        <v>14367</v>
      </c>
      <c r="I10787" s="358" t="s">
        <v>14459</v>
      </c>
      <c r="J10787" s="358"/>
      <c r="K10787" s="358"/>
      <c r="L10787" s="358"/>
    </row>
    <row r="10788" spans="2:12">
      <c r="B10788" s="367"/>
      <c r="C10788" s="367"/>
      <c r="D10788" s="367"/>
      <c r="E10788" s="367"/>
      <c r="F10788" s="367"/>
      <c r="G10788" s="360"/>
      <c r="H10788" s="360"/>
      <c r="I10788" s="360"/>
      <c r="J10788" s="365"/>
      <c r="K10788" s="365"/>
      <c r="L10788" s="365"/>
    </row>
    <row r="10789" spans="2:12">
      <c r="B10789" s="368"/>
      <c r="C10789" s="368"/>
      <c r="D10789" s="368"/>
      <c r="E10789" s="368"/>
      <c r="F10789" s="368"/>
      <c r="G10789" s="361" t="s">
        <v>14421</v>
      </c>
      <c r="H10789" s="361" t="s">
        <v>14422</v>
      </c>
      <c r="I10789" s="361" t="s">
        <v>14421</v>
      </c>
      <c r="J10789" s="366"/>
      <c r="K10789" s="366"/>
      <c r="L10789" s="366"/>
    </row>
    <row r="10790" spans="2:12" ht="28.5">
      <c r="B10790" s="358" t="s">
        <v>19897</v>
      </c>
      <c r="C10790" s="358" t="s">
        <v>29179</v>
      </c>
      <c r="D10790" s="358" t="s">
        <v>19898</v>
      </c>
      <c r="E10790" s="358" t="s">
        <v>19899</v>
      </c>
      <c r="F10790" s="358" t="s">
        <v>28913</v>
      </c>
      <c r="G10790" s="358" t="s">
        <v>14429</v>
      </c>
      <c r="H10790" s="358" t="s">
        <v>14341</v>
      </c>
      <c r="I10790" s="358" t="s">
        <v>14429</v>
      </c>
      <c r="J10790" s="358"/>
      <c r="K10790" s="358"/>
      <c r="L10790" s="358"/>
    </row>
    <row r="10791" spans="2:12">
      <c r="B10791" s="367"/>
      <c r="C10791" s="367"/>
      <c r="D10791" s="367"/>
      <c r="E10791" s="367"/>
      <c r="F10791" s="360"/>
      <c r="G10791" s="360"/>
      <c r="H10791" s="360"/>
      <c r="I10791" s="360"/>
      <c r="J10791" s="365"/>
      <c r="K10791" s="365"/>
      <c r="L10791" s="365"/>
    </row>
    <row r="10792" spans="2:12">
      <c r="B10792" s="367"/>
      <c r="C10792" s="367"/>
      <c r="D10792" s="367"/>
      <c r="E10792" s="367"/>
      <c r="F10792" s="359" t="s">
        <v>14430</v>
      </c>
      <c r="G10792" s="359" t="s">
        <v>14388</v>
      </c>
      <c r="H10792" s="359" t="s">
        <v>14367</v>
      </c>
      <c r="I10792" s="359" t="s">
        <v>14388</v>
      </c>
      <c r="J10792" s="365"/>
      <c r="K10792" s="365"/>
      <c r="L10792" s="365"/>
    </row>
    <row r="10793" spans="2:12">
      <c r="B10793" s="367"/>
      <c r="C10793" s="367"/>
      <c r="D10793" s="367"/>
      <c r="E10793" s="367"/>
      <c r="F10793" s="360"/>
      <c r="G10793" s="360"/>
      <c r="H10793" s="360"/>
      <c r="I10793" s="360"/>
      <c r="J10793" s="365"/>
      <c r="K10793" s="365"/>
      <c r="L10793" s="365"/>
    </row>
    <row r="10794" spans="2:12">
      <c r="B10794" s="367"/>
      <c r="C10794" s="367"/>
      <c r="D10794" s="367"/>
      <c r="E10794" s="367"/>
      <c r="F10794" s="359" t="s">
        <v>14391</v>
      </c>
      <c r="G10794" s="359" t="s">
        <v>14431</v>
      </c>
      <c r="H10794" s="359" t="s">
        <v>14332</v>
      </c>
      <c r="I10794" s="359" t="s">
        <v>14431</v>
      </c>
      <c r="J10794" s="365"/>
      <c r="K10794" s="365"/>
      <c r="L10794" s="365"/>
    </row>
    <row r="10795" spans="2:12">
      <c r="B10795" s="367"/>
      <c r="C10795" s="367"/>
      <c r="D10795" s="367"/>
      <c r="E10795" s="367"/>
      <c r="F10795" s="360"/>
      <c r="G10795" s="360"/>
      <c r="H10795" s="360"/>
      <c r="I10795" s="360"/>
      <c r="J10795" s="365"/>
      <c r="K10795" s="365"/>
      <c r="L10795" s="365"/>
    </row>
    <row r="10796" spans="2:12" ht="28.5">
      <c r="B10796" s="367"/>
      <c r="C10796" s="367"/>
      <c r="D10796" s="367"/>
      <c r="E10796" s="367"/>
      <c r="F10796" s="359" t="s">
        <v>14472</v>
      </c>
      <c r="G10796" s="359" t="s">
        <v>14392</v>
      </c>
      <c r="H10796" s="360"/>
      <c r="I10796" s="359" t="s">
        <v>14392</v>
      </c>
      <c r="J10796" s="365"/>
      <c r="K10796" s="365"/>
      <c r="L10796" s="365"/>
    </row>
    <row r="10797" spans="2:12">
      <c r="B10797" s="367"/>
      <c r="C10797" s="367"/>
      <c r="D10797" s="367"/>
      <c r="E10797" s="367"/>
      <c r="F10797" s="360"/>
      <c r="G10797" s="360"/>
      <c r="H10797" s="360"/>
      <c r="I10797" s="360"/>
      <c r="J10797" s="365"/>
      <c r="K10797" s="365"/>
      <c r="L10797" s="365"/>
    </row>
    <row r="10798" spans="2:12">
      <c r="B10798" s="368"/>
      <c r="C10798" s="368"/>
      <c r="D10798" s="368"/>
      <c r="E10798" s="368"/>
      <c r="F10798" s="362"/>
      <c r="G10798" s="361" t="s">
        <v>14473</v>
      </c>
      <c r="H10798" s="362"/>
      <c r="I10798" s="361" t="s">
        <v>14473</v>
      </c>
      <c r="J10798" s="366"/>
      <c r="K10798" s="366"/>
      <c r="L10798" s="366"/>
    </row>
    <row r="10799" spans="2:12">
      <c r="B10799" s="358" t="s">
        <v>19900</v>
      </c>
      <c r="C10799" s="358" t="s">
        <v>19901</v>
      </c>
      <c r="D10799" s="358" t="s">
        <v>8356</v>
      </c>
      <c r="E10799" s="358" t="s">
        <v>8356</v>
      </c>
      <c r="F10799" s="358" t="s">
        <v>14420</v>
      </c>
      <c r="G10799" s="358" t="s">
        <v>14429</v>
      </c>
      <c r="H10799" s="358" t="s">
        <v>14341</v>
      </c>
      <c r="I10799" s="358" t="s">
        <v>14429</v>
      </c>
      <c r="J10799" s="358"/>
      <c r="K10799" s="358"/>
      <c r="L10799" s="358" t="s">
        <v>9491</v>
      </c>
    </row>
    <row r="10800" spans="2:12">
      <c r="B10800" s="367"/>
      <c r="C10800" s="367"/>
      <c r="D10800" s="367"/>
      <c r="E10800" s="367"/>
      <c r="F10800" s="360"/>
      <c r="G10800" s="360"/>
      <c r="H10800" s="360"/>
      <c r="I10800" s="360"/>
      <c r="J10800" s="365"/>
      <c r="K10800" s="365"/>
      <c r="L10800" s="367"/>
    </row>
    <row r="10801" spans="2:12">
      <c r="B10801" s="367"/>
      <c r="C10801" s="367"/>
      <c r="D10801" s="367"/>
      <c r="E10801" s="367"/>
      <c r="F10801" s="359" t="s">
        <v>14430</v>
      </c>
      <c r="G10801" s="359" t="s">
        <v>14431</v>
      </c>
      <c r="H10801" s="359" t="s">
        <v>14367</v>
      </c>
      <c r="I10801" s="359" t="s">
        <v>14431</v>
      </c>
      <c r="J10801" s="365"/>
      <c r="K10801" s="365"/>
      <c r="L10801" s="367"/>
    </row>
    <row r="10802" spans="2:12">
      <c r="B10802" s="367"/>
      <c r="C10802" s="367"/>
      <c r="D10802" s="367"/>
      <c r="E10802" s="367"/>
      <c r="F10802" s="360"/>
      <c r="G10802" s="360"/>
      <c r="H10802" s="360"/>
      <c r="I10802" s="360"/>
      <c r="J10802" s="365"/>
      <c r="K10802" s="365"/>
      <c r="L10802" s="367"/>
    </row>
    <row r="10803" spans="2:12">
      <c r="B10803" s="367"/>
      <c r="C10803" s="367"/>
      <c r="D10803" s="367"/>
      <c r="E10803" s="367"/>
      <c r="F10803" s="359" t="s">
        <v>14391</v>
      </c>
      <c r="G10803" s="359" t="s">
        <v>14392</v>
      </c>
      <c r="H10803" s="359" t="s">
        <v>14370</v>
      </c>
      <c r="I10803" s="359" t="s">
        <v>14392</v>
      </c>
      <c r="J10803" s="365"/>
      <c r="K10803" s="365"/>
      <c r="L10803" s="367"/>
    </row>
    <row r="10804" spans="2:12">
      <c r="B10804" s="367"/>
      <c r="C10804" s="367"/>
      <c r="D10804" s="367"/>
      <c r="E10804" s="367"/>
      <c r="F10804" s="360"/>
      <c r="G10804" s="360"/>
      <c r="H10804" s="360"/>
      <c r="I10804" s="360"/>
      <c r="J10804" s="365"/>
      <c r="K10804" s="365"/>
      <c r="L10804" s="367"/>
    </row>
    <row r="10805" spans="2:12" ht="28.5">
      <c r="B10805" s="368"/>
      <c r="C10805" s="368"/>
      <c r="D10805" s="368"/>
      <c r="E10805" s="368"/>
      <c r="F10805" s="361" t="s">
        <v>14394</v>
      </c>
      <c r="G10805" s="361" t="s">
        <v>14395</v>
      </c>
      <c r="H10805" s="361" t="s">
        <v>14332</v>
      </c>
      <c r="I10805" s="361" t="s">
        <v>14395</v>
      </c>
      <c r="J10805" s="366"/>
      <c r="K10805" s="366"/>
      <c r="L10805" s="368"/>
    </row>
    <row r="10806" spans="2:12">
      <c r="B10806" s="358" t="s">
        <v>19902</v>
      </c>
      <c r="C10806" s="358" t="s">
        <v>29180</v>
      </c>
      <c r="D10806" s="358" t="s">
        <v>19903</v>
      </c>
      <c r="E10806" s="358" t="s">
        <v>19904</v>
      </c>
      <c r="F10806" s="358" t="s">
        <v>14420</v>
      </c>
      <c r="G10806" s="358" t="s">
        <v>14429</v>
      </c>
      <c r="H10806" s="358" t="s">
        <v>14367</v>
      </c>
      <c r="I10806" s="358" t="s">
        <v>14429</v>
      </c>
      <c r="J10806" s="358"/>
      <c r="K10806" s="358"/>
      <c r="L10806" s="358"/>
    </row>
    <row r="10807" spans="2:12">
      <c r="B10807" s="367"/>
      <c r="C10807" s="367"/>
      <c r="D10807" s="367"/>
      <c r="E10807" s="367"/>
      <c r="F10807" s="360"/>
      <c r="G10807" s="360"/>
      <c r="H10807" s="360"/>
      <c r="I10807" s="360"/>
      <c r="J10807" s="365"/>
      <c r="K10807" s="365"/>
      <c r="L10807" s="365"/>
    </row>
    <row r="10808" spans="2:12">
      <c r="B10808" s="367"/>
      <c r="C10808" s="367"/>
      <c r="D10808" s="367"/>
      <c r="E10808" s="367"/>
      <c r="F10808" s="359" t="s">
        <v>14386</v>
      </c>
      <c r="G10808" s="359" t="s">
        <v>14387</v>
      </c>
      <c r="H10808" s="359" t="s">
        <v>14370</v>
      </c>
      <c r="I10808" s="359" t="s">
        <v>14387</v>
      </c>
      <c r="J10808" s="365"/>
      <c r="K10808" s="365"/>
      <c r="L10808" s="365"/>
    </row>
    <row r="10809" spans="2:12">
      <c r="B10809" s="367"/>
      <c r="C10809" s="367"/>
      <c r="D10809" s="367"/>
      <c r="E10809" s="367"/>
      <c r="F10809" s="360"/>
      <c r="G10809" s="360"/>
      <c r="H10809" s="360"/>
      <c r="I10809" s="360"/>
      <c r="J10809" s="365"/>
      <c r="K10809" s="365"/>
      <c r="L10809" s="365"/>
    </row>
    <row r="10810" spans="2:12">
      <c r="B10810" s="367"/>
      <c r="C10810" s="367"/>
      <c r="D10810" s="367"/>
      <c r="E10810" s="367"/>
      <c r="F10810" s="359" t="s">
        <v>14368</v>
      </c>
      <c r="G10810" s="359" t="s">
        <v>14388</v>
      </c>
      <c r="H10810" s="359" t="s">
        <v>14422</v>
      </c>
      <c r="I10810" s="359" t="s">
        <v>14388</v>
      </c>
      <c r="J10810" s="365"/>
      <c r="K10810" s="365"/>
      <c r="L10810" s="365"/>
    </row>
    <row r="10811" spans="2:12">
      <c r="B10811" s="367"/>
      <c r="C10811" s="367"/>
      <c r="D10811" s="367"/>
      <c r="E10811" s="367"/>
      <c r="F10811" s="360"/>
      <c r="G10811" s="360"/>
      <c r="H10811" s="360"/>
      <c r="I10811" s="360"/>
      <c r="J10811" s="365"/>
      <c r="K10811" s="365"/>
      <c r="L10811" s="365"/>
    </row>
    <row r="10812" spans="2:12">
      <c r="B10812" s="367"/>
      <c r="C10812" s="367"/>
      <c r="D10812" s="367"/>
      <c r="E10812" s="367"/>
      <c r="F10812" s="359" t="s">
        <v>14389</v>
      </c>
      <c r="G10812" s="359" t="s">
        <v>14390</v>
      </c>
      <c r="H10812" s="360"/>
      <c r="I10812" s="359" t="s">
        <v>14390</v>
      </c>
      <c r="J10812" s="365"/>
      <c r="K10812" s="365"/>
      <c r="L10812" s="365"/>
    </row>
    <row r="10813" spans="2:12">
      <c r="B10813" s="367"/>
      <c r="C10813" s="367"/>
      <c r="D10813" s="367"/>
      <c r="E10813" s="367"/>
      <c r="F10813" s="360"/>
      <c r="G10813" s="360"/>
      <c r="H10813" s="360"/>
      <c r="I10813" s="360"/>
      <c r="J10813" s="365"/>
      <c r="K10813" s="365"/>
      <c r="L10813" s="365"/>
    </row>
    <row r="10814" spans="2:12">
      <c r="B10814" s="367"/>
      <c r="C10814" s="367"/>
      <c r="D10814" s="367"/>
      <c r="E10814" s="367"/>
      <c r="F10814" s="359" t="s">
        <v>14371</v>
      </c>
      <c r="G10814" s="359" t="s">
        <v>14372</v>
      </c>
      <c r="H10814" s="360"/>
      <c r="I10814" s="359" t="s">
        <v>14373</v>
      </c>
      <c r="J10814" s="365"/>
      <c r="K10814" s="365"/>
      <c r="L10814" s="365"/>
    </row>
    <row r="10815" spans="2:12">
      <c r="B10815" s="367"/>
      <c r="C10815" s="367"/>
      <c r="D10815" s="367"/>
      <c r="E10815" s="367"/>
      <c r="F10815" s="360"/>
      <c r="G10815" s="360"/>
      <c r="H10815" s="360"/>
      <c r="I10815" s="360"/>
      <c r="J10815" s="365"/>
      <c r="K10815" s="365"/>
      <c r="L10815" s="365"/>
    </row>
    <row r="10816" spans="2:12" ht="28.5">
      <c r="B10816" s="368"/>
      <c r="C10816" s="368"/>
      <c r="D10816" s="368"/>
      <c r="E10816" s="368"/>
      <c r="F10816" s="361" t="s">
        <v>14374</v>
      </c>
      <c r="G10816" s="361" t="s">
        <v>14373</v>
      </c>
      <c r="H10816" s="362"/>
      <c r="I10816" s="362"/>
      <c r="J10816" s="366"/>
      <c r="K10816" s="366"/>
      <c r="L10816" s="366"/>
    </row>
    <row r="10817" spans="2:12" ht="28.5">
      <c r="B10817" s="358" t="s">
        <v>19905</v>
      </c>
      <c r="C10817" s="358" t="s">
        <v>29181</v>
      </c>
      <c r="D10817" s="358" t="s">
        <v>8356</v>
      </c>
      <c r="E10817" s="358" t="s">
        <v>8356</v>
      </c>
      <c r="F10817" s="358" t="s">
        <v>14420</v>
      </c>
      <c r="G10817" s="358" t="s">
        <v>14429</v>
      </c>
      <c r="H10817" s="358" t="s">
        <v>14367</v>
      </c>
      <c r="I10817" s="358" t="s">
        <v>14429</v>
      </c>
      <c r="J10817" s="358"/>
      <c r="K10817" s="358"/>
      <c r="L10817" s="358" t="s">
        <v>9491</v>
      </c>
    </row>
    <row r="10818" spans="2:12">
      <c r="B10818" s="367"/>
      <c r="C10818" s="367"/>
      <c r="D10818" s="367"/>
      <c r="E10818" s="367"/>
      <c r="F10818" s="360"/>
      <c r="G10818" s="360"/>
      <c r="H10818" s="360"/>
      <c r="I10818" s="360"/>
      <c r="J10818" s="365"/>
      <c r="K10818" s="365"/>
      <c r="L10818" s="367"/>
    </row>
    <row r="10819" spans="2:12">
      <c r="B10819" s="367"/>
      <c r="C10819" s="367"/>
      <c r="D10819" s="367"/>
      <c r="E10819" s="367"/>
      <c r="F10819" s="359" t="s">
        <v>14386</v>
      </c>
      <c r="G10819" s="359" t="s">
        <v>14387</v>
      </c>
      <c r="H10819" s="359" t="s">
        <v>14370</v>
      </c>
      <c r="I10819" s="359" t="s">
        <v>14387</v>
      </c>
      <c r="J10819" s="365"/>
      <c r="K10819" s="365"/>
      <c r="L10819" s="367"/>
    </row>
    <row r="10820" spans="2:12">
      <c r="B10820" s="367"/>
      <c r="C10820" s="367"/>
      <c r="D10820" s="367"/>
      <c r="E10820" s="367"/>
      <c r="F10820" s="360"/>
      <c r="G10820" s="360"/>
      <c r="H10820" s="360"/>
      <c r="I10820" s="360"/>
      <c r="J10820" s="365"/>
      <c r="K10820" s="365"/>
      <c r="L10820" s="367"/>
    </row>
    <row r="10821" spans="2:12">
      <c r="B10821" s="367"/>
      <c r="C10821" s="367"/>
      <c r="D10821" s="367"/>
      <c r="E10821" s="367"/>
      <c r="F10821" s="359" t="s">
        <v>14368</v>
      </c>
      <c r="G10821" s="359" t="s">
        <v>14388</v>
      </c>
      <c r="H10821" s="359" t="s">
        <v>14422</v>
      </c>
      <c r="I10821" s="359" t="s">
        <v>14388</v>
      </c>
      <c r="J10821" s="365"/>
      <c r="K10821" s="365"/>
      <c r="L10821" s="367"/>
    </row>
    <row r="10822" spans="2:12">
      <c r="B10822" s="367"/>
      <c r="C10822" s="367"/>
      <c r="D10822" s="367"/>
      <c r="E10822" s="367"/>
      <c r="F10822" s="360"/>
      <c r="G10822" s="360"/>
      <c r="H10822" s="360"/>
      <c r="I10822" s="360"/>
      <c r="J10822" s="365"/>
      <c r="K10822" s="365"/>
      <c r="L10822" s="367"/>
    </row>
    <row r="10823" spans="2:12">
      <c r="B10823" s="367"/>
      <c r="C10823" s="367"/>
      <c r="D10823" s="367"/>
      <c r="E10823" s="367"/>
      <c r="F10823" s="359" t="s">
        <v>14389</v>
      </c>
      <c r="G10823" s="359" t="s">
        <v>14390</v>
      </c>
      <c r="H10823" s="360"/>
      <c r="I10823" s="359" t="s">
        <v>14390</v>
      </c>
      <c r="J10823" s="365"/>
      <c r="K10823" s="365"/>
      <c r="L10823" s="367"/>
    </row>
    <row r="10824" spans="2:12">
      <c r="B10824" s="367"/>
      <c r="C10824" s="367"/>
      <c r="D10824" s="367"/>
      <c r="E10824" s="367"/>
      <c r="F10824" s="360"/>
      <c r="G10824" s="360"/>
      <c r="H10824" s="360"/>
      <c r="I10824" s="360"/>
      <c r="J10824" s="365"/>
      <c r="K10824" s="365"/>
      <c r="L10824" s="367"/>
    </row>
    <row r="10825" spans="2:12">
      <c r="B10825" s="367"/>
      <c r="C10825" s="367"/>
      <c r="D10825" s="367"/>
      <c r="E10825" s="367"/>
      <c r="F10825" s="359" t="s">
        <v>14371</v>
      </c>
      <c r="G10825" s="359" t="s">
        <v>14372</v>
      </c>
      <c r="H10825" s="360"/>
      <c r="I10825" s="359" t="s">
        <v>14373</v>
      </c>
      <c r="J10825" s="365"/>
      <c r="K10825" s="365"/>
      <c r="L10825" s="367"/>
    </row>
    <row r="10826" spans="2:12">
      <c r="B10826" s="367"/>
      <c r="C10826" s="367"/>
      <c r="D10826" s="367"/>
      <c r="E10826" s="367"/>
      <c r="F10826" s="360"/>
      <c r="G10826" s="360"/>
      <c r="H10826" s="360"/>
      <c r="I10826" s="360"/>
      <c r="J10826" s="365"/>
      <c r="K10826" s="365"/>
      <c r="L10826" s="367"/>
    </row>
    <row r="10827" spans="2:12" ht="28.5">
      <c r="B10827" s="368"/>
      <c r="C10827" s="368"/>
      <c r="D10827" s="368"/>
      <c r="E10827" s="368"/>
      <c r="F10827" s="361" t="s">
        <v>14374</v>
      </c>
      <c r="G10827" s="361" t="s">
        <v>14373</v>
      </c>
      <c r="H10827" s="362"/>
      <c r="I10827" s="362"/>
      <c r="J10827" s="366"/>
      <c r="K10827" s="366"/>
      <c r="L10827" s="368"/>
    </row>
    <row r="10828" spans="2:12" ht="28.5">
      <c r="B10828" s="358" t="s">
        <v>19906</v>
      </c>
      <c r="C10828" s="358" t="s">
        <v>29182</v>
      </c>
      <c r="D10828" s="358" t="s">
        <v>19907</v>
      </c>
      <c r="E10828" s="358" t="s">
        <v>19908</v>
      </c>
      <c r="F10828" s="358" t="s">
        <v>14420</v>
      </c>
      <c r="G10828" s="358" t="s">
        <v>14429</v>
      </c>
      <c r="H10828" s="358" t="s">
        <v>14341</v>
      </c>
      <c r="I10828" s="358" t="s">
        <v>14429</v>
      </c>
      <c r="J10828" s="358"/>
      <c r="K10828" s="358"/>
      <c r="L10828" s="358"/>
    </row>
    <row r="10829" spans="2:12">
      <c r="B10829" s="367"/>
      <c r="C10829" s="367"/>
      <c r="D10829" s="367"/>
      <c r="E10829" s="367"/>
      <c r="F10829" s="360"/>
      <c r="G10829" s="360"/>
      <c r="H10829" s="360"/>
      <c r="I10829" s="360"/>
      <c r="J10829" s="365"/>
      <c r="K10829" s="365"/>
      <c r="L10829" s="365"/>
    </row>
    <row r="10830" spans="2:12">
      <c r="B10830" s="367"/>
      <c r="C10830" s="367"/>
      <c r="D10830" s="367"/>
      <c r="E10830" s="367"/>
      <c r="F10830" s="359" t="s">
        <v>14430</v>
      </c>
      <c r="G10830" s="359" t="s">
        <v>14431</v>
      </c>
      <c r="H10830" s="359" t="s">
        <v>14367</v>
      </c>
      <c r="I10830" s="359" t="s">
        <v>14431</v>
      </c>
      <c r="J10830" s="365"/>
      <c r="K10830" s="365"/>
      <c r="L10830" s="365"/>
    </row>
    <row r="10831" spans="2:12">
      <c r="B10831" s="367"/>
      <c r="C10831" s="367"/>
      <c r="D10831" s="367"/>
      <c r="E10831" s="367"/>
      <c r="F10831" s="360"/>
      <c r="G10831" s="360"/>
      <c r="H10831" s="360"/>
      <c r="I10831" s="360"/>
      <c r="J10831" s="365"/>
      <c r="K10831" s="365"/>
      <c r="L10831" s="365"/>
    </row>
    <row r="10832" spans="2:12" ht="28.5">
      <c r="B10832" s="368"/>
      <c r="C10832" s="368"/>
      <c r="D10832" s="368"/>
      <c r="E10832" s="368"/>
      <c r="F10832" s="361" t="s">
        <v>14472</v>
      </c>
      <c r="G10832" s="361" t="s">
        <v>14473</v>
      </c>
      <c r="H10832" s="361" t="s">
        <v>14332</v>
      </c>
      <c r="I10832" s="361" t="s">
        <v>14473</v>
      </c>
      <c r="J10832" s="366"/>
      <c r="K10832" s="366"/>
      <c r="L10832" s="366"/>
    </row>
    <row r="10833" spans="2:12" ht="42.75">
      <c r="B10833" s="358" t="s">
        <v>19909</v>
      </c>
      <c r="C10833" s="358" t="s">
        <v>30185</v>
      </c>
      <c r="D10833" s="358" t="s">
        <v>19910</v>
      </c>
      <c r="E10833" s="358" t="s">
        <v>19911</v>
      </c>
      <c r="F10833" s="358" t="s">
        <v>14386</v>
      </c>
      <c r="G10833" s="358" t="s">
        <v>14387</v>
      </c>
      <c r="H10833" s="358" t="s">
        <v>14367</v>
      </c>
      <c r="I10833" s="358" t="s">
        <v>14387</v>
      </c>
      <c r="J10833" s="358"/>
      <c r="K10833" s="358"/>
      <c r="L10833" s="358"/>
    </row>
    <row r="10834" spans="2:12">
      <c r="B10834" s="367"/>
      <c r="C10834" s="367"/>
      <c r="D10834" s="360"/>
      <c r="E10834" s="360"/>
      <c r="F10834" s="360"/>
      <c r="G10834" s="360"/>
      <c r="H10834" s="360"/>
      <c r="I10834" s="360"/>
      <c r="J10834" s="365"/>
      <c r="K10834" s="365"/>
      <c r="L10834" s="365"/>
    </row>
    <row r="10835" spans="2:12" ht="28.5">
      <c r="B10835" s="368"/>
      <c r="C10835" s="368"/>
      <c r="D10835" s="361" t="s">
        <v>19912</v>
      </c>
      <c r="E10835" s="361" t="s">
        <v>19913</v>
      </c>
      <c r="F10835" s="361" t="s">
        <v>14472</v>
      </c>
      <c r="G10835" s="361" t="s">
        <v>14473</v>
      </c>
      <c r="H10835" s="361" t="s">
        <v>14422</v>
      </c>
      <c r="I10835" s="361" t="s">
        <v>14473</v>
      </c>
      <c r="J10835" s="366"/>
      <c r="K10835" s="366"/>
      <c r="L10835" s="366"/>
    </row>
    <row r="10836" spans="2:12" ht="28.5">
      <c r="B10836" s="358" t="s">
        <v>19914</v>
      </c>
      <c r="C10836" s="358" t="s">
        <v>29183</v>
      </c>
      <c r="D10836" s="358" t="s">
        <v>19915</v>
      </c>
      <c r="E10836" s="358" t="s">
        <v>19916</v>
      </c>
      <c r="F10836" s="358" t="s">
        <v>28938</v>
      </c>
      <c r="G10836" s="358" t="s">
        <v>14421</v>
      </c>
      <c r="H10836" s="358" t="s">
        <v>14341</v>
      </c>
      <c r="I10836" s="358" t="s">
        <v>14421</v>
      </c>
      <c r="J10836" s="358"/>
      <c r="K10836" s="358"/>
      <c r="L10836" s="358"/>
    </row>
    <row r="10837" spans="2:12">
      <c r="B10837" s="367"/>
      <c r="C10837" s="367"/>
      <c r="D10837" s="367"/>
      <c r="E10837" s="367"/>
      <c r="F10837" s="360"/>
      <c r="G10837" s="360"/>
      <c r="H10837" s="360"/>
      <c r="I10837" s="360"/>
      <c r="J10837" s="365"/>
      <c r="K10837" s="365"/>
      <c r="L10837" s="365"/>
    </row>
    <row r="10838" spans="2:12">
      <c r="B10838" s="367"/>
      <c r="C10838" s="367"/>
      <c r="D10838" s="367"/>
      <c r="E10838" s="367"/>
      <c r="F10838" s="359" t="s">
        <v>14389</v>
      </c>
      <c r="G10838" s="359" t="s">
        <v>14429</v>
      </c>
      <c r="H10838" s="359" t="s">
        <v>14367</v>
      </c>
      <c r="I10838" s="359" t="s">
        <v>14429</v>
      </c>
      <c r="J10838" s="365"/>
      <c r="K10838" s="365"/>
      <c r="L10838" s="365"/>
    </row>
    <row r="10839" spans="2:12">
      <c r="B10839" s="367"/>
      <c r="C10839" s="367"/>
      <c r="D10839" s="367"/>
      <c r="E10839" s="367"/>
      <c r="F10839" s="360"/>
      <c r="G10839" s="360"/>
      <c r="H10839" s="360"/>
      <c r="I10839" s="360"/>
      <c r="J10839" s="365"/>
      <c r="K10839" s="365"/>
      <c r="L10839" s="365"/>
    </row>
    <row r="10840" spans="2:12">
      <c r="B10840" s="367"/>
      <c r="C10840" s="367"/>
      <c r="D10840" s="367"/>
      <c r="E10840" s="367"/>
      <c r="F10840" s="359" t="s">
        <v>14430</v>
      </c>
      <c r="G10840" s="359" t="s">
        <v>14390</v>
      </c>
      <c r="H10840" s="359" t="s">
        <v>14332</v>
      </c>
      <c r="I10840" s="359" t="s">
        <v>14390</v>
      </c>
      <c r="J10840" s="365"/>
      <c r="K10840" s="365"/>
      <c r="L10840" s="365"/>
    </row>
    <row r="10841" spans="2:12">
      <c r="B10841" s="367"/>
      <c r="C10841" s="367"/>
      <c r="D10841" s="367"/>
      <c r="E10841" s="367"/>
      <c r="F10841" s="360"/>
      <c r="G10841" s="360"/>
      <c r="H10841" s="360"/>
      <c r="I10841" s="360"/>
      <c r="J10841" s="365"/>
      <c r="K10841" s="365"/>
      <c r="L10841" s="365"/>
    </row>
    <row r="10842" spans="2:12">
      <c r="B10842" s="368"/>
      <c r="C10842" s="368"/>
      <c r="D10842" s="368"/>
      <c r="E10842" s="368"/>
      <c r="F10842" s="362"/>
      <c r="G10842" s="361" t="s">
        <v>14431</v>
      </c>
      <c r="H10842" s="362"/>
      <c r="I10842" s="361" t="s">
        <v>14431</v>
      </c>
      <c r="J10842" s="366"/>
      <c r="K10842" s="366"/>
      <c r="L10842" s="366"/>
    </row>
    <row r="10843" spans="2:12" ht="42.75">
      <c r="B10843" s="358" t="s">
        <v>19917</v>
      </c>
      <c r="C10843" s="358" t="s">
        <v>19918</v>
      </c>
      <c r="D10843" s="358" t="s">
        <v>8356</v>
      </c>
      <c r="E10843" s="358" t="s">
        <v>8356</v>
      </c>
      <c r="F10843" s="358" t="s">
        <v>28943</v>
      </c>
      <c r="G10843" s="358" t="s">
        <v>14459</v>
      </c>
      <c r="H10843" s="358" t="s">
        <v>14367</v>
      </c>
      <c r="I10843" s="358" t="s">
        <v>14459</v>
      </c>
      <c r="J10843" s="358"/>
      <c r="K10843" s="358"/>
      <c r="L10843" s="358" t="s">
        <v>9491</v>
      </c>
    </row>
    <row r="10844" spans="2:12">
      <c r="B10844" s="367"/>
      <c r="C10844" s="367"/>
      <c r="D10844" s="367"/>
      <c r="E10844" s="367"/>
      <c r="F10844" s="367"/>
      <c r="G10844" s="360"/>
      <c r="H10844" s="360"/>
      <c r="I10844" s="360"/>
      <c r="J10844" s="365"/>
      <c r="K10844" s="365"/>
      <c r="L10844" s="367"/>
    </row>
    <row r="10845" spans="2:12">
      <c r="B10845" s="367"/>
      <c r="C10845" s="367"/>
      <c r="D10845" s="367"/>
      <c r="E10845" s="367"/>
      <c r="F10845" s="367"/>
      <c r="G10845" s="359" t="s">
        <v>14421</v>
      </c>
      <c r="H10845" s="359" t="s">
        <v>14422</v>
      </c>
      <c r="I10845" s="359" t="s">
        <v>14421</v>
      </c>
      <c r="J10845" s="365"/>
      <c r="K10845" s="365"/>
      <c r="L10845" s="367"/>
    </row>
    <row r="10846" spans="2:12">
      <c r="B10846" s="367"/>
      <c r="C10846" s="367"/>
      <c r="D10846" s="367"/>
      <c r="E10846" s="367"/>
      <c r="F10846" s="367"/>
      <c r="G10846" s="360"/>
      <c r="H10846" s="360"/>
      <c r="I10846" s="360"/>
      <c r="J10846" s="365"/>
      <c r="K10846" s="365"/>
      <c r="L10846" s="367"/>
    </row>
    <row r="10847" spans="2:12">
      <c r="B10847" s="368"/>
      <c r="C10847" s="368"/>
      <c r="D10847" s="368"/>
      <c r="E10847" s="368"/>
      <c r="F10847" s="368"/>
      <c r="G10847" s="361" t="s">
        <v>14429</v>
      </c>
      <c r="H10847" s="362"/>
      <c r="I10847" s="361" t="s">
        <v>14429</v>
      </c>
      <c r="J10847" s="366"/>
      <c r="K10847" s="366"/>
      <c r="L10847" s="368"/>
    </row>
    <row r="10848" spans="2:12" ht="28.5">
      <c r="B10848" s="358" t="s">
        <v>19919</v>
      </c>
      <c r="C10848" s="358" t="s">
        <v>29184</v>
      </c>
      <c r="D10848" s="358" t="s">
        <v>19920</v>
      </c>
      <c r="E10848" s="358" t="s">
        <v>19921</v>
      </c>
      <c r="F10848" s="358" t="s">
        <v>14420</v>
      </c>
      <c r="G10848" s="358" t="s">
        <v>14429</v>
      </c>
      <c r="H10848" s="358" t="s">
        <v>14367</v>
      </c>
      <c r="I10848" s="358" t="s">
        <v>14429</v>
      </c>
      <c r="J10848" s="358"/>
      <c r="K10848" s="358"/>
      <c r="L10848" s="358"/>
    </row>
    <row r="10849" spans="2:12">
      <c r="B10849" s="367"/>
      <c r="C10849" s="367"/>
      <c r="D10849" s="367"/>
      <c r="E10849" s="367"/>
      <c r="F10849" s="360"/>
      <c r="G10849" s="360"/>
      <c r="H10849" s="360"/>
      <c r="I10849" s="360"/>
      <c r="J10849" s="365"/>
      <c r="K10849" s="365"/>
      <c r="L10849" s="365"/>
    </row>
    <row r="10850" spans="2:12">
      <c r="B10850" s="367"/>
      <c r="C10850" s="367"/>
      <c r="D10850" s="367"/>
      <c r="E10850" s="367"/>
      <c r="F10850" s="359" t="s">
        <v>14389</v>
      </c>
      <c r="G10850" s="359" t="s">
        <v>14390</v>
      </c>
      <c r="H10850" s="359" t="s">
        <v>14370</v>
      </c>
      <c r="I10850" s="359" t="s">
        <v>14390</v>
      </c>
      <c r="J10850" s="365"/>
      <c r="K10850" s="365"/>
      <c r="L10850" s="365"/>
    </row>
    <row r="10851" spans="2:12">
      <c r="B10851" s="367"/>
      <c r="C10851" s="367"/>
      <c r="D10851" s="367"/>
      <c r="E10851" s="367"/>
      <c r="F10851" s="360"/>
      <c r="G10851" s="360"/>
      <c r="H10851" s="360"/>
      <c r="I10851" s="360"/>
      <c r="J10851" s="365"/>
      <c r="K10851" s="365"/>
      <c r="L10851" s="365"/>
    </row>
    <row r="10852" spans="2:12">
      <c r="B10852" s="367"/>
      <c r="C10852" s="367"/>
      <c r="D10852" s="367"/>
      <c r="E10852" s="367"/>
      <c r="F10852" s="359" t="s">
        <v>14371</v>
      </c>
      <c r="G10852" s="359" t="s">
        <v>14372</v>
      </c>
      <c r="H10852" s="359" t="s">
        <v>14422</v>
      </c>
      <c r="I10852" s="359" t="s">
        <v>14373</v>
      </c>
      <c r="J10852" s="365"/>
      <c r="K10852" s="365"/>
      <c r="L10852" s="365"/>
    </row>
    <row r="10853" spans="2:12">
      <c r="B10853" s="367"/>
      <c r="C10853" s="367"/>
      <c r="D10853" s="367"/>
      <c r="E10853" s="367"/>
      <c r="F10853" s="360"/>
      <c r="G10853" s="360"/>
      <c r="H10853" s="360"/>
      <c r="I10853" s="360"/>
      <c r="J10853" s="365"/>
      <c r="K10853" s="365"/>
      <c r="L10853" s="365"/>
    </row>
    <row r="10854" spans="2:12" ht="28.5">
      <c r="B10854" s="368"/>
      <c r="C10854" s="368"/>
      <c r="D10854" s="368"/>
      <c r="E10854" s="368"/>
      <c r="F10854" s="361" t="s">
        <v>14374</v>
      </c>
      <c r="G10854" s="361" t="s">
        <v>14373</v>
      </c>
      <c r="H10854" s="362"/>
      <c r="I10854" s="362"/>
      <c r="J10854" s="366"/>
      <c r="K10854" s="366"/>
      <c r="L10854" s="366"/>
    </row>
    <row r="10855" spans="2:12" ht="28.5">
      <c r="B10855" s="358" t="s">
        <v>19922</v>
      </c>
      <c r="C10855" s="358" t="s">
        <v>29185</v>
      </c>
      <c r="D10855" s="358" t="s">
        <v>8356</v>
      </c>
      <c r="E10855" s="358" t="s">
        <v>8356</v>
      </c>
      <c r="F10855" s="358" t="s">
        <v>14420</v>
      </c>
      <c r="G10855" s="358" t="s">
        <v>14459</v>
      </c>
      <c r="H10855" s="358" t="s">
        <v>14367</v>
      </c>
      <c r="I10855" s="358" t="s">
        <v>14459</v>
      </c>
      <c r="J10855" s="358"/>
      <c r="K10855" s="358"/>
      <c r="L10855" s="358" t="s">
        <v>9491</v>
      </c>
    </row>
    <row r="10856" spans="2:12">
      <c r="B10856" s="367"/>
      <c r="C10856" s="367"/>
      <c r="D10856" s="367"/>
      <c r="E10856" s="367"/>
      <c r="F10856" s="360"/>
      <c r="G10856" s="360"/>
      <c r="H10856" s="360"/>
      <c r="I10856" s="360"/>
      <c r="J10856" s="365"/>
      <c r="K10856" s="365"/>
      <c r="L10856" s="367"/>
    </row>
    <row r="10857" spans="2:12">
      <c r="B10857" s="367"/>
      <c r="C10857" s="367"/>
      <c r="D10857" s="367"/>
      <c r="E10857" s="367"/>
      <c r="F10857" s="359" t="s">
        <v>14420</v>
      </c>
      <c r="G10857" s="359" t="s">
        <v>14421</v>
      </c>
      <c r="H10857" s="359" t="s">
        <v>14370</v>
      </c>
      <c r="I10857" s="359" t="s">
        <v>14421</v>
      </c>
      <c r="J10857" s="365"/>
      <c r="K10857" s="365"/>
      <c r="L10857" s="367"/>
    </row>
    <row r="10858" spans="2:12">
      <c r="B10858" s="367"/>
      <c r="C10858" s="367"/>
      <c r="D10858" s="367"/>
      <c r="E10858" s="367"/>
      <c r="F10858" s="360"/>
      <c r="G10858" s="360"/>
      <c r="H10858" s="360"/>
      <c r="I10858" s="360"/>
      <c r="J10858" s="365"/>
      <c r="K10858" s="365"/>
      <c r="L10858" s="367"/>
    </row>
    <row r="10859" spans="2:12" ht="28.5">
      <c r="B10859" s="367"/>
      <c r="C10859" s="367"/>
      <c r="D10859" s="367"/>
      <c r="E10859" s="367"/>
      <c r="F10859" s="359" t="s">
        <v>29049</v>
      </c>
      <c r="G10859" s="359" t="s">
        <v>14429</v>
      </c>
      <c r="H10859" s="359" t="s">
        <v>14422</v>
      </c>
      <c r="I10859" s="359" t="s">
        <v>14429</v>
      </c>
      <c r="J10859" s="365"/>
      <c r="K10859" s="365"/>
      <c r="L10859" s="367"/>
    </row>
    <row r="10860" spans="2:12">
      <c r="B10860" s="367"/>
      <c r="C10860" s="367"/>
      <c r="D10860" s="367"/>
      <c r="E10860" s="367"/>
      <c r="F10860" s="360"/>
      <c r="G10860" s="360"/>
      <c r="H10860" s="360"/>
      <c r="I10860" s="360"/>
      <c r="J10860" s="365"/>
      <c r="K10860" s="365"/>
      <c r="L10860" s="367"/>
    </row>
    <row r="10861" spans="2:12" ht="28.5">
      <c r="B10861" s="367"/>
      <c r="C10861" s="367"/>
      <c r="D10861" s="367"/>
      <c r="E10861" s="367"/>
      <c r="F10861" s="359" t="s">
        <v>14374</v>
      </c>
      <c r="G10861" s="359" t="s">
        <v>14372</v>
      </c>
      <c r="H10861" s="360"/>
      <c r="I10861" s="359" t="s">
        <v>14373</v>
      </c>
      <c r="J10861" s="365"/>
      <c r="K10861" s="365"/>
      <c r="L10861" s="367"/>
    </row>
    <row r="10862" spans="2:12">
      <c r="B10862" s="367"/>
      <c r="C10862" s="367"/>
      <c r="D10862" s="367"/>
      <c r="E10862" s="367"/>
      <c r="F10862" s="360"/>
      <c r="G10862" s="360"/>
      <c r="H10862" s="360"/>
      <c r="I10862" s="360"/>
      <c r="J10862" s="365"/>
      <c r="K10862" s="365"/>
      <c r="L10862" s="367"/>
    </row>
    <row r="10863" spans="2:12">
      <c r="B10863" s="368"/>
      <c r="C10863" s="368"/>
      <c r="D10863" s="368"/>
      <c r="E10863" s="368"/>
      <c r="F10863" s="362"/>
      <c r="G10863" s="361" t="s">
        <v>14373</v>
      </c>
      <c r="H10863" s="362"/>
      <c r="I10863" s="362"/>
      <c r="J10863" s="366"/>
      <c r="K10863" s="366"/>
      <c r="L10863" s="368"/>
    </row>
    <row r="10864" spans="2:12" ht="42.75">
      <c r="B10864" s="358" t="s">
        <v>19923</v>
      </c>
      <c r="C10864" s="358" t="s">
        <v>30186</v>
      </c>
      <c r="D10864" s="358" t="s">
        <v>19924</v>
      </c>
      <c r="E10864" s="358" t="s">
        <v>19925</v>
      </c>
      <c r="F10864" s="358" t="s">
        <v>14420</v>
      </c>
      <c r="G10864" s="358" t="s">
        <v>14429</v>
      </c>
      <c r="H10864" s="358" t="s">
        <v>14341</v>
      </c>
      <c r="I10864" s="358" t="s">
        <v>14429</v>
      </c>
      <c r="J10864" s="358"/>
      <c r="K10864" s="358" t="s">
        <v>14552</v>
      </c>
      <c r="L10864" s="358"/>
    </row>
    <row r="10865" spans="2:12">
      <c r="B10865" s="367"/>
      <c r="C10865" s="367"/>
      <c r="D10865" s="360"/>
      <c r="E10865" s="360"/>
      <c r="F10865" s="360"/>
      <c r="G10865" s="360"/>
      <c r="H10865" s="360"/>
      <c r="I10865" s="360"/>
      <c r="J10865" s="365"/>
      <c r="K10865" s="367"/>
      <c r="L10865" s="365"/>
    </row>
    <row r="10866" spans="2:12">
      <c r="B10866" s="367"/>
      <c r="C10866" s="367"/>
      <c r="D10866" s="359" t="s">
        <v>19926</v>
      </c>
      <c r="E10866" s="359" t="s">
        <v>19927</v>
      </c>
      <c r="F10866" s="359" t="s">
        <v>14389</v>
      </c>
      <c r="G10866" s="359" t="s">
        <v>14390</v>
      </c>
      <c r="H10866" s="359" t="s">
        <v>14367</v>
      </c>
      <c r="I10866" s="359" t="s">
        <v>14390</v>
      </c>
      <c r="J10866" s="365"/>
      <c r="K10866" s="367"/>
      <c r="L10866" s="365"/>
    </row>
    <row r="10867" spans="2:12">
      <c r="B10867" s="367"/>
      <c r="C10867" s="367"/>
      <c r="D10867" s="360"/>
      <c r="E10867" s="360"/>
      <c r="F10867" s="360"/>
      <c r="G10867" s="360"/>
      <c r="H10867" s="360"/>
      <c r="I10867" s="360"/>
      <c r="J10867" s="365"/>
      <c r="K10867" s="367"/>
      <c r="L10867" s="365"/>
    </row>
    <row r="10868" spans="2:12">
      <c r="B10868" s="367"/>
      <c r="C10868" s="367"/>
      <c r="D10868" s="360"/>
      <c r="E10868" s="360"/>
      <c r="F10868" s="359" t="s">
        <v>14430</v>
      </c>
      <c r="G10868" s="359" t="s">
        <v>14431</v>
      </c>
      <c r="H10868" s="359" t="s">
        <v>14370</v>
      </c>
      <c r="I10868" s="359" t="s">
        <v>14431</v>
      </c>
      <c r="J10868" s="365"/>
      <c r="K10868" s="367"/>
      <c r="L10868" s="365"/>
    </row>
    <row r="10869" spans="2:12">
      <c r="B10869" s="367"/>
      <c r="C10869" s="367"/>
      <c r="D10869" s="360"/>
      <c r="E10869" s="360"/>
      <c r="F10869" s="360"/>
      <c r="G10869" s="360"/>
      <c r="H10869" s="360"/>
      <c r="I10869" s="360"/>
      <c r="J10869" s="365"/>
      <c r="K10869" s="367"/>
      <c r="L10869" s="365"/>
    </row>
    <row r="10870" spans="2:12">
      <c r="B10870" s="367"/>
      <c r="C10870" s="367"/>
      <c r="D10870" s="360"/>
      <c r="E10870" s="360"/>
      <c r="F10870" s="359" t="s">
        <v>14371</v>
      </c>
      <c r="G10870" s="359" t="s">
        <v>14372</v>
      </c>
      <c r="H10870" s="359" t="s">
        <v>14332</v>
      </c>
      <c r="I10870" s="359" t="s">
        <v>14373</v>
      </c>
      <c r="J10870" s="365"/>
      <c r="K10870" s="367"/>
      <c r="L10870" s="365"/>
    </row>
    <row r="10871" spans="2:12">
      <c r="B10871" s="367"/>
      <c r="C10871" s="367"/>
      <c r="D10871" s="360"/>
      <c r="E10871" s="360"/>
      <c r="F10871" s="360"/>
      <c r="G10871" s="360"/>
      <c r="H10871" s="360"/>
      <c r="I10871" s="360"/>
      <c r="J10871" s="365"/>
      <c r="K10871" s="367"/>
      <c r="L10871" s="365"/>
    </row>
    <row r="10872" spans="2:12" ht="28.5">
      <c r="B10872" s="368"/>
      <c r="C10872" s="368"/>
      <c r="D10872" s="362"/>
      <c r="E10872" s="362"/>
      <c r="F10872" s="361" t="s">
        <v>14374</v>
      </c>
      <c r="G10872" s="361" t="s">
        <v>14373</v>
      </c>
      <c r="H10872" s="362"/>
      <c r="I10872" s="362"/>
      <c r="J10872" s="366"/>
      <c r="K10872" s="368"/>
      <c r="L10872" s="366"/>
    </row>
    <row r="10873" spans="2:12">
      <c r="B10873" s="358" t="s">
        <v>19928</v>
      </c>
      <c r="C10873" s="358" t="s">
        <v>19929</v>
      </c>
      <c r="D10873" s="358" t="s">
        <v>8356</v>
      </c>
      <c r="E10873" s="358" t="s">
        <v>8356</v>
      </c>
      <c r="F10873" s="358" t="s">
        <v>14420</v>
      </c>
      <c r="G10873" s="358" t="s">
        <v>14429</v>
      </c>
      <c r="H10873" s="358" t="s">
        <v>14341</v>
      </c>
      <c r="I10873" s="358" t="s">
        <v>14429</v>
      </c>
      <c r="J10873" s="358"/>
      <c r="K10873" s="358"/>
      <c r="L10873" s="358" t="s">
        <v>9491</v>
      </c>
    </row>
    <row r="10874" spans="2:12">
      <c r="B10874" s="367"/>
      <c r="C10874" s="367"/>
      <c r="D10874" s="367"/>
      <c r="E10874" s="367"/>
      <c r="F10874" s="360"/>
      <c r="G10874" s="360"/>
      <c r="H10874" s="360"/>
      <c r="I10874" s="360"/>
      <c r="J10874" s="365"/>
      <c r="K10874" s="365"/>
      <c r="L10874" s="367"/>
    </row>
    <row r="10875" spans="2:12">
      <c r="B10875" s="367"/>
      <c r="C10875" s="367"/>
      <c r="D10875" s="367"/>
      <c r="E10875" s="367"/>
      <c r="F10875" s="359" t="s">
        <v>14389</v>
      </c>
      <c r="G10875" s="359" t="s">
        <v>14390</v>
      </c>
      <c r="H10875" s="359" t="s">
        <v>14367</v>
      </c>
      <c r="I10875" s="359" t="s">
        <v>14390</v>
      </c>
      <c r="J10875" s="365"/>
      <c r="K10875" s="365"/>
      <c r="L10875" s="367"/>
    </row>
    <row r="10876" spans="2:12">
      <c r="B10876" s="367"/>
      <c r="C10876" s="367"/>
      <c r="D10876" s="367"/>
      <c r="E10876" s="367"/>
      <c r="F10876" s="360"/>
      <c r="G10876" s="360"/>
      <c r="H10876" s="360"/>
      <c r="I10876" s="360"/>
      <c r="J10876" s="365"/>
      <c r="K10876" s="365"/>
      <c r="L10876" s="367"/>
    </row>
    <row r="10877" spans="2:12">
      <c r="B10877" s="367"/>
      <c r="C10877" s="367"/>
      <c r="D10877" s="367"/>
      <c r="E10877" s="367"/>
      <c r="F10877" s="359" t="s">
        <v>14430</v>
      </c>
      <c r="G10877" s="359" t="s">
        <v>14431</v>
      </c>
      <c r="H10877" s="359" t="s">
        <v>14370</v>
      </c>
      <c r="I10877" s="359" t="s">
        <v>14431</v>
      </c>
      <c r="J10877" s="365"/>
      <c r="K10877" s="365"/>
      <c r="L10877" s="367"/>
    </row>
    <row r="10878" spans="2:12">
      <c r="B10878" s="367"/>
      <c r="C10878" s="367"/>
      <c r="D10878" s="367"/>
      <c r="E10878" s="367"/>
      <c r="F10878" s="360"/>
      <c r="G10878" s="360"/>
      <c r="H10878" s="360"/>
      <c r="I10878" s="360"/>
      <c r="J10878" s="365"/>
      <c r="K10878" s="365"/>
      <c r="L10878" s="367"/>
    </row>
    <row r="10879" spans="2:12">
      <c r="B10879" s="367"/>
      <c r="C10879" s="367"/>
      <c r="D10879" s="367"/>
      <c r="E10879" s="367"/>
      <c r="F10879" s="359" t="s">
        <v>14371</v>
      </c>
      <c r="G10879" s="359" t="s">
        <v>14372</v>
      </c>
      <c r="H10879" s="359" t="s">
        <v>14332</v>
      </c>
      <c r="I10879" s="359" t="s">
        <v>14373</v>
      </c>
      <c r="J10879" s="365"/>
      <c r="K10879" s="365"/>
      <c r="L10879" s="367"/>
    </row>
    <row r="10880" spans="2:12">
      <c r="B10880" s="367"/>
      <c r="C10880" s="367"/>
      <c r="D10880" s="367"/>
      <c r="E10880" s="367"/>
      <c r="F10880" s="360"/>
      <c r="G10880" s="360"/>
      <c r="H10880" s="360"/>
      <c r="I10880" s="360"/>
      <c r="J10880" s="365"/>
      <c r="K10880" s="365"/>
      <c r="L10880" s="367"/>
    </row>
    <row r="10881" spans="2:12" ht="28.5">
      <c r="B10881" s="368"/>
      <c r="C10881" s="368"/>
      <c r="D10881" s="368"/>
      <c r="E10881" s="368"/>
      <c r="F10881" s="361" t="s">
        <v>14374</v>
      </c>
      <c r="G10881" s="361" t="s">
        <v>14373</v>
      </c>
      <c r="H10881" s="362"/>
      <c r="I10881" s="362"/>
      <c r="J10881" s="366"/>
      <c r="K10881" s="366"/>
      <c r="L10881" s="368"/>
    </row>
    <row r="10882" spans="2:12">
      <c r="B10882" s="358" t="s">
        <v>19930</v>
      </c>
      <c r="C10882" s="358" t="s">
        <v>30187</v>
      </c>
      <c r="D10882" s="358" t="s">
        <v>19931</v>
      </c>
      <c r="E10882" s="358" t="s">
        <v>19932</v>
      </c>
      <c r="F10882" s="358" t="s">
        <v>14420</v>
      </c>
      <c r="G10882" s="358" t="s">
        <v>14429</v>
      </c>
      <c r="H10882" s="358" t="s">
        <v>14341</v>
      </c>
      <c r="I10882" s="358" t="s">
        <v>14429</v>
      </c>
      <c r="J10882" s="358"/>
      <c r="K10882" s="358"/>
      <c r="L10882" s="358"/>
    </row>
    <row r="10883" spans="2:12">
      <c r="B10883" s="367"/>
      <c r="C10883" s="367"/>
      <c r="D10883" s="367"/>
      <c r="E10883" s="367"/>
      <c r="F10883" s="360"/>
      <c r="G10883" s="360"/>
      <c r="H10883" s="360"/>
      <c r="I10883" s="360"/>
      <c r="J10883" s="365"/>
      <c r="K10883" s="365"/>
      <c r="L10883" s="365"/>
    </row>
    <row r="10884" spans="2:12">
      <c r="B10884" s="367"/>
      <c r="C10884" s="367"/>
      <c r="D10884" s="367"/>
      <c r="E10884" s="367"/>
      <c r="F10884" s="359" t="s">
        <v>14389</v>
      </c>
      <c r="G10884" s="359" t="s">
        <v>14390</v>
      </c>
      <c r="H10884" s="359" t="s">
        <v>14367</v>
      </c>
      <c r="I10884" s="359" t="s">
        <v>14390</v>
      </c>
      <c r="J10884" s="365"/>
      <c r="K10884" s="365"/>
      <c r="L10884" s="365"/>
    </row>
    <row r="10885" spans="2:12">
      <c r="B10885" s="367"/>
      <c r="C10885" s="367"/>
      <c r="D10885" s="367"/>
      <c r="E10885" s="367"/>
      <c r="F10885" s="360"/>
      <c r="G10885" s="360"/>
      <c r="H10885" s="360"/>
      <c r="I10885" s="360"/>
      <c r="J10885" s="365"/>
      <c r="K10885" s="365"/>
      <c r="L10885" s="365"/>
    </row>
    <row r="10886" spans="2:12">
      <c r="B10886" s="367"/>
      <c r="C10886" s="367"/>
      <c r="D10886" s="367"/>
      <c r="E10886" s="367"/>
      <c r="F10886" s="359" t="s">
        <v>14430</v>
      </c>
      <c r="G10886" s="359" t="s">
        <v>14431</v>
      </c>
      <c r="H10886" s="359" t="s">
        <v>14370</v>
      </c>
      <c r="I10886" s="359" t="s">
        <v>14431</v>
      </c>
      <c r="J10886" s="365"/>
      <c r="K10886" s="365"/>
      <c r="L10886" s="365"/>
    </row>
    <row r="10887" spans="2:12">
      <c r="B10887" s="367"/>
      <c r="C10887" s="367"/>
      <c r="D10887" s="367"/>
      <c r="E10887" s="367"/>
      <c r="F10887" s="360"/>
      <c r="G10887" s="360"/>
      <c r="H10887" s="360"/>
      <c r="I10887" s="360"/>
      <c r="J10887" s="365"/>
      <c r="K10887" s="365"/>
      <c r="L10887" s="365"/>
    </row>
    <row r="10888" spans="2:12">
      <c r="B10888" s="367"/>
      <c r="C10888" s="367"/>
      <c r="D10888" s="367"/>
      <c r="E10888" s="367"/>
      <c r="F10888" s="359" t="s">
        <v>14371</v>
      </c>
      <c r="G10888" s="359" t="s">
        <v>14372</v>
      </c>
      <c r="H10888" s="359" t="s">
        <v>14332</v>
      </c>
      <c r="I10888" s="359" t="s">
        <v>14373</v>
      </c>
      <c r="J10888" s="365"/>
      <c r="K10888" s="365"/>
      <c r="L10888" s="365"/>
    </row>
    <row r="10889" spans="2:12">
      <c r="B10889" s="367"/>
      <c r="C10889" s="367"/>
      <c r="D10889" s="367"/>
      <c r="E10889" s="367"/>
      <c r="F10889" s="360"/>
      <c r="G10889" s="360"/>
      <c r="H10889" s="360"/>
      <c r="I10889" s="360"/>
      <c r="J10889" s="365"/>
      <c r="K10889" s="365"/>
      <c r="L10889" s="365"/>
    </row>
    <row r="10890" spans="2:12" ht="28.5">
      <c r="B10890" s="368"/>
      <c r="C10890" s="368"/>
      <c r="D10890" s="368"/>
      <c r="E10890" s="368"/>
      <c r="F10890" s="361" t="s">
        <v>14374</v>
      </c>
      <c r="G10890" s="361" t="s">
        <v>14373</v>
      </c>
      <c r="H10890" s="362"/>
      <c r="I10890" s="362"/>
      <c r="J10890" s="366"/>
      <c r="K10890" s="366"/>
      <c r="L10890" s="366"/>
    </row>
    <row r="10891" spans="2:12">
      <c r="B10891" s="358" t="s">
        <v>19933</v>
      </c>
      <c r="C10891" s="358" t="s">
        <v>19934</v>
      </c>
      <c r="D10891" s="358" t="s">
        <v>8356</v>
      </c>
      <c r="E10891" s="358" t="s">
        <v>8356</v>
      </c>
      <c r="F10891" s="358" t="s">
        <v>14420</v>
      </c>
      <c r="G10891" s="358" t="s">
        <v>14459</v>
      </c>
      <c r="H10891" s="358" t="s">
        <v>14367</v>
      </c>
      <c r="I10891" s="358" t="s">
        <v>14459</v>
      </c>
      <c r="J10891" s="358"/>
      <c r="K10891" s="358"/>
      <c r="L10891" s="358" t="s">
        <v>9491</v>
      </c>
    </row>
    <row r="10892" spans="2:12">
      <c r="B10892" s="367"/>
      <c r="C10892" s="367"/>
      <c r="D10892" s="367"/>
      <c r="E10892" s="367"/>
      <c r="F10892" s="360"/>
      <c r="G10892" s="360"/>
      <c r="H10892" s="360"/>
      <c r="I10892" s="360"/>
      <c r="J10892" s="365"/>
      <c r="K10892" s="365"/>
      <c r="L10892" s="367"/>
    </row>
    <row r="10893" spans="2:12">
      <c r="B10893" s="367"/>
      <c r="C10893" s="367"/>
      <c r="D10893" s="367"/>
      <c r="E10893" s="367"/>
      <c r="F10893" s="359" t="s">
        <v>14420</v>
      </c>
      <c r="G10893" s="359" t="s">
        <v>14421</v>
      </c>
      <c r="H10893" s="359" t="s">
        <v>14370</v>
      </c>
      <c r="I10893" s="359" t="s">
        <v>14421</v>
      </c>
      <c r="J10893" s="365"/>
      <c r="K10893" s="365"/>
      <c r="L10893" s="367"/>
    </row>
    <row r="10894" spans="2:12">
      <c r="B10894" s="367"/>
      <c r="C10894" s="367"/>
      <c r="D10894" s="367"/>
      <c r="E10894" s="367"/>
      <c r="F10894" s="360"/>
      <c r="G10894" s="360"/>
      <c r="H10894" s="360"/>
      <c r="I10894" s="360"/>
      <c r="J10894" s="365"/>
      <c r="K10894" s="365"/>
      <c r="L10894" s="367"/>
    </row>
    <row r="10895" spans="2:12" ht="28.5">
      <c r="B10895" s="367"/>
      <c r="C10895" s="367"/>
      <c r="D10895" s="367"/>
      <c r="E10895" s="367"/>
      <c r="F10895" s="359" t="s">
        <v>29049</v>
      </c>
      <c r="G10895" s="359" t="s">
        <v>14429</v>
      </c>
      <c r="H10895" s="359" t="s">
        <v>14422</v>
      </c>
      <c r="I10895" s="359" t="s">
        <v>14429</v>
      </c>
      <c r="J10895" s="365"/>
      <c r="K10895" s="365"/>
      <c r="L10895" s="367"/>
    </row>
    <row r="10896" spans="2:12">
      <c r="B10896" s="367"/>
      <c r="C10896" s="367"/>
      <c r="D10896" s="367"/>
      <c r="E10896" s="367"/>
      <c r="F10896" s="360"/>
      <c r="G10896" s="360"/>
      <c r="H10896" s="360"/>
      <c r="I10896" s="360"/>
      <c r="J10896" s="365"/>
      <c r="K10896" s="365"/>
      <c r="L10896" s="367"/>
    </row>
    <row r="10897" spans="2:12" ht="28.5">
      <c r="B10897" s="367"/>
      <c r="C10897" s="367"/>
      <c r="D10897" s="367"/>
      <c r="E10897" s="367"/>
      <c r="F10897" s="359" t="s">
        <v>14374</v>
      </c>
      <c r="G10897" s="359" t="s">
        <v>14372</v>
      </c>
      <c r="H10897" s="360"/>
      <c r="I10897" s="359" t="s">
        <v>14373</v>
      </c>
      <c r="J10897" s="365"/>
      <c r="K10897" s="365"/>
      <c r="L10897" s="367"/>
    </row>
    <row r="10898" spans="2:12">
      <c r="B10898" s="367"/>
      <c r="C10898" s="367"/>
      <c r="D10898" s="367"/>
      <c r="E10898" s="367"/>
      <c r="F10898" s="360"/>
      <c r="G10898" s="360"/>
      <c r="H10898" s="360"/>
      <c r="I10898" s="360"/>
      <c r="J10898" s="365"/>
      <c r="K10898" s="365"/>
      <c r="L10898" s="367"/>
    </row>
    <row r="10899" spans="2:12">
      <c r="B10899" s="368"/>
      <c r="C10899" s="368"/>
      <c r="D10899" s="368"/>
      <c r="E10899" s="368"/>
      <c r="F10899" s="362"/>
      <c r="G10899" s="361" t="s">
        <v>14373</v>
      </c>
      <c r="H10899" s="362"/>
      <c r="I10899" s="362"/>
      <c r="J10899" s="366"/>
      <c r="K10899" s="366"/>
      <c r="L10899" s="368"/>
    </row>
    <row r="10900" spans="2:12">
      <c r="B10900" s="358" t="s">
        <v>19935</v>
      </c>
      <c r="C10900" s="358" t="s">
        <v>30188</v>
      </c>
      <c r="D10900" s="358" t="s">
        <v>19936</v>
      </c>
      <c r="E10900" s="358" t="s">
        <v>19937</v>
      </c>
      <c r="F10900" s="358" t="s">
        <v>14371</v>
      </c>
      <c r="G10900" s="358" t="s">
        <v>14372</v>
      </c>
      <c r="H10900" s="358" t="s">
        <v>14370</v>
      </c>
      <c r="I10900" s="358" t="s">
        <v>14373</v>
      </c>
      <c r="J10900" s="358"/>
      <c r="K10900" s="358"/>
      <c r="L10900" s="358"/>
    </row>
    <row r="10901" spans="2:12">
      <c r="B10901" s="367"/>
      <c r="C10901" s="367"/>
      <c r="D10901" s="367"/>
      <c r="E10901" s="367"/>
      <c r="F10901" s="360"/>
      <c r="G10901" s="360"/>
      <c r="H10901" s="360"/>
      <c r="I10901" s="367"/>
      <c r="J10901" s="365"/>
      <c r="K10901" s="365"/>
      <c r="L10901" s="365"/>
    </row>
    <row r="10902" spans="2:12" ht="28.5">
      <c r="B10902" s="368"/>
      <c r="C10902" s="368"/>
      <c r="D10902" s="368"/>
      <c r="E10902" s="368"/>
      <c r="F10902" s="361" t="s">
        <v>14374</v>
      </c>
      <c r="G10902" s="361" t="s">
        <v>14373</v>
      </c>
      <c r="H10902" s="361" t="s">
        <v>14422</v>
      </c>
      <c r="I10902" s="368"/>
      <c r="J10902" s="366"/>
      <c r="K10902" s="366"/>
      <c r="L10902" s="366"/>
    </row>
    <row r="10903" spans="2:12">
      <c r="B10903" s="358" t="s">
        <v>19938</v>
      </c>
      <c r="C10903" s="358" t="s">
        <v>19939</v>
      </c>
      <c r="D10903" s="358" t="s">
        <v>8356</v>
      </c>
      <c r="E10903" s="358" t="s">
        <v>8356</v>
      </c>
      <c r="F10903" s="358" t="s">
        <v>14420</v>
      </c>
      <c r="G10903" s="358" t="s">
        <v>14429</v>
      </c>
      <c r="H10903" s="358" t="s">
        <v>14367</v>
      </c>
      <c r="I10903" s="358" t="s">
        <v>14429</v>
      </c>
      <c r="J10903" s="358"/>
      <c r="K10903" s="358"/>
      <c r="L10903" s="358" t="s">
        <v>9491</v>
      </c>
    </row>
    <row r="10904" spans="2:12">
      <c r="B10904" s="367"/>
      <c r="C10904" s="367"/>
      <c r="D10904" s="367"/>
      <c r="E10904" s="367"/>
      <c r="F10904" s="367"/>
      <c r="G10904" s="367"/>
      <c r="H10904" s="360"/>
      <c r="I10904" s="367"/>
      <c r="J10904" s="365"/>
      <c r="K10904" s="365"/>
      <c r="L10904" s="367"/>
    </row>
    <row r="10905" spans="2:12">
      <c r="B10905" s="368"/>
      <c r="C10905" s="368"/>
      <c r="D10905" s="368"/>
      <c r="E10905" s="368"/>
      <c r="F10905" s="368"/>
      <c r="G10905" s="368"/>
      <c r="H10905" s="361" t="s">
        <v>14422</v>
      </c>
      <c r="I10905" s="368"/>
      <c r="J10905" s="366"/>
      <c r="K10905" s="366"/>
      <c r="L10905" s="368"/>
    </row>
    <row r="10906" spans="2:12" ht="28.5">
      <c r="B10906" s="358" t="s">
        <v>19940</v>
      </c>
      <c r="C10906" s="358" t="s">
        <v>29186</v>
      </c>
      <c r="D10906" s="358" t="s">
        <v>19941</v>
      </c>
      <c r="E10906" s="358" t="s">
        <v>19942</v>
      </c>
      <c r="F10906" s="358" t="s">
        <v>28955</v>
      </c>
      <c r="G10906" s="358" t="s">
        <v>14383</v>
      </c>
      <c r="H10906" s="358" t="s">
        <v>14378</v>
      </c>
      <c r="I10906" s="358" t="s">
        <v>14383</v>
      </c>
      <c r="J10906" s="358"/>
      <c r="K10906" s="358"/>
      <c r="L10906" s="358"/>
    </row>
    <row r="10907" spans="2:12">
      <c r="B10907" s="367"/>
      <c r="C10907" s="367"/>
      <c r="D10907" s="367"/>
      <c r="E10907" s="367"/>
      <c r="F10907" s="360"/>
      <c r="G10907" s="360"/>
      <c r="H10907" s="360"/>
      <c r="I10907" s="360"/>
      <c r="J10907" s="365"/>
      <c r="K10907" s="365"/>
      <c r="L10907" s="365"/>
    </row>
    <row r="10908" spans="2:12">
      <c r="B10908" s="367"/>
      <c r="C10908" s="367"/>
      <c r="D10908" s="367"/>
      <c r="E10908" s="367"/>
      <c r="F10908" s="359" t="s">
        <v>14386</v>
      </c>
      <c r="G10908" s="359" t="s">
        <v>14421</v>
      </c>
      <c r="H10908" s="359" t="s">
        <v>14332</v>
      </c>
      <c r="I10908" s="359" t="s">
        <v>14421</v>
      </c>
      <c r="J10908" s="365"/>
      <c r="K10908" s="365"/>
      <c r="L10908" s="365"/>
    </row>
    <row r="10909" spans="2:12">
      <c r="B10909" s="367"/>
      <c r="C10909" s="367"/>
      <c r="D10909" s="367"/>
      <c r="E10909" s="367"/>
      <c r="F10909" s="360"/>
      <c r="G10909" s="360"/>
      <c r="H10909" s="360"/>
      <c r="I10909" s="360"/>
      <c r="J10909" s="365"/>
      <c r="K10909" s="365"/>
      <c r="L10909" s="365"/>
    </row>
    <row r="10910" spans="2:12">
      <c r="B10910" s="367"/>
      <c r="C10910" s="367"/>
      <c r="D10910" s="367"/>
      <c r="E10910" s="367"/>
      <c r="F10910" s="359" t="s">
        <v>14368</v>
      </c>
      <c r="G10910" s="359" t="s">
        <v>14387</v>
      </c>
      <c r="H10910" s="360"/>
      <c r="I10910" s="359" t="s">
        <v>14387</v>
      </c>
      <c r="J10910" s="365"/>
      <c r="K10910" s="365"/>
      <c r="L10910" s="365"/>
    </row>
    <row r="10911" spans="2:12">
      <c r="B10911" s="367"/>
      <c r="C10911" s="367"/>
      <c r="D10911" s="367"/>
      <c r="E10911" s="367"/>
      <c r="F10911" s="360"/>
      <c r="G10911" s="360"/>
      <c r="H10911" s="360"/>
      <c r="I10911" s="360"/>
      <c r="J10911" s="365"/>
      <c r="K10911" s="365"/>
      <c r="L10911" s="365"/>
    </row>
    <row r="10912" spans="2:12">
      <c r="B10912" s="367"/>
      <c r="C10912" s="367"/>
      <c r="D10912" s="367"/>
      <c r="E10912" s="367"/>
      <c r="F10912" s="359" t="s">
        <v>14389</v>
      </c>
      <c r="G10912" s="359" t="s">
        <v>14388</v>
      </c>
      <c r="H10912" s="360"/>
      <c r="I10912" s="359" t="s">
        <v>14388</v>
      </c>
      <c r="J10912" s="365"/>
      <c r="K10912" s="365"/>
      <c r="L10912" s="365"/>
    </row>
    <row r="10913" spans="2:12">
      <c r="B10913" s="367"/>
      <c r="C10913" s="367"/>
      <c r="D10913" s="367"/>
      <c r="E10913" s="367"/>
      <c r="F10913" s="360"/>
      <c r="G10913" s="360"/>
      <c r="H10913" s="360"/>
      <c r="I10913" s="360"/>
      <c r="J10913" s="365"/>
      <c r="K10913" s="365"/>
      <c r="L10913" s="365"/>
    </row>
    <row r="10914" spans="2:12">
      <c r="B10914" s="368"/>
      <c r="C10914" s="368"/>
      <c r="D10914" s="368"/>
      <c r="E10914" s="368"/>
      <c r="F10914" s="362"/>
      <c r="G10914" s="361" t="s">
        <v>14390</v>
      </c>
      <c r="H10914" s="362"/>
      <c r="I10914" s="361" t="s">
        <v>14390</v>
      </c>
      <c r="J10914" s="366"/>
      <c r="K10914" s="366"/>
      <c r="L10914" s="366"/>
    </row>
    <row r="10915" spans="2:12">
      <c r="B10915" s="354" t="s">
        <v>14492</v>
      </c>
      <c r="C10915" s="369"/>
      <c r="D10915" s="369"/>
      <c r="E10915" s="369"/>
      <c r="F10915" s="369"/>
      <c r="G10915" s="369"/>
      <c r="H10915" s="369"/>
      <c r="I10915" s="369"/>
      <c r="J10915" s="369"/>
      <c r="K10915" s="369"/>
      <c r="L10915" s="370"/>
    </row>
    <row r="10916" spans="2:12" ht="28.5">
      <c r="B10916" s="358" t="s">
        <v>12944</v>
      </c>
      <c r="C10916" s="358" t="s">
        <v>19943</v>
      </c>
      <c r="D10916" s="358" t="s">
        <v>19944</v>
      </c>
      <c r="E10916" s="358" t="s">
        <v>13748</v>
      </c>
      <c r="F10916" s="358" t="s">
        <v>14497</v>
      </c>
      <c r="G10916" s="358" t="s">
        <v>17083</v>
      </c>
      <c r="H10916" s="358" t="s">
        <v>14381</v>
      </c>
      <c r="I10916" s="358" t="s">
        <v>17083</v>
      </c>
      <c r="J10916" s="358"/>
      <c r="K10916" s="358" t="s">
        <v>19945</v>
      </c>
      <c r="L10916" s="358"/>
    </row>
    <row r="10917" spans="2:12">
      <c r="B10917" s="367"/>
      <c r="C10917" s="360"/>
      <c r="D10917" s="360"/>
      <c r="E10917" s="360"/>
      <c r="F10917" s="360"/>
      <c r="G10917" s="360"/>
      <c r="H10917" s="360"/>
      <c r="I10917" s="360"/>
      <c r="J10917" s="365"/>
      <c r="K10917" s="360"/>
      <c r="L10917" s="365"/>
    </row>
    <row r="10918" spans="2:12" ht="28.5">
      <c r="B10918" s="367"/>
      <c r="C10918" s="359" t="s">
        <v>19946</v>
      </c>
      <c r="D10918" s="359" t="s">
        <v>19947</v>
      </c>
      <c r="E10918" s="359" t="s">
        <v>19948</v>
      </c>
      <c r="F10918" s="359" t="s">
        <v>14530</v>
      </c>
      <c r="G10918" s="359" t="s">
        <v>14380</v>
      </c>
      <c r="H10918" s="359" t="s">
        <v>14378</v>
      </c>
      <c r="I10918" s="359" t="s">
        <v>14380</v>
      </c>
      <c r="J10918" s="365"/>
      <c r="K10918" s="359" t="s">
        <v>29114</v>
      </c>
      <c r="L10918" s="365"/>
    </row>
    <row r="10919" spans="2:12">
      <c r="B10919" s="367"/>
      <c r="C10919" s="360"/>
      <c r="D10919" s="360"/>
      <c r="E10919" s="360"/>
      <c r="F10919" s="360"/>
      <c r="G10919" s="360"/>
      <c r="H10919" s="360"/>
      <c r="I10919" s="360"/>
      <c r="J10919" s="365"/>
      <c r="K10919" s="360"/>
      <c r="L10919" s="365"/>
    </row>
    <row r="10920" spans="2:12" ht="57">
      <c r="B10920" s="367"/>
      <c r="C10920" s="359" t="s">
        <v>19949</v>
      </c>
      <c r="D10920" s="359" t="s">
        <v>19950</v>
      </c>
      <c r="E10920" s="359" t="s">
        <v>13130</v>
      </c>
      <c r="F10920" s="359" t="s">
        <v>14530</v>
      </c>
      <c r="G10920" s="359" t="s">
        <v>14531</v>
      </c>
      <c r="H10920" s="359" t="s">
        <v>14370</v>
      </c>
      <c r="I10920" s="359" t="s">
        <v>14531</v>
      </c>
      <c r="J10920" s="365"/>
      <c r="K10920" s="359" t="s">
        <v>29187</v>
      </c>
      <c r="L10920" s="365"/>
    </row>
    <row r="10921" spans="2:12">
      <c r="B10921" s="367"/>
      <c r="C10921" s="360"/>
      <c r="D10921" s="360"/>
      <c r="E10921" s="360"/>
      <c r="F10921" s="360"/>
      <c r="G10921" s="360"/>
      <c r="H10921" s="360"/>
      <c r="I10921" s="360"/>
      <c r="J10921" s="365"/>
      <c r="K10921" s="360"/>
      <c r="L10921" s="365"/>
    </row>
    <row r="10922" spans="2:12" ht="71.25">
      <c r="B10922" s="367"/>
      <c r="C10922" s="359" t="s">
        <v>19951</v>
      </c>
      <c r="D10922" s="359" t="s">
        <v>13130</v>
      </c>
      <c r="E10922" s="359" t="s">
        <v>19952</v>
      </c>
      <c r="F10922" s="359" t="s">
        <v>14700</v>
      </c>
      <c r="G10922" s="359" t="s">
        <v>14405</v>
      </c>
      <c r="H10922" s="359" t="s">
        <v>14332</v>
      </c>
      <c r="I10922" s="359" t="s">
        <v>14405</v>
      </c>
      <c r="J10922" s="365"/>
      <c r="K10922" s="359" t="s">
        <v>29188</v>
      </c>
      <c r="L10922" s="365"/>
    </row>
    <row r="10923" spans="2:12">
      <c r="B10923" s="367"/>
      <c r="C10923" s="360"/>
      <c r="D10923" s="360"/>
      <c r="E10923" s="360"/>
      <c r="F10923" s="360"/>
      <c r="G10923" s="360"/>
      <c r="H10923" s="360"/>
      <c r="I10923" s="360"/>
      <c r="J10923" s="365"/>
      <c r="K10923" s="360"/>
      <c r="L10923" s="365"/>
    </row>
    <row r="10924" spans="2:12" ht="28.5">
      <c r="B10924" s="367"/>
      <c r="C10924" s="360"/>
      <c r="D10924" s="359" t="s">
        <v>19953</v>
      </c>
      <c r="E10924" s="359" t="s">
        <v>13962</v>
      </c>
      <c r="F10924" s="359" t="s">
        <v>14384</v>
      </c>
      <c r="G10924" s="359" t="s">
        <v>19331</v>
      </c>
      <c r="H10924" s="360"/>
      <c r="I10924" s="359" t="s">
        <v>19331</v>
      </c>
      <c r="J10924" s="365"/>
      <c r="K10924" s="360"/>
      <c r="L10924" s="365"/>
    </row>
    <row r="10925" spans="2:12">
      <c r="B10925" s="367"/>
      <c r="C10925" s="360"/>
      <c r="D10925" s="360"/>
      <c r="E10925" s="360"/>
      <c r="F10925" s="360"/>
      <c r="G10925" s="360"/>
      <c r="H10925" s="360"/>
      <c r="I10925" s="360"/>
      <c r="J10925" s="365"/>
      <c r="K10925" s="360"/>
      <c r="L10925" s="365"/>
    </row>
    <row r="10926" spans="2:12" ht="28.5">
      <c r="B10926" s="368"/>
      <c r="C10926" s="362"/>
      <c r="D10926" s="361" t="s">
        <v>13962</v>
      </c>
      <c r="E10926" s="362"/>
      <c r="F10926" s="361" t="s">
        <v>14394</v>
      </c>
      <c r="G10926" s="361" t="s">
        <v>14395</v>
      </c>
      <c r="H10926" s="362"/>
      <c r="I10926" s="361" t="s">
        <v>14395</v>
      </c>
      <c r="J10926" s="366"/>
      <c r="K10926" s="362"/>
      <c r="L10926" s="366"/>
    </row>
    <row r="10927" spans="2:12">
      <c r="B10927" s="354" t="s">
        <v>28528</v>
      </c>
      <c r="C10927" s="369"/>
      <c r="D10927" s="369"/>
      <c r="E10927" s="369"/>
      <c r="F10927" s="369"/>
      <c r="G10927" s="369"/>
      <c r="H10927" s="369"/>
      <c r="I10927" s="369"/>
      <c r="J10927" s="369"/>
      <c r="K10927" s="369"/>
      <c r="L10927" s="370"/>
    </row>
    <row r="10928" spans="2:12" ht="28.5">
      <c r="B10928" s="358" t="s">
        <v>19954</v>
      </c>
      <c r="C10928" s="358" t="s">
        <v>29189</v>
      </c>
      <c r="D10928" s="358" t="s">
        <v>19955</v>
      </c>
      <c r="E10928" s="358" t="s">
        <v>19956</v>
      </c>
      <c r="F10928" s="358" t="s">
        <v>14460</v>
      </c>
      <c r="G10928" s="358" t="s">
        <v>28885</v>
      </c>
      <c r="H10928" s="358" t="s">
        <v>14381</v>
      </c>
      <c r="I10928" s="358" t="s">
        <v>28885</v>
      </c>
      <c r="J10928" s="358"/>
      <c r="K10928" s="358"/>
      <c r="L10928" s="358"/>
    </row>
    <row r="10929" spans="2:12">
      <c r="B10929" s="367"/>
      <c r="C10929" s="367"/>
      <c r="D10929" s="367"/>
      <c r="E10929" s="367"/>
      <c r="F10929" s="360"/>
      <c r="G10929" s="367"/>
      <c r="H10929" s="360"/>
      <c r="I10929" s="367"/>
      <c r="J10929" s="365"/>
      <c r="K10929" s="365"/>
      <c r="L10929" s="365"/>
    </row>
    <row r="10930" spans="2:12" ht="28.5">
      <c r="B10930" s="368"/>
      <c r="C10930" s="368"/>
      <c r="D10930" s="368"/>
      <c r="E10930" s="368"/>
      <c r="F10930" s="361" t="s">
        <v>14472</v>
      </c>
      <c r="G10930" s="368"/>
      <c r="H10930" s="361" t="s">
        <v>14422</v>
      </c>
      <c r="I10930" s="368"/>
      <c r="J10930" s="366"/>
      <c r="K10930" s="366"/>
      <c r="L10930" s="366"/>
    </row>
    <row r="10931" spans="2:12" ht="42.75">
      <c r="B10931" s="358" t="s">
        <v>19957</v>
      </c>
      <c r="C10931" s="358" t="s">
        <v>30189</v>
      </c>
      <c r="D10931" s="358" t="s">
        <v>19958</v>
      </c>
      <c r="E10931" s="358" t="s">
        <v>19959</v>
      </c>
      <c r="F10931" s="358" t="s">
        <v>29118</v>
      </c>
      <c r="G10931" s="358" t="s">
        <v>14383</v>
      </c>
      <c r="H10931" s="358" t="s">
        <v>14378</v>
      </c>
      <c r="I10931" s="358" t="s">
        <v>14383</v>
      </c>
      <c r="J10931" s="358"/>
      <c r="K10931" s="358"/>
      <c r="L10931" s="358"/>
    </row>
    <row r="10932" spans="2:12">
      <c r="B10932" s="367"/>
      <c r="C10932" s="367"/>
      <c r="D10932" s="367"/>
      <c r="E10932" s="367"/>
      <c r="F10932" s="360"/>
      <c r="G10932" s="360"/>
      <c r="H10932" s="360"/>
      <c r="I10932" s="360"/>
      <c r="J10932" s="365"/>
      <c r="K10932" s="365"/>
      <c r="L10932" s="365"/>
    </row>
    <row r="10933" spans="2:12" ht="28.5">
      <c r="B10933" s="367"/>
      <c r="C10933" s="367"/>
      <c r="D10933" s="367"/>
      <c r="E10933" s="367"/>
      <c r="F10933" s="359" t="s">
        <v>14472</v>
      </c>
      <c r="G10933" s="359" t="s">
        <v>28878</v>
      </c>
      <c r="H10933" s="359" t="s">
        <v>14381</v>
      </c>
      <c r="I10933" s="359" t="s">
        <v>28878</v>
      </c>
      <c r="J10933" s="365"/>
      <c r="K10933" s="365"/>
      <c r="L10933" s="365"/>
    </row>
    <row r="10934" spans="2:12">
      <c r="B10934" s="367"/>
      <c r="C10934" s="367"/>
      <c r="D10934" s="367"/>
      <c r="E10934" s="367"/>
      <c r="F10934" s="360"/>
      <c r="G10934" s="360"/>
      <c r="H10934" s="360"/>
      <c r="I10934" s="360"/>
      <c r="J10934" s="365"/>
      <c r="K10934" s="365"/>
      <c r="L10934" s="365"/>
    </row>
    <row r="10935" spans="2:12">
      <c r="B10935" s="368"/>
      <c r="C10935" s="368"/>
      <c r="D10935" s="368"/>
      <c r="E10935" s="368"/>
      <c r="F10935" s="362"/>
      <c r="G10935" s="362"/>
      <c r="H10935" s="361" t="s">
        <v>14332</v>
      </c>
      <c r="I10935" s="362"/>
      <c r="J10935" s="366"/>
      <c r="K10935" s="366"/>
      <c r="L10935" s="366"/>
    </row>
    <row r="10936" spans="2:12">
      <c r="B10936" s="354" t="s">
        <v>14492</v>
      </c>
      <c r="C10936" s="369"/>
      <c r="D10936" s="369"/>
      <c r="E10936" s="369"/>
      <c r="F10936" s="369"/>
      <c r="G10936" s="369"/>
      <c r="H10936" s="369"/>
      <c r="I10936" s="369"/>
      <c r="J10936" s="369"/>
      <c r="K10936" s="369"/>
      <c r="L10936" s="370"/>
    </row>
    <row r="10937" spans="2:12" ht="42.75">
      <c r="B10937" s="358" t="s">
        <v>13760</v>
      </c>
      <c r="C10937" s="358" t="s">
        <v>19960</v>
      </c>
      <c r="D10937" s="358" t="s">
        <v>13761</v>
      </c>
      <c r="E10937" s="358" t="s">
        <v>13762</v>
      </c>
      <c r="F10937" s="358" t="s">
        <v>14424</v>
      </c>
      <c r="G10937" s="358" t="s">
        <v>17083</v>
      </c>
      <c r="H10937" s="358" t="s">
        <v>14381</v>
      </c>
      <c r="I10937" s="358" t="s">
        <v>17083</v>
      </c>
      <c r="J10937" s="358"/>
      <c r="K10937" s="358" t="s">
        <v>29190</v>
      </c>
      <c r="L10937" s="358"/>
    </row>
    <row r="10938" spans="2:12">
      <c r="B10938" s="367"/>
      <c r="C10938" s="367"/>
      <c r="D10938" s="367"/>
      <c r="E10938" s="367"/>
      <c r="F10938" s="360"/>
      <c r="G10938" s="360"/>
      <c r="H10938" s="360"/>
      <c r="I10938" s="360"/>
      <c r="J10938" s="365"/>
      <c r="K10938" s="360"/>
      <c r="L10938" s="365"/>
    </row>
    <row r="10939" spans="2:12" ht="57">
      <c r="B10939" s="367"/>
      <c r="C10939" s="367"/>
      <c r="D10939" s="367"/>
      <c r="E10939" s="367"/>
      <c r="F10939" s="359" t="s">
        <v>14700</v>
      </c>
      <c r="G10939" s="359" t="s">
        <v>14380</v>
      </c>
      <c r="H10939" s="359" t="s">
        <v>14378</v>
      </c>
      <c r="I10939" s="359" t="s">
        <v>14380</v>
      </c>
      <c r="J10939" s="365"/>
      <c r="K10939" s="359" t="s">
        <v>29191</v>
      </c>
      <c r="L10939" s="365"/>
    </row>
    <row r="10940" spans="2:12">
      <c r="B10940" s="367"/>
      <c r="C10940" s="367"/>
      <c r="D10940" s="367"/>
      <c r="E10940" s="367"/>
      <c r="F10940" s="360"/>
      <c r="G10940" s="360"/>
      <c r="H10940" s="360"/>
      <c r="I10940" s="360"/>
      <c r="J10940" s="365"/>
      <c r="K10940" s="360"/>
      <c r="L10940" s="365"/>
    </row>
    <row r="10941" spans="2:12" ht="57">
      <c r="B10941" s="367"/>
      <c r="C10941" s="367"/>
      <c r="D10941" s="367"/>
      <c r="E10941" s="367"/>
      <c r="F10941" s="359" t="s">
        <v>14656</v>
      </c>
      <c r="G10941" s="359" t="s">
        <v>14579</v>
      </c>
      <c r="H10941" s="359" t="s">
        <v>14370</v>
      </c>
      <c r="I10941" s="359" t="s">
        <v>14579</v>
      </c>
      <c r="J10941" s="365"/>
      <c r="K10941" s="359" t="s">
        <v>29192</v>
      </c>
      <c r="L10941" s="365"/>
    </row>
    <row r="10942" spans="2:12">
      <c r="B10942" s="367"/>
      <c r="C10942" s="367"/>
      <c r="D10942" s="367"/>
      <c r="E10942" s="367"/>
      <c r="F10942" s="360"/>
      <c r="G10942" s="360"/>
      <c r="H10942" s="360"/>
      <c r="I10942" s="360"/>
      <c r="J10942" s="365"/>
      <c r="K10942" s="360"/>
      <c r="L10942" s="365"/>
    </row>
    <row r="10943" spans="2:12">
      <c r="B10943" s="367"/>
      <c r="C10943" s="367"/>
      <c r="D10943" s="367"/>
      <c r="E10943" s="367"/>
      <c r="F10943" s="359" t="s">
        <v>14700</v>
      </c>
      <c r="G10943" s="359" t="s">
        <v>14405</v>
      </c>
      <c r="H10943" s="359" t="s">
        <v>14332</v>
      </c>
      <c r="I10943" s="359" t="s">
        <v>14405</v>
      </c>
      <c r="J10943" s="365"/>
      <c r="K10943" s="359" t="s">
        <v>14655</v>
      </c>
      <c r="L10943" s="365"/>
    </row>
    <row r="10944" spans="2:12">
      <c r="B10944" s="367"/>
      <c r="C10944" s="367"/>
      <c r="D10944" s="367"/>
      <c r="E10944" s="367"/>
      <c r="F10944" s="360"/>
      <c r="G10944" s="360"/>
      <c r="H10944" s="360"/>
      <c r="I10944" s="360"/>
      <c r="J10944" s="365"/>
      <c r="K10944" s="360"/>
      <c r="L10944" s="365"/>
    </row>
    <row r="10945" spans="2:12" ht="28.5">
      <c r="B10945" s="367"/>
      <c r="C10945" s="367"/>
      <c r="D10945" s="367"/>
      <c r="E10945" s="367"/>
      <c r="F10945" s="359" t="s">
        <v>14384</v>
      </c>
      <c r="G10945" s="359" t="s">
        <v>19331</v>
      </c>
      <c r="H10945" s="360"/>
      <c r="I10945" s="359" t="s">
        <v>19331</v>
      </c>
      <c r="J10945" s="365"/>
      <c r="K10945" s="360"/>
      <c r="L10945" s="365"/>
    </row>
    <row r="10946" spans="2:12">
      <c r="B10946" s="367"/>
      <c r="C10946" s="367"/>
      <c r="D10946" s="367"/>
      <c r="E10946" s="367"/>
      <c r="F10946" s="360"/>
      <c r="G10946" s="360"/>
      <c r="H10946" s="360"/>
      <c r="I10946" s="360"/>
      <c r="J10946" s="365"/>
      <c r="K10946" s="360"/>
      <c r="L10946" s="365"/>
    </row>
    <row r="10947" spans="2:12" ht="28.5">
      <c r="B10947" s="368"/>
      <c r="C10947" s="368"/>
      <c r="D10947" s="368"/>
      <c r="E10947" s="368"/>
      <c r="F10947" s="361" t="s">
        <v>14374</v>
      </c>
      <c r="G10947" s="361" t="s">
        <v>14373</v>
      </c>
      <c r="H10947" s="362"/>
      <c r="I10947" s="361" t="s">
        <v>14373</v>
      </c>
      <c r="J10947" s="366"/>
      <c r="K10947" s="362"/>
      <c r="L10947" s="366"/>
    </row>
    <row r="10948" spans="2:12">
      <c r="B10948" s="354" t="s">
        <v>28528</v>
      </c>
      <c r="C10948" s="369"/>
      <c r="D10948" s="369"/>
      <c r="E10948" s="369"/>
      <c r="F10948" s="369"/>
      <c r="G10948" s="369"/>
      <c r="H10948" s="369"/>
      <c r="I10948" s="369"/>
      <c r="J10948" s="369"/>
      <c r="K10948" s="369"/>
      <c r="L10948" s="370"/>
    </row>
    <row r="10949" spans="2:12" ht="28.5">
      <c r="B10949" s="358" t="s">
        <v>19961</v>
      </c>
      <c r="C10949" s="358" t="s">
        <v>30190</v>
      </c>
      <c r="D10949" s="358" t="s">
        <v>19962</v>
      </c>
      <c r="E10949" s="358" t="s">
        <v>19963</v>
      </c>
      <c r="F10949" s="358" t="s">
        <v>14384</v>
      </c>
      <c r="G10949" s="358" t="s">
        <v>28674</v>
      </c>
      <c r="H10949" s="358" t="s">
        <v>14381</v>
      </c>
      <c r="I10949" s="358" t="s">
        <v>28674</v>
      </c>
      <c r="J10949" s="358"/>
      <c r="K10949" s="358"/>
      <c r="L10949" s="358"/>
    </row>
    <row r="10950" spans="2:12">
      <c r="B10950" s="367"/>
      <c r="C10950" s="367"/>
      <c r="D10950" s="367"/>
      <c r="E10950" s="367"/>
      <c r="F10950" s="360"/>
      <c r="G10950" s="360"/>
      <c r="H10950" s="360"/>
      <c r="I10950" s="360"/>
      <c r="J10950" s="365"/>
      <c r="K10950" s="365"/>
      <c r="L10950" s="365"/>
    </row>
    <row r="10951" spans="2:12">
      <c r="B10951" s="367"/>
      <c r="C10951" s="367"/>
      <c r="D10951" s="367"/>
      <c r="E10951" s="367"/>
      <c r="F10951" s="359" t="s">
        <v>14420</v>
      </c>
      <c r="G10951" s="359" t="s">
        <v>14395</v>
      </c>
      <c r="H10951" s="359" t="s">
        <v>14367</v>
      </c>
      <c r="I10951" s="359" t="s">
        <v>14395</v>
      </c>
      <c r="J10951" s="365"/>
      <c r="K10951" s="365"/>
      <c r="L10951" s="365"/>
    </row>
    <row r="10952" spans="2:12">
      <c r="B10952" s="367"/>
      <c r="C10952" s="367"/>
      <c r="D10952" s="367"/>
      <c r="E10952" s="367"/>
      <c r="F10952" s="360"/>
      <c r="G10952" s="360"/>
      <c r="H10952" s="360"/>
      <c r="I10952" s="360"/>
      <c r="J10952" s="365"/>
      <c r="K10952" s="365"/>
      <c r="L10952" s="365"/>
    </row>
    <row r="10953" spans="2:12" ht="28.5">
      <c r="B10953" s="367"/>
      <c r="C10953" s="367"/>
      <c r="D10953" s="367"/>
      <c r="E10953" s="367"/>
      <c r="F10953" s="359" t="s">
        <v>14394</v>
      </c>
      <c r="G10953" s="360"/>
      <c r="H10953" s="359" t="s">
        <v>14370</v>
      </c>
      <c r="I10953" s="360"/>
      <c r="J10953" s="365"/>
      <c r="K10953" s="365"/>
      <c r="L10953" s="365"/>
    </row>
    <row r="10954" spans="2:12">
      <c r="B10954" s="367"/>
      <c r="C10954" s="367"/>
      <c r="D10954" s="367"/>
      <c r="E10954" s="367"/>
      <c r="F10954" s="360"/>
      <c r="G10954" s="360"/>
      <c r="H10954" s="360"/>
      <c r="I10954" s="360"/>
      <c r="J10954" s="365"/>
      <c r="K10954" s="365"/>
      <c r="L10954" s="365"/>
    </row>
    <row r="10955" spans="2:12">
      <c r="B10955" s="368"/>
      <c r="C10955" s="368"/>
      <c r="D10955" s="368"/>
      <c r="E10955" s="368"/>
      <c r="F10955" s="362"/>
      <c r="G10955" s="362"/>
      <c r="H10955" s="361" t="s">
        <v>14332</v>
      </c>
      <c r="I10955" s="362"/>
      <c r="J10955" s="366"/>
      <c r="K10955" s="366"/>
      <c r="L10955" s="366"/>
    </row>
    <row r="10956" spans="2:12" ht="42.75">
      <c r="B10956" s="358" t="s">
        <v>19964</v>
      </c>
      <c r="C10956" s="358" t="s">
        <v>29193</v>
      </c>
      <c r="D10956" s="358" t="s">
        <v>19965</v>
      </c>
      <c r="E10956" s="358" t="s">
        <v>19966</v>
      </c>
      <c r="F10956" s="358" t="s">
        <v>14418</v>
      </c>
      <c r="G10956" s="358" t="s">
        <v>14419</v>
      </c>
      <c r="H10956" s="358" t="s">
        <v>14328</v>
      </c>
      <c r="I10956" s="358" t="s">
        <v>14419</v>
      </c>
      <c r="J10956" s="358"/>
      <c r="K10956" s="358" t="s">
        <v>28614</v>
      </c>
      <c r="L10956" s="358" t="s">
        <v>595</v>
      </c>
    </row>
    <row r="10957" spans="2:12">
      <c r="B10957" s="367"/>
      <c r="C10957" s="367"/>
      <c r="D10957" s="367"/>
      <c r="E10957" s="367"/>
      <c r="F10957" s="360"/>
      <c r="G10957" s="360"/>
      <c r="H10957" s="360"/>
      <c r="I10957" s="360"/>
      <c r="J10957" s="365"/>
      <c r="K10957" s="367"/>
      <c r="L10957" s="367"/>
    </row>
    <row r="10958" spans="2:12" ht="42.75">
      <c r="B10958" s="367"/>
      <c r="C10958" s="367"/>
      <c r="D10958" s="367"/>
      <c r="E10958" s="367"/>
      <c r="F10958" s="359" t="s">
        <v>28943</v>
      </c>
      <c r="G10958" s="359" t="s">
        <v>14459</v>
      </c>
      <c r="H10958" s="359" t="s">
        <v>14341</v>
      </c>
      <c r="I10958" s="359" t="s">
        <v>14459</v>
      </c>
      <c r="J10958" s="365"/>
      <c r="K10958" s="367"/>
      <c r="L10958" s="367"/>
    </row>
    <row r="10959" spans="2:12">
      <c r="B10959" s="367"/>
      <c r="C10959" s="367"/>
      <c r="D10959" s="367"/>
      <c r="E10959" s="367"/>
      <c r="F10959" s="360"/>
      <c r="G10959" s="360"/>
      <c r="H10959" s="360"/>
      <c r="I10959" s="360"/>
      <c r="J10959" s="365"/>
      <c r="K10959" s="367"/>
      <c r="L10959" s="367"/>
    </row>
    <row r="10960" spans="2:12" ht="28.5">
      <c r="B10960" s="367"/>
      <c r="C10960" s="367"/>
      <c r="D10960" s="367"/>
      <c r="E10960" s="367"/>
      <c r="F10960" s="359" t="s">
        <v>29053</v>
      </c>
      <c r="G10960" s="359" t="s">
        <v>14421</v>
      </c>
      <c r="H10960" s="359" t="s">
        <v>14367</v>
      </c>
      <c r="I10960" s="359" t="s">
        <v>14421</v>
      </c>
      <c r="J10960" s="365"/>
      <c r="K10960" s="367"/>
      <c r="L10960" s="367"/>
    </row>
    <row r="10961" spans="2:12">
      <c r="B10961" s="367"/>
      <c r="C10961" s="367"/>
      <c r="D10961" s="367"/>
      <c r="E10961" s="367"/>
      <c r="F10961" s="360"/>
      <c r="G10961" s="360"/>
      <c r="H10961" s="360"/>
      <c r="I10961" s="360"/>
      <c r="J10961" s="365"/>
      <c r="K10961" s="367"/>
      <c r="L10961" s="367"/>
    </row>
    <row r="10962" spans="2:12">
      <c r="B10962" s="367"/>
      <c r="C10962" s="367"/>
      <c r="D10962" s="367"/>
      <c r="E10962" s="367"/>
      <c r="F10962" s="360"/>
      <c r="G10962" s="359" t="s">
        <v>14429</v>
      </c>
      <c r="H10962" s="359" t="s">
        <v>14370</v>
      </c>
      <c r="I10962" s="359" t="s">
        <v>14429</v>
      </c>
      <c r="J10962" s="365"/>
      <c r="K10962" s="367"/>
      <c r="L10962" s="367"/>
    </row>
    <row r="10963" spans="2:12">
      <c r="B10963" s="367"/>
      <c r="C10963" s="367"/>
      <c r="D10963" s="367"/>
      <c r="E10963" s="367"/>
      <c r="F10963" s="360"/>
      <c r="G10963" s="360"/>
      <c r="H10963" s="360"/>
      <c r="I10963" s="360"/>
      <c r="J10963" s="365"/>
      <c r="K10963" s="367"/>
      <c r="L10963" s="367"/>
    </row>
    <row r="10964" spans="2:12">
      <c r="B10964" s="367"/>
      <c r="C10964" s="367"/>
      <c r="D10964" s="367"/>
      <c r="E10964" s="367"/>
      <c r="F10964" s="360"/>
      <c r="G10964" s="359" t="s">
        <v>14340</v>
      </c>
      <c r="H10964" s="359" t="s">
        <v>14332</v>
      </c>
      <c r="I10964" s="359" t="s">
        <v>14340</v>
      </c>
      <c r="J10964" s="365"/>
      <c r="K10964" s="367"/>
      <c r="L10964" s="367"/>
    </row>
    <row r="10965" spans="2:12">
      <c r="B10965" s="367"/>
      <c r="C10965" s="367"/>
      <c r="D10965" s="367"/>
      <c r="E10965" s="367"/>
      <c r="F10965" s="360"/>
      <c r="G10965" s="360"/>
      <c r="H10965" s="360"/>
      <c r="I10965" s="360"/>
      <c r="J10965" s="365"/>
      <c r="K10965" s="367"/>
      <c r="L10965" s="367"/>
    </row>
    <row r="10966" spans="2:12">
      <c r="B10966" s="368"/>
      <c r="C10966" s="368"/>
      <c r="D10966" s="368"/>
      <c r="E10966" s="368"/>
      <c r="F10966" s="362"/>
      <c r="G10966" s="361" t="s">
        <v>14372</v>
      </c>
      <c r="H10966" s="362"/>
      <c r="I10966" s="361" t="s">
        <v>14372</v>
      </c>
      <c r="J10966" s="366"/>
      <c r="K10966" s="368"/>
      <c r="L10966" s="368"/>
    </row>
    <row r="10967" spans="2:12">
      <c r="B10967" s="358" t="s">
        <v>19967</v>
      </c>
      <c r="C10967" s="358" t="s">
        <v>27630</v>
      </c>
      <c r="D10967" s="358" t="s">
        <v>19968</v>
      </c>
      <c r="E10967" s="358" t="s">
        <v>19969</v>
      </c>
      <c r="F10967" s="358" t="s">
        <v>14418</v>
      </c>
      <c r="G10967" s="358" t="s">
        <v>14419</v>
      </c>
      <c r="H10967" s="358" t="s">
        <v>14328</v>
      </c>
      <c r="I10967" s="358" t="s">
        <v>14419</v>
      </c>
      <c r="J10967" s="358"/>
      <c r="K10967" s="358"/>
      <c r="L10967" s="358" t="s">
        <v>595</v>
      </c>
    </row>
    <row r="10968" spans="2:12">
      <c r="B10968" s="367"/>
      <c r="C10968" s="367"/>
      <c r="D10968" s="367"/>
      <c r="E10968" s="367"/>
      <c r="F10968" s="360"/>
      <c r="G10968" s="360"/>
      <c r="H10968" s="360"/>
      <c r="I10968" s="360"/>
      <c r="J10968" s="365"/>
      <c r="K10968" s="365"/>
      <c r="L10968" s="367"/>
    </row>
    <row r="10969" spans="2:12">
      <c r="B10969" s="367"/>
      <c r="C10969" s="367"/>
      <c r="D10969" s="367"/>
      <c r="E10969" s="367"/>
      <c r="F10969" s="359" t="s">
        <v>14386</v>
      </c>
      <c r="G10969" s="359" t="s">
        <v>14387</v>
      </c>
      <c r="H10969" s="359" t="s">
        <v>14367</v>
      </c>
      <c r="I10969" s="359" t="s">
        <v>14387</v>
      </c>
      <c r="J10969" s="365"/>
      <c r="K10969" s="365"/>
      <c r="L10969" s="367"/>
    </row>
    <row r="10970" spans="2:12">
      <c r="B10970" s="367"/>
      <c r="C10970" s="367"/>
      <c r="D10970" s="367"/>
      <c r="E10970" s="367"/>
      <c r="F10970" s="360"/>
      <c r="G10970" s="360"/>
      <c r="H10970" s="360"/>
      <c r="I10970" s="360"/>
      <c r="J10970" s="365"/>
      <c r="K10970" s="365"/>
      <c r="L10970" s="367"/>
    </row>
    <row r="10971" spans="2:12">
      <c r="B10971" s="367"/>
      <c r="C10971" s="367"/>
      <c r="D10971" s="367"/>
      <c r="E10971" s="367"/>
      <c r="F10971" s="359" t="s">
        <v>14368</v>
      </c>
      <c r="G10971" s="359" t="s">
        <v>14388</v>
      </c>
      <c r="H10971" s="359" t="s">
        <v>14422</v>
      </c>
      <c r="I10971" s="359" t="s">
        <v>14388</v>
      </c>
      <c r="J10971" s="365"/>
      <c r="K10971" s="365"/>
      <c r="L10971" s="367"/>
    </row>
    <row r="10972" spans="2:12">
      <c r="B10972" s="367"/>
      <c r="C10972" s="367"/>
      <c r="D10972" s="367"/>
      <c r="E10972" s="367"/>
      <c r="F10972" s="360"/>
      <c r="G10972" s="360"/>
      <c r="H10972" s="360"/>
      <c r="I10972" s="360"/>
      <c r="J10972" s="365"/>
      <c r="K10972" s="365"/>
      <c r="L10972" s="367"/>
    </row>
    <row r="10973" spans="2:12">
      <c r="B10973" s="367"/>
      <c r="C10973" s="367"/>
      <c r="D10973" s="367"/>
      <c r="E10973" s="367"/>
      <c r="F10973" s="359" t="s">
        <v>14389</v>
      </c>
      <c r="G10973" s="359" t="s">
        <v>14390</v>
      </c>
      <c r="H10973" s="360"/>
      <c r="I10973" s="359" t="s">
        <v>14390</v>
      </c>
      <c r="J10973" s="365"/>
      <c r="K10973" s="365"/>
      <c r="L10973" s="367"/>
    </row>
    <row r="10974" spans="2:12">
      <c r="B10974" s="367"/>
      <c r="C10974" s="367"/>
      <c r="D10974" s="367"/>
      <c r="E10974" s="367"/>
      <c r="F10974" s="360"/>
      <c r="G10974" s="360"/>
      <c r="H10974" s="360"/>
      <c r="I10974" s="360"/>
      <c r="J10974" s="365"/>
      <c r="K10974" s="365"/>
      <c r="L10974" s="367"/>
    </row>
    <row r="10975" spans="2:12">
      <c r="B10975" s="368"/>
      <c r="C10975" s="368"/>
      <c r="D10975" s="368"/>
      <c r="E10975" s="368"/>
      <c r="F10975" s="361" t="s">
        <v>14391</v>
      </c>
      <c r="G10975" s="361" t="s">
        <v>14392</v>
      </c>
      <c r="H10975" s="362"/>
      <c r="I10975" s="361" t="s">
        <v>14392</v>
      </c>
      <c r="J10975" s="366"/>
      <c r="K10975" s="366"/>
      <c r="L10975" s="368"/>
    </row>
    <row r="10976" spans="2:12" ht="28.5">
      <c r="B10976" s="358" t="s">
        <v>19970</v>
      </c>
      <c r="C10976" s="358" t="s">
        <v>19971</v>
      </c>
      <c r="D10976" s="358" t="s">
        <v>19972</v>
      </c>
      <c r="E10976" s="358" t="s">
        <v>19973</v>
      </c>
      <c r="F10976" s="358" t="s">
        <v>28938</v>
      </c>
      <c r="G10976" s="358" t="s">
        <v>14421</v>
      </c>
      <c r="H10976" s="358" t="s">
        <v>14367</v>
      </c>
      <c r="I10976" s="358" t="s">
        <v>14421</v>
      </c>
      <c r="J10976" s="358"/>
      <c r="K10976" s="358"/>
      <c r="L10976" s="358"/>
    </row>
    <row r="10977" spans="2:12">
      <c r="B10977" s="367"/>
      <c r="C10977" s="367"/>
      <c r="D10977" s="367"/>
      <c r="E10977" s="367"/>
      <c r="F10977" s="367"/>
      <c r="G10977" s="360"/>
      <c r="H10977" s="360"/>
      <c r="I10977" s="360"/>
      <c r="J10977" s="365"/>
      <c r="K10977" s="365"/>
      <c r="L10977" s="365"/>
    </row>
    <row r="10978" spans="2:12">
      <c r="B10978" s="368"/>
      <c r="C10978" s="368"/>
      <c r="D10978" s="368"/>
      <c r="E10978" s="368"/>
      <c r="F10978" s="368"/>
      <c r="G10978" s="361" t="s">
        <v>14429</v>
      </c>
      <c r="H10978" s="361" t="s">
        <v>14422</v>
      </c>
      <c r="I10978" s="361" t="s">
        <v>14429</v>
      </c>
      <c r="J10978" s="366"/>
      <c r="K10978" s="366"/>
      <c r="L10978" s="366"/>
    </row>
    <row r="10979" spans="2:12" ht="42.75">
      <c r="B10979" s="358" t="s">
        <v>19974</v>
      </c>
      <c r="C10979" s="358" t="s">
        <v>19975</v>
      </c>
      <c r="D10979" s="358" t="s">
        <v>19976</v>
      </c>
      <c r="E10979" s="358" t="s">
        <v>19977</v>
      </c>
      <c r="F10979" s="358" t="s">
        <v>29063</v>
      </c>
      <c r="G10979" s="358" t="s">
        <v>14340</v>
      </c>
      <c r="H10979" s="358" t="s">
        <v>14341</v>
      </c>
      <c r="I10979" s="358" t="s">
        <v>14340</v>
      </c>
      <c r="J10979" s="358"/>
      <c r="K10979" s="358" t="s">
        <v>28582</v>
      </c>
      <c r="L10979" s="358"/>
    </row>
    <row r="10980" spans="2:12">
      <c r="B10980" s="367"/>
      <c r="C10980" s="367"/>
      <c r="D10980" s="367"/>
      <c r="E10980" s="367"/>
      <c r="F10980" s="360"/>
      <c r="G10980" s="360"/>
      <c r="H10980" s="360"/>
      <c r="I10980" s="360"/>
      <c r="J10980" s="365"/>
      <c r="K10980" s="367"/>
      <c r="L10980" s="365"/>
    </row>
    <row r="10981" spans="2:12" ht="28.5">
      <c r="B10981" s="367"/>
      <c r="C10981" s="367"/>
      <c r="D10981" s="367"/>
      <c r="E10981" s="367"/>
      <c r="F10981" s="359" t="s">
        <v>14374</v>
      </c>
      <c r="G10981" s="359" t="s">
        <v>14372</v>
      </c>
      <c r="H10981" s="359" t="s">
        <v>14370</v>
      </c>
      <c r="I10981" s="359" t="s">
        <v>14373</v>
      </c>
      <c r="J10981" s="365"/>
      <c r="K10981" s="367"/>
      <c r="L10981" s="365"/>
    </row>
    <row r="10982" spans="2:12">
      <c r="B10982" s="367"/>
      <c r="C10982" s="367"/>
      <c r="D10982" s="367"/>
      <c r="E10982" s="367"/>
      <c r="F10982" s="360"/>
      <c r="G10982" s="360"/>
      <c r="H10982" s="360"/>
      <c r="I10982" s="360"/>
      <c r="J10982" s="365"/>
      <c r="K10982" s="367"/>
      <c r="L10982" s="365"/>
    </row>
    <row r="10983" spans="2:12">
      <c r="B10983" s="368"/>
      <c r="C10983" s="368"/>
      <c r="D10983" s="368"/>
      <c r="E10983" s="368"/>
      <c r="F10983" s="362"/>
      <c r="G10983" s="361" t="s">
        <v>14373</v>
      </c>
      <c r="H10983" s="361" t="s">
        <v>14332</v>
      </c>
      <c r="I10983" s="362"/>
      <c r="J10983" s="366"/>
      <c r="K10983" s="368"/>
      <c r="L10983" s="366"/>
    </row>
    <row r="10984" spans="2:12" ht="42.75">
      <c r="B10984" s="358" t="s">
        <v>19978</v>
      </c>
      <c r="C10984" s="358" t="s">
        <v>19979</v>
      </c>
      <c r="D10984" s="358" t="s">
        <v>19980</v>
      </c>
      <c r="E10984" s="358" t="s">
        <v>19981</v>
      </c>
      <c r="F10984" s="358" t="s">
        <v>29010</v>
      </c>
      <c r="G10984" s="358" t="s">
        <v>14483</v>
      </c>
      <c r="H10984" s="358" t="s">
        <v>14378</v>
      </c>
      <c r="I10984" s="358" t="s">
        <v>14483</v>
      </c>
      <c r="J10984" s="358"/>
      <c r="K10984" s="358"/>
      <c r="L10984" s="358"/>
    </row>
    <row r="10985" spans="2:12">
      <c r="B10985" s="367"/>
      <c r="C10985" s="367"/>
      <c r="D10985" s="367"/>
      <c r="E10985" s="367"/>
      <c r="F10985" s="360"/>
      <c r="G10985" s="360"/>
      <c r="H10985" s="360"/>
      <c r="I10985" s="360"/>
      <c r="J10985" s="365"/>
      <c r="K10985" s="365"/>
      <c r="L10985" s="365"/>
    </row>
    <row r="10986" spans="2:12">
      <c r="B10986" s="367"/>
      <c r="C10986" s="367"/>
      <c r="D10986" s="367"/>
      <c r="E10986" s="367"/>
      <c r="F10986" s="359" t="s">
        <v>14339</v>
      </c>
      <c r="G10986" s="359" t="s">
        <v>14579</v>
      </c>
      <c r="H10986" s="359" t="s">
        <v>14341</v>
      </c>
      <c r="I10986" s="359" t="s">
        <v>14579</v>
      </c>
      <c r="J10986" s="365"/>
      <c r="K10986" s="365"/>
      <c r="L10986" s="365"/>
    </row>
    <row r="10987" spans="2:12">
      <c r="B10987" s="367"/>
      <c r="C10987" s="367"/>
      <c r="D10987" s="367"/>
      <c r="E10987" s="367"/>
      <c r="F10987" s="360"/>
      <c r="G10987" s="360"/>
      <c r="H10987" s="360"/>
      <c r="I10987" s="360"/>
      <c r="J10987" s="365"/>
      <c r="K10987" s="365"/>
      <c r="L10987" s="365"/>
    </row>
    <row r="10988" spans="2:12">
      <c r="B10988" s="367"/>
      <c r="C10988" s="367"/>
      <c r="D10988" s="367"/>
      <c r="E10988" s="367"/>
      <c r="F10988" s="359" t="s">
        <v>14391</v>
      </c>
      <c r="G10988" s="359" t="s">
        <v>14383</v>
      </c>
      <c r="H10988" s="359" t="s">
        <v>14370</v>
      </c>
      <c r="I10988" s="359" t="s">
        <v>14383</v>
      </c>
      <c r="J10988" s="365"/>
      <c r="K10988" s="365"/>
      <c r="L10988" s="365"/>
    </row>
    <row r="10989" spans="2:12">
      <c r="B10989" s="367"/>
      <c r="C10989" s="367"/>
      <c r="D10989" s="367"/>
      <c r="E10989" s="367"/>
      <c r="F10989" s="360"/>
      <c r="G10989" s="360"/>
      <c r="H10989" s="360"/>
      <c r="I10989" s="360"/>
      <c r="J10989" s="365"/>
      <c r="K10989" s="365"/>
      <c r="L10989" s="365"/>
    </row>
    <row r="10990" spans="2:12">
      <c r="B10990" s="367"/>
      <c r="C10990" s="367"/>
      <c r="D10990" s="367"/>
      <c r="E10990" s="367"/>
      <c r="F10990" s="359" t="s">
        <v>14371</v>
      </c>
      <c r="G10990" s="359" t="s">
        <v>14340</v>
      </c>
      <c r="H10990" s="359" t="s">
        <v>14332</v>
      </c>
      <c r="I10990" s="359" t="s">
        <v>14340</v>
      </c>
      <c r="J10990" s="365"/>
      <c r="K10990" s="365"/>
      <c r="L10990" s="365"/>
    </row>
    <row r="10991" spans="2:12">
      <c r="B10991" s="367"/>
      <c r="C10991" s="367"/>
      <c r="D10991" s="367"/>
      <c r="E10991" s="367"/>
      <c r="F10991" s="360"/>
      <c r="G10991" s="360"/>
      <c r="H10991" s="360"/>
      <c r="I10991" s="360"/>
      <c r="J10991" s="365"/>
      <c r="K10991" s="365"/>
      <c r="L10991" s="365"/>
    </row>
    <row r="10992" spans="2:12">
      <c r="B10992" s="367"/>
      <c r="C10992" s="367"/>
      <c r="D10992" s="367"/>
      <c r="E10992" s="367"/>
      <c r="F10992" s="360"/>
      <c r="G10992" s="359" t="s">
        <v>14392</v>
      </c>
      <c r="H10992" s="360"/>
      <c r="I10992" s="359" t="s">
        <v>14392</v>
      </c>
      <c r="J10992" s="365"/>
      <c r="K10992" s="365"/>
      <c r="L10992" s="365"/>
    </row>
    <row r="10993" spans="2:12">
      <c r="B10993" s="367"/>
      <c r="C10993" s="367"/>
      <c r="D10993" s="367"/>
      <c r="E10993" s="367"/>
      <c r="F10993" s="360"/>
      <c r="G10993" s="360"/>
      <c r="H10993" s="360"/>
      <c r="I10993" s="360"/>
      <c r="J10993" s="365"/>
      <c r="K10993" s="365"/>
      <c r="L10993" s="365"/>
    </row>
    <row r="10994" spans="2:12">
      <c r="B10994" s="368"/>
      <c r="C10994" s="368"/>
      <c r="D10994" s="368"/>
      <c r="E10994" s="368"/>
      <c r="F10994" s="362"/>
      <c r="G10994" s="361" t="s">
        <v>14372</v>
      </c>
      <c r="H10994" s="362"/>
      <c r="I10994" s="361" t="s">
        <v>14372</v>
      </c>
      <c r="J10994" s="366"/>
      <c r="K10994" s="366"/>
      <c r="L10994" s="366"/>
    </row>
    <row r="10995" spans="2:12" ht="28.5">
      <c r="B10995" s="358" t="s">
        <v>19982</v>
      </c>
      <c r="C10995" s="358" t="s">
        <v>19983</v>
      </c>
      <c r="D10995" s="358" t="s">
        <v>19984</v>
      </c>
      <c r="E10995" s="358" t="s">
        <v>19985</v>
      </c>
      <c r="F10995" s="358" t="s">
        <v>29053</v>
      </c>
      <c r="G10995" s="358" t="s">
        <v>14340</v>
      </c>
      <c r="H10995" s="358" t="s">
        <v>14341</v>
      </c>
      <c r="I10995" s="358" t="s">
        <v>14340</v>
      </c>
      <c r="J10995" s="358"/>
      <c r="K10995" s="358"/>
      <c r="L10995" s="358"/>
    </row>
    <row r="10996" spans="2:12">
      <c r="B10996" s="367"/>
      <c r="C10996" s="367"/>
      <c r="D10996" s="367"/>
      <c r="E10996" s="367"/>
      <c r="F10996" s="367"/>
      <c r="G10996" s="360"/>
      <c r="H10996" s="360"/>
      <c r="I10996" s="360"/>
      <c r="J10996" s="365"/>
      <c r="K10996" s="365"/>
      <c r="L10996" s="365"/>
    </row>
    <row r="10997" spans="2:12">
      <c r="B10997" s="367"/>
      <c r="C10997" s="367"/>
      <c r="D10997" s="367"/>
      <c r="E10997" s="367"/>
      <c r="F10997" s="367"/>
      <c r="G10997" s="359" t="s">
        <v>14372</v>
      </c>
      <c r="H10997" s="359" t="s">
        <v>14370</v>
      </c>
      <c r="I10997" s="359" t="s">
        <v>14372</v>
      </c>
      <c r="J10997" s="365"/>
      <c r="K10997" s="365"/>
      <c r="L10997" s="365"/>
    </row>
    <row r="10998" spans="2:12">
      <c r="B10998" s="367"/>
      <c r="C10998" s="367"/>
      <c r="D10998" s="367"/>
      <c r="E10998" s="367"/>
      <c r="F10998" s="367"/>
      <c r="G10998" s="360"/>
      <c r="H10998" s="360"/>
      <c r="I10998" s="360"/>
      <c r="J10998" s="365"/>
      <c r="K10998" s="365"/>
      <c r="L10998" s="365"/>
    </row>
    <row r="10999" spans="2:12">
      <c r="B10999" s="368"/>
      <c r="C10999" s="368"/>
      <c r="D10999" s="368"/>
      <c r="E10999" s="368"/>
      <c r="F10999" s="368"/>
      <c r="G10999" s="362"/>
      <c r="H10999" s="361" t="s">
        <v>14332</v>
      </c>
      <c r="I10999" s="362"/>
      <c r="J10999" s="366"/>
      <c r="K10999" s="366"/>
      <c r="L10999" s="366"/>
    </row>
    <row r="11000" spans="2:12" ht="28.5">
      <c r="B11000" s="358" t="s">
        <v>19986</v>
      </c>
      <c r="C11000" s="358" t="s">
        <v>19987</v>
      </c>
      <c r="D11000" s="358" t="s">
        <v>19988</v>
      </c>
      <c r="E11000" s="358" t="s">
        <v>19989</v>
      </c>
      <c r="F11000" s="358" t="s">
        <v>29053</v>
      </c>
      <c r="G11000" s="358" t="s">
        <v>14340</v>
      </c>
      <c r="H11000" s="358" t="s">
        <v>14341</v>
      </c>
      <c r="I11000" s="358" t="s">
        <v>14340</v>
      </c>
      <c r="J11000" s="358"/>
      <c r="K11000" s="358"/>
      <c r="L11000" s="358"/>
    </row>
    <row r="11001" spans="2:12">
      <c r="B11001" s="367"/>
      <c r="C11001" s="367"/>
      <c r="D11001" s="367"/>
      <c r="E11001" s="367"/>
      <c r="F11001" s="367"/>
      <c r="G11001" s="360"/>
      <c r="H11001" s="360"/>
      <c r="I11001" s="360"/>
      <c r="J11001" s="365"/>
      <c r="K11001" s="365"/>
      <c r="L11001" s="365"/>
    </row>
    <row r="11002" spans="2:12">
      <c r="B11002" s="367"/>
      <c r="C11002" s="367"/>
      <c r="D11002" s="367"/>
      <c r="E11002" s="367"/>
      <c r="F11002" s="367"/>
      <c r="G11002" s="359" t="s">
        <v>14372</v>
      </c>
      <c r="H11002" s="359" t="s">
        <v>14370</v>
      </c>
      <c r="I11002" s="359" t="s">
        <v>14372</v>
      </c>
      <c r="J11002" s="365"/>
      <c r="K11002" s="365"/>
      <c r="L11002" s="365"/>
    </row>
    <row r="11003" spans="2:12">
      <c r="B11003" s="367"/>
      <c r="C11003" s="367"/>
      <c r="D11003" s="367"/>
      <c r="E11003" s="367"/>
      <c r="F11003" s="367"/>
      <c r="G11003" s="360"/>
      <c r="H11003" s="360"/>
      <c r="I11003" s="360"/>
      <c r="J11003" s="365"/>
      <c r="K11003" s="365"/>
      <c r="L11003" s="365"/>
    </row>
    <row r="11004" spans="2:12">
      <c r="B11004" s="368"/>
      <c r="C11004" s="368"/>
      <c r="D11004" s="368"/>
      <c r="E11004" s="368"/>
      <c r="F11004" s="368"/>
      <c r="G11004" s="362"/>
      <c r="H11004" s="361" t="s">
        <v>14332</v>
      </c>
      <c r="I11004" s="362"/>
      <c r="J11004" s="366"/>
      <c r="K11004" s="366"/>
      <c r="L11004" s="366"/>
    </row>
    <row r="11005" spans="2:12">
      <c r="B11005" s="358" t="s">
        <v>19990</v>
      </c>
      <c r="C11005" s="358" t="s">
        <v>19991</v>
      </c>
      <c r="D11005" s="358" t="s">
        <v>19992</v>
      </c>
      <c r="E11005" s="358" t="s">
        <v>19993</v>
      </c>
      <c r="F11005" s="358" t="s">
        <v>14382</v>
      </c>
      <c r="G11005" s="358" t="s">
        <v>14383</v>
      </c>
      <c r="H11005" s="358" t="s">
        <v>14378</v>
      </c>
      <c r="I11005" s="358" t="s">
        <v>14383</v>
      </c>
      <c r="J11005" s="358"/>
      <c r="K11005" s="358"/>
      <c r="L11005" s="358"/>
    </row>
    <row r="11006" spans="2:12">
      <c r="B11006" s="367"/>
      <c r="C11006" s="367"/>
      <c r="D11006" s="367"/>
      <c r="E11006" s="367"/>
      <c r="F11006" s="360"/>
      <c r="G11006" s="360"/>
      <c r="H11006" s="360"/>
      <c r="I11006" s="360"/>
      <c r="J11006" s="365"/>
      <c r="K11006" s="365"/>
      <c r="L11006" s="365"/>
    </row>
    <row r="11007" spans="2:12">
      <c r="B11007" s="367"/>
      <c r="C11007" s="367"/>
      <c r="D11007" s="367"/>
      <c r="E11007" s="367"/>
      <c r="F11007" s="359" t="s">
        <v>14339</v>
      </c>
      <c r="G11007" s="359" t="s">
        <v>14340</v>
      </c>
      <c r="H11007" s="359" t="s">
        <v>14341</v>
      </c>
      <c r="I11007" s="359" t="s">
        <v>14340</v>
      </c>
      <c r="J11007" s="365"/>
      <c r="K11007" s="365"/>
      <c r="L11007" s="365"/>
    </row>
    <row r="11008" spans="2:12">
      <c r="B11008" s="367"/>
      <c r="C11008" s="367"/>
      <c r="D11008" s="367"/>
      <c r="E11008" s="367"/>
      <c r="F11008" s="360"/>
      <c r="G11008" s="360"/>
      <c r="H11008" s="360"/>
      <c r="I11008" s="360"/>
      <c r="J11008" s="365"/>
      <c r="K11008" s="365"/>
      <c r="L11008" s="365"/>
    </row>
    <row r="11009" spans="2:12">
      <c r="B11009" s="368"/>
      <c r="C11009" s="368"/>
      <c r="D11009" s="368"/>
      <c r="E11009" s="368"/>
      <c r="F11009" s="362"/>
      <c r="G11009" s="362"/>
      <c r="H11009" s="361" t="s">
        <v>14332</v>
      </c>
      <c r="I11009" s="362"/>
      <c r="J11009" s="366"/>
      <c r="K11009" s="366"/>
      <c r="L11009" s="366"/>
    </row>
    <row r="11010" spans="2:12" ht="28.5">
      <c r="B11010" s="358" t="s">
        <v>19994</v>
      </c>
      <c r="C11010" s="358" t="s">
        <v>19995</v>
      </c>
      <c r="D11010" s="358" t="s">
        <v>19996</v>
      </c>
      <c r="E11010" s="358" t="s">
        <v>19997</v>
      </c>
      <c r="F11010" s="358" t="s">
        <v>28924</v>
      </c>
      <c r="G11010" s="358" t="s">
        <v>14380</v>
      </c>
      <c r="H11010" s="358" t="s">
        <v>14378</v>
      </c>
      <c r="I11010" s="358" t="s">
        <v>14380</v>
      </c>
      <c r="J11010" s="358"/>
      <c r="K11010" s="358"/>
      <c r="L11010" s="358"/>
    </row>
    <row r="11011" spans="2:12">
      <c r="B11011" s="367"/>
      <c r="C11011" s="367"/>
      <c r="D11011" s="367"/>
      <c r="E11011" s="367"/>
      <c r="F11011" s="360"/>
      <c r="G11011" s="360"/>
      <c r="H11011" s="360"/>
      <c r="I11011" s="360"/>
      <c r="J11011" s="365"/>
      <c r="K11011" s="365"/>
      <c r="L11011" s="365"/>
    </row>
    <row r="11012" spans="2:12">
      <c r="B11012" s="367"/>
      <c r="C11012" s="367"/>
      <c r="D11012" s="367"/>
      <c r="E11012" s="367"/>
      <c r="F11012" s="359" t="s">
        <v>14379</v>
      </c>
      <c r="G11012" s="359" t="s">
        <v>14531</v>
      </c>
      <c r="H11012" s="359" t="s">
        <v>14332</v>
      </c>
      <c r="I11012" s="359" t="s">
        <v>14531</v>
      </c>
      <c r="J11012" s="365"/>
      <c r="K11012" s="365"/>
      <c r="L11012" s="365"/>
    </row>
    <row r="11013" spans="2:12">
      <c r="B11013" s="367"/>
      <c r="C11013" s="367"/>
      <c r="D11013" s="367"/>
      <c r="E11013" s="367"/>
      <c r="F11013" s="360"/>
      <c r="G11013" s="360"/>
      <c r="H11013" s="360"/>
      <c r="I11013" s="360"/>
      <c r="J11013" s="365"/>
      <c r="K11013" s="365"/>
      <c r="L11013" s="365"/>
    </row>
    <row r="11014" spans="2:12">
      <c r="B11014" s="368"/>
      <c r="C11014" s="368"/>
      <c r="D11014" s="368"/>
      <c r="E11014" s="368"/>
      <c r="F11014" s="362"/>
      <c r="G11014" s="361" t="s">
        <v>14405</v>
      </c>
      <c r="H11014" s="362"/>
      <c r="I11014" s="361" t="s">
        <v>14405</v>
      </c>
      <c r="J11014" s="366"/>
      <c r="K11014" s="366"/>
      <c r="L11014" s="366"/>
    </row>
    <row r="11015" spans="2:12">
      <c r="B11015" s="358" t="s">
        <v>19998</v>
      </c>
      <c r="C11015" s="358" t="s">
        <v>19999</v>
      </c>
      <c r="D11015" s="358" t="s">
        <v>20000</v>
      </c>
      <c r="E11015" s="358" t="s">
        <v>20001</v>
      </c>
      <c r="F11015" s="358" t="s">
        <v>14382</v>
      </c>
      <c r="G11015" s="358" t="s">
        <v>14483</v>
      </c>
      <c r="H11015" s="358" t="s">
        <v>14378</v>
      </c>
      <c r="I11015" s="358" t="s">
        <v>14483</v>
      </c>
      <c r="J11015" s="358"/>
      <c r="K11015" s="358"/>
      <c r="L11015" s="358"/>
    </row>
    <row r="11016" spans="2:12">
      <c r="B11016" s="367"/>
      <c r="C11016" s="367"/>
      <c r="D11016" s="367"/>
      <c r="E11016" s="367"/>
      <c r="F11016" s="360"/>
      <c r="G11016" s="360"/>
      <c r="H11016" s="360"/>
      <c r="I11016" s="360"/>
      <c r="J11016" s="365"/>
      <c r="K11016" s="365"/>
      <c r="L11016" s="365"/>
    </row>
    <row r="11017" spans="2:12">
      <c r="B11017" s="367"/>
      <c r="C11017" s="367"/>
      <c r="D11017" s="367"/>
      <c r="E11017" s="367"/>
      <c r="F11017" s="359" t="s">
        <v>14382</v>
      </c>
      <c r="G11017" s="359" t="s">
        <v>14579</v>
      </c>
      <c r="H11017" s="359" t="s">
        <v>14370</v>
      </c>
      <c r="I11017" s="359" t="s">
        <v>14579</v>
      </c>
      <c r="J11017" s="365"/>
      <c r="K11017" s="365"/>
      <c r="L11017" s="365"/>
    </row>
    <row r="11018" spans="2:12">
      <c r="B11018" s="367"/>
      <c r="C11018" s="367"/>
      <c r="D11018" s="367"/>
      <c r="E11018" s="367"/>
      <c r="F11018" s="360"/>
      <c r="G11018" s="360"/>
      <c r="H11018" s="360"/>
      <c r="I11018" s="360"/>
      <c r="J11018" s="365"/>
      <c r="K11018" s="365"/>
      <c r="L11018" s="365"/>
    </row>
    <row r="11019" spans="2:12" ht="28.5">
      <c r="B11019" s="367"/>
      <c r="C11019" s="367"/>
      <c r="D11019" s="367"/>
      <c r="E11019" s="367"/>
      <c r="F11019" s="359" t="s">
        <v>28568</v>
      </c>
      <c r="G11019" s="359" t="s">
        <v>14383</v>
      </c>
      <c r="H11019" s="359" t="s">
        <v>14332</v>
      </c>
      <c r="I11019" s="359" t="s">
        <v>14383</v>
      </c>
      <c r="J11019" s="365"/>
      <c r="K11019" s="365"/>
      <c r="L11019" s="365"/>
    </row>
    <row r="11020" spans="2:12">
      <c r="B11020" s="367"/>
      <c r="C11020" s="367"/>
      <c r="D11020" s="367"/>
      <c r="E11020" s="367"/>
      <c r="F11020" s="360"/>
      <c r="G11020" s="360"/>
      <c r="H11020" s="360"/>
      <c r="I11020" s="360"/>
      <c r="J11020" s="365"/>
      <c r="K11020" s="365"/>
      <c r="L11020" s="365"/>
    </row>
    <row r="11021" spans="2:12">
      <c r="B11021" s="368"/>
      <c r="C11021" s="368"/>
      <c r="D11021" s="368"/>
      <c r="E11021" s="368"/>
      <c r="F11021" s="362"/>
      <c r="G11021" s="361" t="s">
        <v>14372</v>
      </c>
      <c r="H11021" s="362"/>
      <c r="I11021" s="361" t="s">
        <v>14372</v>
      </c>
      <c r="J11021" s="366"/>
      <c r="K11021" s="366"/>
      <c r="L11021" s="366"/>
    </row>
    <row r="11022" spans="2:12">
      <c r="B11022" s="358" t="s">
        <v>20002</v>
      </c>
      <c r="C11022" s="358" t="s">
        <v>20003</v>
      </c>
      <c r="D11022" s="358" t="s">
        <v>20004</v>
      </c>
      <c r="E11022" s="358" t="s">
        <v>20005</v>
      </c>
      <c r="F11022" s="358" t="s">
        <v>14505</v>
      </c>
      <c r="G11022" s="358" t="s">
        <v>14506</v>
      </c>
      <c r="H11022" s="358" t="s">
        <v>14328</v>
      </c>
      <c r="I11022" s="358" t="s">
        <v>14506</v>
      </c>
      <c r="J11022" s="358"/>
      <c r="K11022" s="358"/>
      <c r="L11022" s="358" t="s">
        <v>595</v>
      </c>
    </row>
    <row r="11023" spans="2:12">
      <c r="B11023" s="367"/>
      <c r="C11023" s="367"/>
      <c r="D11023" s="367"/>
      <c r="E11023" s="367"/>
      <c r="F11023" s="360"/>
      <c r="G11023" s="360"/>
      <c r="H11023" s="360"/>
      <c r="I11023" s="360"/>
      <c r="J11023" s="365"/>
      <c r="K11023" s="365"/>
      <c r="L11023" s="367"/>
    </row>
    <row r="11024" spans="2:12">
      <c r="B11024" s="367"/>
      <c r="C11024" s="367"/>
      <c r="D11024" s="367"/>
      <c r="E11024" s="367"/>
      <c r="F11024" s="359" t="s">
        <v>14386</v>
      </c>
      <c r="G11024" s="359" t="s">
        <v>14387</v>
      </c>
      <c r="H11024" s="359" t="s">
        <v>14367</v>
      </c>
      <c r="I11024" s="359" t="s">
        <v>14387</v>
      </c>
      <c r="J11024" s="365"/>
      <c r="K11024" s="365"/>
      <c r="L11024" s="367"/>
    </row>
    <row r="11025" spans="2:12">
      <c r="B11025" s="367"/>
      <c r="C11025" s="367"/>
      <c r="D11025" s="367"/>
      <c r="E11025" s="367"/>
      <c r="F11025" s="360"/>
      <c r="G11025" s="360"/>
      <c r="H11025" s="360"/>
      <c r="I11025" s="360"/>
      <c r="J11025" s="365"/>
      <c r="K11025" s="365"/>
      <c r="L11025" s="367"/>
    </row>
    <row r="11026" spans="2:12">
      <c r="B11026" s="367"/>
      <c r="C11026" s="367"/>
      <c r="D11026" s="367"/>
      <c r="E11026" s="367"/>
      <c r="F11026" s="359" t="s">
        <v>14368</v>
      </c>
      <c r="G11026" s="359" t="s">
        <v>14388</v>
      </c>
      <c r="H11026" s="359" t="s">
        <v>14332</v>
      </c>
      <c r="I11026" s="359" t="s">
        <v>14388</v>
      </c>
      <c r="J11026" s="365"/>
      <c r="K11026" s="365"/>
      <c r="L11026" s="367"/>
    </row>
    <row r="11027" spans="2:12">
      <c r="B11027" s="367"/>
      <c r="C11027" s="367"/>
      <c r="D11027" s="367"/>
      <c r="E11027" s="367"/>
      <c r="F11027" s="360"/>
      <c r="G11027" s="360"/>
      <c r="H11027" s="360"/>
      <c r="I11027" s="360"/>
      <c r="J11027" s="365"/>
      <c r="K11027" s="365"/>
      <c r="L11027" s="367"/>
    </row>
    <row r="11028" spans="2:12">
      <c r="B11028" s="367"/>
      <c r="C11028" s="367"/>
      <c r="D11028" s="367"/>
      <c r="E11028" s="367"/>
      <c r="F11028" s="359" t="s">
        <v>14389</v>
      </c>
      <c r="G11028" s="359" t="s">
        <v>14390</v>
      </c>
      <c r="H11028" s="360"/>
      <c r="I11028" s="359" t="s">
        <v>14390</v>
      </c>
      <c r="J11028" s="365"/>
      <c r="K11028" s="365"/>
      <c r="L11028" s="367"/>
    </row>
    <row r="11029" spans="2:12">
      <c r="B11029" s="367"/>
      <c r="C11029" s="367"/>
      <c r="D11029" s="367"/>
      <c r="E11029" s="367"/>
      <c r="F11029" s="360"/>
      <c r="G11029" s="360"/>
      <c r="H11029" s="360"/>
      <c r="I11029" s="360"/>
      <c r="J11029" s="365"/>
      <c r="K11029" s="365"/>
      <c r="L11029" s="367"/>
    </row>
    <row r="11030" spans="2:12">
      <c r="B11030" s="368"/>
      <c r="C11030" s="368"/>
      <c r="D11030" s="368"/>
      <c r="E11030" s="368"/>
      <c r="F11030" s="361" t="s">
        <v>14391</v>
      </c>
      <c r="G11030" s="361" t="s">
        <v>14392</v>
      </c>
      <c r="H11030" s="362"/>
      <c r="I11030" s="361" t="s">
        <v>14392</v>
      </c>
      <c r="J11030" s="366"/>
      <c r="K11030" s="366"/>
      <c r="L11030" s="368"/>
    </row>
    <row r="11031" spans="2:12">
      <c r="B11031" s="358" t="s">
        <v>20006</v>
      </c>
      <c r="C11031" s="358" t="s">
        <v>20007</v>
      </c>
      <c r="D11031" s="358" t="s">
        <v>20008</v>
      </c>
      <c r="E11031" s="358" t="s">
        <v>20009</v>
      </c>
      <c r="F11031" s="358" t="s">
        <v>14382</v>
      </c>
      <c r="G11031" s="358" t="s">
        <v>14579</v>
      </c>
      <c r="H11031" s="358" t="s">
        <v>14378</v>
      </c>
      <c r="I11031" s="358" t="s">
        <v>14579</v>
      </c>
      <c r="J11031" s="358"/>
      <c r="K11031" s="358" t="s">
        <v>14929</v>
      </c>
      <c r="L11031" s="358" t="s">
        <v>595</v>
      </c>
    </row>
    <row r="11032" spans="2:12">
      <c r="B11032" s="367"/>
      <c r="C11032" s="367"/>
      <c r="D11032" s="367"/>
      <c r="E11032" s="367"/>
      <c r="F11032" s="360"/>
      <c r="G11032" s="360"/>
      <c r="H11032" s="360"/>
      <c r="I11032" s="360"/>
      <c r="J11032" s="365"/>
      <c r="K11032" s="360"/>
      <c r="L11032" s="367"/>
    </row>
    <row r="11033" spans="2:12" ht="42.75">
      <c r="B11033" s="367"/>
      <c r="C11033" s="367"/>
      <c r="D11033" s="367"/>
      <c r="E11033" s="367"/>
      <c r="F11033" s="359" t="s">
        <v>14356</v>
      </c>
      <c r="G11033" s="359" t="s">
        <v>14340</v>
      </c>
      <c r="H11033" s="359" t="s">
        <v>14341</v>
      </c>
      <c r="I11033" s="359" t="s">
        <v>14340</v>
      </c>
      <c r="J11033" s="365"/>
      <c r="K11033" s="359" t="s">
        <v>29194</v>
      </c>
      <c r="L11033" s="367"/>
    </row>
    <row r="11034" spans="2:12">
      <c r="B11034" s="367"/>
      <c r="C11034" s="367"/>
      <c r="D11034" s="367"/>
      <c r="E11034" s="367"/>
      <c r="F11034" s="360"/>
      <c r="G11034" s="360"/>
      <c r="H11034" s="360"/>
      <c r="I11034" s="360"/>
      <c r="J11034" s="365"/>
      <c r="K11034" s="360"/>
      <c r="L11034" s="367"/>
    </row>
    <row r="11035" spans="2:12">
      <c r="B11035" s="367"/>
      <c r="C11035" s="367"/>
      <c r="D11035" s="367"/>
      <c r="E11035" s="367"/>
      <c r="F11035" s="359" t="s">
        <v>14391</v>
      </c>
      <c r="G11035" s="359" t="s">
        <v>14392</v>
      </c>
      <c r="H11035" s="359" t="s">
        <v>14370</v>
      </c>
      <c r="I11035" s="359" t="s">
        <v>14392</v>
      </c>
      <c r="J11035" s="365"/>
      <c r="K11035" s="360"/>
      <c r="L11035" s="367"/>
    </row>
    <row r="11036" spans="2:12">
      <c r="B11036" s="367"/>
      <c r="C11036" s="367"/>
      <c r="D11036" s="367"/>
      <c r="E11036" s="367"/>
      <c r="F11036" s="360"/>
      <c r="G11036" s="360"/>
      <c r="H11036" s="360"/>
      <c r="I11036" s="360"/>
      <c r="J11036" s="365"/>
      <c r="K11036" s="360"/>
      <c r="L11036" s="367"/>
    </row>
    <row r="11037" spans="2:12">
      <c r="B11037" s="368"/>
      <c r="C11037" s="368"/>
      <c r="D11037" s="368"/>
      <c r="E11037" s="368"/>
      <c r="F11037" s="361" t="s">
        <v>14371</v>
      </c>
      <c r="G11037" s="361" t="s">
        <v>14372</v>
      </c>
      <c r="H11037" s="361" t="s">
        <v>14332</v>
      </c>
      <c r="I11037" s="361" t="s">
        <v>14372</v>
      </c>
      <c r="J11037" s="366"/>
      <c r="K11037" s="362"/>
      <c r="L11037" s="368"/>
    </row>
    <row r="11038" spans="2:12">
      <c r="B11038" s="358" t="s">
        <v>20010</v>
      </c>
      <c r="C11038" s="358" t="s">
        <v>29195</v>
      </c>
      <c r="D11038" s="358" t="s">
        <v>20011</v>
      </c>
      <c r="E11038" s="358" t="s">
        <v>20012</v>
      </c>
      <c r="F11038" s="358" t="s">
        <v>14420</v>
      </c>
      <c r="G11038" s="358" t="s">
        <v>14429</v>
      </c>
      <c r="H11038" s="358" t="s">
        <v>14367</v>
      </c>
      <c r="I11038" s="358" t="s">
        <v>14429</v>
      </c>
      <c r="J11038" s="358"/>
      <c r="K11038" s="358"/>
      <c r="L11038" s="358"/>
    </row>
    <row r="11039" spans="2:12">
      <c r="B11039" s="367"/>
      <c r="C11039" s="367"/>
      <c r="D11039" s="367"/>
      <c r="E11039" s="367"/>
      <c r="F11039" s="367"/>
      <c r="G11039" s="367"/>
      <c r="H11039" s="360"/>
      <c r="I11039" s="367"/>
      <c r="J11039" s="365"/>
      <c r="K11039" s="365"/>
      <c r="L11039" s="365"/>
    </row>
    <row r="11040" spans="2:12">
      <c r="B11040" s="368"/>
      <c r="C11040" s="368"/>
      <c r="D11040" s="368"/>
      <c r="E11040" s="368"/>
      <c r="F11040" s="368"/>
      <c r="G11040" s="368"/>
      <c r="H11040" s="361" t="s">
        <v>14422</v>
      </c>
      <c r="I11040" s="368"/>
      <c r="J11040" s="366"/>
      <c r="K11040" s="366"/>
      <c r="L11040" s="366"/>
    </row>
    <row r="11041" spans="2:12">
      <c r="B11041" s="358" t="s">
        <v>20013</v>
      </c>
      <c r="C11041" s="358" t="s">
        <v>29196</v>
      </c>
      <c r="D11041" s="358" t="s">
        <v>20014</v>
      </c>
      <c r="E11041" s="358" t="s">
        <v>20015</v>
      </c>
      <c r="F11041" s="358" t="s">
        <v>14420</v>
      </c>
      <c r="G11041" s="358" t="s">
        <v>14429</v>
      </c>
      <c r="H11041" s="358" t="s">
        <v>14367</v>
      </c>
      <c r="I11041" s="358" t="s">
        <v>14429</v>
      </c>
      <c r="J11041" s="358"/>
      <c r="K11041" s="358"/>
      <c r="L11041" s="358"/>
    </row>
    <row r="11042" spans="2:12">
      <c r="B11042" s="367"/>
      <c r="C11042" s="367"/>
      <c r="D11042" s="367"/>
      <c r="E11042" s="367"/>
      <c r="F11042" s="360"/>
      <c r="G11042" s="360"/>
      <c r="H11042" s="360"/>
      <c r="I11042" s="360"/>
      <c r="J11042" s="365"/>
      <c r="K11042" s="365"/>
      <c r="L11042" s="365"/>
    </row>
    <row r="11043" spans="2:12" ht="28.5">
      <c r="B11043" s="367"/>
      <c r="C11043" s="367"/>
      <c r="D11043" s="367"/>
      <c r="E11043" s="367"/>
      <c r="F11043" s="359" t="s">
        <v>14394</v>
      </c>
      <c r="G11043" s="359" t="s">
        <v>14395</v>
      </c>
      <c r="H11043" s="359" t="s">
        <v>14370</v>
      </c>
      <c r="I11043" s="359" t="s">
        <v>14395</v>
      </c>
      <c r="J11043" s="365"/>
      <c r="K11043" s="365"/>
      <c r="L11043" s="365"/>
    </row>
    <row r="11044" spans="2:12">
      <c r="B11044" s="367"/>
      <c r="C11044" s="367"/>
      <c r="D11044" s="367"/>
      <c r="E11044" s="367"/>
      <c r="F11044" s="360"/>
      <c r="G11044" s="360"/>
      <c r="H11044" s="360"/>
      <c r="I11044" s="360"/>
      <c r="J11044" s="365"/>
      <c r="K11044" s="365"/>
      <c r="L11044" s="365"/>
    </row>
    <row r="11045" spans="2:12">
      <c r="B11045" s="368"/>
      <c r="C11045" s="368"/>
      <c r="D11045" s="368"/>
      <c r="E11045" s="368"/>
      <c r="F11045" s="362"/>
      <c r="G11045" s="362"/>
      <c r="H11045" s="361" t="s">
        <v>14422</v>
      </c>
      <c r="I11045" s="362"/>
      <c r="J11045" s="366"/>
      <c r="K11045" s="366"/>
      <c r="L11045" s="366"/>
    </row>
    <row r="11046" spans="2:12" ht="28.5">
      <c r="B11046" s="358" t="s">
        <v>20016</v>
      </c>
      <c r="C11046" s="358" t="s">
        <v>29197</v>
      </c>
      <c r="D11046" s="358" t="s">
        <v>20017</v>
      </c>
      <c r="E11046" s="358" t="s">
        <v>20018</v>
      </c>
      <c r="F11046" s="358" t="s">
        <v>14420</v>
      </c>
      <c r="G11046" s="358" t="s">
        <v>14421</v>
      </c>
      <c r="H11046" s="358" t="s">
        <v>14367</v>
      </c>
      <c r="I11046" s="358" t="s">
        <v>14421</v>
      </c>
      <c r="J11046" s="358"/>
      <c r="K11046" s="358"/>
      <c r="L11046" s="358"/>
    </row>
    <row r="11047" spans="2:12">
      <c r="B11047" s="367"/>
      <c r="C11047" s="367"/>
      <c r="D11047" s="367"/>
      <c r="E11047" s="367"/>
      <c r="F11047" s="360"/>
      <c r="G11047" s="360"/>
      <c r="H11047" s="360"/>
      <c r="I11047" s="360"/>
      <c r="J11047" s="365"/>
      <c r="K11047" s="365"/>
      <c r="L11047" s="365"/>
    </row>
    <row r="11048" spans="2:12" ht="28.5">
      <c r="B11048" s="367"/>
      <c r="C11048" s="367"/>
      <c r="D11048" s="367"/>
      <c r="E11048" s="367"/>
      <c r="F11048" s="359" t="s">
        <v>29049</v>
      </c>
      <c r="G11048" s="359" t="s">
        <v>14429</v>
      </c>
      <c r="H11048" s="359" t="s">
        <v>14370</v>
      </c>
      <c r="I11048" s="359" t="s">
        <v>14429</v>
      </c>
      <c r="J11048" s="365"/>
      <c r="K11048" s="365"/>
      <c r="L11048" s="365"/>
    </row>
    <row r="11049" spans="2:12">
      <c r="B11049" s="367"/>
      <c r="C11049" s="367"/>
      <c r="D11049" s="367"/>
      <c r="E11049" s="367"/>
      <c r="F11049" s="360"/>
      <c r="G11049" s="360"/>
      <c r="H11049" s="360"/>
      <c r="I11049" s="360"/>
      <c r="J11049" s="365"/>
      <c r="K11049" s="365"/>
      <c r="L11049" s="365"/>
    </row>
    <row r="11050" spans="2:12" ht="28.5">
      <c r="B11050" s="367"/>
      <c r="C11050" s="367"/>
      <c r="D11050" s="367"/>
      <c r="E11050" s="367"/>
      <c r="F11050" s="359" t="s">
        <v>14374</v>
      </c>
      <c r="G11050" s="359" t="s">
        <v>14372</v>
      </c>
      <c r="H11050" s="359" t="s">
        <v>14422</v>
      </c>
      <c r="I11050" s="359" t="s">
        <v>14373</v>
      </c>
      <c r="J11050" s="365"/>
      <c r="K11050" s="365"/>
      <c r="L11050" s="365"/>
    </row>
    <row r="11051" spans="2:12">
      <c r="B11051" s="367"/>
      <c r="C11051" s="367"/>
      <c r="D11051" s="367"/>
      <c r="E11051" s="367"/>
      <c r="F11051" s="360"/>
      <c r="G11051" s="360"/>
      <c r="H11051" s="360"/>
      <c r="I11051" s="360"/>
      <c r="J11051" s="365"/>
      <c r="K11051" s="365"/>
      <c r="L11051" s="365"/>
    </row>
    <row r="11052" spans="2:12">
      <c r="B11052" s="368"/>
      <c r="C11052" s="368"/>
      <c r="D11052" s="368"/>
      <c r="E11052" s="368"/>
      <c r="F11052" s="362"/>
      <c r="G11052" s="361" t="s">
        <v>14373</v>
      </c>
      <c r="H11052" s="362"/>
      <c r="I11052" s="362"/>
      <c r="J11052" s="366"/>
      <c r="K11052" s="366"/>
      <c r="L11052" s="366"/>
    </row>
    <row r="11053" spans="2:12">
      <c r="B11053" s="358" t="s">
        <v>20019</v>
      </c>
      <c r="C11053" s="358" t="s">
        <v>29198</v>
      </c>
      <c r="D11053" s="358" t="s">
        <v>20020</v>
      </c>
      <c r="E11053" s="358" t="s">
        <v>20021</v>
      </c>
      <c r="F11053" s="358" t="s">
        <v>14420</v>
      </c>
      <c r="G11053" s="358" t="s">
        <v>14429</v>
      </c>
      <c r="H11053" s="358" t="s">
        <v>14367</v>
      </c>
      <c r="I11053" s="358" t="s">
        <v>14429</v>
      </c>
      <c r="J11053" s="358"/>
      <c r="K11053" s="358"/>
      <c r="L11053" s="358"/>
    </row>
    <row r="11054" spans="2:12">
      <c r="B11054" s="367"/>
      <c r="C11054" s="367"/>
      <c r="D11054" s="367"/>
      <c r="E11054" s="367"/>
      <c r="F11054" s="360"/>
      <c r="G11054" s="360"/>
      <c r="H11054" s="360"/>
      <c r="I11054" s="360"/>
      <c r="J11054" s="365"/>
      <c r="K11054" s="365"/>
      <c r="L11054" s="365"/>
    </row>
    <row r="11055" spans="2:12">
      <c r="B11055" s="367"/>
      <c r="C11055" s="367"/>
      <c r="D11055" s="367"/>
      <c r="E11055" s="367"/>
      <c r="F11055" s="359" t="s">
        <v>14386</v>
      </c>
      <c r="G11055" s="359" t="s">
        <v>14387</v>
      </c>
      <c r="H11055" s="359" t="s">
        <v>14370</v>
      </c>
      <c r="I11055" s="359" t="s">
        <v>14387</v>
      </c>
      <c r="J11055" s="365"/>
      <c r="K11055" s="365"/>
      <c r="L11055" s="365"/>
    </row>
    <row r="11056" spans="2:12">
      <c r="B11056" s="367"/>
      <c r="C11056" s="367"/>
      <c r="D11056" s="367"/>
      <c r="E11056" s="367"/>
      <c r="F11056" s="360"/>
      <c r="G11056" s="360"/>
      <c r="H11056" s="360"/>
      <c r="I11056" s="360"/>
      <c r="J11056" s="365"/>
      <c r="K11056" s="365"/>
      <c r="L11056" s="365"/>
    </row>
    <row r="11057" spans="2:12">
      <c r="B11057" s="367"/>
      <c r="C11057" s="367"/>
      <c r="D11057" s="367"/>
      <c r="E11057" s="367"/>
      <c r="F11057" s="359" t="s">
        <v>14389</v>
      </c>
      <c r="G11057" s="359" t="s">
        <v>14390</v>
      </c>
      <c r="H11057" s="359" t="s">
        <v>14422</v>
      </c>
      <c r="I11057" s="359" t="s">
        <v>14390</v>
      </c>
      <c r="J11057" s="365"/>
      <c r="K11057" s="365"/>
      <c r="L11057" s="365"/>
    </row>
    <row r="11058" spans="2:12">
      <c r="B11058" s="367"/>
      <c r="C11058" s="367"/>
      <c r="D11058" s="367"/>
      <c r="E11058" s="367"/>
      <c r="F11058" s="360"/>
      <c r="G11058" s="360"/>
      <c r="H11058" s="360"/>
      <c r="I11058" s="360"/>
      <c r="J11058" s="365"/>
      <c r="K11058" s="365"/>
      <c r="L11058" s="365"/>
    </row>
    <row r="11059" spans="2:12">
      <c r="B11059" s="367"/>
      <c r="C11059" s="367"/>
      <c r="D11059" s="367"/>
      <c r="E11059" s="367"/>
      <c r="F11059" s="359" t="s">
        <v>14371</v>
      </c>
      <c r="G11059" s="359" t="s">
        <v>14372</v>
      </c>
      <c r="H11059" s="360"/>
      <c r="I11059" s="359" t="s">
        <v>14373</v>
      </c>
      <c r="J11059" s="365"/>
      <c r="K11059" s="365"/>
      <c r="L11059" s="365"/>
    </row>
    <row r="11060" spans="2:12">
      <c r="B11060" s="367"/>
      <c r="C11060" s="367"/>
      <c r="D11060" s="367"/>
      <c r="E11060" s="367"/>
      <c r="F11060" s="360"/>
      <c r="G11060" s="360"/>
      <c r="H11060" s="360"/>
      <c r="I11060" s="360"/>
      <c r="J11060" s="365"/>
      <c r="K11060" s="365"/>
      <c r="L11060" s="365"/>
    </row>
    <row r="11061" spans="2:12" ht="28.5">
      <c r="B11061" s="368"/>
      <c r="C11061" s="368"/>
      <c r="D11061" s="368"/>
      <c r="E11061" s="368"/>
      <c r="F11061" s="361" t="s">
        <v>14374</v>
      </c>
      <c r="G11061" s="361" t="s">
        <v>14373</v>
      </c>
      <c r="H11061" s="362"/>
      <c r="I11061" s="362"/>
      <c r="J11061" s="366"/>
      <c r="K11061" s="366"/>
      <c r="L11061" s="366"/>
    </row>
    <row r="11062" spans="2:12" ht="28.5">
      <c r="B11062" s="358" t="s">
        <v>20022</v>
      </c>
      <c r="C11062" s="358" t="s">
        <v>29199</v>
      </c>
      <c r="D11062" s="358" t="s">
        <v>8356</v>
      </c>
      <c r="E11062" s="358" t="s">
        <v>20023</v>
      </c>
      <c r="F11062" s="358" t="s">
        <v>14420</v>
      </c>
      <c r="G11062" s="358" t="s">
        <v>14429</v>
      </c>
      <c r="H11062" s="358" t="s">
        <v>14367</v>
      </c>
      <c r="I11062" s="358" t="s">
        <v>14429</v>
      </c>
      <c r="J11062" s="358"/>
      <c r="K11062" s="358"/>
      <c r="L11062" s="358"/>
    </row>
    <row r="11063" spans="2:12">
      <c r="B11063" s="367"/>
      <c r="C11063" s="367"/>
      <c r="D11063" s="367"/>
      <c r="E11063" s="367"/>
      <c r="F11063" s="360"/>
      <c r="G11063" s="360"/>
      <c r="H11063" s="360"/>
      <c r="I11063" s="360"/>
      <c r="J11063" s="365"/>
      <c r="K11063" s="365"/>
      <c r="L11063" s="365"/>
    </row>
    <row r="11064" spans="2:12" ht="28.5">
      <c r="B11064" s="367"/>
      <c r="C11064" s="367"/>
      <c r="D11064" s="367"/>
      <c r="E11064" s="367"/>
      <c r="F11064" s="359" t="s">
        <v>14394</v>
      </c>
      <c r="G11064" s="359" t="s">
        <v>14395</v>
      </c>
      <c r="H11064" s="359" t="s">
        <v>14370</v>
      </c>
      <c r="I11064" s="359" t="s">
        <v>14395</v>
      </c>
      <c r="J11064" s="365"/>
      <c r="K11064" s="365"/>
      <c r="L11064" s="365"/>
    </row>
    <row r="11065" spans="2:12">
      <c r="B11065" s="367"/>
      <c r="C11065" s="367"/>
      <c r="D11065" s="367"/>
      <c r="E11065" s="367"/>
      <c r="F11065" s="360"/>
      <c r="G11065" s="360"/>
      <c r="H11065" s="360"/>
      <c r="I11065" s="360"/>
      <c r="J11065" s="365"/>
      <c r="K11065" s="365"/>
      <c r="L11065" s="365"/>
    </row>
    <row r="11066" spans="2:12">
      <c r="B11066" s="368"/>
      <c r="C11066" s="368"/>
      <c r="D11066" s="368"/>
      <c r="E11066" s="368"/>
      <c r="F11066" s="362"/>
      <c r="G11066" s="362"/>
      <c r="H11066" s="361" t="s">
        <v>14422</v>
      </c>
      <c r="I11066" s="362"/>
      <c r="J11066" s="366"/>
      <c r="K11066" s="366"/>
      <c r="L11066" s="366"/>
    </row>
    <row r="11067" spans="2:12">
      <c r="B11067" s="358" t="s">
        <v>20024</v>
      </c>
      <c r="C11067" s="358" t="s">
        <v>29200</v>
      </c>
      <c r="D11067" s="358" t="s">
        <v>8356</v>
      </c>
      <c r="E11067" s="358" t="s">
        <v>20025</v>
      </c>
      <c r="F11067" s="358" t="s">
        <v>14530</v>
      </c>
      <c r="G11067" s="358" t="s">
        <v>14531</v>
      </c>
      <c r="H11067" s="358" t="s">
        <v>14378</v>
      </c>
      <c r="I11067" s="358" t="s">
        <v>14531</v>
      </c>
      <c r="J11067" s="358"/>
      <c r="K11067" s="358"/>
      <c r="L11067" s="358"/>
    </row>
    <row r="11068" spans="2:12">
      <c r="B11068" s="367"/>
      <c r="C11068" s="367"/>
      <c r="D11068" s="367"/>
      <c r="E11068" s="367"/>
      <c r="F11068" s="360"/>
      <c r="G11068" s="360"/>
      <c r="H11068" s="360"/>
      <c r="I11068" s="360"/>
      <c r="J11068" s="365"/>
      <c r="K11068" s="365"/>
      <c r="L11068" s="365"/>
    </row>
    <row r="11069" spans="2:12">
      <c r="B11069" s="368"/>
      <c r="C11069" s="368"/>
      <c r="D11069" s="368"/>
      <c r="E11069" s="368"/>
      <c r="F11069" s="361" t="s">
        <v>14379</v>
      </c>
      <c r="G11069" s="361" t="s">
        <v>14405</v>
      </c>
      <c r="H11069" s="361" t="s">
        <v>14332</v>
      </c>
      <c r="I11069" s="361" t="s">
        <v>14405</v>
      </c>
      <c r="J11069" s="366"/>
      <c r="K11069" s="366"/>
      <c r="L11069" s="366"/>
    </row>
    <row r="11070" spans="2:12" ht="85.5">
      <c r="B11070" s="358" t="s">
        <v>20026</v>
      </c>
      <c r="C11070" s="358" t="s">
        <v>30191</v>
      </c>
      <c r="D11070" s="358" t="s">
        <v>8356</v>
      </c>
      <c r="E11070" s="358" t="s">
        <v>20027</v>
      </c>
      <c r="F11070" s="358" t="s">
        <v>14382</v>
      </c>
      <c r="G11070" s="358" t="s">
        <v>14579</v>
      </c>
      <c r="H11070" s="358" t="s">
        <v>14378</v>
      </c>
      <c r="I11070" s="358" t="s">
        <v>14579</v>
      </c>
      <c r="J11070" s="358"/>
      <c r="K11070" s="358"/>
      <c r="L11070" s="358"/>
    </row>
    <row r="11071" spans="2:12">
      <c r="B11071" s="367"/>
      <c r="C11071" s="367"/>
      <c r="D11071" s="367"/>
      <c r="E11071" s="367"/>
      <c r="F11071" s="360"/>
      <c r="G11071" s="360"/>
      <c r="H11071" s="360"/>
      <c r="I11071" s="360"/>
      <c r="J11071" s="365"/>
      <c r="K11071" s="365"/>
      <c r="L11071" s="365"/>
    </row>
    <row r="11072" spans="2:12">
      <c r="B11072" s="367"/>
      <c r="C11072" s="367"/>
      <c r="D11072" s="367"/>
      <c r="E11072" s="367"/>
      <c r="F11072" s="359" t="s">
        <v>14420</v>
      </c>
      <c r="G11072" s="359" t="s">
        <v>14429</v>
      </c>
      <c r="H11072" s="359" t="s">
        <v>14370</v>
      </c>
      <c r="I11072" s="359" t="s">
        <v>14429</v>
      </c>
      <c r="J11072" s="365"/>
      <c r="K11072" s="365"/>
      <c r="L11072" s="365"/>
    </row>
    <row r="11073" spans="2:12">
      <c r="B11073" s="367"/>
      <c r="C11073" s="367"/>
      <c r="D11073" s="367"/>
      <c r="E11073" s="367"/>
      <c r="F11073" s="360"/>
      <c r="G11073" s="360"/>
      <c r="H11073" s="360"/>
      <c r="I11073" s="360"/>
      <c r="J11073" s="365"/>
      <c r="K11073" s="365"/>
      <c r="L11073" s="365"/>
    </row>
    <row r="11074" spans="2:12" ht="28.5">
      <c r="B11074" s="368"/>
      <c r="C11074" s="368"/>
      <c r="D11074" s="368"/>
      <c r="E11074" s="368"/>
      <c r="F11074" s="361" t="s">
        <v>14394</v>
      </c>
      <c r="G11074" s="361" t="s">
        <v>14395</v>
      </c>
      <c r="H11074" s="361" t="s">
        <v>14332</v>
      </c>
      <c r="I11074" s="361" t="s">
        <v>14395</v>
      </c>
      <c r="J11074" s="366"/>
      <c r="K11074" s="366"/>
      <c r="L11074" s="366"/>
    </row>
    <row r="11075" spans="2:12" ht="57">
      <c r="B11075" s="358" t="s">
        <v>20028</v>
      </c>
      <c r="C11075" s="358" t="s">
        <v>20029</v>
      </c>
      <c r="D11075" s="358" t="s">
        <v>20030</v>
      </c>
      <c r="E11075" s="358" t="s">
        <v>20031</v>
      </c>
      <c r="F11075" s="358" t="s">
        <v>29201</v>
      </c>
      <c r="G11075" s="358" t="s">
        <v>14483</v>
      </c>
      <c r="H11075" s="358" t="s">
        <v>14378</v>
      </c>
      <c r="I11075" s="358" t="s">
        <v>14483</v>
      </c>
      <c r="J11075" s="358" t="s">
        <v>14355</v>
      </c>
      <c r="K11075" s="358"/>
      <c r="L11075" s="358"/>
    </row>
    <row r="11076" spans="2:12">
      <c r="B11076" s="367"/>
      <c r="C11076" s="367"/>
      <c r="D11076" s="367"/>
      <c r="E11076" s="367"/>
      <c r="F11076" s="360"/>
      <c r="G11076" s="360"/>
      <c r="H11076" s="360"/>
      <c r="I11076" s="360"/>
      <c r="J11076" s="360"/>
      <c r="K11076" s="365"/>
      <c r="L11076" s="365"/>
    </row>
    <row r="11077" spans="2:12" ht="28.5">
      <c r="B11077" s="367"/>
      <c r="C11077" s="367"/>
      <c r="D11077" s="367"/>
      <c r="E11077" s="367"/>
      <c r="F11077" s="359" t="s">
        <v>29053</v>
      </c>
      <c r="G11077" s="359" t="s">
        <v>14579</v>
      </c>
      <c r="H11077" s="359" t="s">
        <v>14381</v>
      </c>
      <c r="I11077" s="359" t="s">
        <v>14579</v>
      </c>
      <c r="J11077" s="359" t="s">
        <v>15176</v>
      </c>
      <c r="K11077" s="365"/>
      <c r="L11077" s="365"/>
    </row>
    <row r="11078" spans="2:12">
      <c r="B11078" s="367"/>
      <c r="C11078" s="367"/>
      <c r="D11078" s="367"/>
      <c r="E11078" s="367"/>
      <c r="F11078" s="360"/>
      <c r="G11078" s="360"/>
      <c r="H11078" s="360"/>
      <c r="I11078" s="360"/>
      <c r="J11078" s="360"/>
      <c r="K11078" s="365"/>
      <c r="L11078" s="365"/>
    </row>
    <row r="11079" spans="2:12">
      <c r="B11079" s="367"/>
      <c r="C11079" s="367"/>
      <c r="D11079" s="367"/>
      <c r="E11079" s="367"/>
      <c r="F11079" s="360"/>
      <c r="G11079" s="359" t="s">
        <v>14383</v>
      </c>
      <c r="H11079" s="359" t="s">
        <v>14341</v>
      </c>
      <c r="I11079" s="359" t="s">
        <v>14383</v>
      </c>
      <c r="J11079" s="360"/>
      <c r="K11079" s="365"/>
      <c r="L11079" s="365"/>
    </row>
    <row r="11080" spans="2:12">
      <c r="B11080" s="367"/>
      <c r="C11080" s="367"/>
      <c r="D11080" s="367"/>
      <c r="E11080" s="367"/>
      <c r="F11080" s="360"/>
      <c r="G11080" s="360"/>
      <c r="H11080" s="360"/>
      <c r="I11080" s="360"/>
      <c r="J11080" s="360"/>
      <c r="K11080" s="365"/>
      <c r="L11080" s="365"/>
    </row>
    <row r="11081" spans="2:12" ht="28.5">
      <c r="B11081" s="367"/>
      <c r="C11081" s="367"/>
      <c r="D11081" s="367"/>
      <c r="E11081" s="367"/>
      <c r="F11081" s="360"/>
      <c r="G11081" s="359" t="s">
        <v>28843</v>
      </c>
      <c r="H11081" s="359" t="s">
        <v>14370</v>
      </c>
      <c r="I11081" s="359" t="s">
        <v>28843</v>
      </c>
      <c r="J11081" s="360"/>
      <c r="K11081" s="365"/>
      <c r="L11081" s="365"/>
    </row>
    <row r="11082" spans="2:12">
      <c r="B11082" s="367"/>
      <c r="C11082" s="367"/>
      <c r="D11082" s="367"/>
      <c r="E11082" s="367"/>
      <c r="F11082" s="360"/>
      <c r="G11082" s="360"/>
      <c r="H11082" s="360"/>
      <c r="I11082" s="360"/>
      <c r="J11082" s="360"/>
      <c r="K11082" s="365"/>
      <c r="L11082" s="365"/>
    </row>
    <row r="11083" spans="2:12">
      <c r="B11083" s="368"/>
      <c r="C11083" s="368"/>
      <c r="D11083" s="368"/>
      <c r="E11083" s="368"/>
      <c r="F11083" s="362"/>
      <c r="G11083" s="361" t="s">
        <v>14372</v>
      </c>
      <c r="H11083" s="361" t="s">
        <v>14332</v>
      </c>
      <c r="I11083" s="361" t="s">
        <v>14372</v>
      </c>
      <c r="J11083" s="362"/>
      <c r="K11083" s="366"/>
      <c r="L11083" s="366"/>
    </row>
    <row r="11084" spans="2:12" ht="28.5">
      <c r="B11084" s="358" t="s">
        <v>20032</v>
      </c>
      <c r="C11084" s="358" t="s">
        <v>20033</v>
      </c>
      <c r="D11084" s="358" t="s">
        <v>20034</v>
      </c>
      <c r="E11084" s="358" t="s">
        <v>20035</v>
      </c>
      <c r="F11084" s="358" t="s">
        <v>28564</v>
      </c>
      <c r="G11084" s="358" t="s">
        <v>14405</v>
      </c>
      <c r="H11084" s="358" t="s">
        <v>14378</v>
      </c>
      <c r="I11084" s="358" t="s">
        <v>14405</v>
      </c>
      <c r="J11084" s="358"/>
      <c r="K11084" s="358"/>
      <c r="L11084" s="358"/>
    </row>
    <row r="11085" spans="2:12">
      <c r="B11085" s="367"/>
      <c r="C11085" s="367"/>
      <c r="D11085" s="367"/>
      <c r="E11085" s="367"/>
      <c r="F11085" s="367"/>
      <c r="G11085" s="360"/>
      <c r="H11085" s="360"/>
      <c r="I11085" s="360"/>
      <c r="J11085" s="365"/>
      <c r="K11085" s="365"/>
      <c r="L11085" s="365"/>
    </row>
    <row r="11086" spans="2:12">
      <c r="B11086" s="367"/>
      <c r="C11086" s="367"/>
      <c r="D11086" s="367"/>
      <c r="E11086" s="367"/>
      <c r="F11086" s="367"/>
      <c r="G11086" s="359" t="s">
        <v>14372</v>
      </c>
      <c r="H11086" s="359" t="s">
        <v>14370</v>
      </c>
      <c r="I11086" s="359" t="s">
        <v>14372</v>
      </c>
      <c r="J11086" s="365"/>
      <c r="K11086" s="365"/>
      <c r="L11086" s="365"/>
    </row>
    <row r="11087" spans="2:12">
      <c r="B11087" s="367"/>
      <c r="C11087" s="367"/>
      <c r="D11087" s="367"/>
      <c r="E11087" s="367"/>
      <c r="F11087" s="367"/>
      <c r="G11087" s="360"/>
      <c r="H11087" s="360"/>
      <c r="I11087" s="360"/>
      <c r="J11087" s="365"/>
      <c r="K11087" s="365"/>
      <c r="L11087" s="365"/>
    </row>
    <row r="11088" spans="2:12">
      <c r="B11088" s="368"/>
      <c r="C11088" s="368"/>
      <c r="D11088" s="368"/>
      <c r="E11088" s="368"/>
      <c r="F11088" s="368"/>
      <c r="G11088" s="362"/>
      <c r="H11088" s="361" t="s">
        <v>14332</v>
      </c>
      <c r="I11088" s="362"/>
      <c r="J11088" s="366"/>
      <c r="K11088" s="366"/>
      <c r="L11088" s="366"/>
    </row>
    <row r="11089" spans="2:12" ht="28.5">
      <c r="B11089" s="358" t="s">
        <v>20036</v>
      </c>
      <c r="C11089" s="358" t="s">
        <v>20037</v>
      </c>
      <c r="D11089" s="358" t="s">
        <v>8356</v>
      </c>
      <c r="E11089" s="358" t="s">
        <v>8356</v>
      </c>
      <c r="F11089" s="358" t="s">
        <v>28564</v>
      </c>
      <c r="G11089" s="358" t="s">
        <v>14405</v>
      </c>
      <c r="H11089" s="358" t="s">
        <v>14378</v>
      </c>
      <c r="I11089" s="358" t="s">
        <v>14405</v>
      </c>
      <c r="J11089" s="358"/>
      <c r="K11089" s="358"/>
      <c r="L11089" s="358" t="s">
        <v>9491</v>
      </c>
    </row>
    <row r="11090" spans="2:12">
      <c r="B11090" s="367"/>
      <c r="C11090" s="367"/>
      <c r="D11090" s="367"/>
      <c r="E11090" s="367"/>
      <c r="F11090" s="367"/>
      <c r="G11090" s="360"/>
      <c r="H11090" s="360"/>
      <c r="I11090" s="360"/>
      <c r="J11090" s="365"/>
      <c r="K11090" s="365"/>
      <c r="L11090" s="367"/>
    </row>
    <row r="11091" spans="2:12">
      <c r="B11091" s="367"/>
      <c r="C11091" s="367"/>
      <c r="D11091" s="367"/>
      <c r="E11091" s="367"/>
      <c r="F11091" s="367"/>
      <c r="G11091" s="359" t="s">
        <v>14372</v>
      </c>
      <c r="H11091" s="359" t="s">
        <v>14370</v>
      </c>
      <c r="I11091" s="359" t="s">
        <v>14372</v>
      </c>
      <c r="J11091" s="365"/>
      <c r="K11091" s="365"/>
      <c r="L11091" s="367"/>
    </row>
    <row r="11092" spans="2:12">
      <c r="B11092" s="367"/>
      <c r="C11092" s="367"/>
      <c r="D11092" s="367"/>
      <c r="E11092" s="367"/>
      <c r="F11092" s="367"/>
      <c r="G11092" s="360"/>
      <c r="H11092" s="360"/>
      <c r="I11092" s="360"/>
      <c r="J11092" s="365"/>
      <c r="K11092" s="365"/>
      <c r="L11092" s="367"/>
    </row>
    <row r="11093" spans="2:12">
      <c r="B11093" s="368"/>
      <c r="C11093" s="368"/>
      <c r="D11093" s="368"/>
      <c r="E11093" s="368"/>
      <c r="F11093" s="368"/>
      <c r="G11093" s="362"/>
      <c r="H11093" s="361" t="s">
        <v>14332</v>
      </c>
      <c r="I11093" s="362"/>
      <c r="J11093" s="366"/>
      <c r="K11093" s="366"/>
      <c r="L11093" s="368"/>
    </row>
    <row r="11094" spans="2:12">
      <c r="B11094" s="358" t="s">
        <v>20038</v>
      </c>
      <c r="C11094" s="358" t="s">
        <v>29202</v>
      </c>
      <c r="D11094" s="358" t="s">
        <v>20039</v>
      </c>
      <c r="E11094" s="358" t="s">
        <v>20040</v>
      </c>
      <c r="F11094" s="358" t="s">
        <v>14420</v>
      </c>
      <c r="G11094" s="358" t="s">
        <v>14429</v>
      </c>
      <c r="H11094" s="358" t="s">
        <v>14367</v>
      </c>
      <c r="I11094" s="358" t="s">
        <v>14429</v>
      </c>
      <c r="J11094" s="358"/>
      <c r="K11094" s="358"/>
      <c r="L11094" s="358"/>
    </row>
    <row r="11095" spans="2:12">
      <c r="B11095" s="367"/>
      <c r="C11095" s="367"/>
      <c r="D11095" s="367"/>
      <c r="E11095" s="367"/>
      <c r="F11095" s="360"/>
      <c r="G11095" s="360"/>
      <c r="H11095" s="360"/>
      <c r="I11095" s="360"/>
      <c r="J11095" s="365"/>
      <c r="K11095" s="365"/>
      <c r="L11095" s="365"/>
    </row>
    <row r="11096" spans="2:12" ht="28.5">
      <c r="B11096" s="367"/>
      <c r="C11096" s="367"/>
      <c r="D11096" s="367"/>
      <c r="E11096" s="367"/>
      <c r="F11096" s="359" t="s">
        <v>14394</v>
      </c>
      <c r="G11096" s="359" t="s">
        <v>14395</v>
      </c>
      <c r="H11096" s="359" t="s">
        <v>14370</v>
      </c>
      <c r="I11096" s="359" t="s">
        <v>14395</v>
      </c>
      <c r="J11096" s="365"/>
      <c r="K11096" s="365"/>
      <c r="L11096" s="365"/>
    </row>
    <row r="11097" spans="2:12">
      <c r="B11097" s="367"/>
      <c r="C11097" s="367"/>
      <c r="D11097" s="367"/>
      <c r="E11097" s="367"/>
      <c r="F11097" s="360"/>
      <c r="G11097" s="360"/>
      <c r="H11097" s="360"/>
      <c r="I11097" s="360"/>
      <c r="J11097" s="365"/>
      <c r="K11097" s="365"/>
      <c r="L11097" s="365"/>
    </row>
    <row r="11098" spans="2:12">
      <c r="B11098" s="368"/>
      <c r="C11098" s="368"/>
      <c r="D11098" s="368"/>
      <c r="E11098" s="368"/>
      <c r="F11098" s="362"/>
      <c r="G11098" s="362"/>
      <c r="H11098" s="361" t="s">
        <v>14422</v>
      </c>
      <c r="I11098" s="362"/>
      <c r="J11098" s="366"/>
      <c r="K11098" s="366"/>
      <c r="L11098" s="366"/>
    </row>
    <row r="11099" spans="2:12">
      <c r="B11099" s="358" t="s">
        <v>20041</v>
      </c>
      <c r="C11099" s="358" t="s">
        <v>20042</v>
      </c>
      <c r="D11099" s="358" t="s">
        <v>8356</v>
      </c>
      <c r="E11099" s="358" t="s">
        <v>8356</v>
      </c>
      <c r="F11099" s="358" t="s">
        <v>14420</v>
      </c>
      <c r="G11099" s="358" t="s">
        <v>14429</v>
      </c>
      <c r="H11099" s="358" t="s">
        <v>14341</v>
      </c>
      <c r="I11099" s="358" t="s">
        <v>14429</v>
      </c>
      <c r="J11099" s="358"/>
      <c r="K11099" s="358"/>
      <c r="L11099" s="358" t="s">
        <v>9491</v>
      </c>
    </row>
    <row r="11100" spans="2:12">
      <c r="B11100" s="367"/>
      <c r="C11100" s="367"/>
      <c r="D11100" s="367"/>
      <c r="E11100" s="367"/>
      <c r="F11100" s="360"/>
      <c r="G11100" s="360"/>
      <c r="H11100" s="360"/>
      <c r="I11100" s="360"/>
      <c r="J11100" s="365"/>
      <c r="K11100" s="365"/>
      <c r="L11100" s="367"/>
    </row>
    <row r="11101" spans="2:12">
      <c r="B11101" s="367"/>
      <c r="C11101" s="367"/>
      <c r="D11101" s="367"/>
      <c r="E11101" s="367"/>
      <c r="F11101" s="359" t="s">
        <v>14430</v>
      </c>
      <c r="G11101" s="359" t="s">
        <v>14431</v>
      </c>
      <c r="H11101" s="359" t="s">
        <v>14367</v>
      </c>
      <c r="I11101" s="359" t="s">
        <v>14431</v>
      </c>
      <c r="J11101" s="365"/>
      <c r="K11101" s="365"/>
      <c r="L11101" s="367"/>
    </row>
    <row r="11102" spans="2:12">
      <c r="B11102" s="367"/>
      <c r="C11102" s="367"/>
      <c r="D11102" s="367"/>
      <c r="E11102" s="367"/>
      <c r="F11102" s="360"/>
      <c r="G11102" s="360"/>
      <c r="H11102" s="360"/>
      <c r="I11102" s="360"/>
      <c r="J11102" s="365"/>
      <c r="K11102" s="365"/>
      <c r="L11102" s="367"/>
    </row>
    <row r="11103" spans="2:12" ht="28.5">
      <c r="B11103" s="367"/>
      <c r="C11103" s="367"/>
      <c r="D11103" s="367"/>
      <c r="E11103" s="367"/>
      <c r="F11103" s="359" t="s">
        <v>14394</v>
      </c>
      <c r="G11103" s="359" t="s">
        <v>14395</v>
      </c>
      <c r="H11103" s="359" t="s">
        <v>14370</v>
      </c>
      <c r="I11103" s="359" t="s">
        <v>14395</v>
      </c>
      <c r="J11103" s="365"/>
      <c r="K11103" s="365"/>
      <c r="L11103" s="367"/>
    </row>
    <row r="11104" spans="2:12">
      <c r="B11104" s="367"/>
      <c r="C11104" s="367"/>
      <c r="D11104" s="367"/>
      <c r="E11104" s="367"/>
      <c r="F11104" s="360"/>
      <c r="G11104" s="360"/>
      <c r="H11104" s="360"/>
      <c r="I11104" s="360"/>
      <c r="J11104" s="365"/>
      <c r="K11104" s="365"/>
      <c r="L11104" s="367"/>
    </row>
    <row r="11105" spans="2:12">
      <c r="B11105" s="368"/>
      <c r="C11105" s="368"/>
      <c r="D11105" s="368"/>
      <c r="E11105" s="368"/>
      <c r="F11105" s="362"/>
      <c r="G11105" s="362"/>
      <c r="H11105" s="361" t="s">
        <v>14332</v>
      </c>
      <c r="I11105" s="362"/>
      <c r="J11105" s="366"/>
      <c r="K11105" s="366"/>
      <c r="L11105" s="368"/>
    </row>
    <row r="11106" spans="2:12">
      <c r="B11106" s="358" t="s">
        <v>20043</v>
      </c>
      <c r="C11106" s="358" t="s">
        <v>20044</v>
      </c>
      <c r="D11106" s="358" t="s">
        <v>20045</v>
      </c>
      <c r="E11106" s="358" t="s">
        <v>20046</v>
      </c>
      <c r="F11106" s="358" t="s">
        <v>14420</v>
      </c>
      <c r="G11106" s="358" t="s">
        <v>14429</v>
      </c>
      <c r="H11106" s="358" t="s">
        <v>14367</v>
      </c>
      <c r="I11106" s="358" t="s">
        <v>14429</v>
      </c>
      <c r="J11106" s="358"/>
      <c r="K11106" s="358"/>
      <c r="L11106" s="358"/>
    </row>
    <row r="11107" spans="2:12">
      <c r="B11107" s="367"/>
      <c r="C11107" s="367"/>
      <c r="D11107" s="367"/>
      <c r="E11107" s="367"/>
      <c r="F11107" s="360"/>
      <c r="G11107" s="360"/>
      <c r="H11107" s="360"/>
      <c r="I11107" s="360"/>
      <c r="J11107" s="365"/>
      <c r="K11107" s="365"/>
      <c r="L11107" s="365"/>
    </row>
    <row r="11108" spans="2:12" ht="28.5">
      <c r="B11108" s="367"/>
      <c r="C11108" s="367"/>
      <c r="D11108" s="367"/>
      <c r="E11108" s="367"/>
      <c r="F11108" s="359" t="s">
        <v>14394</v>
      </c>
      <c r="G11108" s="359" t="s">
        <v>14395</v>
      </c>
      <c r="H11108" s="359" t="s">
        <v>14370</v>
      </c>
      <c r="I11108" s="359" t="s">
        <v>14395</v>
      </c>
      <c r="J11108" s="365"/>
      <c r="K11108" s="365"/>
      <c r="L11108" s="365"/>
    </row>
    <row r="11109" spans="2:12">
      <c r="B11109" s="367"/>
      <c r="C11109" s="367"/>
      <c r="D11109" s="367"/>
      <c r="E11109" s="367"/>
      <c r="F11109" s="360"/>
      <c r="G11109" s="360"/>
      <c r="H11109" s="360"/>
      <c r="I11109" s="360"/>
      <c r="J11109" s="365"/>
      <c r="K11109" s="365"/>
      <c r="L11109" s="365"/>
    </row>
    <row r="11110" spans="2:12">
      <c r="B11110" s="368"/>
      <c r="C11110" s="368"/>
      <c r="D11110" s="368"/>
      <c r="E11110" s="368"/>
      <c r="F11110" s="362"/>
      <c r="G11110" s="362"/>
      <c r="H11110" s="361" t="s">
        <v>14422</v>
      </c>
      <c r="I11110" s="362"/>
      <c r="J11110" s="366"/>
      <c r="K11110" s="366"/>
      <c r="L11110" s="366"/>
    </row>
    <row r="11111" spans="2:12" ht="28.5">
      <c r="B11111" s="358" t="s">
        <v>20047</v>
      </c>
      <c r="C11111" s="358" t="s">
        <v>20048</v>
      </c>
      <c r="D11111" s="358" t="s">
        <v>20049</v>
      </c>
      <c r="E11111" s="358" t="s">
        <v>20050</v>
      </c>
      <c r="F11111" s="358" t="s">
        <v>29049</v>
      </c>
      <c r="G11111" s="358" t="s">
        <v>14429</v>
      </c>
      <c r="H11111" s="358" t="s">
        <v>14367</v>
      </c>
      <c r="I11111" s="358" t="s">
        <v>14429</v>
      </c>
      <c r="J11111" s="358"/>
      <c r="K11111" s="358"/>
      <c r="L11111" s="358"/>
    </row>
    <row r="11112" spans="2:12">
      <c r="B11112" s="367"/>
      <c r="C11112" s="367"/>
      <c r="D11112" s="367"/>
      <c r="E11112" s="367"/>
      <c r="F11112" s="360"/>
      <c r="G11112" s="360"/>
      <c r="H11112" s="360"/>
      <c r="I11112" s="360"/>
      <c r="J11112" s="365"/>
      <c r="K11112" s="365"/>
      <c r="L11112" s="365"/>
    </row>
    <row r="11113" spans="2:12" ht="28.5">
      <c r="B11113" s="367"/>
      <c r="C11113" s="367"/>
      <c r="D11113" s="367"/>
      <c r="E11113" s="367"/>
      <c r="F11113" s="359" t="s">
        <v>14374</v>
      </c>
      <c r="G11113" s="359" t="s">
        <v>14372</v>
      </c>
      <c r="H11113" s="359" t="s">
        <v>14370</v>
      </c>
      <c r="I11113" s="359" t="s">
        <v>14373</v>
      </c>
      <c r="J11113" s="365"/>
      <c r="K11113" s="365"/>
      <c r="L11113" s="365"/>
    </row>
    <row r="11114" spans="2:12">
      <c r="B11114" s="367"/>
      <c r="C11114" s="367"/>
      <c r="D11114" s="367"/>
      <c r="E11114" s="367"/>
      <c r="F11114" s="360"/>
      <c r="G11114" s="360"/>
      <c r="H11114" s="360"/>
      <c r="I11114" s="360"/>
      <c r="J11114" s="365"/>
      <c r="K11114" s="365"/>
      <c r="L11114" s="365"/>
    </row>
    <row r="11115" spans="2:12">
      <c r="B11115" s="368"/>
      <c r="C11115" s="368"/>
      <c r="D11115" s="368"/>
      <c r="E11115" s="368"/>
      <c r="F11115" s="362"/>
      <c r="G11115" s="361" t="s">
        <v>14373</v>
      </c>
      <c r="H11115" s="361" t="s">
        <v>14422</v>
      </c>
      <c r="I11115" s="362"/>
      <c r="J11115" s="366"/>
      <c r="K11115" s="366"/>
      <c r="L11115" s="366"/>
    </row>
    <row r="11116" spans="2:12" ht="42.75">
      <c r="B11116" s="358" t="s">
        <v>20051</v>
      </c>
      <c r="C11116" s="358" t="s">
        <v>29203</v>
      </c>
      <c r="D11116" s="358" t="s">
        <v>20052</v>
      </c>
      <c r="E11116" s="358" t="s">
        <v>20053</v>
      </c>
      <c r="F11116" s="358" t="s">
        <v>28938</v>
      </c>
      <c r="G11116" s="358" t="s">
        <v>14421</v>
      </c>
      <c r="H11116" s="358" t="s">
        <v>14341</v>
      </c>
      <c r="I11116" s="358" t="s">
        <v>14421</v>
      </c>
      <c r="J11116" s="358"/>
      <c r="K11116" s="358" t="s">
        <v>28614</v>
      </c>
      <c r="L11116" s="358" t="s">
        <v>595</v>
      </c>
    </row>
    <row r="11117" spans="2:12">
      <c r="B11117" s="367"/>
      <c r="C11117" s="367"/>
      <c r="D11117" s="367"/>
      <c r="E11117" s="367"/>
      <c r="F11117" s="360"/>
      <c r="G11117" s="360"/>
      <c r="H11117" s="360"/>
      <c r="I11117" s="360"/>
      <c r="J11117" s="365"/>
      <c r="K11117" s="367"/>
      <c r="L11117" s="367"/>
    </row>
    <row r="11118" spans="2:12">
      <c r="B11118" s="367"/>
      <c r="C11118" s="367"/>
      <c r="D11118" s="367"/>
      <c r="E11118" s="367"/>
      <c r="F11118" s="359" t="s">
        <v>14339</v>
      </c>
      <c r="G11118" s="359" t="s">
        <v>14429</v>
      </c>
      <c r="H11118" s="359" t="s">
        <v>14367</v>
      </c>
      <c r="I11118" s="359" t="s">
        <v>14429</v>
      </c>
      <c r="J11118" s="365"/>
      <c r="K11118" s="367"/>
      <c r="L11118" s="367"/>
    </row>
    <row r="11119" spans="2:12">
      <c r="B11119" s="367"/>
      <c r="C11119" s="367"/>
      <c r="D11119" s="367"/>
      <c r="E11119" s="367"/>
      <c r="F11119" s="360"/>
      <c r="G11119" s="360"/>
      <c r="H11119" s="360"/>
      <c r="I11119" s="360"/>
      <c r="J11119" s="365"/>
      <c r="K11119" s="367"/>
      <c r="L11119" s="367"/>
    </row>
    <row r="11120" spans="2:12">
      <c r="B11120" s="368"/>
      <c r="C11120" s="368"/>
      <c r="D11120" s="368"/>
      <c r="E11120" s="368"/>
      <c r="F11120" s="362"/>
      <c r="G11120" s="361" t="s">
        <v>14340</v>
      </c>
      <c r="H11120" s="361" t="s">
        <v>14332</v>
      </c>
      <c r="I11120" s="361" t="s">
        <v>14340</v>
      </c>
      <c r="J11120" s="366"/>
      <c r="K11120" s="368"/>
      <c r="L11120" s="368"/>
    </row>
    <row r="11121" spans="2:12" ht="71.25">
      <c r="B11121" s="358" t="s">
        <v>20054</v>
      </c>
      <c r="C11121" s="358" t="s">
        <v>29204</v>
      </c>
      <c r="D11121" s="358" t="s">
        <v>20055</v>
      </c>
      <c r="E11121" s="358" t="s">
        <v>20056</v>
      </c>
      <c r="F11121" s="358" t="s">
        <v>14356</v>
      </c>
      <c r="G11121" s="358" t="s">
        <v>14340</v>
      </c>
      <c r="H11121" s="358" t="s">
        <v>14341</v>
      </c>
      <c r="I11121" s="358" t="s">
        <v>14340</v>
      </c>
      <c r="J11121" s="358"/>
      <c r="K11121" s="358" t="s">
        <v>29205</v>
      </c>
      <c r="L11121" s="358" t="s">
        <v>10376</v>
      </c>
    </row>
    <row r="11122" spans="2:12">
      <c r="B11122" s="367"/>
      <c r="C11122" s="367"/>
      <c r="D11122" s="367"/>
      <c r="E11122" s="367"/>
      <c r="F11122" s="367"/>
      <c r="G11122" s="367"/>
      <c r="H11122" s="360"/>
      <c r="I11122" s="367"/>
      <c r="J11122" s="365"/>
      <c r="K11122" s="360"/>
      <c r="L11122" s="367"/>
    </row>
    <row r="11123" spans="2:12" ht="42.75">
      <c r="B11123" s="367"/>
      <c r="C11123" s="367"/>
      <c r="D11123" s="367"/>
      <c r="E11123" s="367"/>
      <c r="F11123" s="367"/>
      <c r="G11123" s="367"/>
      <c r="H11123" s="359" t="s">
        <v>14332</v>
      </c>
      <c r="I11123" s="367"/>
      <c r="J11123" s="365"/>
      <c r="K11123" s="359" t="s">
        <v>28608</v>
      </c>
      <c r="L11123" s="367"/>
    </row>
    <row r="11124" spans="2:12">
      <c r="B11124" s="367"/>
      <c r="C11124" s="367"/>
      <c r="D11124" s="367"/>
      <c r="E11124" s="367"/>
      <c r="F11124" s="367"/>
      <c r="G11124" s="367"/>
      <c r="H11124" s="360"/>
      <c r="I11124" s="367"/>
      <c r="J11124" s="365"/>
      <c r="K11124" s="360"/>
      <c r="L11124" s="367"/>
    </row>
    <row r="11125" spans="2:12">
      <c r="B11125" s="367"/>
      <c r="C11125" s="367"/>
      <c r="D11125" s="367"/>
      <c r="E11125" s="367"/>
      <c r="F11125" s="367"/>
      <c r="G11125" s="367"/>
      <c r="H11125" s="360"/>
      <c r="I11125" s="367"/>
      <c r="J11125" s="365"/>
      <c r="K11125" s="359" t="s">
        <v>28609</v>
      </c>
      <c r="L11125" s="367"/>
    </row>
    <row r="11126" spans="2:12">
      <c r="B11126" s="367"/>
      <c r="C11126" s="367"/>
      <c r="D11126" s="367"/>
      <c r="E11126" s="367"/>
      <c r="F11126" s="367"/>
      <c r="G11126" s="367"/>
      <c r="H11126" s="360"/>
      <c r="I11126" s="367"/>
      <c r="J11126" s="365"/>
      <c r="K11126" s="360"/>
      <c r="L11126" s="367"/>
    </row>
    <row r="11127" spans="2:12" ht="42.75">
      <c r="B11127" s="368"/>
      <c r="C11127" s="368"/>
      <c r="D11127" s="368"/>
      <c r="E11127" s="368"/>
      <c r="F11127" s="368"/>
      <c r="G11127" s="368"/>
      <c r="H11127" s="362"/>
      <c r="I11127" s="368"/>
      <c r="J11127" s="366"/>
      <c r="K11127" s="361" t="s">
        <v>28685</v>
      </c>
      <c r="L11127" s="368"/>
    </row>
    <row r="11128" spans="2:12" ht="42.75">
      <c r="B11128" s="358" t="s">
        <v>20057</v>
      </c>
      <c r="C11128" s="358" t="s">
        <v>20058</v>
      </c>
      <c r="D11128" s="358" t="s">
        <v>20059</v>
      </c>
      <c r="E11128" s="358" t="s">
        <v>20060</v>
      </c>
      <c r="F11128" s="358" t="s">
        <v>29010</v>
      </c>
      <c r="G11128" s="358" t="s">
        <v>14483</v>
      </c>
      <c r="H11128" s="358" t="s">
        <v>14378</v>
      </c>
      <c r="I11128" s="358" t="s">
        <v>14483</v>
      </c>
      <c r="J11128" s="358"/>
      <c r="K11128" s="358" t="s">
        <v>14929</v>
      </c>
      <c r="L11128" s="358"/>
    </row>
    <row r="11129" spans="2:12">
      <c r="B11129" s="367"/>
      <c r="C11129" s="367"/>
      <c r="D11129" s="367"/>
      <c r="E11129" s="367"/>
      <c r="F11129" s="360"/>
      <c r="G11129" s="360"/>
      <c r="H11129" s="360"/>
      <c r="I11129" s="360"/>
      <c r="J11129" s="365"/>
      <c r="K11129" s="367"/>
      <c r="L11129" s="365"/>
    </row>
    <row r="11130" spans="2:12">
      <c r="B11130" s="367"/>
      <c r="C11130" s="367"/>
      <c r="D11130" s="367"/>
      <c r="E11130" s="367"/>
      <c r="F11130" s="359" t="s">
        <v>14356</v>
      </c>
      <c r="G11130" s="359" t="s">
        <v>14579</v>
      </c>
      <c r="H11130" s="359" t="s">
        <v>14341</v>
      </c>
      <c r="I11130" s="359" t="s">
        <v>14579</v>
      </c>
      <c r="J11130" s="365"/>
      <c r="K11130" s="367"/>
      <c r="L11130" s="365"/>
    </row>
    <row r="11131" spans="2:12">
      <c r="B11131" s="367"/>
      <c r="C11131" s="367"/>
      <c r="D11131" s="367"/>
      <c r="E11131" s="367"/>
      <c r="F11131" s="360"/>
      <c r="G11131" s="360"/>
      <c r="H11131" s="360"/>
      <c r="I11131" s="360"/>
      <c r="J11131" s="365"/>
      <c r="K11131" s="367"/>
      <c r="L11131" s="365"/>
    </row>
    <row r="11132" spans="2:12">
      <c r="B11132" s="367"/>
      <c r="C11132" s="367"/>
      <c r="D11132" s="367"/>
      <c r="E11132" s="367"/>
      <c r="F11132" s="360"/>
      <c r="G11132" s="359" t="s">
        <v>14383</v>
      </c>
      <c r="H11132" s="359" t="s">
        <v>14332</v>
      </c>
      <c r="I11132" s="359" t="s">
        <v>14383</v>
      </c>
      <c r="J11132" s="365"/>
      <c r="K11132" s="367"/>
      <c r="L11132" s="365"/>
    </row>
    <row r="11133" spans="2:12">
      <c r="B11133" s="367"/>
      <c r="C11133" s="367"/>
      <c r="D11133" s="367"/>
      <c r="E11133" s="367"/>
      <c r="F11133" s="360"/>
      <c r="G11133" s="360"/>
      <c r="H11133" s="360"/>
      <c r="I11133" s="360"/>
      <c r="J11133" s="365"/>
      <c r="K11133" s="367"/>
      <c r="L11133" s="365"/>
    </row>
    <row r="11134" spans="2:12">
      <c r="B11134" s="368"/>
      <c r="C11134" s="368"/>
      <c r="D11134" s="368"/>
      <c r="E11134" s="368"/>
      <c r="F11134" s="362"/>
      <c r="G11134" s="361" t="s">
        <v>14340</v>
      </c>
      <c r="H11134" s="362"/>
      <c r="I11134" s="361" t="s">
        <v>14340</v>
      </c>
      <c r="J11134" s="366"/>
      <c r="K11134" s="368"/>
      <c r="L11134" s="366"/>
    </row>
    <row r="11135" spans="2:12">
      <c r="B11135" s="358" t="s">
        <v>20061</v>
      </c>
      <c r="C11135" s="358" t="s">
        <v>20062</v>
      </c>
      <c r="D11135" s="358" t="s">
        <v>20063</v>
      </c>
      <c r="E11135" s="358" t="s">
        <v>20064</v>
      </c>
      <c r="F11135" s="358" t="s">
        <v>14420</v>
      </c>
      <c r="G11135" s="358" t="s">
        <v>14459</v>
      </c>
      <c r="H11135" s="358" t="s">
        <v>14341</v>
      </c>
      <c r="I11135" s="358" t="s">
        <v>14459</v>
      </c>
      <c r="J11135" s="358"/>
      <c r="K11135" s="358" t="s">
        <v>14929</v>
      </c>
      <c r="L11135" s="358" t="s">
        <v>10376</v>
      </c>
    </row>
    <row r="11136" spans="2:12">
      <c r="B11136" s="367"/>
      <c r="C11136" s="367"/>
      <c r="D11136" s="367"/>
      <c r="E11136" s="367"/>
      <c r="F11136" s="360"/>
      <c r="G11136" s="360"/>
      <c r="H11136" s="360"/>
      <c r="I11136" s="360"/>
      <c r="J11136" s="365"/>
      <c r="K11136" s="367"/>
      <c r="L11136" s="367"/>
    </row>
    <row r="11137" spans="2:12">
      <c r="B11137" s="367"/>
      <c r="C11137" s="367"/>
      <c r="D11137" s="367"/>
      <c r="E11137" s="367"/>
      <c r="F11137" s="359" t="s">
        <v>14339</v>
      </c>
      <c r="G11137" s="359" t="s">
        <v>14340</v>
      </c>
      <c r="H11137" s="359" t="s">
        <v>14367</v>
      </c>
      <c r="I11137" s="359" t="s">
        <v>14340</v>
      </c>
      <c r="J11137" s="365"/>
      <c r="K11137" s="367"/>
      <c r="L11137" s="367"/>
    </row>
    <row r="11138" spans="2:12">
      <c r="B11138" s="367"/>
      <c r="C11138" s="367"/>
      <c r="D11138" s="367"/>
      <c r="E11138" s="367"/>
      <c r="F11138" s="360"/>
      <c r="G11138" s="360"/>
      <c r="H11138" s="360"/>
      <c r="I11138" s="360"/>
      <c r="J11138" s="365"/>
      <c r="K11138" s="367"/>
      <c r="L11138" s="367"/>
    </row>
    <row r="11139" spans="2:12" ht="28.5">
      <c r="B11139" s="368"/>
      <c r="C11139" s="368"/>
      <c r="D11139" s="368"/>
      <c r="E11139" s="368"/>
      <c r="F11139" s="361" t="s">
        <v>14472</v>
      </c>
      <c r="G11139" s="361" t="s">
        <v>14473</v>
      </c>
      <c r="H11139" s="361" t="s">
        <v>14332</v>
      </c>
      <c r="I11139" s="361" t="s">
        <v>14473</v>
      </c>
      <c r="J11139" s="366"/>
      <c r="K11139" s="368"/>
      <c r="L11139" s="368"/>
    </row>
    <row r="11140" spans="2:12" ht="28.5">
      <c r="B11140" s="358" t="s">
        <v>20065</v>
      </c>
      <c r="C11140" s="358" t="s">
        <v>30192</v>
      </c>
      <c r="D11140" s="358" t="s">
        <v>20066</v>
      </c>
      <c r="E11140" s="358" t="s">
        <v>20067</v>
      </c>
      <c r="F11140" s="358" t="s">
        <v>14418</v>
      </c>
      <c r="G11140" s="358" t="s">
        <v>14419</v>
      </c>
      <c r="H11140" s="358" t="s">
        <v>14328</v>
      </c>
      <c r="I11140" s="358" t="s">
        <v>14419</v>
      </c>
      <c r="J11140" s="358"/>
      <c r="K11140" s="358"/>
      <c r="L11140" s="358" t="s">
        <v>14611</v>
      </c>
    </row>
    <row r="11141" spans="2:12">
      <c r="B11141" s="367"/>
      <c r="C11141" s="367"/>
      <c r="D11141" s="360"/>
      <c r="E11141" s="360"/>
      <c r="F11141" s="360"/>
      <c r="G11141" s="360"/>
      <c r="H11141" s="360"/>
      <c r="I11141" s="360"/>
      <c r="J11141" s="365"/>
      <c r="K11141" s="365"/>
      <c r="L11141" s="367"/>
    </row>
    <row r="11142" spans="2:12" ht="28.5">
      <c r="B11142" s="367"/>
      <c r="C11142" s="367"/>
      <c r="D11142" s="359" t="s">
        <v>20068</v>
      </c>
      <c r="E11142" s="359" t="s">
        <v>20069</v>
      </c>
      <c r="F11142" s="359" t="s">
        <v>14386</v>
      </c>
      <c r="G11142" s="359" t="s">
        <v>14387</v>
      </c>
      <c r="H11142" s="359" t="s">
        <v>14367</v>
      </c>
      <c r="I11142" s="359" t="s">
        <v>14387</v>
      </c>
      <c r="J11142" s="365"/>
      <c r="K11142" s="365"/>
      <c r="L11142" s="367"/>
    </row>
    <row r="11143" spans="2:12">
      <c r="B11143" s="367"/>
      <c r="C11143" s="367"/>
      <c r="D11143" s="360"/>
      <c r="E11143" s="360"/>
      <c r="F11143" s="360"/>
      <c r="G11143" s="360"/>
      <c r="H11143" s="360"/>
      <c r="I11143" s="360"/>
      <c r="J11143" s="365"/>
      <c r="K11143" s="365"/>
      <c r="L11143" s="367"/>
    </row>
    <row r="11144" spans="2:12" ht="28.5">
      <c r="B11144" s="367"/>
      <c r="C11144" s="367"/>
      <c r="D11144" s="359" t="s">
        <v>20070</v>
      </c>
      <c r="E11144" s="359" t="s">
        <v>20071</v>
      </c>
      <c r="F11144" s="359" t="s">
        <v>14368</v>
      </c>
      <c r="G11144" s="359" t="s">
        <v>14388</v>
      </c>
      <c r="H11144" s="359" t="s">
        <v>14422</v>
      </c>
      <c r="I11144" s="359" t="s">
        <v>14388</v>
      </c>
      <c r="J11144" s="365"/>
      <c r="K11144" s="365"/>
      <c r="L11144" s="367"/>
    </row>
    <row r="11145" spans="2:12">
      <c r="B11145" s="367"/>
      <c r="C11145" s="367"/>
      <c r="D11145" s="360"/>
      <c r="E11145" s="360"/>
      <c r="F11145" s="360"/>
      <c r="G11145" s="360"/>
      <c r="H11145" s="360"/>
      <c r="I11145" s="360"/>
      <c r="J11145" s="365"/>
      <c r="K11145" s="365"/>
      <c r="L11145" s="367"/>
    </row>
    <row r="11146" spans="2:12" ht="28.5">
      <c r="B11146" s="368"/>
      <c r="C11146" s="368"/>
      <c r="D11146" s="361" t="s">
        <v>20072</v>
      </c>
      <c r="E11146" s="361" t="s">
        <v>20073</v>
      </c>
      <c r="F11146" s="362"/>
      <c r="G11146" s="362"/>
      <c r="H11146" s="362"/>
      <c r="I11146" s="362"/>
      <c r="J11146" s="366"/>
      <c r="K11146" s="366"/>
      <c r="L11146" s="368"/>
    </row>
    <row r="11147" spans="2:12">
      <c r="B11147" s="358" t="s">
        <v>20074</v>
      </c>
      <c r="C11147" s="358" t="s">
        <v>20075</v>
      </c>
      <c r="D11147" s="358" t="s">
        <v>20076</v>
      </c>
      <c r="E11147" s="358" t="s">
        <v>20077</v>
      </c>
      <c r="F11147" s="358" t="s">
        <v>14505</v>
      </c>
      <c r="G11147" s="358" t="s">
        <v>14506</v>
      </c>
      <c r="H11147" s="358" t="s">
        <v>14328</v>
      </c>
      <c r="I11147" s="358" t="s">
        <v>14506</v>
      </c>
      <c r="J11147" s="358" t="s">
        <v>14355</v>
      </c>
      <c r="K11147" s="358"/>
      <c r="L11147" s="358" t="s">
        <v>20078</v>
      </c>
    </row>
    <row r="11148" spans="2:12">
      <c r="B11148" s="367"/>
      <c r="C11148" s="367"/>
      <c r="D11148" s="367"/>
      <c r="E11148" s="367"/>
      <c r="F11148" s="360"/>
      <c r="G11148" s="360"/>
      <c r="H11148" s="360"/>
      <c r="I11148" s="360"/>
      <c r="J11148" s="367"/>
      <c r="K11148" s="365"/>
      <c r="L11148" s="367"/>
    </row>
    <row r="11149" spans="2:12">
      <c r="B11149" s="367"/>
      <c r="C11149" s="367"/>
      <c r="D11149" s="367"/>
      <c r="E11149" s="367"/>
      <c r="F11149" s="359" t="s">
        <v>14356</v>
      </c>
      <c r="G11149" s="359" t="s">
        <v>14340</v>
      </c>
      <c r="H11149" s="359" t="s">
        <v>14341</v>
      </c>
      <c r="I11149" s="359" t="s">
        <v>14340</v>
      </c>
      <c r="J11149" s="367"/>
      <c r="K11149" s="365"/>
      <c r="L11149" s="367"/>
    </row>
    <row r="11150" spans="2:12">
      <c r="B11150" s="367"/>
      <c r="C11150" s="367"/>
      <c r="D11150" s="367"/>
      <c r="E11150" s="367"/>
      <c r="F11150" s="360"/>
      <c r="G11150" s="360"/>
      <c r="H11150" s="360"/>
      <c r="I11150" s="360"/>
      <c r="J11150" s="367"/>
      <c r="K11150" s="365"/>
      <c r="L11150" s="367"/>
    </row>
    <row r="11151" spans="2:12">
      <c r="B11151" s="368"/>
      <c r="C11151" s="368"/>
      <c r="D11151" s="368"/>
      <c r="E11151" s="368"/>
      <c r="F11151" s="362"/>
      <c r="G11151" s="362"/>
      <c r="H11151" s="361" t="s">
        <v>14332</v>
      </c>
      <c r="I11151" s="362"/>
      <c r="J11151" s="368"/>
      <c r="K11151" s="366"/>
      <c r="L11151" s="368"/>
    </row>
    <row r="11152" spans="2:12">
      <c r="B11152" s="358" t="s">
        <v>20079</v>
      </c>
      <c r="C11152" s="358" t="s">
        <v>20080</v>
      </c>
      <c r="D11152" s="358" t="s">
        <v>20081</v>
      </c>
      <c r="E11152" s="358" t="s">
        <v>20082</v>
      </c>
      <c r="F11152" s="358" t="s">
        <v>14418</v>
      </c>
      <c r="G11152" s="358" t="s">
        <v>14419</v>
      </c>
      <c r="H11152" s="358" t="s">
        <v>14328</v>
      </c>
      <c r="I11152" s="358" t="s">
        <v>14419</v>
      </c>
      <c r="J11152" s="358"/>
      <c r="K11152" s="358" t="s">
        <v>14929</v>
      </c>
      <c r="L11152" s="358" t="s">
        <v>20078</v>
      </c>
    </row>
    <row r="11153" spans="2:12">
      <c r="B11153" s="367"/>
      <c r="C11153" s="367"/>
      <c r="D11153" s="367"/>
      <c r="E11153" s="367"/>
      <c r="F11153" s="360"/>
      <c r="G11153" s="360"/>
      <c r="H11153" s="360"/>
      <c r="I11153" s="360"/>
      <c r="J11153" s="365"/>
      <c r="K11153" s="360"/>
      <c r="L11153" s="367"/>
    </row>
    <row r="11154" spans="2:12" ht="42.75">
      <c r="B11154" s="367"/>
      <c r="C11154" s="367"/>
      <c r="D11154" s="367"/>
      <c r="E11154" s="367"/>
      <c r="F11154" s="359" t="s">
        <v>29206</v>
      </c>
      <c r="G11154" s="359" t="s">
        <v>16363</v>
      </c>
      <c r="H11154" s="359" t="s">
        <v>14341</v>
      </c>
      <c r="I11154" s="359" t="s">
        <v>16363</v>
      </c>
      <c r="J11154" s="365"/>
      <c r="K11154" s="359" t="s">
        <v>28614</v>
      </c>
      <c r="L11154" s="367"/>
    </row>
    <row r="11155" spans="2:12">
      <c r="B11155" s="367"/>
      <c r="C11155" s="367"/>
      <c r="D11155" s="367"/>
      <c r="E11155" s="367"/>
      <c r="F11155" s="360"/>
      <c r="G11155" s="360"/>
      <c r="H11155" s="360"/>
      <c r="I11155" s="360"/>
      <c r="J11155" s="365"/>
      <c r="K11155" s="360"/>
      <c r="L11155" s="367"/>
    </row>
    <row r="11156" spans="2:12">
      <c r="B11156" s="367"/>
      <c r="C11156" s="367"/>
      <c r="D11156" s="367"/>
      <c r="E11156" s="367"/>
      <c r="F11156" s="359" t="s">
        <v>14420</v>
      </c>
      <c r="G11156" s="359" t="s">
        <v>14459</v>
      </c>
      <c r="H11156" s="359" t="s">
        <v>14367</v>
      </c>
      <c r="I11156" s="359" t="s">
        <v>14459</v>
      </c>
      <c r="J11156" s="365"/>
      <c r="K11156" s="360"/>
      <c r="L11156" s="367"/>
    </row>
    <row r="11157" spans="2:12">
      <c r="B11157" s="367"/>
      <c r="C11157" s="367"/>
      <c r="D11157" s="367"/>
      <c r="E11157" s="367"/>
      <c r="F11157" s="360"/>
      <c r="G11157" s="360"/>
      <c r="H11157" s="360"/>
      <c r="I11157" s="360"/>
      <c r="J11157" s="365"/>
      <c r="K11157" s="360"/>
      <c r="L11157" s="367"/>
    </row>
    <row r="11158" spans="2:12">
      <c r="B11158" s="367"/>
      <c r="C11158" s="367"/>
      <c r="D11158" s="367"/>
      <c r="E11158" s="367"/>
      <c r="F11158" s="359" t="s">
        <v>14420</v>
      </c>
      <c r="G11158" s="359" t="s">
        <v>14421</v>
      </c>
      <c r="H11158" s="359" t="s">
        <v>14370</v>
      </c>
      <c r="I11158" s="359" t="s">
        <v>14421</v>
      </c>
      <c r="J11158" s="365"/>
      <c r="K11158" s="360"/>
      <c r="L11158" s="367"/>
    </row>
    <row r="11159" spans="2:12">
      <c r="B11159" s="367"/>
      <c r="C11159" s="367"/>
      <c r="D11159" s="367"/>
      <c r="E11159" s="367"/>
      <c r="F11159" s="360"/>
      <c r="G11159" s="360"/>
      <c r="H11159" s="360"/>
      <c r="I11159" s="360"/>
      <c r="J11159" s="365"/>
      <c r="K11159" s="360"/>
      <c r="L11159" s="367"/>
    </row>
    <row r="11160" spans="2:12" ht="28.5">
      <c r="B11160" s="367"/>
      <c r="C11160" s="367"/>
      <c r="D11160" s="367"/>
      <c r="E11160" s="367"/>
      <c r="F11160" s="359" t="s">
        <v>29053</v>
      </c>
      <c r="G11160" s="359" t="s">
        <v>14429</v>
      </c>
      <c r="H11160" s="359" t="s">
        <v>14332</v>
      </c>
      <c r="I11160" s="359" t="s">
        <v>14429</v>
      </c>
      <c r="J11160" s="365"/>
      <c r="K11160" s="360"/>
      <c r="L11160" s="367"/>
    </row>
    <row r="11161" spans="2:12">
      <c r="B11161" s="367"/>
      <c r="C11161" s="367"/>
      <c r="D11161" s="367"/>
      <c r="E11161" s="367"/>
      <c r="F11161" s="360"/>
      <c r="G11161" s="360"/>
      <c r="H11161" s="360"/>
      <c r="I11161" s="360"/>
      <c r="J11161" s="365"/>
      <c r="K11161" s="360"/>
      <c r="L11161" s="367"/>
    </row>
    <row r="11162" spans="2:12">
      <c r="B11162" s="367"/>
      <c r="C11162" s="367"/>
      <c r="D11162" s="367"/>
      <c r="E11162" s="367"/>
      <c r="F11162" s="360"/>
      <c r="G11162" s="359" t="s">
        <v>14340</v>
      </c>
      <c r="H11162" s="360"/>
      <c r="I11162" s="359" t="s">
        <v>14340</v>
      </c>
      <c r="J11162" s="365"/>
      <c r="K11162" s="360"/>
      <c r="L11162" s="367"/>
    </row>
    <row r="11163" spans="2:12">
      <c r="B11163" s="367"/>
      <c r="C11163" s="367"/>
      <c r="D11163" s="367"/>
      <c r="E11163" s="367"/>
      <c r="F11163" s="360"/>
      <c r="G11163" s="360"/>
      <c r="H11163" s="360"/>
      <c r="I11163" s="360"/>
      <c r="J11163" s="365"/>
      <c r="K11163" s="360"/>
      <c r="L11163" s="367"/>
    </row>
    <row r="11164" spans="2:12">
      <c r="B11164" s="368"/>
      <c r="C11164" s="368"/>
      <c r="D11164" s="368"/>
      <c r="E11164" s="368"/>
      <c r="F11164" s="362"/>
      <c r="G11164" s="361" t="s">
        <v>14372</v>
      </c>
      <c r="H11164" s="362"/>
      <c r="I11164" s="361" t="s">
        <v>14372</v>
      </c>
      <c r="J11164" s="366"/>
      <c r="K11164" s="362"/>
      <c r="L11164" s="368"/>
    </row>
    <row r="11165" spans="2:12" ht="42.75">
      <c r="B11165" s="358" t="s">
        <v>20083</v>
      </c>
      <c r="C11165" s="358" t="s">
        <v>20084</v>
      </c>
      <c r="D11165" s="358" t="s">
        <v>20085</v>
      </c>
      <c r="E11165" s="358" t="s">
        <v>20086</v>
      </c>
      <c r="F11165" s="358" t="s">
        <v>14420</v>
      </c>
      <c r="G11165" s="358" t="s">
        <v>14429</v>
      </c>
      <c r="H11165" s="358" t="s">
        <v>14367</v>
      </c>
      <c r="I11165" s="358" t="s">
        <v>14429</v>
      </c>
      <c r="J11165" s="358"/>
      <c r="K11165" s="358" t="s">
        <v>29207</v>
      </c>
      <c r="L11165" s="358"/>
    </row>
    <row r="11166" spans="2:12">
      <c r="B11166" s="367"/>
      <c r="C11166" s="367"/>
      <c r="D11166" s="367"/>
      <c r="E11166" s="367"/>
      <c r="F11166" s="360"/>
      <c r="G11166" s="360"/>
      <c r="H11166" s="360"/>
      <c r="I11166" s="360"/>
      <c r="J11166" s="365"/>
      <c r="K11166" s="367"/>
      <c r="L11166" s="365"/>
    </row>
    <row r="11167" spans="2:12">
      <c r="B11167" s="367"/>
      <c r="C11167" s="367"/>
      <c r="D11167" s="367"/>
      <c r="E11167" s="367"/>
      <c r="F11167" s="359" t="s">
        <v>14386</v>
      </c>
      <c r="G11167" s="359" t="s">
        <v>14387</v>
      </c>
      <c r="H11167" s="359" t="s">
        <v>14422</v>
      </c>
      <c r="I11167" s="359" t="s">
        <v>14387</v>
      </c>
      <c r="J11167" s="365"/>
      <c r="K11167" s="367"/>
      <c r="L11167" s="365"/>
    </row>
    <row r="11168" spans="2:12">
      <c r="B11168" s="367"/>
      <c r="C11168" s="367"/>
      <c r="D11168" s="367"/>
      <c r="E11168" s="367"/>
      <c r="F11168" s="360"/>
      <c r="G11168" s="360"/>
      <c r="H11168" s="360"/>
      <c r="I11168" s="360"/>
      <c r="J11168" s="365"/>
      <c r="K11168" s="367"/>
      <c r="L11168" s="365"/>
    </row>
    <row r="11169" spans="2:12">
      <c r="B11169" s="367"/>
      <c r="C11169" s="367"/>
      <c r="D11169" s="367"/>
      <c r="E11169" s="367"/>
      <c r="F11169" s="359" t="s">
        <v>14368</v>
      </c>
      <c r="G11169" s="359" t="s">
        <v>14388</v>
      </c>
      <c r="H11169" s="360"/>
      <c r="I11169" s="359" t="s">
        <v>14388</v>
      </c>
      <c r="J11169" s="365"/>
      <c r="K11169" s="367"/>
      <c r="L11169" s="365"/>
    </row>
    <row r="11170" spans="2:12">
      <c r="B11170" s="367"/>
      <c r="C11170" s="367"/>
      <c r="D11170" s="367"/>
      <c r="E11170" s="367"/>
      <c r="F11170" s="360"/>
      <c r="G11170" s="360"/>
      <c r="H11170" s="360"/>
      <c r="I11170" s="360"/>
      <c r="J11170" s="365"/>
      <c r="K11170" s="367"/>
      <c r="L11170" s="365"/>
    </row>
    <row r="11171" spans="2:12">
      <c r="B11171" s="367"/>
      <c r="C11171" s="367"/>
      <c r="D11171" s="367"/>
      <c r="E11171" s="367"/>
      <c r="F11171" s="359" t="s">
        <v>14389</v>
      </c>
      <c r="G11171" s="359" t="s">
        <v>14390</v>
      </c>
      <c r="H11171" s="360"/>
      <c r="I11171" s="359" t="s">
        <v>14390</v>
      </c>
      <c r="J11171" s="365"/>
      <c r="K11171" s="367"/>
      <c r="L11171" s="365"/>
    </row>
    <row r="11172" spans="2:12">
      <c r="B11172" s="367"/>
      <c r="C11172" s="367"/>
      <c r="D11172" s="367"/>
      <c r="E11172" s="367"/>
      <c r="F11172" s="360"/>
      <c r="G11172" s="360"/>
      <c r="H11172" s="360"/>
      <c r="I11172" s="360"/>
      <c r="J11172" s="365"/>
      <c r="K11172" s="367"/>
      <c r="L11172" s="365"/>
    </row>
    <row r="11173" spans="2:12">
      <c r="B11173" s="368"/>
      <c r="C11173" s="368"/>
      <c r="D11173" s="368"/>
      <c r="E11173" s="368"/>
      <c r="F11173" s="361" t="s">
        <v>14391</v>
      </c>
      <c r="G11173" s="361" t="s">
        <v>14392</v>
      </c>
      <c r="H11173" s="362"/>
      <c r="I11173" s="361" t="s">
        <v>14392</v>
      </c>
      <c r="J11173" s="366"/>
      <c r="K11173" s="368"/>
      <c r="L11173" s="366"/>
    </row>
    <row r="11174" spans="2:12">
      <c r="B11174" s="354" t="s">
        <v>28574</v>
      </c>
      <c r="C11174" s="369"/>
      <c r="D11174" s="369"/>
      <c r="E11174" s="369"/>
      <c r="F11174" s="369"/>
      <c r="G11174" s="369"/>
      <c r="H11174" s="369"/>
      <c r="I11174" s="369"/>
      <c r="J11174" s="369"/>
      <c r="K11174" s="369"/>
      <c r="L11174" s="370"/>
    </row>
    <row r="11175" spans="2:12" ht="42.75">
      <c r="B11175" s="358" t="s">
        <v>20087</v>
      </c>
      <c r="C11175" s="358" t="s">
        <v>20088</v>
      </c>
      <c r="D11175" s="358" t="s">
        <v>20089</v>
      </c>
      <c r="E11175" s="358" t="s">
        <v>20090</v>
      </c>
      <c r="F11175" s="358" t="s">
        <v>15089</v>
      </c>
      <c r="G11175" s="358" t="s">
        <v>14429</v>
      </c>
      <c r="H11175" s="358" t="s">
        <v>14367</v>
      </c>
      <c r="I11175" s="358" t="s">
        <v>14429</v>
      </c>
      <c r="J11175" s="358" t="s">
        <v>14944</v>
      </c>
      <c r="K11175" s="358" t="s">
        <v>29208</v>
      </c>
      <c r="L11175" s="358"/>
    </row>
    <row r="11176" spans="2:12">
      <c r="B11176" s="367"/>
      <c r="C11176" s="367"/>
      <c r="D11176" s="367"/>
      <c r="E11176" s="367"/>
      <c r="F11176" s="360"/>
      <c r="G11176" s="360"/>
      <c r="H11176" s="360"/>
      <c r="I11176" s="360"/>
      <c r="J11176" s="367"/>
      <c r="K11176" s="367"/>
      <c r="L11176" s="365"/>
    </row>
    <row r="11177" spans="2:12" ht="57">
      <c r="B11177" s="367"/>
      <c r="C11177" s="367"/>
      <c r="D11177" s="367"/>
      <c r="E11177" s="367"/>
      <c r="F11177" s="359" t="s">
        <v>14384</v>
      </c>
      <c r="G11177" s="359" t="s">
        <v>28394</v>
      </c>
      <c r="H11177" s="359" t="s">
        <v>14381</v>
      </c>
      <c r="I11177" s="359" t="s">
        <v>28394</v>
      </c>
      <c r="J11177" s="367"/>
      <c r="K11177" s="367"/>
      <c r="L11177" s="365"/>
    </row>
    <row r="11178" spans="2:12">
      <c r="B11178" s="367"/>
      <c r="C11178" s="367"/>
      <c r="D11178" s="367"/>
      <c r="E11178" s="367"/>
      <c r="F11178" s="360"/>
      <c r="G11178" s="360"/>
      <c r="H11178" s="360"/>
      <c r="I11178" s="360"/>
      <c r="J11178" s="367"/>
      <c r="K11178" s="367"/>
      <c r="L11178" s="365"/>
    </row>
    <row r="11179" spans="2:12">
      <c r="B11179" s="367"/>
      <c r="C11179" s="367"/>
      <c r="D11179" s="367"/>
      <c r="E11179" s="367"/>
      <c r="F11179" s="359" t="s">
        <v>14356</v>
      </c>
      <c r="G11179" s="359" t="s">
        <v>14340</v>
      </c>
      <c r="H11179" s="359" t="s">
        <v>14341</v>
      </c>
      <c r="I11179" s="359" t="s">
        <v>14340</v>
      </c>
      <c r="J11179" s="367"/>
      <c r="K11179" s="367"/>
      <c r="L11179" s="365"/>
    </row>
    <row r="11180" spans="2:12">
      <c r="B11180" s="367"/>
      <c r="C11180" s="367"/>
      <c r="D11180" s="367"/>
      <c r="E11180" s="367"/>
      <c r="F11180" s="360"/>
      <c r="G11180" s="360"/>
      <c r="H11180" s="360"/>
      <c r="I11180" s="360"/>
      <c r="J11180" s="367"/>
      <c r="K11180" s="367"/>
      <c r="L11180" s="365"/>
    </row>
    <row r="11181" spans="2:12">
      <c r="B11181" s="367"/>
      <c r="C11181" s="367"/>
      <c r="D11181" s="367"/>
      <c r="E11181" s="367"/>
      <c r="F11181" s="359" t="s">
        <v>14430</v>
      </c>
      <c r="G11181" s="359" t="s">
        <v>14431</v>
      </c>
      <c r="H11181" s="359" t="s">
        <v>14332</v>
      </c>
      <c r="I11181" s="359" t="s">
        <v>14815</v>
      </c>
      <c r="J11181" s="367"/>
      <c r="K11181" s="367"/>
      <c r="L11181" s="365"/>
    </row>
    <row r="11182" spans="2:12">
      <c r="B11182" s="367"/>
      <c r="C11182" s="367"/>
      <c r="D11182" s="367"/>
      <c r="E11182" s="367"/>
      <c r="F11182" s="360"/>
      <c r="G11182" s="360"/>
      <c r="H11182" s="360"/>
      <c r="I11182" s="360"/>
      <c r="J11182" s="367"/>
      <c r="K11182" s="367"/>
      <c r="L11182" s="365"/>
    </row>
    <row r="11183" spans="2:12">
      <c r="B11183" s="367"/>
      <c r="C11183" s="367"/>
      <c r="D11183" s="367"/>
      <c r="E11183" s="367"/>
      <c r="F11183" s="359" t="s">
        <v>14814</v>
      </c>
      <c r="G11183" s="359" t="s">
        <v>14815</v>
      </c>
      <c r="H11183" s="360"/>
      <c r="I11183" s="359" t="s">
        <v>14392</v>
      </c>
      <c r="J11183" s="367"/>
      <c r="K11183" s="367"/>
      <c r="L11183" s="365"/>
    </row>
    <row r="11184" spans="2:12">
      <c r="B11184" s="367"/>
      <c r="C11184" s="367"/>
      <c r="D11184" s="367"/>
      <c r="E11184" s="367"/>
      <c r="F11184" s="360"/>
      <c r="G11184" s="360"/>
      <c r="H11184" s="360"/>
      <c r="I11184" s="360"/>
      <c r="J11184" s="367"/>
      <c r="K11184" s="367"/>
      <c r="L11184" s="365"/>
    </row>
    <row r="11185" spans="2:12">
      <c r="B11185" s="368"/>
      <c r="C11185" s="368"/>
      <c r="D11185" s="368"/>
      <c r="E11185" s="368"/>
      <c r="F11185" s="361" t="s">
        <v>17088</v>
      </c>
      <c r="G11185" s="361" t="s">
        <v>14392</v>
      </c>
      <c r="H11185" s="362"/>
      <c r="I11185" s="362"/>
      <c r="J11185" s="368"/>
      <c r="K11185" s="368"/>
      <c r="L11185" s="366"/>
    </row>
    <row r="11186" spans="2:12">
      <c r="B11186" s="354" t="s">
        <v>28528</v>
      </c>
      <c r="C11186" s="369"/>
      <c r="D11186" s="369"/>
      <c r="E11186" s="369"/>
      <c r="F11186" s="369"/>
      <c r="G11186" s="369"/>
      <c r="H11186" s="369"/>
      <c r="I11186" s="369"/>
      <c r="J11186" s="369"/>
      <c r="K11186" s="369"/>
      <c r="L11186" s="370"/>
    </row>
    <row r="11187" spans="2:12" ht="28.5">
      <c r="B11187" s="358" t="s">
        <v>20091</v>
      </c>
      <c r="C11187" s="358" t="s">
        <v>29209</v>
      </c>
      <c r="D11187" s="358" t="s">
        <v>14094</v>
      </c>
      <c r="E11187" s="358" t="s">
        <v>14095</v>
      </c>
      <c r="F11187" s="358" t="s">
        <v>14368</v>
      </c>
      <c r="G11187" s="358" t="s">
        <v>14388</v>
      </c>
      <c r="H11187" s="358" t="s">
        <v>14381</v>
      </c>
      <c r="I11187" s="358" t="s">
        <v>14388</v>
      </c>
      <c r="J11187" s="358"/>
      <c r="K11187" s="358"/>
      <c r="L11187" s="358"/>
    </row>
    <row r="11188" spans="2:12">
      <c r="B11188" s="367"/>
      <c r="C11188" s="367"/>
      <c r="D11188" s="367"/>
      <c r="E11188" s="367"/>
      <c r="F11188" s="360"/>
      <c r="G11188" s="360"/>
      <c r="H11188" s="360"/>
      <c r="I11188" s="360"/>
      <c r="J11188" s="365"/>
      <c r="K11188" s="365"/>
      <c r="L11188" s="365"/>
    </row>
    <row r="11189" spans="2:12">
      <c r="B11189" s="367"/>
      <c r="C11189" s="367"/>
      <c r="D11189" s="367"/>
      <c r="E11189" s="367"/>
      <c r="F11189" s="359" t="s">
        <v>14430</v>
      </c>
      <c r="G11189" s="359" t="s">
        <v>14431</v>
      </c>
      <c r="H11189" s="359" t="s">
        <v>14341</v>
      </c>
      <c r="I11189" s="359" t="s">
        <v>14431</v>
      </c>
      <c r="J11189" s="365"/>
      <c r="K11189" s="365"/>
      <c r="L11189" s="365"/>
    </row>
    <row r="11190" spans="2:12">
      <c r="B11190" s="367"/>
      <c r="C11190" s="367"/>
      <c r="D11190" s="367"/>
      <c r="E11190" s="367"/>
      <c r="F11190" s="360"/>
      <c r="G11190" s="360"/>
      <c r="H11190" s="360"/>
      <c r="I11190" s="360"/>
      <c r="J11190" s="365"/>
      <c r="K11190" s="365"/>
      <c r="L11190" s="365"/>
    </row>
    <row r="11191" spans="2:12">
      <c r="B11191" s="367"/>
      <c r="C11191" s="367"/>
      <c r="D11191" s="367"/>
      <c r="E11191" s="367"/>
      <c r="F11191" s="359" t="s">
        <v>14814</v>
      </c>
      <c r="G11191" s="359" t="s">
        <v>14815</v>
      </c>
      <c r="H11191" s="359" t="s">
        <v>14367</v>
      </c>
      <c r="I11191" s="359" t="s">
        <v>14815</v>
      </c>
      <c r="J11191" s="365"/>
      <c r="K11191" s="365"/>
      <c r="L11191" s="365"/>
    </row>
    <row r="11192" spans="2:12">
      <c r="B11192" s="367"/>
      <c r="C11192" s="367"/>
      <c r="D11192" s="367"/>
      <c r="E11192" s="367"/>
      <c r="F11192" s="360"/>
      <c r="G11192" s="360"/>
      <c r="H11192" s="360"/>
      <c r="I11192" s="360"/>
      <c r="J11192" s="365"/>
      <c r="K11192" s="365"/>
      <c r="L11192" s="365"/>
    </row>
    <row r="11193" spans="2:12">
      <c r="B11193" s="368"/>
      <c r="C11193" s="368"/>
      <c r="D11193" s="368"/>
      <c r="E11193" s="368"/>
      <c r="F11193" s="361" t="s">
        <v>14391</v>
      </c>
      <c r="G11193" s="361" t="s">
        <v>14392</v>
      </c>
      <c r="H11193" s="361" t="s">
        <v>14332</v>
      </c>
      <c r="I11193" s="361" t="s">
        <v>14392</v>
      </c>
      <c r="J11193" s="366"/>
      <c r="K11193" s="366"/>
      <c r="L11193" s="366"/>
    </row>
    <row r="11194" spans="2:12" ht="42.75">
      <c r="B11194" s="358" t="s">
        <v>20092</v>
      </c>
      <c r="C11194" s="358" t="s">
        <v>29210</v>
      </c>
      <c r="D11194" s="358" t="s">
        <v>20093</v>
      </c>
      <c r="E11194" s="358" t="s">
        <v>20094</v>
      </c>
      <c r="F11194" s="358" t="s">
        <v>14430</v>
      </c>
      <c r="G11194" s="358" t="s">
        <v>14431</v>
      </c>
      <c r="H11194" s="358" t="s">
        <v>14381</v>
      </c>
      <c r="I11194" s="358" t="s">
        <v>14431</v>
      </c>
      <c r="J11194" s="358"/>
      <c r="K11194" s="358"/>
      <c r="L11194" s="358"/>
    </row>
    <row r="11195" spans="2:12">
      <c r="B11195" s="367"/>
      <c r="C11195" s="367"/>
      <c r="D11195" s="367"/>
      <c r="E11195" s="367"/>
      <c r="F11195" s="360"/>
      <c r="G11195" s="360"/>
      <c r="H11195" s="360"/>
      <c r="I11195" s="360"/>
      <c r="J11195" s="365"/>
      <c r="K11195" s="365"/>
      <c r="L11195" s="365"/>
    </row>
    <row r="11196" spans="2:12">
      <c r="B11196" s="367"/>
      <c r="C11196" s="367"/>
      <c r="D11196" s="367"/>
      <c r="E11196" s="367"/>
      <c r="F11196" s="359" t="s">
        <v>14814</v>
      </c>
      <c r="G11196" s="359" t="s">
        <v>14815</v>
      </c>
      <c r="H11196" s="359" t="s">
        <v>14341</v>
      </c>
      <c r="I11196" s="359" t="s">
        <v>14815</v>
      </c>
      <c r="J11196" s="365"/>
      <c r="K11196" s="365"/>
      <c r="L11196" s="365"/>
    </row>
    <row r="11197" spans="2:12">
      <c r="B11197" s="367"/>
      <c r="C11197" s="367"/>
      <c r="D11197" s="367"/>
      <c r="E11197" s="367"/>
      <c r="F11197" s="360"/>
      <c r="G11197" s="360"/>
      <c r="H11197" s="360"/>
      <c r="I11197" s="360"/>
      <c r="J11197" s="365"/>
      <c r="K11197" s="365"/>
      <c r="L11197" s="365"/>
    </row>
    <row r="11198" spans="2:12">
      <c r="B11198" s="368"/>
      <c r="C11198" s="368"/>
      <c r="D11198" s="368"/>
      <c r="E11198" s="368"/>
      <c r="F11198" s="361" t="s">
        <v>14391</v>
      </c>
      <c r="G11198" s="361" t="s">
        <v>14392</v>
      </c>
      <c r="H11198" s="361" t="s">
        <v>14332</v>
      </c>
      <c r="I11198" s="361" t="s">
        <v>14392</v>
      </c>
      <c r="J11198" s="366"/>
      <c r="K11198" s="366"/>
      <c r="L11198" s="366"/>
    </row>
    <row r="11199" spans="2:12" ht="57">
      <c r="B11199" s="358" t="s">
        <v>20095</v>
      </c>
      <c r="C11199" s="358" t="s">
        <v>30193</v>
      </c>
      <c r="D11199" s="358" t="s">
        <v>20096</v>
      </c>
      <c r="E11199" s="358" t="s">
        <v>20097</v>
      </c>
      <c r="F11199" s="358" t="s">
        <v>14430</v>
      </c>
      <c r="G11199" s="358" t="s">
        <v>14431</v>
      </c>
      <c r="H11199" s="358" t="s">
        <v>14381</v>
      </c>
      <c r="I11199" s="358" t="s">
        <v>14431</v>
      </c>
      <c r="J11199" s="358"/>
      <c r="K11199" s="358"/>
      <c r="L11199" s="358" t="s">
        <v>14611</v>
      </c>
    </row>
    <row r="11200" spans="2:12">
      <c r="B11200" s="367"/>
      <c r="C11200" s="367"/>
      <c r="D11200" s="360"/>
      <c r="E11200" s="360"/>
      <c r="F11200" s="360"/>
      <c r="G11200" s="360"/>
      <c r="H11200" s="360"/>
      <c r="I11200" s="360"/>
      <c r="J11200" s="365"/>
      <c r="K11200" s="365"/>
      <c r="L11200" s="367"/>
    </row>
    <row r="11201" spans="2:12">
      <c r="B11201" s="367"/>
      <c r="C11201" s="367"/>
      <c r="D11201" s="359" t="s">
        <v>20098</v>
      </c>
      <c r="E11201" s="359" t="s">
        <v>20099</v>
      </c>
      <c r="F11201" s="359" t="s">
        <v>14814</v>
      </c>
      <c r="G11201" s="359" t="s">
        <v>14815</v>
      </c>
      <c r="H11201" s="359" t="s">
        <v>14341</v>
      </c>
      <c r="I11201" s="359" t="s">
        <v>14815</v>
      </c>
      <c r="J11201" s="365"/>
      <c r="K11201" s="365"/>
      <c r="L11201" s="367"/>
    </row>
    <row r="11202" spans="2:12">
      <c r="B11202" s="367"/>
      <c r="C11202" s="367"/>
      <c r="D11202" s="360"/>
      <c r="E11202" s="360"/>
      <c r="F11202" s="360"/>
      <c r="G11202" s="360"/>
      <c r="H11202" s="360"/>
      <c r="I11202" s="360"/>
      <c r="J11202" s="365"/>
      <c r="K11202" s="365"/>
      <c r="L11202" s="367"/>
    </row>
    <row r="11203" spans="2:12" ht="28.5">
      <c r="B11203" s="367"/>
      <c r="C11203" s="367"/>
      <c r="D11203" s="359" t="s">
        <v>20100</v>
      </c>
      <c r="E11203" s="359" t="s">
        <v>20101</v>
      </c>
      <c r="F11203" s="359" t="s">
        <v>14391</v>
      </c>
      <c r="G11203" s="359" t="s">
        <v>14392</v>
      </c>
      <c r="H11203" s="359" t="s">
        <v>14332</v>
      </c>
      <c r="I11203" s="359" t="s">
        <v>14392</v>
      </c>
      <c r="J11203" s="365"/>
      <c r="K11203" s="365"/>
      <c r="L11203" s="367"/>
    </row>
    <row r="11204" spans="2:12">
      <c r="B11204" s="367"/>
      <c r="C11204" s="367"/>
      <c r="D11204" s="360"/>
      <c r="E11204" s="360"/>
      <c r="F11204" s="360"/>
      <c r="G11204" s="360"/>
      <c r="H11204" s="360"/>
      <c r="I11204" s="360"/>
      <c r="J11204" s="365"/>
      <c r="K11204" s="365"/>
      <c r="L11204" s="367"/>
    </row>
    <row r="11205" spans="2:12" ht="28.5">
      <c r="B11205" s="368"/>
      <c r="C11205" s="368"/>
      <c r="D11205" s="361" t="s">
        <v>20102</v>
      </c>
      <c r="E11205" s="361" t="s">
        <v>20103</v>
      </c>
      <c r="F11205" s="361" t="s">
        <v>14472</v>
      </c>
      <c r="G11205" s="361" t="s">
        <v>14473</v>
      </c>
      <c r="H11205" s="362"/>
      <c r="I11205" s="361" t="s">
        <v>14473</v>
      </c>
      <c r="J11205" s="366"/>
      <c r="K11205" s="366"/>
      <c r="L11205" s="368"/>
    </row>
    <row r="11206" spans="2:12" ht="71.25">
      <c r="B11206" s="358" t="s">
        <v>20104</v>
      </c>
      <c r="C11206" s="358" t="s">
        <v>29211</v>
      </c>
      <c r="D11206" s="358" t="s">
        <v>20105</v>
      </c>
      <c r="E11206" s="358" t="s">
        <v>20106</v>
      </c>
      <c r="F11206" s="358" t="s">
        <v>14386</v>
      </c>
      <c r="G11206" s="358" t="s">
        <v>14387</v>
      </c>
      <c r="H11206" s="358" t="s">
        <v>14367</v>
      </c>
      <c r="I11206" s="358" t="s">
        <v>14387</v>
      </c>
      <c r="J11206" s="358"/>
      <c r="K11206" s="358" t="s">
        <v>29212</v>
      </c>
      <c r="L11206" s="358"/>
    </row>
    <row r="11207" spans="2:12">
      <c r="B11207" s="367"/>
      <c r="C11207" s="367"/>
      <c r="D11207" s="367"/>
      <c r="E11207" s="367"/>
      <c r="F11207" s="360"/>
      <c r="G11207" s="360"/>
      <c r="H11207" s="360"/>
      <c r="I11207" s="360"/>
      <c r="J11207" s="365"/>
      <c r="K11207" s="367"/>
      <c r="L11207" s="365"/>
    </row>
    <row r="11208" spans="2:12">
      <c r="B11208" s="368"/>
      <c r="C11208" s="368"/>
      <c r="D11208" s="368"/>
      <c r="E11208" s="368"/>
      <c r="F11208" s="361" t="s">
        <v>14368</v>
      </c>
      <c r="G11208" s="361" t="s">
        <v>14388</v>
      </c>
      <c r="H11208" s="361" t="s">
        <v>14422</v>
      </c>
      <c r="I11208" s="361" t="s">
        <v>14388</v>
      </c>
      <c r="J11208" s="366"/>
      <c r="K11208" s="368"/>
      <c r="L11208" s="366"/>
    </row>
    <row r="11209" spans="2:12" ht="99.75">
      <c r="B11209" s="358" t="s">
        <v>20107</v>
      </c>
      <c r="C11209" s="358" t="s">
        <v>29213</v>
      </c>
      <c r="D11209" s="358" t="s">
        <v>20108</v>
      </c>
      <c r="E11209" s="358" t="s">
        <v>20109</v>
      </c>
      <c r="F11209" s="358" t="s">
        <v>14386</v>
      </c>
      <c r="G11209" s="358" t="s">
        <v>14387</v>
      </c>
      <c r="H11209" s="358" t="s">
        <v>14367</v>
      </c>
      <c r="I11209" s="358" t="s">
        <v>14387</v>
      </c>
      <c r="J11209" s="358"/>
      <c r="K11209" s="358" t="s">
        <v>28616</v>
      </c>
      <c r="L11209" s="358"/>
    </row>
    <row r="11210" spans="2:12">
      <c r="B11210" s="367"/>
      <c r="C11210" s="367"/>
      <c r="D11210" s="367"/>
      <c r="E11210" s="367"/>
      <c r="F11210" s="360"/>
      <c r="G11210" s="360"/>
      <c r="H11210" s="360"/>
      <c r="I11210" s="360"/>
      <c r="J11210" s="365"/>
      <c r="K11210" s="367"/>
      <c r="L11210" s="365"/>
    </row>
    <row r="11211" spans="2:12">
      <c r="B11211" s="367"/>
      <c r="C11211" s="367"/>
      <c r="D11211" s="367"/>
      <c r="E11211" s="367"/>
      <c r="F11211" s="359" t="s">
        <v>14368</v>
      </c>
      <c r="G11211" s="359" t="s">
        <v>14388</v>
      </c>
      <c r="H11211" s="359" t="s">
        <v>14422</v>
      </c>
      <c r="I11211" s="359" t="s">
        <v>14388</v>
      </c>
      <c r="J11211" s="365"/>
      <c r="K11211" s="367"/>
      <c r="L11211" s="365"/>
    </row>
    <row r="11212" spans="2:12">
      <c r="B11212" s="367"/>
      <c r="C11212" s="367"/>
      <c r="D11212" s="367"/>
      <c r="E11212" s="367"/>
      <c r="F11212" s="360"/>
      <c r="G11212" s="360"/>
      <c r="H11212" s="360"/>
      <c r="I11212" s="360"/>
      <c r="J11212" s="365"/>
      <c r="K11212" s="367"/>
      <c r="L11212" s="365"/>
    </row>
    <row r="11213" spans="2:12">
      <c r="B11213" s="368"/>
      <c r="C11213" s="368"/>
      <c r="D11213" s="368"/>
      <c r="E11213" s="368"/>
      <c r="F11213" s="361" t="s">
        <v>14389</v>
      </c>
      <c r="G11213" s="361" t="s">
        <v>14390</v>
      </c>
      <c r="H11213" s="362"/>
      <c r="I11213" s="361" t="s">
        <v>14390</v>
      </c>
      <c r="J11213" s="366"/>
      <c r="K11213" s="368"/>
      <c r="L11213" s="366"/>
    </row>
    <row r="11214" spans="2:12" ht="42.75">
      <c r="B11214" s="358" t="s">
        <v>20110</v>
      </c>
      <c r="C11214" s="358" t="s">
        <v>30194</v>
      </c>
      <c r="D11214" s="358" t="s">
        <v>20111</v>
      </c>
      <c r="E11214" s="358" t="s">
        <v>20112</v>
      </c>
      <c r="F11214" s="358" t="s">
        <v>14430</v>
      </c>
      <c r="G11214" s="358" t="s">
        <v>14431</v>
      </c>
      <c r="H11214" s="358" t="s">
        <v>14381</v>
      </c>
      <c r="I11214" s="358" t="s">
        <v>14431</v>
      </c>
      <c r="J11214" s="358"/>
      <c r="K11214" s="358"/>
      <c r="L11214" s="358" t="s">
        <v>14611</v>
      </c>
    </row>
    <row r="11215" spans="2:12">
      <c r="B11215" s="367"/>
      <c r="C11215" s="367"/>
      <c r="D11215" s="360"/>
      <c r="E11215" s="360"/>
      <c r="F11215" s="360"/>
      <c r="G11215" s="360"/>
      <c r="H11215" s="360"/>
      <c r="I11215" s="360"/>
      <c r="J11215" s="365"/>
      <c r="K11215" s="365"/>
      <c r="L11215" s="367"/>
    </row>
    <row r="11216" spans="2:12" ht="28.5">
      <c r="B11216" s="367"/>
      <c r="C11216" s="367"/>
      <c r="D11216" s="359" t="s">
        <v>20113</v>
      </c>
      <c r="E11216" s="359" t="s">
        <v>20114</v>
      </c>
      <c r="F11216" s="359" t="s">
        <v>14814</v>
      </c>
      <c r="G11216" s="359" t="s">
        <v>14815</v>
      </c>
      <c r="H11216" s="359" t="s">
        <v>14341</v>
      </c>
      <c r="I11216" s="359" t="s">
        <v>14815</v>
      </c>
      <c r="J11216" s="365"/>
      <c r="K11216" s="365"/>
      <c r="L11216" s="367"/>
    </row>
    <row r="11217" spans="2:12">
      <c r="B11217" s="367"/>
      <c r="C11217" s="367"/>
      <c r="D11217" s="360"/>
      <c r="E11217" s="360"/>
      <c r="F11217" s="360"/>
      <c r="G11217" s="360"/>
      <c r="H11217" s="360"/>
      <c r="I11217" s="360"/>
      <c r="J11217" s="365"/>
      <c r="K11217" s="365"/>
      <c r="L11217" s="367"/>
    </row>
    <row r="11218" spans="2:12" ht="28.5">
      <c r="B11218" s="368"/>
      <c r="C11218" s="368"/>
      <c r="D11218" s="361" t="s">
        <v>20115</v>
      </c>
      <c r="E11218" s="361" t="s">
        <v>20116</v>
      </c>
      <c r="F11218" s="361" t="s">
        <v>14391</v>
      </c>
      <c r="G11218" s="361" t="s">
        <v>14392</v>
      </c>
      <c r="H11218" s="361" t="s">
        <v>14332</v>
      </c>
      <c r="I11218" s="361" t="s">
        <v>14392</v>
      </c>
      <c r="J11218" s="366"/>
      <c r="K11218" s="366"/>
      <c r="L11218" s="368"/>
    </row>
    <row r="11219" spans="2:12">
      <c r="B11219" s="354" t="s">
        <v>28574</v>
      </c>
      <c r="C11219" s="369"/>
      <c r="D11219" s="369"/>
      <c r="E11219" s="369"/>
      <c r="F11219" s="369"/>
      <c r="G11219" s="369"/>
      <c r="H11219" s="369"/>
      <c r="I11219" s="369"/>
      <c r="J11219" s="369"/>
      <c r="K11219" s="369"/>
      <c r="L11219" s="370"/>
    </row>
    <row r="11220" spans="2:12">
      <c r="B11220" s="358" t="s">
        <v>20117</v>
      </c>
      <c r="C11220" s="358" t="s">
        <v>20118</v>
      </c>
      <c r="D11220" s="358" t="s">
        <v>20119</v>
      </c>
      <c r="E11220" s="358" t="s">
        <v>20120</v>
      </c>
      <c r="F11220" s="358" t="s">
        <v>15089</v>
      </c>
      <c r="G11220" s="358" t="s">
        <v>14429</v>
      </c>
      <c r="H11220" s="358" t="s">
        <v>14367</v>
      </c>
      <c r="I11220" s="358" t="s">
        <v>14429</v>
      </c>
      <c r="J11220" s="358" t="s">
        <v>14944</v>
      </c>
      <c r="K11220" s="358"/>
      <c r="L11220" s="358"/>
    </row>
    <row r="11221" spans="2:12">
      <c r="B11221" s="367"/>
      <c r="C11221" s="367"/>
      <c r="D11221" s="367"/>
      <c r="E11221" s="367"/>
      <c r="F11221" s="360"/>
      <c r="G11221" s="360"/>
      <c r="H11221" s="360"/>
      <c r="I11221" s="360"/>
      <c r="J11221" s="367"/>
      <c r="K11221" s="365"/>
      <c r="L11221" s="365"/>
    </row>
    <row r="11222" spans="2:12">
      <c r="B11222" s="367"/>
      <c r="C11222" s="367"/>
      <c r="D11222" s="367"/>
      <c r="E11222" s="367"/>
      <c r="F11222" s="359" t="s">
        <v>25086</v>
      </c>
      <c r="G11222" s="359" t="s">
        <v>14340</v>
      </c>
      <c r="H11222" s="359" t="s">
        <v>14341</v>
      </c>
      <c r="I11222" s="359" t="s">
        <v>14340</v>
      </c>
      <c r="J11222" s="367"/>
      <c r="K11222" s="365"/>
      <c r="L11222" s="365"/>
    </row>
    <row r="11223" spans="2:12">
      <c r="B11223" s="367"/>
      <c r="C11223" s="367"/>
      <c r="D11223" s="367"/>
      <c r="E11223" s="367"/>
      <c r="F11223" s="360"/>
      <c r="G11223" s="360"/>
      <c r="H11223" s="360"/>
      <c r="I11223" s="360"/>
      <c r="J11223" s="367"/>
      <c r="K11223" s="365"/>
      <c r="L11223" s="365"/>
    </row>
    <row r="11224" spans="2:12">
      <c r="B11224" s="367"/>
      <c r="C11224" s="367"/>
      <c r="D11224" s="367"/>
      <c r="E11224" s="367"/>
      <c r="F11224" s="359" t="s">
        <v>14430</v>
      </c>
      <c r="G11224" s="359" t="s">
        <v>14431</v>
      </c>
      <c r="H11224" s="359" t="s">
        <v>14381</v>
      </c>
      <c r="I11224" s="359" t="s">
        <v>14815</v>
      </c>
      <c r="J11224" s="367"/>
      <c r="K11224" s="365"/>
      <c r="L11224" s="365"/>
    </row>
    <row r="11225" spans="2:12">
      <c r="B11225" s="367"/>
      <c r="C11225" s="367"/>
      <c r="D11225" s="367"/>
      <c r="E11225" s="367"/>
      <c r="F11225" s="360"/>
      <c r="G11225" s="360"/>
      <c r="H11225" s="360"/>
      <c r="I11225" s="360"/>
      <c r="J11225" s="367"/>
      <c r="K11225" s="365"/>
      <c r="L11225" s="365"/>
    </row>
    <row r="11226" spans="2:12">
      <c r="B11226" s="367"/>
      <c r="C11226" s="367"/>
      <c r="D11226" s="367"/>
      <c r="E11226" s="367"/>
      <c r="F11226" s="359" t="s">
        <v>14814</v>
      </c>
      <c r="G11226" s="359" t="s">
        <v>14815</v>
      </c>
      <c r="H11226" s="359" t="s">
        <v>14332</v>
      </c>
      <c r="I11226" s="359" t="s">
        <v>14392</v>
      </c>
      <c r="J11226" s="367"/>
      <c r="K11226" s="365"/>
      <c r="L11226" s="365"/>
    </row>
    <row r="11227" spans="2:12">
      <c r="B11227" s="367"/>
      <c r="C11227" s="367"/>
      <c r="D11227" s="367"/>
      <c r="E11227" s="367"/>
      <c r="F11227" s="360"/>
      <c r="G11227" s="360"/>
      <c r="H11227" s="360"/>
      <c r="I11227" s="360"/>
      <c r="J11227" s="367"/>
      <c r="K11227" s="365"/>
      <c r="L11227" s="365"/>
    </row>
    <row r="11228" spans="2:12">
      <c r="B11228" s="368"/>
      <c r="C11228" s="368"/>
      <c r="D11228" s="368"/>
      <c r="E11228" s="368"/>
      <c r="F11228" s="361" t="s">
        <v>14391</v>
      </c>
      <c r="G11228" s="361" t="s">
        <v>14392</v>
      </c>
      <c r="H11228" s="362"/>
      <c r="I11228" s="362"/>
      <c r="J11228" s="368"/>
      <c r="K11228" s="366"/>
      <c r="L11228" s="366"/>
    </row>
    <row r="11229" spans="2:12">
      <c r="B11229" s="354" t="s">
        <v>28528</v>
      </c>
      <c r="C11229" s="369"/>
      <c r="D11229" s="369"/>
      <c r="E11229" s="369"/>
      <c r="F11229" s="369"/>
      <c r="G11229" s="369"/>
      <c r="H11229" s="369"/>
      <c r="I11229" s="369"/>
      <c r="J11229" s="369"/>
      <c r="K11229" s="369"/>
      <c r="L11229" s="370"/>
    </row>
    <row r="11230" spans="2:12" ht="71.25">
      <c r="B11230" s="358" t="s">
        <v>20121</v>
      </c>
      <c r="C11230" s="358" t="s">
        <v>20122</v>
      </c>
      <c r="D11230" s="358" t="s">
        <v>20123</v>
      </c>
      <c r="E11230" s="358" t="s">
        <v>20124</v>
      </c>
      <c r="F11230" s="358" t="s">
        <v>14386</v>
      </c>
      <c r="G11230" s="358" t="s">
        <v>14387</v>
      </c>
      <c r="H11230" s="358" t="s">
        <v>14367</v>
      </c>
      <c r="I11230" s="358" t="s">
        <v>14387</v>
      </c>
      <c r="J11230" s="358"/>
      <c r="K11230" s="358" t="s">
        <v>29214</v>
      </c>
      <c r="L11230" s="358"/>
    </row>
    <row r="11231" spans="2:12">
      <c r="B11231" s="367"/>
      <c r="C11231" s="367"/>
      <c r="D11231" s="367"/>
      <c r="E11231" s="367"/>
      <c r="F11231" s="360"/>
      <c r="G11231" s="360"/>
      <c r="H11231" s="360"/>
      <c r="I11231" s="360"/>
      <c r="J11231" s="365"/>
      <c r="K11231" s="367"/>
      <c r="L11231" s="365"/>
    </row>
    <row r="11232" spans="2:12">
      <c r="B11232" s="368"/>
      <c r="C11232" s="368"/>
      <c r="D11232" s="368"/>
      <c r="E11232" s="368"/>
      <c r="F11232" s="361" t="s">
        <v>14368</v>
      </c>
      <c r="G11232" s="361" t="s">
        <v>14388</v>
      </c>
      <c r="H11232" s="361" t="s">
        <v>14422</v>
      </c>
      <c r="I11232" s="361" t="s">
        <v>14388</v>
      </c>
      <c r="J11232" s="366"/>
      <c r="K11232" s="368"/>
      <c r="L11232" s="366"/>
    </row>
    <row r="11233" spans="2:12" ht="57">
      <c r="B11233" s="358" t="s">
        <v>20125</v>
      </c>
      <c r="C11233" s="358" t="s">
        <v>29215</v>
      </c>
      <c r="D11233" s="358" t="s">
        <v>20126</v>
      </c>
      <c r="E11233" s="358" t="s">
        <v>20127</v>
      </c>
      <c r="F11233" s="358" t="s">
        <v>14430</v>
      </c>
      <c r="G11233" s="358" t="s">
        <v>14431</v>
      </c>
      <c r="H11233" s="358" t="s">
        <v>14381</v>
      </c>
      <c r="I11233" s="358" t="s">
        <v>14431</v>
      </c>
      <c r="J11233" s="358"/>
      <c r="K11233" s="358"/>
      <c r="L11233" s="358" t="s">
        <v>14611</v>
      </c>
    </row>
    <row r="11234" spans="2:12">
      <c r="B11234" s="367"/>
      <c r="C11234" s="367"/>
      <c r="D11234" s="360"/>
      <c r="E11234" s="360"/>
      <c r="F11234" s="360"/>
      <c r="G11234" s="360"/>
      <c r="H11234" s="360"/>
      <c r="I11234" s="360"/>
      <c r="J11234" s="365"/>
      <c r="K11234" s="365"/>
      <c r="L11234" s="367"/>
    </row>
    <row r="11235" spans="2:12">
      <c r="B11235" s="367"/>
      <c r="C11235" s="367"/>
      <c r="D11235" s="359" t="s">
        <v>20128</v>
      </c>
      <c r="E11235" s="359" t="s">
        <v>20129</v>
      </c>
      <c r="F11235" s="359" t="s">
        <v>14814</v>
      </c>
      <c r="G11235" s="359" t="s">
        <v>14815</v>
      </c>
      <c r="H11235" s="359" t="s">
        <v>14341</v>
      </c>
      <c r="I11235" s="359" t="s">
        <v>14815</v>
      </c>
      <c r="J11235" s="365"/>
      <c r="K11235" s="365"/>
      <c r="L11235" s="367"/>
    </row>
    <row r="11236" spans="2:12">
      <c r="B11236" s="367"/>
      <c r="C11236" s="367"/>
      <c r="D11236" s="360"/>
      <c r="E11236" s="360"/>
      <c r="F11236" s="360"/>
      <c r="G11236" s="360"/>
      <c r="H11236" s="360"/>
      <c r="I11236" s="360"/>
      <c r="J11236" s="365"/>
      <c r="K11236" s="365"/>
      <c r="L11236" s="367"/>
    </row>
    <row r="11237" spans="2:12" ht="28.5">
      <c r="B11237" s="368"/>
      <c r="C11237" s="368"/>
      <c r="D11237" s="361" t="s">
        <v>20130</v>
      </c>
      <c r="E11237" s="361" t="s">
        <v>20131</v>
      </c>
      <c r="F11237" s="361" t="s">
        <v>14391</v>
      </c>
      <c r="G11237" s="361" t="s">
        <v>14392</v>
      </c>
      <c r="H11237" s="361" t="s">
        <v>14332</v>
      </c>
      <c r="I11237" s="361" t="s">
        <v>14392</v>
      </c>
      <c r="J11237" s="366"/>
      <c r="K11237" s="366"/>
      <c r="L11237" s="368"/>
    </row>
    <row r="11238" spans="2:12" ht="42.75">
      <c r="B11238" s="358" t="s">
        <v>20132</v>
      </c>
      <c r="C11238" s="358" t="s">
        <v>20133</v>
      </c>
      <c r="D11238" s="358" t="s">
        <v>8356</v>
      </c>
      <c r="E11238" s="358" t="s">
        <v>20134</v>
      </c>
      <c r="F11238" s="358" t="s">
        <v>14420</v>
      </c>
      <c r="G11238" s="358" t="s">
        <v>14429</v>
      </c>
      <c r="H11238" s="358" t="s">
        <v>14381</v>
      </c>
      <c r="I11238" s="358" t="s">
        <v>14429</v>
      </c>
      <c r="J11238" s="358"/>
      <c r="K11238" s="358" t="s">
        <v>28685</v>
      </c>
      <c r="L11238" s="358" t="s">
        <v>14611</v>
      </c>
    </row>
    <row r="11239" spans="2:12">
      <c r="B11239" s="367"/>
      <c r="C11239" s="367"/>
      <c r="D11239" s="367"/>
      <c r="E11239" s="367"/>
      <c r="F11239" s="360"/>
      <c r="G11239" s="360"/>
      <c r="H11239" s="360"/>
      <c r="I11239" s="360"/>
      <c r="J11239" s="365"/>
      <c r="K11239" s="367"/>
      <c r="L11239" s="367"/>
    </row>
    <row r="11240" spans="2:12">
      <c r="B11240" s="367"/>
      <c r="C11240" s="367"/>
      <c r="D11240" s="367"/>
      <c r="E11240" s="367"/>
      <c r="F11240" s="359" t="s">
        <v>14386</v>
      </c>
      <c r="G11240" s="359" t="s">
        <v>14387</v>
      </c>
      <c r="H11240" s="359" t="s">
        <v>14367</v>
      </c>
      <c r="I11240" s="359" t="s">
        <v>14387</v>
      </c>
      <c r="J11240" s="365"/>
      <c r="K11240" s="367"/>
      <c r="L11240" s="367"/>
    </row>
    <row r="11241" spans="2:12">
      <c r="B11241" s="367"/>
      <c r="C11241" s="367"/>
      <c r="D11241" s="367"/>
      <c r="E11241" s="367"/>
      <c r="F11241" s="360"/>
      <c r="G11241" s="360"/>
      <c r="H11241" s="360"/>
      <c r="I11241" s="360"/>
      <c r="J11241" s="365"/>
      <c r="K11241" s="367"/>
      <c r="L11241" s="367"/>
    </row>
    <row r="11242" spans="2:12">
      <c r="B11242" s="367"/>
      <c r="C11242" s="367"/>
      <c r="D11242" s="367"/>
      <c r="E11242" s="367"/>
      <c r="F11242" s="359" t="s">
        <v>14368</v>
      </c>
      <c r="G11242" s="359" t="s">
        <v>14388</v>
      </c>
      <c r="H11242" s="359" t="s">
        <v>14332</v>
      </c>
      <c r="I11242" s="359" t="s">
        <v>14388</v>
      </c>
      <c r="J11242" s="365"/>
      <c r="K11242" s="367"/>
      <c r="L11242" s="367"/>
    </row>
    <row r="11243" spans="2:12">
      <c r="B11243" s="367"/>
      <c r="C11243" s="367"/>
      <c r="D11243" s="367"/>
      <c r="E11243" s="367"/>
      <c r="F11243" s="360"/>
      <c r="G11243" s="360"/>
      <c r="H11243" s="360"/>
      <c r="I11243" s="360"/>
      <c r="J11243" s="365"/>
      <c r="K11243" s="367"/>
      <c r="L11243" s="367"/>
    </row>
    <row r="11244" spans="2:12">
      <c r="B11244" s="367"/>
      <c r="C11244" s="367"/>
      <c r="D11244" s="367"/>
      <c r="E11244" s="367"/>
      <c r="F11244" s="359" t="s">
        <v>14389</v>
      </c>
      <c r="G11244" s="359" t="s">
        <v>14390</v>
      </c>
      <c r="H11244" s="360"/>
      <c r="I11244" s="359" t="s">
        <v>14390</v>
      </c>
      <c r="J11244" s="365"/>
      <c r="K11244" s="367"/>
      <c r="L11244" s="367"/>
    </row>
    <row r="11245" spans="2:12">
      <c r="B11245" s="367"/>
      <c r="C11245" s="367"/>
      <c r="D11245" s="367"/>
      <c r="E11245" s="367"/>
      <c r="F11245" s="360"/>
      <c r="G11245" s="360"/>
      <c r="H11245" s="360"/>
      <c r="I11245" s="360"/>
      <c r="J11245" s="365"/>
      <c r="K11245" s="367"/>
      <c r="L11245" s="367"/>
    </row>
    <row r="11246" spans="2:12">
      <c r="B11246" s="368"/>
      <c r="C11246" s="368"/>
      <c r="D11246" s="368"/>
      <c r="E11246" s="368"/>
      <c r="F11246" s="361" t="s">
        <v>14814</v>
      </c>
      <c r="G11246" s="361" t="s">
        <v>14815</v>
      </c>
      <c r="H11246" s="362"/>
      <c r="I11246" s="361" t="s">
        <v>14815</v>
      </c>
      <c r="J11246" s="366"/>
      <c r="K11246" s="368"/>
      <c r="L11246" s="368"/>
    </row>
    <row r="11247" spans="2:12">
      <c r="B11247" s="358" t="s">
        <v>20135</v>
      </c>
      <c r="C11247" s="358" t="s">
        <v>20136</v>
      </c>
      <c r="D11247" s="358" t="s">
        <v>20137</v>
      </c>
      <c r="E11247" s="358" t="s">
        <v>20138</v>
      </c>
      <c r="F11247" s="358" t="s">
        <v>14368</v>
      </c>
      <c r="G11247" s="358" t="s">
        <v>14388</v>
      </c>
      <c r="H11247" s="358" t="s">
        <v>14367</v>
      </c>
      <c r="I11247" s="358" t="s">
        <v>14388</v>
      </c>
      <c r="J11247" s="358"/>
      <c r="K11247" s="358"/>
      <c r="L11247" s="358" t="s">
        <v>595</v>
      </c>
    </row>
    <row r="11248" spans="2:12">
      <c r="B11248" s="367"/>
      <c r="C11248" s="367"/>
      <c r="D11248" s="367"/>
      <c r="E11248" s="367"/>
      <c r="F11248" s="360"/>
      <c r="G11248" s="360"/>
      <c r="H11248" s="360"/>
      <c r="I11248" s="360"/>
      <c r="J11248" s="365"/>
      <c r="K11248" s="365"/>
      <c r="L11248" s="367"/>
    </row>
    <row r="11249" spans="2:12">
      <c r="B11249" s="367"/>
      <c r="C11249" s="367"/>
      <c r="D11249" s="367"/>
      <c r="E11249" s="367"/>
      <c r="F11249" s="359" t="s">
        <v>14389</v>
      </c>
      <c r="G11249" s="359" t="s">
        <v>14390</v>
      </c>
      <c r="H11249" s="359" t="s">
        <v>14422</v>
      </c>
      <c r="I11249" s="359" t="s">
        <v>14390</v>
      </c>
      <c r="J11249" s="365"/>
      <c r="K11249" s="365"/>
      <c r="L11249" s="367"/>
    </row>
    <row r="11250" spans="2:12">
      <c r="B11250" s="367"/>
      <c r="C11250" s="367"/>
      <c r="D11250" s="367"/>
      <c r="E11250" s="367"/>
      <c r="F11250" s="360"/>
      <c r="G11250" s="360"/>
      <c r="H11250" s="360"/>
      <c r="I11250" s="360"/>
      <c r="J11250" s="365"/>
      <c r="K11250" s="365"/>
      <c r="L11250" s="367"/>
    </row>
    <row r="11251" spans="2:12">
      <c r="B11251" s="368"/>
      <c r="C11251" s="368"/>
      <c r="D11251" s="368"/>
      <c r="E11251" s="368"/>
      <c r="F11251" s="361" t="s">
        <v>14391</v>
      </c>
      <c r="G11251" s="361" t="s">
        <v>14392</v>
      </c>
      <c r="H11251" s="362"/>
      <c r="I11251" s="361" t="s">
        <v>14392</v>
      </c>
      <c r="J11251" s="366"/>
      <c r="K11251" s="366"/>
      <c r="L11251" s="368"/>
    </row>
    <row r="11252" spans="2:12" ht="42.75">
      <c r="B11252" s="358" t="s">
        <v>20139</v>
      </c>
      <c r="C11252" s="358" t="s">
        <v>29216</v>
      </c>
      <c r="D11252" s="358" t="s">
        <v>20140</v>
      </c>
      <c r="E11252" s="358" t="s">
        <v>20141</v>
      </c>
      <c r="F11252" s="358" t="s">
        <v>29010</v>
      </c>
      <c r="G11252" s="358" t="s">
        <v>14483</v>
      </c>
      <c r="H11252" s="358" t="s">
        <v>14378</v>
      </c>
      <c r="I11252" s="358" t="s">
        <v>14483</v>
      </c>
      <c r="J11252" s="358"/>
      <c r="K11252" s="358" t="s">
        <v>14929</v>
      </c>
      <c r="L11252" s="358" t="s">
        <v>17820</v>
      </c>
    </row>
    <row r="11253" spans="2:12">
      <c r="B11253" s="367"/>
      <c r="C11253" s="367"/>
      <c r="D11253" s="360"/>
      <c r="E11253" s="360"/>
      <c r="F11253" s="360"/>
      <c r="G11253" s="360"/>
      <c r="H11253" s="360"/>
      <c r="I11253" s="360"/>
      <c r="J11253" s="365"/>
      <c r="K11253" s="360"/>
      <c r="L11253" s="367"/>
    </row>
    <row r="11254" spans="2:12" ht="42.75">
      <c r="B11254" s="367"/>
      <c r="C11254" s="367"/>
      <c r="D11254" s="359" t="s">
        <v>20142</v>
      </c>
      <c r="E11254" s="359" t="s">
        <v>20143</v>
      </c>
      <c r="F11254" s="359" t="s">
        <v>14356</v>
      </c>
      <c r="G11254" s="359" t="s">
        <v>14579</v>
      </c>
      <c r="H11254" s="359" t="s">
        <v>14341</v>
      </c>
      <c r="I11254" s="359" t="s">
        <v>14579</v>
      </c>
      <c r="J11254" s="365"/>
      <c r="K11254" s="359" t="s">
        <v>28710</v>
      </c>
      <c r="L11254" s="367"/>
    </row>
    <row r="11255" spans="2:12">
      <c r="B11255" s="367"/>
      <c r="C11255" s="367"/>
      <c r="D11255" s="360"/>
      <c r="E11255" s="360"/>
      <c r="F11255" s="360"/>
      <c r="G11255" s="360"/>
      <c r="H11255" s="360"/>
      <c r="I11255" s="360"/>
      <c r="J11255" s="365"/>
      <c r="K11255" s="360"/>
      <c r="L11255" s="367"/>
    </row>
    <row r="11256" spans="2:12" ht="28.5">
      <c r="B11256" s="367"/>
      <c r="C11256" s="367"/>
      <c r="D11256" s="359" t="s">
        <v>20144</v>
      </c>
      <c r="E11256" s="359" t="s">
        <v>20145</v>
      </c>
      <c r="F11256" s="359" t="s">
        <v>14391</v>
      </c>
      <c r="G11256" s="359" t="s">
        <v>14383</v>
      </c>
      <c r="H11256" s="359" t="s">
        <v>14332</v>
      </c>
      <c r="I11256" s="359" t="s">
        <v>14383</v>
      </c>
      <c r="J11256" s="365"/>
      <c r="K11256" s="360"/>
      <c r="L11256" s="367"/>
    </row>
    <row r="11257" spans="2:12">
      <c r="B11257" s="367"/>
      <c r="C11257" s="367"/>
      <c r="D11257" s="360"/>
      <c r="E11257" s="360"/>
      <c r="F11257" s="360"/>
      <c r="G11257" s="360"/>
      <c r="H11257" s="360"/>
      <c r="I11257" s="360"/>
      <c r="J11257" s="365"/>
      <c r="K11257" s="360"/>
      <c r="L11257" s="367"/>
    </row>
    <row r="11258" spans="2:12">
      <c r="B11258" s="367"/>
      <c r="C11258" s="367"/>
      <c r="D11258" s="360"/>
      <c r="E11258" s="360"/>
      <c r="F11258" s="360"/>
      <c r="G11258" s="359" t="s">
        <v>14340</v>
      </c>
      <c r="H11258" s="360"/>
      <c r="I11258" s="359" t="s">
        <v>14340</v>
      </c>
      <c r="J11258" s="365"/>
      <c r="K11258" s="360"/>
      <c r="L11258" s="367"/>
    </row>
    <row r="11259" spans="2:12">
      <c r="B11259" s="367"/>
      <c r="C11259" s="367"/>
      <c r="D11259" s="360"/>
      <c r="E11259" s="360"/>
      <c r="F11259" s="360"/>
      <c r="G11259" s="360"/>
      <c r="H11259" s="360"/>
      <c r="I11259" s="360"/>
      <c r="J11259" s="365"/>
      <c r="K11259" s="360"/>
      <c r="L11259" s="367"/>
    </row>
    <row r="11260" spans="2:12">
      <c r="B11260" s="368"/>
      <c r="C11260" s="368"/>
      <c r="D11260" s="362"/>
      <c r="E11260" s="362"/>
      <c r="F11260" s="362"/>
      <c r="G11260" s="361" t="s">
        <v>14392</v>
      </c>
      <c r="H11260" s="362"/>
      <c r="I11260" s="361" t="s">
        <v>14392</v>
      </c>
      <c r="J11260" s="366"/>
      <c r="K11260" s="362"/>
      <c r="L11260" s="368"/>
    </row>
    <row r="11261" spans="2:12">
      <c r="B11261" s="358" t="s">
        <v>20146</v>
      </c>
      <c r="C11261" s="358" t="s">
        <v>29217</v>
      </c>
      <c r="D11261" s="358" t="s">
        <v>20147</v>
      </c>
      <c r="E11261" s="358" t="s">
        <v>20148</v>
      </c>
      <c r="F11261" s="358" t="s">
        <v>14386</v>
      </c>
      <c r="G11261" s="358" t="s">
        <v>14387</v>
      </c>
      <c r="H11261" s="358" t="s">
        <v>14367</v>
      </c>
      <c r="I11261" s="358" t="s">
        <v>14387</v>
      </c>
      <c r="J11261" s="358"/>
      <c r="K11261" s="358"/>
      <c r="L11261" s="358" t="s">
        <v>595</v>
      </c>
    </row>
    <row r="11262" spans="2:12">
      <c r="B11262" s="367"/>
      <c r="C11262" s="367"/>
      <c r="D11262" s="367"/>
      <c r="E11262" s="367"/>
      <c r="F11262" s="360"/>
      <c r="G11262" s="360"/>
      <c r="H11262" s="360"/>
      <c r="I11262" s="360"/>
      <c r="J11262" s="365"/>
      <c r="K11262" s="365"/>
      <c r="L11262" s="367"/>
    </row>
    <row r="11263" spans="2:12">
      <c r="B11263" s="367"/>
      <c r="C11263" s="367"/>
      <c r="D11263" s="367"/>
      <c r="E11263" s="367"/>
      <c r="F11263" s="359" t="s">
        <v>14389</v>
      </c>
      <c r="G11263" s="359" t="s">
        <v>14390</v>
      </c>
      <c r="H11263" s="359" t="s">
        <v>14422</v>
      </c>
      <c r="I11263" s="359" t="s">
        <v>14390</v>
      </c>
      <c r="J11263" s="365"/>
      <c r="K11263" s="365"/>
      <c r="L11263" s="367"/>
    </row>
    <row r="11264" spans="2:12">
      <c r="B11264" s="367"/>
      <c r="C11264" s="367"/>
      <c r="D11264" s="367"/>
      <c r="E11264" s="367"/>
      <c r="F11264" s="360"/>
      <c r="G11264" s="360"/>
      <c r="H11264" s="360"/>
      <c r="I11264" s="360"/>
      <c r="J11264" s="365"/>
      <c r="K11264" s="365"/>
      <c r="L11264" s="367"/>
    </row>
    <row r="11265" spans="2:12">
      <c r="B11265" s="368"/>
      <c r="C11265" s="368"/>
      <c r="D11265" s="368"/>
      <c r="E11265" s="368"/>
      <c r="F11265" s="361" t="s">
        <v>14391</v>
      </c>
      <c r="G11265" s="361" t="s">
        <v>14392</v>
      </c>
      <c r="H11265" s="362"/>
      <c r="I11265" s="361" t="s">
        <v>14392</v>
      </c>
      <c r="J11265" s="366"/>
      <c r="K11265" s="366"/>
      <c r="L11265" s="368"/>
    </row>
    <row r="11266" spans="2:12">
      <c r="B11266" s="358" t="s">
        <v>20149</v>
      </c>
      <c r="C11266" s="358" t="s">
        <v>20150</v>
      </c>
      <c r="D11266" s="358" t="s">
        <v>20151</v>
      </c>
      <c r="E11266" s="358" t="s">
        <v>20152</v>
      </c>
      <c r="F11266" s="358" t="s">
        <v>14386</v>
      </c>
      <c r="G11266" s="358" t="s">
        <v>14387</v>
      </c>
      <c r="H11266" s="358" t="s">
        <v>14367</v>
      </c>
      <c r="I11266" s="358" t="s">
        <v>14387</v>
      </c>
      <c r="J11266" s="358"/>
      <c r="K11266" s="358"/>
      <c r="L11266" s="358" t="s">
        <v>595</v>
      </c>
    </row>
    <row r="11267" spans="2:12">
      <c r="B11267" s="367"/>
      <c r="C11267" s="367"/>
      <c r="D11267" s="367"/>
      <c r="E11267" s="367"/>
      <c r="F11267" s="360"/>
      <c r="G11267" s="360"/>
      <c r="H11267" s="360"/>
      <c r="I11267" s="360"/>
      <c r="J11267" s="365"/>
      <c r="K11267" s="365"/>
      <c r="L11267" s="367"/>
    </row>
    <row r="11268" spans="2:12">
      <c r="B11268" s="367"/>
      <c r="C11268" s="367"/>
      <c r="D11268" s="367"/>
      <c r="E11268" s="367"/>
      <c r="F11268" s="359" t="s">
        <v>14389</v>
      </c>
      <c r="G11268" s="359" t="s">
        <v>14390</v>
      </c>
      <c r="H11268" s="359" t="s">
        <v>14422</v>
      </c>
      <c r="I11268" s="359" t="s">
        <v>14390</v>
      </c>
      <c r="J11268" s="365"/>
      <c r="K11268" s="365"/>
      <c r="L11268" s="367"/>
    </row>
    <row r="11269" spans="2:12">
      <c r="B11269" s="367"/>
      <c r="C11269" s="367"/>
      <c r="D11269" s="367"/>
      <c r="E11269" s="367"/>
      <c r="F11269" s="360"/>
      <c r="G11269" s="360"/>
      <c r="H11269" s="360"/>
      <c r="I11269" s="360"/>
      <c r="J11269" s="365"/>
      <c r="K11269" s="365"/>
      <c r="L11269" s="367"/>
    </row>
    <row r="11270" spans="2:12">
      <c r="B11270" s="368"/>
      <c r="C11270" s="368"/>
      <c r="D11270" s="368"/>
      <c r="E11270" s="368"/>
      <c r="F11270" s="361" t="s">
        <v>14391</v>
      </c>
      <c r="G11270" s="361" t="s">
        <v>14392</v>
      </c>
      <c r="H11270" s="362"/>
      <c r="I11270" s="361" t="s">
        <v>14392</v>
      </c>
      <c r="J11270" s="366"/>
      <c r="K11270" s="366"/>
      <c r="L11270" s="368"/>
    </row>
    <row r="11271" spans="2:12" ht="28.5">
      <c r="B11271" s="358" t="s">
        <v>20153</v>
      </c>
      <c r="C11271" s="358" t="s">
        <v>29218</v>
      </c>
      <c r="D11271" s="358" t="s">
        <v>20154</v>
      </c>
      <c r="E11271" s="358" t="s">
        <v>20155</v>
      </c>
      <c r="F11271" s="358" t="s">
        <v>14386</v>
      </c>
      <c r="G11271" s="358" t="s">
        <v>14387</v>
      </c>
      <c r="H11271" s="358" t="s">
        <v>14367</v>
      </c>
      <c r="I11271" s="358" t="s">
        <v>14387</v>
      </c>
      <c r="J11271" s="358"/>
      <c r="K11271" s="358"/>
      <c r="L11271" s="358" t="s">
        <v>595</v>
      </c>
    </row>
    <row r="11272" spans="2:12">
      <c r="B11272" s="367"/>
      <c r="C11272" s="367"/>
      <c r="D11272" s="367"/>
      <c r="E11272" s="367"/>
      <c r="F11272" s="360"/>
      <c r="G11272" s="360"/>
      <c r="H11272" s="360"/>
      <c r="I11272" s="360"/>
      <c r="J11272" s="365"/>
      <c r="K11272" s="365"/>
      <c r="L11272" s="367"/>
    </row>
    <row r="11273" spans="2:12">
      <c r="B11273" s="367"/>
      <c r="C11273" s="367"/>
      <c r="D11273" s="367"/>
      <c r="E11273" s="367"/>
      <c r="F11273" s="359" t="s">
        <v>14389</v>
      </c>
      <c r="G11273" s="359" t="s">
        <v>14390</v>
      </c>
      <c r="H11273" s="359" t="s">
        <v>14422</v>
      </c>
      <c r="I11273" s="359" t="s">
        <v>14390</v>
      </c>
      <c r="J11273" s="365"/>
      <c r="K11273" s="365"/>
      <c r="L11273" s="367"/>
    </row>
    <row r="11274" spans="2:12">
      <c r="B11274" s="367"/>
      <c r="C11274" s="367"/>
      <c r="D11274" s="367"/>
      <c r="E11274" s="367"/>
      <c r="F11274" s="360"/>
      <c r="G11274" s="360"/>
      <c r="H11274" s="360"/>
      <c r="I11274" s="360"/>
      <c r="J11274" s="365"/>
      <c r="K11274" s="365"/>
      <c r="L11274" s="367"/>
    </row>
    <row r="11275" spans="2:12">
      <c r="B11275" s="368"/>
      <c r="C11275" s="368"/>
      <c r="D11275" s="368"/>
      <c r="E11275" s="368"/>
      <c r="F11275" s="361" t="s">
        <v>14391</v>
      </c>
      <c r="G11275" s="361" t="s">
        <v>14392</v>
      </c>
      <c r="H11275" s="362"/>
      <c r="I11275" s="361" t="s">
        <v>14392</v>
      </c>
      <c r="J11275" s="366"/>
      <c r="K11275" s="366"/>
      <c r="L11275" s="368"/>
    </row>
    <row r="11276" spans="2:12" ht="28.5">
      <c r="B11276" s="358" t="s">
        <v>20156</v>
      </c>
      <c r="C11276" s="358" t="s">
        <v>29219</v>
      </c>
      <c r="D11276" s="358" t="s">
        <v>20157</v>
      </c>
      <c r="E11276" s="358" t="s">
        <v>20158</v>
      </c>
      <c r="F11276" s="358" t="s">
        <v>14382</v>
      </c>
      <c r="G11276" s="358" t="s">
        <v>14579</v>
      </c>
      <c r="H11276" s="358" t="s">
        <v>14378</v>
      </c>
      <c r="I11276" s="358" t="s">
        <v>14579</v>
      </c>
      <c r="J11276" s="358"/>
      <c r="K11276" s="358" t="s">
        <v>14929</v>
      </c>
      <c r="L11276" s="358" t="s">
        <v>595</v>
      </c>
    </row>
    <row r="11277" spans="2:12">
      <c r="B11277" s="367"/>
      <c r="C11277" s="367"/>
      <c r="D11277" s="367"/>
      <c r="E11277" s="367"/>
      <c r="F11277" s="360"/>
      <c r="G11277" s="360"/>
      <c r="H11277" s="360"/>
      <c r="I11277" s="360"/>
      <c r="J11277" s="365"/>
      <c r="K11277" s="367"/>
      <c r="L11277" s="367"/>
    </row>
    <row r="11278" spans="2:12">
      <c r="B11278" s="367"/>
      <c r="C11278" s="367"/>
      <c r="D11278" s="367"/>
      <c r="E11278" s="367"/>
      <c r="F11278" s="359" t="s">
        <v>14386</v>
      </c>
      <c r="G11278" s="359" t="s">
        <v>14387</v>
      </c>
      <c r="H11278" s="359" t="s">
        <v>14332</v>
      </c>
      <c r="I11278" s="359" t="s">
        <v>14387</v>
      </c>
      <c r="J11278" s="365"/>
      <c r="K11278" s="367"/>
      <c r="L11278" s="367"/>
    </row>
    <row r="11279" spans="2:12">
      <c r="B11279" s="367"/>
      <c r="C11279" s="367"/>
      <c r="D11279" s="367"/>
      <c r="E11279" s="367"/>
      <c r="F11279" s="360"/>
      <c r="G11279" s="360"/>
      <c r="H11279" s="360"/>
      <c r="I11279" s="360"/>
      <c r="J11279" s="365"/>
      <c r="K11279" s="367"/>
      <c r="L11279" s="367"/>
    </row>
    <row r="11280" spans="2:12">
      <c r="B11280" s="367"/>
      <c r="C11280" s="367"/>
      <c r="D11280" s="367"/>
      <c r="E11280" s="367"/>
      <c r="F11280" s="359" t="s">
        <v>14389</v>
      </c>
      <c r="G11280" s="359" t="s">
        <v>14390</v>
      </c>
      <c r="H11280" s="360"/>
      <c r="I11280" s="359" t="s">
        <v>14390</v>
      </c>
      <c r="J11280" s="365"/>
      <c r="K11280" s="367"/>
      <c r="L11280" s="367"/>
    </row>
    <row r="11281" spans="2:12">
      <c r="B11281" s="367"/>
      <c r="C11281" s="367"/>
      <c r="D11281" s="367"/>
      <c r="E11281" s="367"/>
      <c r="F11281" s="360"/>
      <c r="G11281" s="360"/>
      <c r="H11281" s="360"/>
      <c r="I11281" s="360"/>
      <c r="J11281" s="365"/>
      <c r="K11281" s="367"/>
      <c r="L11281" s="367"/>
    </row>
    <row r="11282" spans="2:12">
      <c r="B11282" s="368"/>
      <c r="C11282" s="368"/>
      <c r="D11282" s="368"/>
      <c r="E11282" s="368"/>
      <c r="F11282" s="361" t="s">
        <v>14391</v>
      </c>
      <c r="G11282" s="361" t="s">
        <v>14392</v>
      </c>
      <c r="H11282" s="362"/>
      <c r="I11282" s="361" t="s">
        <v>14392</v>
      </c>
      <c r="J11282" s="366"/>
      <c r="K11282" s="368"/>
      <c r="L11282" s="368"/>
    </row>
    <row r="11283" spans="2:12">
      <c r="B11283" s="354" t="s">
        <v>28574</v>
      </c>
      <c r="C11283" s="369"/>
      <c r="D11283" s="369"/>
      <c r="E11283" s="369"/>
      <c r="F11283" s="369"/>
      <c r="G11283" s="369"/>
      <c r="H11283" s="369"/>
      <c r="I11283" s="369"/>
      <c r="J11283" s="369"/>
      <c r="K11283" s="369"/>
      <c r="L11283" s="370"/>
    </row>
    <row r="11284" spans="2:12">
      <c r="B11284" s="358" t="s">
        <v>20159</v>
      </c>
      <c r="C11284" s="358" t="s">
        <v>20160</v>
      </c>
      <c r="D11284" s="358" t="s">
        <v>20161</v>
      </c>
      <c r="E11284" s="358" t="s">
        <v>20162</v>
      </c>
      <c r="F11284" s="358" t="s">
        <v>14418</v>
      </c>
      <c r="G11284" s="358" t="s">
        <v>14419</v>
      </c>
      <c r="H11284" s="358" t="s">
        <v>14328</v>
      </c>
      <c r="I11284" s="358" t="s">
        <v>14419</v>
      </c>
      <c r="J11284" s="358"/>
      <c r="K11284" s="358"/>
      <c r="L11284" s="358" t="s">
        <v>595</v>
      </c>
    </row>
    <row r="11285" spans="2:12">
      <c r="B11285" s="367"/>
      <c r="C11285" s="367"/>
      <c r="D11285" s="367"/>
      <c r="E11285" s="367"/>
      <c r="F11285" s="360"/>
      <c r="G11285" s="360"/>
      <c r="H11285" s="360"/>
      <c r="I11285" s="360"/>
      <c r="J11285" s="365"/>
      <c r="K11285" s="365"/>
      <c r="L11285" s="367"/>
    </row>
    <row r="11286" spans="2:12">
      <c r="B11286" s="367"/>
      <c r="C11286" s="367"/>
      <c r="D11286" s="367"/>
      <c r="E11286" s="367"/>
      <c r="F11286" s="359" t="s">
        <v>14368</v>
      </c>
      <c r="G11286" s="359" t="s">
        <v>14388</v>
      </c>
      <c r="H11286" s="359" t="s">
        <v>14367</v>
      </c>
      <c r="I11286" s="359" t="s">
        <v>14388</v>
      </c>
      <c r="J11286" s="365"/>
      <c r="K11286" s="365"/>
      <c r="L11286" s="367"/>
    </row>
    <row r="11287" spans="2:12">
      <c r="B11287" s="367"/>
      <c r="C11287" s="367"/>
      <c r="D11287" s="367"/>
      <c r="E11287" s="367"/>
      <c r="F11287" s="360"/>
      <c r="G11287" s="360"/>
      <c r="H11287" s="360"/>
      <c r="I11287" s="360"/>
      <c r="J11287" s="365"/>
      <c r="K11287" s="365"/>
      <c r="L11287" s="367"/>
    </row>
    <row r="11288" spans="2:12">
      <c r="B11288" s="367"/>
      <c r="C11288" s="367"/>
      <c r="D11288" s="367"/>
      <c r="E11288" s="367"/>
      <c r="F11288" s="359" t="s">
        <v>14389</v>
      </c>
      <c r="G11288" s="359" t="s">
        <v>14390</v>
      </c>
      <c r="H11288" s="359" t="s">
        <v>14422</v>
      </c>
      <c r="I11288" s="359" t="s">
        <v>14390</v>
      </c>
      <c r="J11288" s="365"/>
      <c r="K11288" s="365"/>
      <c r="L11288" s="367"/>
    </row>
    <row r="11289" spans="2:12">
      <c r="B11289" s="367"/>
      <c r="C11289" s="367"/>
      <c r="D11289" s="367"/>
      <c r="E11289" s="367"/>
      <c r="F11289" s="360"/>
      <c r="G11289" s="360"/>
      <c r="H11289" s="360"/>
      <c r="I11289" s="360"/>
      <c r="J11289" s="365"/>
      <c r="K11289" s="365"/>
      <c r="L11289" s="367"/>
    </row>
    <row r="11290" spans="2:12">
      <c r="B11290" s="368"/>
      <c r="C11290" s="368"/>
      <c r="D11290" s="368"/>
      <c r="E11290" s="368"/>
      <c r="F11290" s="361" t="s">
        <v>17695</v>
      </c>
      <c r="G11290" s="361" t="s">
        <v>14392</v>
      </c>
      <c r="H11290" s="362"/>
      <c r="I11290" s="361" t="s">
        <v>14392</v>
      </c>
      <c r="J11290" s="366"/>
      <c r="K11290" s="366"/>
      <c r="L11290" s="368"/>
    </row>
    <row r="11291" spans="2:12">
      <c r="B11291" s="354" t="s">
        <v>28528</v>
      </c>
      <c r="C11291" s="369"/>
      <c r="D11291" s="369"/>
      <c r="E11291" s="369"/>
      <c r="F11291" s="369"/>
      <c r="G11291" s="369"/>
      <c r="H11291" s="369"/>
      <c r="I11291" s="369"/>
      <c r="J11291" s="369"/>
      <c r="K11291" s="369"/>
      <c r="L11291" s="370"/>
    </row>
    <row r="11292" spans="2:12" ht="42.75">
      <c r="B11292" s="358" t="s">
        <v>20163</v>
      </c>
      <c r="C11292" s="358" t="s">
        <v>20164</v>
      </c>
      <c r="D11292" s="358" t="s">
        <v>20165</v>
      </c>
      <c r="E11292" s="358" t="s">
        <v>20166</v>
      </c>
      <c r="F11292" s="358" t="s">
        <v>14368</v>
      </c>
      <c r="G11292" s="358" t="s">
        <v>14388</v>
      </c>
      <c r="H11292" s="358" t="s">
        <v>14367</v>
      </c>
      <c r="I11292" s="358" t="s">
        <v>14388</v>
      </c>
      <c r="J11292" s="358"/>
      <c r="K11292" s="358" t="s">
        <v>28685</v>
      </c>
      <c r="L11292" s="358" t="s">
        <v>595</v>
      </c>
    </row>
    <row r="11293" spans="2:12">
      <c r="B11293" s="367"/>
      <c r="C11293" s="367"/>
      <c r="D11293" s="367"/>
      <c r="E11293" s="367"/>
      <c r="F11293" s="360"/>
      <c r="G11293" s="360"/>
      <c r="H11293" s="360"/>
      <c r="I11293" s="360"/>
      <c r="J11293" s="365"/>
      <c r="K11293" s="367"/>
      <c r="L11293" s="367"/>
    </row>
    <row r="11294" spans="2:12">
      <c r="B11294" s="368"/>
      <c r="C11294" s="368"/>
      <c r="D11294" s="368"/>
      <c r="E11294" s="368"/>
      <c r="F11294" s="361" t="s">
        <v>14391</v>
      </c>
      <c r="G11294" s="361" t="s">
        <v>14392</v>
      </c>
      <c r="H11294" s="361" t="s">
        <v>14422</v>
      </c>
      <c r="I11294" s="361" t="s">
        <v>14392</v>
      </c>
      <c r="J11294" s="366"/>
      <c r="K11294" s="368"/>
      <c r="L11294" s="368"/>
    </row>
    <row r="11295" spans="2:12">
      <c r="B11295" s="358" t="s">
        <v>20167</v>
      </c>
      <c r="C11295" s="358" t="s">
        <v>20168</v>
      </c>
      <c r="D11295" s="358" t="s">
        <v>20169</v>
      </c>
      <c r="E11295" s="358" t="s">
        <v>20170</v>
      </c>
      <c r="F11295" s="358" t="s">
        <v>14418</v>
      </c>
      <c r="G11295" s="358" t="s">
        <v>14419</v>
      </c>
      <c r="H11295" s="358" t="s">
        <v>14328</v>
      </c>
      <c r="I11295" s="358" t="s">
        <v>14419</v>
      </c>
      <c r="J11295" s="358"/>
      <c r="K11295" s="358"/>
      <c r="L11295" s="358" t="s">
        <v>595</v>
      </c>
    </row>
    <row r="11296" spans="2:12">
      <c r="B11296" s="367"/>
      <c r="C11296" s="367"/>
      <c r="D11296" s="367"/>
      <c r="E11296" s="367"/>
      <c r="F11296" s="360"/>
      <c r="G11296" s="360"/>
      <c r="H11296" s="360"/>
      <c r="I11296" s="360"/>
      <c r="J11296" s="365"/>
      <c r="K11296" s="365"/>
      <c r="L11296" s="367"/>
    </row>
    <row r="11297" spans="2:12" ht="28.5">
      <c r="B11297" s="367"/>
      <c r="C11297" s="367"/>
      <c r="D11297" s="367"/>
      <c r="E11297" s="367"/>
      <c r="F11297" s="359" t="s">
        <v>28938</v>
      </c>
      <c r="G11297" s="359" t="s">
        <v>14459</v>
      </c>
      <c r="H11297" s="359" t="s">
        <v>14367</v>
      </c>
      <c r="I11297" s="359" t="s">
        <v>14459</v>
      </c>
      <c r="J11297" s="365"/>
      <c r="K11297" s="365"/>
      <c r="L11297" s="367"/>
    </row>
    <row r="11298" spans="2:12">
      <c r="B11298" s="367"/>
      <c r="C11298" s="367"/>
      <c r="D11298" s="367"/>
      <c r="E11298" s="367"/>
      <c r="F11298" s="360"/>
      <c r="G11298" s="360"/>
      <c r="H11298" s="360"/>
      <c r="I11298" s="360"/>
      <c r="J11298" s="365"/>
      <c r="K11298" s="365"/>
      <c r="L11298" s="367"/>
    </row>
    <row r="11299" spans="2:12">
      <c r="B11299" s="367"/>
      <c r="C11299" s="367"/>
      <c r="D11299" s="367"/>
      <c r="E11299" s="367"/>
      <c r="F11299" s="359" t="s">
        <v>14389</v>
      </c>
      <c r="G11299" s="359" t="s">
        <v>14421</v>
      </c>
      <c r="H11299" s="359" t="s">
        <v>14422</v>
      </c>
      <c r="I11299" s="359" t="s">
        <v>14421</v>
      </c>
      <c r="J11299" s="365"/>
      <c r="K11299" s="365"/>
      <c r="L11299" s="367"/>
    </row>
    <row r="11300" spans="2:12">
      <c r="B11300" s="367"/>
      <c r="C11300" s="367"/>
      <c r="D11300" s="367"/>
      <c r="E11300" s="367"/>
      <c r="F11300" s="360"/>
      <c r="G11300" s="360"/>
      <c r="H11300" s="360"/>
      <c r="I11300" s="360"/>
      <c r="J11300" s="365"/>
      <c r="K11300" s="365"/>
      <c r="L11300" s="367"/>
    </row>
    <row r="11301" spans="2:12">
      <c r="B11301" s="367"/>
      <c r="C11301" s="367"/>
      <c r="D11301" s="367"/>
      <c r="E11301" s="367"/>
      <c r="F11301" s="359" t="s">
        <v>14391</v>
      </c>
      <c r="G11301" s="359" t="s">
        <v>14390</v>
      </c>
      <c r="H11301" s="360"/>
      <c r="I11301" s="359" t="s">
        <v>14390</v>
      </c>
      <c r="J11301" s="365"/>
      <c r="K11301" s="365"/>
      <c r="L11301" s="367"/>
    </row>
    <row r="11302" spans="2:12">
      <c r="B11302" s="367"/>
      <c r="C11302" s="367"/>
      <c r="D11302" s="367"/>
      <c r="E11302" s="367"/>
      <c r="F11302" s="360"/>
      <c r="G11302" s="360"/>
      <c r="H11302" s="360"/>
      <c r="I11302" s="360"/>
      <c r="J11302" s="365"/>
      <c r="K11302" s="365"/>
      <c r="L11302" s="367"/>
    </row>
    <row r="11303" spans="2:12">
      <c r="B11303" s="368"/>
      <c r="C11303" s="368"/>
      <c r="D11303" s="368"/>
      <c r="E11303" s="368"/>
      <c r="F11303" s="362"/>
      <c r="G11303" s="361" t="s">
        <v>14392</v>
      </c>
      <c r="H11303" s="362"/>
      <c r="I11303" s="361" t="s">
        <v>14392</v>
      </c>
      <c r="J11303" s="366"/>
      <c r="K11303" s="366"/>
      <c r="L11303" s="368"/>
    </row>
    <row r="11304" spans="2:12" ht="42.75">
      <c r="B11304" s="358" t="s">
        <v>20171</v>
      </c>
      <c r="C11304" s="358" t="s">
        <v>20172</v>
      </c>
      <c r="D11304" s="358" t="s">
        <v>20173</v>
      </c>
      <c r="E11304" s="358" t="s">
        <v>20174</v>
      </c>
      <c r="F11304" s="358" t="s">
        <v>14368</v>
      </c>
      <c r="G11304" s="358" t="s">
        <v>14388</v>
      </c>
      <c r="H11304" s="358" t="s">
        <v>14367</v>
      </c>
      <c r="I11304" s="358" t="s">
        <v>14388</v>
      </c>
      <c r="J11304" s="358"/>
      <c r="K11304" s="358" t="s">
        <v>28685</v>
      </c>
      <c r="L11304" s="358" t="s">
        <v>595</v>
      </c>
    </row>
    <row r="11305" spans="2:12">
      <c r="B11305" s="367"/>
      <c r="C11305" s="367"/>
      <c r="D11305" s="367"/>
      <c r="E11305" s="367"/>
      <c r="F11305" s="360"/>
      <c r="G11305" s="360"/>
      <c r="H11305" s="360"/>
      <c r="I11305" s="360"/>
      <c r="J11305" s="365"/>
      <c r="K11305" s="367"/>
      <c r="L11305" s="367"/>
    </row>
    <row r="11306" spans="2:12">
      <c r="B11306" s="367"/>
      <c r="C11306" s="367"/>
      <c r="D11306" s="367"/>
      <c r="E11306" s="367"/>
      <c r="F11306" s="359" t="s">
        <v>14389</v>
      </c>
      <c r="G11306" s="359" t="s">
        <v>14390</v>
      </c>
      <c r="H11306" s="359" t="s">
        <v>14370</v>
      </c>
      <c r="I11306" s="359" t="s">
        <v>14390</v>
      </c>
      <c r="J11306" s="365"/>
      <c r="K11306" s="367"/>
      <c r="L11306" s="367"/>
    </row>
    <row r="11307" spans="2:12">
      <c r="B11307" s="367"/>
      <c r="C11307" s="367"/>
      <c r="D11307" s="367"/>
      <c r="E11307" s="367"/>
      <c r="F11307" s="360"/>
      <c r="G11307" s="360"/>
      <c r="H11307" s="360"/>
      <c r="I11307" s="360"/>
      <c r="J11307" s="365"/>
      <c r="K11307" s="367"/>
      <c r="L11307" s="367"/>
    </row>
    <row r="11308" spans="2:12" ht="28.5">
      <c r="B11308" s="368"/>
      <c r="C11308" s="368"/>
      <c r="D11308" s="368"/>
      <c r="E11308" s="368"/>
      <c r="F11308" s="361" t="s">
        <v>14394</v>
      </c>
      <c r="G11308" s="361" t="s">
        <v>14395</v>
      </c>
      <c r="H11308" s="361" t="s">
        <v>14422</v>
      </c>
      <c r="I11308" s="361" t="s">
        <v>14395</v>
      </c>
      <c r="J11308" s="366"/>
      <c r="K11308" s="368"/>
      <c r="L11308" s="368"/>
    </row>
    <row r="11309" spans="2:12" ht="42.75">
      <c r="B11309" s="358" t="s">
        <v>20175</v>
      </c>
      <c r="C11309" s="358" t="s">
        <v>29220</v>
      </c>
      <c r="D11309" s="358" t="s">
        <v>20176</v>
      </c>
      <c r="E11309" s="358" t="s">
        <v>20177</v>
      </c>
      <c r="F11309" s="358" t="s">
        <v>29010</v>
      </c>
      <c r="G11309" s="358" t="s">
        <v>14483</v>
      </c>
      <c r="H11309" s="358" t="s">
        <v>14378</v>
      </c>
      <c r="I11309" s="358" t="s">
        <v>14483</v>
      </c>
      <c r="J11309" s="358"/>
      <c r="K11309" s="358" t="s">
        <v>14929</v>
      </c>
      <c r="L11309" s="358" t="s">
        <v>595</v>
      </c>
    </row>
    <row r="11310" spans="2:12">
      <c r="B11310" s="367"/>
      <c r="C11310" s="367"/>
      <c r="D11310" s="367"/>
      <c r="E11310" s="367"/>
      <c r="F11310" s="360"/>
      <c r="G11310" s="360"/>
      <c r="H11310" s="360"/>
      <c r="I11310" s="360"/>
      <c r="J11310" s="365"/>
      <c r="K11310" s="360"/>
      <c r="L11310" s="367"/>
    </row>
    <row r="11311" spans="2:12" ht="42.75">
      <c r="B11311" s="367"/>
      <c r="C11311" s="367"/>
      <c r="D11311" s="367"/>
      <c r="E11311" s="367"/>
      <c r="F11311" s="359" t="s">
        <v>14356</v>
      </c>
      <c r="G11311" s="359" t="s">
        <v>14579</v>
      </c>
      <c r="H11311" s="359" t="s">
        <v>14341</v>
      </c>
      <c r="I11311" s="359" t="s">
        <v>14579</v>
      </c>
      <c r="J11311" s="365"/>
      <c r="K11311" s="359" t="s">
        <v>28710</v>
      </c>
      <c r="L11311" s="367"/>
    </row>
    <row r="11312" spans="2:12">
      <c r="B11312" s="367"/>
      <c r="C11312" s="367"/>
      <c r="D11312" s="367"/>
      <c r="E11312" s="367"/>
      <c r="F11312" s="360"/>
      <c r="G11312" s="360"/>
      <c r="H11312" s="360"/>
      <c r="I11312" s="360"/>
      <c r="J11312" s="365"/>
      <c r="K11312" s="360"/>
      <c r="L11312" s="367"/>
    </row>
    <row r="11313" spans="2:12">
      <c r="B11313" s="367"/>
      <c r="C11313" s="367"/>
      <c r="D11313" s="367"/>
      <c r="E11313" s="367"/>
      <c r="F11313" s="359" t="s">
        <v>14391</v>
      </c>
      <c r="G11313" s="359" t="s">
        <v>14383</v>
      </c>
      <c r="H11313" s="359" t="s">
        <v>14332</v>
      </c>
      <c r="I11313" s="359" t="s">
        <v>14383</v>
      </c>
      <c r="J11313" s="365"/>
      <c r="K11313" s="360"/>
      <c r="L11313" s="367"/>
    </row>
    <row r="11314" spans="2:12">
      <c r="B11314" s="367"/>
      <c r="C11314" s="367"/>
      <c r="D11314" s="367"/>
      <c r="E11314" s="367"/>
      <c r="F11314" s="360"/>
      <c r="G11314" s="360"/>
      <c r="H11314" s="360"/>
      <c r="I11314" s="360"/>
      <c r="J11314" s="365"/>
      <c r="K11314" s="360"/>
      <c r="L11314" s="367"/>
    </row>
    <row r="11315" spans="2:12">
      <c r="B11315" s="367"/>
      <c r="C11315" s="367"/>
      <c r="D11315" s="367"/>
      <c r="E11315" s="367"/>
      <c r="F11315" s="360"/>
      <c r="G11315" s="359" t="s">
        <v>14340</v>
      </c>
      <c r="H11315" s="360"/>
      <c r="I11315" s="359" t="s">
        <v>14340</v>
      </c>
      <c r="J11315" s="365"/>
      <c r="K11315" s="360"/>
      <c r="L11315" s="367"/>
    </row>
    <row r="11316" spans="2:12">
      <c r="B11316" s="367"/>
      <c r="C11316" s="367"/>
      <c r="D11316" s="367"/>
      <c r="E11316" s="367"/>
      <c r="F11316" s="360"/>
      <c r="G11316" s="360"/>
      <c r="H11316" s="360"/>
      <c r="I11316" s="360"/>
      <c r="J11316" s="365"/>
      <c r="K11316" s="360"/>
      <c r="L11316" s="367"/>
    </row>
    <row r="11317" spans="2:12">
      <c r="B11317" s="368"/>
      <c r="C11317" s="368"/>
      <c r="D11317" s="368"/>
      <c r="E11317" s="368"/>
      <c r="F11317" s="362"/>
      <c r="G11317" s="361" t="s">
        <v>14392</v>
      </c>
      <c r="H11317" s="362"/>
      <c r="I11317" s="361" t="s">
        <v>14392</v>
      </c>
      <c r="J11317" s="366"/>
      <c r="K11317" s="362"/>
      <c r="L11317" s="368"/>
    </row>
    <row r="11318" spans="2:12" ht="28.5">
      <c r="B11318" s="358" t="s">
        <v>20178</v>
      </c>
      <c r="C11318" s="358" t="s">
        <v>29221</v>
      </c>
      <c r="D11318" s="358" t="s">
        <v>20179</v>
      </c>
      <c r="E11318" s="358" t="s">
        <v>20180</v>
      </c>
      <c r="F11318" s="358" t="s">
        <v>14420</v>
      </c>
      <c r="G11318" s="358" t="s">
        <v>14421</v>
      </c>
      <c r="H11318" s="358" t="s">
        <v>14341</v>
      </c>
      <c r="I11318" s="358" t="s">
        <v>14421</v>
      </c>
      <c r="J11318" s="358"/>
      <c r="K11318" s="358"/>
      <c r="L11318" s="358" t="s">
        <v>595</v>
      </c>
    </row>
    <row r="11319" spans="2:12">
      <c r="B11319" s="367"/>
      <c r="C11319" s="367"/>
      <c r="D11319" s="367"/>
      <c r="E11319" s="367"/>
      <c r="F11319" s="360"/>
      <c r="G11319" s="360"/>
      <c r="H11319" s="360"/>
      <c r="I11319" s="360"/>
      <c r="J11319" s="365"/>
      <c r="K11319" s="365"/>
      <c r="L11319" s="367"/>
    </row>
    <row r="11320" spans="2:12">
      <c r="B11320" s="367"/>
      <c r="C11320" s="367"/>
      <c r="D11320" s="367"/>
      <c r="E11320" s="367"/>
      <c r="F11320" s="359" t="s">
        <v>14356</v>
      </c>
      <c r="G11320" s="359" t="s">
        <v>14340</v>
      </c>
      <c r="H11320" s="359" t="s">
        <v>14367</v>
      </c>
      <c r="I11320" s="359" t="s">
        <v>14340</v>
      </c>
      <c r="J11320" s="365"/>
      <c r="K11320" s="365"/>
      <c r="L11320" s="367"/>
    </row>
    <row r="11321" spans="2:12">
      <c r="B11321" s="367"/>
      <c r="C11321" s="367"/>
      <c r="D11321" s="367"/>
      <c r="E11321" s="367"/>
      <c r="F11321" s="360"/>
      <c r="G11321" s="360"/>
      <c r="H11321" s="360"/>
      <c r="I11321" s="360"/>
      <c r="J11321" s="365"/>
      <c r="K11321" s="365"/>
      <c r="L11321" s="367"/>
    </row>
    <row r="11322" spans="2:12">
      <c r="B11322" s="368"/>
      <c r="C11322" s="368"/>
      <c r="D11322" s="368"/>
      <c r="E11322" s="368"/>
      <c r="F11322" s="361" t="s">
        <v>14391</v>
      </c>
      <c r="G11322" s="361" t="s">
        <v>14392</v>
      </c>
      <c r="H11322" s="361" t="s">
        <v>14332</v>
      </c>
      <c r="I11322" s="361" t="s">
        <v>14392</v>
      </c>
      <c r="J11322" s="366"/>
      <c r="K11322" s="366"/>
      <c r="L11322" s="368"/>
    </row>
    <row r="11323" spans="2:12" ht="28.5">
      <c r="B11323" s="358" t="s">
        <v>20181</v>
      </c>
      <c r="C11323" s="358" t="s">
        <v>29222</v>
      </c>
      <c r="D11323" s="358" t="s">
        <v>20182</v>
      </c>
      <c r="E11323" s="358" t="s">
        <v>20183</v>
      </c>
      <c r="F11323" s="358" t="s">
        <v>14420</v>
      </c>
      <c r="G11323" s="358" t="s">
        <v>14421</v>
      </c>
      <c r="H11323" s="358" t="s">
        <v>14341</v>
      </c>
      <c r="I11323" s="358" t="s">
        <v>14421</v>
      </c>
      <c r="J11323" s="358"/>
      <c r="K11323" s="358"/>
      <c r="L11323" s="358" t="s">
        <v>595</v>
      </c>
    </row>
    <row r="11324" spans="2:12">
      <c r="B11324" s="367"/>
      <c r="C11324" s="367"/>
      <c r="D11324" s="367"/>
      <c r="E11324" s="367"/>
      <c r="F11324" s="360"/>
      <c r="G11324" s="360"/>
      <c r="H11324" s="360"/>
      <c r="I11324" s="360"/>
      <c r="J11324" s="365"/>
      <c r="K11324" s="365"/>
      <c r="L11324" s="367"/>
    </row>
    <row r="11325" spans="2:12">
      <c r="B11325" s="367"/>
      <c r="C11325" s="367"/>
      <c r="D11325" s="367"/>
      <c r="E11325" s="367"/>
      <c r="F11325" s="359" t="s">
        <v>14356</v>
      </c>
      <c r="G11325" s="359" t="s">
        <v>14340</v>
      </c>
      <c r="H11325" s="359" t="s">
        <v>14367</v>
      </c>
      <c r="I11325" s="359" t="s">
        <v>14340</v>
      </c>
      <c r="J11325" s="365"/>
      <c r="K11325" s="365"/>
      <c r="L11325" s="367"/>
    </row>
    <row r="11326" spans="2:12">
      <c r="B11326" s="367"/>
      <c r="C11326" s="367"/>
      <c r="D11326" s="367"/>
      <c r="E11326" s="367"/>
      <c r="F11326" s="360"/>
      <c r="G11326" s="360"/>
      <c r="H11326" s="360"/>
      <c r="I11326" s="360"/>
      <c r="J11326" s="365"/>
      <c r="K11326" s="365"/>
      <c r="L11326" s="367"/>
    </row>
    <row r="11327" spans="2:12">
      <c r="B11327" s="368"/>
      <c r="C11327" s="368"/>
      <c r="D11327" s="368"/>
      <c r="E11327" s="368"/>
      <c r="F11327" s="361" t="s">
        <v>14391</v>
      </c>
      <c r="G11327" s="361" t="s">
        <v>14392</v>
      </c>
      <c r="H11327" s="361" t="s">
        <v>14332</v>
      </c>
      <c r="I11327" s="361" t="s">
        <v>14392</v>
      </c>
      <c r="J11327" s="366"/>
      <c r="K11327" s="366"/>
      <c r="L11327" s="368"/>
    </row>
    <row r="11328" spans="2:12">
      <c r="B11328" s="358" t="s">
        <v>20184</v>
      </c>
      <c r="C11328" s="358" t="s">
        <v>29223</v>
      </c>
      <c r="D11328" s="358" t="s">
        <v>20185</v>
      </c>
      <c r="E11328" s="358" t="s">
        <v>20186</v>
      </c>
      <c r="F11328" s="358" t="s">
        <v>14382</v>
      </c>
      <c r="G11328" s="358" t="s">
        <v>14579</v>
      </c>
      <c r="H11328" s="358" t="s">
        <v>14378</v>
      </c>
      <c r="I11328" s="358" t="s">
        <v>14579</v>
      </c>
      <c r="J11328" s="358"/>
      <c r="K11328" s="358" t="s">
        <v>14929</v>
      </c>
      <c r="L11328" s="358" t="s">
        <v>595</v>
      </c>
    </row>
    <row r="11329" spans="2:12">
      <c r="B11329" s="367"/>
      <c r="C11329" s="367"/>
      <c r="D11329" s="367"/>
      <c r="E11329" s="367"/>
      <c r="F11329" s="360"/>
      <c r="G11329" s="360"/>
      <c r="H11329" s="360"/>
      <c r="I11329" s="360"/>
      <c r="J11329" s="365"/>
      <c r="K11329" s="360"/>
      <c r="L11329" s="367"/>
    </row>
    <row r="11330" spans="2:12" ht="42.75">
      <c r="B11330" s="367"/>
      <c r="C11330" s="367"/>
      <c r="D11330" s="367"/>
      <c r="E11330" s="367"/>
      <c r="F11330" s="359" t="s">
        <v>14386</v>
      </c>
      <c r="G11330" s="359" t="s">
        <v>14387</v>
      </c>
      <c r="H11330" s="359" t="s">
        <v>14332</v>
      </c>
      <c r="I11330" s="359" t="s">
        <v>14387</v>
      </c>
      <c r="J11330" s="365"/>
      <c r="K11330" s="359" t="s">
        <v>29224</v>
      </c>
      <c r="L11330" s="367"/>
    </row>
    <row r="11331" spans="2:12">
      <c r="B11331" s="367"/>
      <c r="C11331" s="367"/>
      <c r="D11331" s="367"/>
      <c r="E11331" s="367"/>
      <c r="F11331" s="360"/>
      <c r="G11331" s="360"/>
      <c r="H11331" s="360"/>
      <c r="I11331" s="360"/>
      <c r="J11331" s="365"/>
      <c r="K11331" s="360"/>
      <c r="L11331" s="367"/>
    </row>
    <row r="11332" spans="2:12">
      <c r="B11332" s="367"/>
      <c r="C11332" s="367"/>
      <c r="D11332" s="367"/>
      <c r="E11332" s="367"/>
      <c r="F11332" s="359" t="s">
        <v>14389</v>
      </c>
      <c r="G11332" s="359" t="s">
        <v>14390</v>
      </c>
      <c r="H11332" s="360"/>
      <c r="I11332" s="359" t="s">
        <v>14390</v>
      </c>
      <c r="J11332" s="365"/>
      <c r="K11332" s="360"/>
      <c r="L11332" s="367"/>
    </row>
    <row r="11333" spans="2:12">
      <c r="B11333" s="367"/>
      <c r="C11333" s="367"/>
      <c r="D11333" s="367"/>
      <c r="E11333" s="367"/>
      <c r="F11333" s="360"/>
      <c r="G11333" s="360"/>
      <c r="H11333" s="360"/>
      <c r="I11333" s="360"/>
      <c r="J11333" s="365"/>
      <c r="K11333" s="360"/>
      <c r="L11333" s="367"/>
    </row>
    <row r="11334" spans="2:12">
      <c r="B11334" s="368"/>
      <c r="C11334" s="368"/>
      <c r="D11334" s="368"/>
      <c r="E11334" s="368"/>
      <c r="F11334" s="361" t="s">
        <v>14391</v>
      </c>
      <c r="G11334" s="361" t="s">
        <v>14392</v>
      </c>
      <c r="H11334" s="362"/>
      <c r="I11334" s="361" t="s">
        <v>14392</v>
      </c>
      <c r="J11334" s="366"/>
      <c r="K11334" s="362"/>
      <c r="L11334" s="368"/>
    </row>
    <row r="11335" spans="2:12">
      <c r="B11335" s="358" t="s">
        <v>20187</v>
      </c>
      <c r="C11335" s="358" t="s">
        <v>20188</v>
      </c>
      <c r="D11335" s="358" t="s">
        <v>8356</v>
      </c>
      <c r="E11335" s="358" t="s">
        <v>20189</v>
      </c>
      <c r="F11335" s="358" t="s">
        <v>14420</v>
      </c>
      <c r="G11335" s="358" t="s">
        <v>14421</v>
      </c>
      <c r="H11335" s="358" t="s">
        <v>14367</v>
      </c>
      <c r="I11335" s="358" t="s">
        <v>14421</v>
      </c>
      <c r="J11335" s="358"/>
      <c r="K11335" s="358"/>
      <c r="L11335" s="358" t="s">
        <v>595</v>
      </c>
    </row>
    <row r="11336" spans="2:12">
      <c r="B11336" s="367"/>
      <c r="C11336" s="367"/>
      <c r="D11336" s="367"/>
      <c r="E11336" s="367"/>
      <c r="F11336" s="360"/>
      <c r="G11336" s="360"/>
      <c r="H11336" s="360"/>
      <c r="I11336" s="360"/>
      <c r="J11336" s="365"/>
      <c r="K11336" s="365"/>
      <c r="L11336" s="367"/>
    </row>
    <row r="11337" spans="2:12">
      <c r="B11337" s="367"/>
      <c r="C11337" s="367"/>
      <c r="D11337" s="367"/>
      <c r="E11337" s="367"/>
      <c r="F11337" s="359" t="s">
        <v>14389</v>
      </c>
      <c r="G11337" s="359" t="s">
        <v>14390</v>
      </c>
      <c r="H11337" s="359" t="s">
        <v>14422</v>
      </c>
      <c r="I11337" s="359" t="s">
        <v>14390</v>
      </c>
      <c r="J11337" s="365"/>
      <c r="K11337" s="365"/>
      <c r="L11337" s="367"/>
    </row>
    <row r="11338" spans="2:12">
      <c r="B11338" s="367"/>
      <c r="C11338" s="367"/>
      <c r="D11338" s="367"/>
      <c r="E11338" s="367"/>
      <c r="F11338" s="360"/>
      <c r="G11338" s="360"/>
      <c r="H11338" s="360"/>
      <c r="I11338" s="360"/>
      <c r="J11338" s="365"/>
      <c r="K11338" s="365"/>
      <c r="L11338" s="367"/>
    </row>
    <row r="11339" spans="2:12">
      <c r="B11339" s="368"/>
      <c r="C11339" s="368"/>
      <c r="D11339" s="368"/>
      <c r="E11339" s="368"/>
      <c r="F11339" s="361" t="s">
        <v>14391</v>
      </c>
      <c r="G11339" s="361" t="s">
        <v>14392</v>
      </c>
      <c r="H11339" s="362"/>
      <c r="I11339" s="361" t="s">
        <v>14392</v>
      </c>
      <c r="J11339" s="366"/>
      <c r="K11339" s="366"/>
      <c r="L11339" s="368"/>
    </row>
    <row r="11340" spans="2:12">
      <c r="B11340" s="358" t="s">
        <v>20190</v>
      </c>
      <c r="C11340" s="358" t="s">
        <v>20191</v>
      </c>
      <c r="D11340" s="358" t="s">
        <v>20192</v>
      </c>
      <c r="E11340" s="358" t="s">
        <v>20193</v>
      </c>
      <c r="F11340" s="358" t="s">
        <v>14386</v>
      </c>
      <c r="G11340" s="358" t="s">
        <v>14387</v>
      </c>
      <c r="H11340" s="358" t="s">
        <v>14367</v>
      </c>
      <c r="I11340" s="358" t="s">
        <v>14387</v>
      </c>
      <c r="J11340" s="358"/>
      <c r="K11340" s="358"/>
      <c r="L11340" s="358" t="s">
        <v>595</v>
      </c>
    </row>
    <row r="11341" spans="2:12">
      <c r="B11341" s="367"/>
      <c r="C11341" s="367"/>
      <c r="D11341" s="367"/>
      <c r="E11341" s="367"/>
      <c r="F11341" s="360"/>
      <c r="G11341" s="360"/>
      <c r="H11341" s="360"/>
      <c r="I11341" s="360"/>
      <c r="J11341" s="365"/>
      <c r="K11341" s="365"/>
      <c r="L11341" s="367"/>
    </row>
    <row r="11342" spans="2:12">
      <c r="B11342" s="367"/>
      <c r="C11342" s="367"/>
      <c r="D11342" s="367"/>
      <c r="E11342" s="367"/>
      <c r="F11342" s="359" t="s">
        <v>14389</v>
      </c>
      <c r="G11342" s="359" t="s">
        <v>14390</v>
      </c>
      <c r="H11342" s="359" t="s">
        <v>14422</v>
      </c>
      <c r="I11342" s="359" t="s">
        <v>14390</v>
      </c>
      <c r="J11342" s="365"/>
      <c r="K11342" s="365"/>
      <c r="L11342" s="367"/>
    </row>
    <row r="11343" spans="2:12">
      <c r="B11343" s="367"/>
      <c r="C11343" s="367"/>
      <c r="D11343" s="367"/>
      <c r="E11343" s="367"/>
      <c r="F11343" s="360"/>
      <c r="G11343" s="360"/>
      <c r="H11343" s="360"/>
      <c r="I11343" s="360"/>
      <c r="J11343" s="365"/>
      <c r="K11343" s="365"/>
      <c r="L11343" s="367"/>
    </row>
    <row r="11344" spans="2:12">
      <c r="B11344" s="368"/>
      <c r="C11344" s="368"/>
      <c r="D11344" s="368"/>
      <c r="E11344" s="368"/>
      <c r="F11344" s="361" t="s">
        <v>14391</v>
      </c>
      <c r="G11344" s="361" t="s">
        <v>14392</v>
      </c>
      <c r="H11344" s="362"/>
      <c r="I11344" s="361" t="s">
        <v>14392</v>
      </c>
      <c r="J11344" s="366"/>
      <c r="K11344" s="366"/>
      <c r="L11344" s="368"/>
    </row>
    <row r="11345" spans="2:12">
      <c r="B11345" s="354" t="s">
        <v>8444</v>
      </c>
      <c r="C11345" s="369"/>
      <c r="D11345" s="369"/>
      <c r="E11345" s="369"/>
      <c r="F11345" s="369"/>
      <c r="G11345" s="369"/>
      <c r="H11345" s="369"/>
      <c r="I11345" s="369"/>
      <c r="J11345" s="369"/>
      <c r="K11345" s="369"/>
      <c r="L11345" s="370"/>
    </row>
    <row r="11346" spans="2:12">
      <c r="B11346" s="358" t="s">
        <v>13921</v>
      </c>
      <c r="C11346" s="358" t="s">
        <v>13951</v>
      </c>
      <c r="D11346" s="358" t="s">
        <v>13922</v>
      </c>
      <c r="E11346" s="358" t="s">
        <v>13923</v>
      </c>
      <c r="F11346" s="358" t="s">
        <v>14376</v>
      </c>
      <c r="G11346" s="358" t="s">
        <v>14669</v>
      </c>
      <c r="H11346" s="358" t="s">
        <v>14381</v>
      </c>
      <c r="I11346" s="358" t="s">
        <v>14669</v>
      </c>
      <c r="J11346" s="358"/>
      <c r="K11346" s="358"/>
      <c r="L11346" s="358" t="s">
        <v>595</v>
      </c>
    </row>
    <row r="11347" spans="2:12">
      <c r="B11347" s="367"/>
      <c r="C11347" s="360"/>
      <c r="D11347" s="367"/>
      <c r="E11347" s="367"/>
      <c r="F11347" s="360"/>
      <c r="G11347" s="360"/>
      <c r="H11347" s="360"/>
      <c r="I11347" s="360"/>
      <c r="J11347" s="365"/>
      <c r="K11347" s="365"/>
      <c r="L11347" s="367"/>
    </row>
    <row r="11348" spans="2:12">
      <c r="B11348" s="367"/>
      <c r="C11348" s="359" t="s">
        <v>13924</v>
      </c>
      <c r="D11348" s="367"/>
      <c r="E11348" s="367"/>
      <c r="F11348" s="359" t="s">
        <v>14426</v>
      </c>
      <c r="G11348" s="359" t="s">
        <v>14427</v>
      </c>
      <c r="H11348" s="359" t="s">
        <v>14378</v>
      </c>
      <c r="I11348" s="359" t="s">
        <v>14427</v>
      </c>
      <c r="J11348" s="365"/>
      <c r="K11348" s="365"/>
      <c r="L11348" s="367"/>
    </row>
    <row r="11349" spans="2:12">
      <c r="B11349" s="367"/>
      <c r="C11349" s="360"/>
      <c r="D11349" s="367"/>
      <c r="E11349" s="367"/>
      <c r="F11349" s="360"/>
      <c r="G11349" s="360"/>
      <c r="H11349" s="360"/>
      <c r="I11349" s="360"/>
      <c r="J11349" s="365"/>
      <c r="K11349" s="365"/>
      <c r="L11349" s="367"/>
    </row>
    <row r="11350" spans="2:12">
      <c r="B11350" s="367"/>
      <c r="C11350" s="360"/>
      <c r="D11350" s="367"/>
      <c r="E11350" s="367"/>
      <c r="F11350" s="359" t="s">
        <v>14424</v>
      </c>
      <c r="G11350" s="359" t="s">
        <v>16046</v>
      </c>
      <c r="H11350" s="359" t="s">
        <v>14341</v>
      </c>
      <c r="I11350" s="359" t="s">
        <v>16046</v>
      </c>
      <c r="J11350" s="365"/>
      <c r="K11350" s="365"/>
      <c r="L11350" s="367"/>
    </row>
    <row r="11351" spans="2:12">
      <c r="B11351" s="367"/>
      <c r="C11351" s="360"/>
      <c r="D11351" s="367"/>
      <c r="E11351" s="367"/>
      <c r="F11351" s="360"/>
      <c r="G11351" s="360"/>
      <c r="H11351" s="360"/>
      <c r="I11351" s="360"/>
      <c r="J11351" s="365"/>
      <c r="K11351" s="365"/>
      <c r="L11351" s="367"/>
    </row>
    <row r="11352" spans="2:12">
      <c r="B11352" s="367"/>
      <c r="C11352" s="360"/>
      <c r="D11352" s="367"/>
      <c r="E11352" s="367"/>
      <c r="F11352" s="359" t="s">
        <v>14656</v>
      </c>
      <c r="G11352" s="359" t="s">
        <v>14579</v>
      </c>
      <c r="H11352" s="359" t="s">
        <v>14332</v>
      </c>
      <c r="I11352" s="359" t="s">
        <v>14579</v>
      </c>
      <c r="J11352" s="365"/>
      <c r="K11352" s="365"/>
      <c r="L11352" s="367"/>
    </row>
    <row r="11353" spans="2:12">
      <c r="B11353" s="367"/>
      <c r="C11353" s="360"/>
      <c r="D11353" s="367"/>
      <c r="E11353" s="367"/>
      <c r="F11353" s="360"/>
      <c r="G11353" s="360"/>
      <c r="H11353" s="360"/>
      <c r="I11353" s="360"/>
      <c r="J11353" s="365"/>
      <c r="K11353" s="365"/>
      <c r="L11353" s="367"/>
    </row>
    <row r="11354" spans="2:12">
      <c r="B11354" s="367"/>
      <c r="C11354" s="360"/>
      <c r="D11354" s="367"/>
      <c r="E11354" s="367"/>
      <c r="F11354" s="359" t="s">
        <v>15089</v>
      </c>
      <c r="G11354" s="359" t="s">
        <v>14429</v>
      </c>
      <c r="H11354" s="360"/>
      <c r="I11354" s="359" t="s">
        <v>14429</v>
      </c>
      <c r="J11354" s="365"/>
      <c r="K11354" s="365"/>
      <c r="L11354" s="367"/>
    </row>
    <row r="11355" spans="2:12">
      <c r="B11355" s="367"/>
      <c r="C11355" s="360"/>
      <c r="D11355" s="367"/>
      <c r="E11355" s="367"/>
      <c r="F11355" s="360"/>
      <c r="G11355" s="360"/>
      <c r="H11355" s="360"/>
      <c r="I11355" s="360"/>
      <c r="J11355" s="365"/>
      <c r="K11355" s="365"/>
      <c r="L11355" s="367"/>
    </row>
    <row r="11356" spans="2:12">
      <c r="B11356" s="367"/>
      <c r="C11356" s="360"/>
      <c r="D11356" s="367"/>
      <c r="E11356" s="367"/>
      <c r="F11356" s="359" t="s">
        <v>14368</v>
      </c>
      <c r="G11356" s="359" t="s">
        <v>14388</v>
      </c>
      <c r="H11356" s="360"/>
      <c r="I11356" s="359" t="s">
        <v>14388</v>
      </c>
      <c r="J11356" s="365"/>
      <c r="K11356" s="365"/>
      <c r="L11356" s="367"/>
    </row>
    <row r="11357" spans="2:12">
      <c r="B11357" s="367"/>
      <c r="C11357" s="360"/>
      <c r="D11357" s="367"/>
      <c r="E11357" s="367"/>
      <c r="F11357" s="360"/>
      <c r="G11357" s="360"/>
      <c r="H11357" s="360"/>
      <c r="I11357" s="360"/>
      <c r="J11357" s="365"/>
      <c r="K11357" s="365"/>
      <c r="L11357" s="367"/>
    </row>
    <row r="11358" spans="2:12" ht="57">
      <c r="B11358" s="367"/>
      <c r="C11358" s="360"/>
      <c r="D11358" s="367"/>
      <c r="E11358" s="367"/>
      <c r="F11358" s="359" t="s">
        <v>14384</v>
      </c>
      <c r="G11358" s="359" t="s">
        <v>20194</v>
      </c>
      <c r="H11358" s="360"/>
      <c r="I11358" s="359" t="s">
        <v>20194</v>
      </c>
      <c r="J11358" s="365"/>
      <c r="K11358" s="365"/>
      <c r="L11358" s="367"/>
    </row>
    <row r="11359" spans="2:12">
      <c r="B11359" s="367"/>
      <c r="C11359" s="360"/>
      <c r="D11359" s="367"/>
      <c r="E11359" s="367"/>
      <c r="F11359" s="360"/>
      <c r="G11359" s="360"/>
      <c r="H11359" s="360"/>
      <c r="I11359" s="360"/>
      <c r="J11359" s="365"/>
      <c r="K11359" s="365"/>
      <c r="L11359" s="367"/>
    </row>
    <row r="11360" spans="2:12">
      <c r="B11360" s="367"/>
      <c r="C11360" s="360"/>
      <c r="D11360" s="367"/>
      <c r="E11360" s="367"/>
      <c r="F11360" s="359" t="s">
        <v>14430</v>
      </c>
      <c r="G11360" s="359" t="s">
        <v>14431</v>
      </c>
      <c r="H11360" s="360"/>
      <c r="I11360" s="359" t="s">
        <v>14340</v>
      </c>
      <c r="J11360" s="365"/>
      <c r="K11360" s="365"/>
      <c r="L11360" s="367"/>
    </row>
    <row r="11361" spans="2:12">
      <c r="B11361" s="367"/>
      <c r="C11361" s="360"/>
      <c r="D11361" s="367"/>
      <c r="E11361" s="367"/>
      <c r="F11361" s="360"/>
      <c r="G11361" s="360"/>
      <c r="H11361" s="360"/>
      <c r="I11361" s="360"/>
      <c r="J11361" s="365"/>
      <c r="K11361" s="365"/>
      <c r="L11361" s="367"/>
    </row>
    <row r="11362" spans="2:12">
      <c r="B11362" s="367"/>
      <c r="C11362" s="360"/>
      <c r="D11362" s="367"/>
      <c r="E11362" s="367"/>
      <c r="F11362" s="359" t="s">
        <v>15892</v>
      </c>
      <c r="G11362" s="359" t="s">
        <v>14340</v>
      </c>
      <c r="H11362" s="360"/>
      <c r="I11362" s="359" t="s">
        <v>14392</v>
      </c>
      <c r="J11362" s="365"/>
      <c r="K11362" s="365"/>
      <c r="L11362" s="367"/>
    </row>
    <row r="11363" spans="2:12">
      <c r="B11363" s="367"/>
      <c r="C11363" s="360"/>
      <c r="D11363" s="367"/>
      <c r="E11363" s="367"/>
      <c r="F11363" s="360"/>
      <c r="G11363" s="360"/>
      <c r="H11363" s="360"/>
      <c r="I11363" s="360"/>
      <c r="J11363" s="365"/>
      <c r="K11363" s="365"/>
      <c r="L11363" s="367"/>
    </row>
    <row r="11364" spans="2:12">
      <c r="B11364" s="368"/>
      <c r="C11364" s="362"/>
      <c r="D11364" s="368"/>
      <c r="E11364" s="368"/>
      <c r="F11364" s="361" t="s">
        <v>14391</v>
      </c>
      <c r="G11364" s="361" t="s">
        <v>14392</v>
      </c>
      <c r="H11364" s="362"/>
      <c r="I11364" s="362"/>
      <c r="J11364" s="366"/>
      <c r="K11364" s="366"/>
      <c r="L11364" s="368"/>
    </row>
    <row r="11365" spans="2:12">
      <c r="B11365" s="354" t="s">
        <v>28528</v>
      </c>
      <c r="C11365" s="369"/>
      <c r="D11365" s="369"/>
      <c r="E11365" s="369"/>
      <c r="F11365" s="369"/>
      <c r="G11365" s="369"/>
      <c r="H11365" s="369"/>
      <c r="I11365" s="369"/>
      <c r="J11365" s="369"/>
      <c r="K11365" s="369"/>
      <c r="L11365" s="370"/>
    </row>
    <row r="11366" spans="2:12">
      <c r="B11366" s="358" t="s">
        <v>20195</v>
      </c>
      <c r="C11366" s="358" t="s">
        <v>20196</v>
      </c>
      <c r="D11366" s="358" t="s">
        <v>20197</v>
      </c>
      <c r="E11366" s="358" t="s">
        <v>20198</v>
      </c>
      <c r="F11366" s="358" t="s">
        <v>14386</v>
      </c>
      <c r="G11366" s="358" t="s">
        <v>14387</v>
      </c>
      <c r="H11366" s="358" t="s">
        <v>14367</v>
      </c>
      <c r="I11366" s="358" t="s">
        <v>14387</v>
      </c>
      <c r="J11366" s="358"/>
      <c r="K11366" s="358"/>
      <c r="L11366" s="358" t="s">
        <v>595</v>
      </c>
    </row>
    <row r="11367" spans="2:12">
      <c r="B11367" s="367"/>
      <c r="C11367" s="367"/>
      <c r="D11367" s="367"/>
      <c r="E11367" s="367"/>
      <c r="F11367" s="360"/>
      <c r="G11367" s="360"/>
      <c r="H11367" s="360"/>
      <c r="I11367" s="360"/>
      <c r="J11367" s="365"/>
      <c r="K11367" s="365"/>
      <c r="L11367" s="367"/>
    </row>
    <row r="11368" spans="2:12">
      <c r="B11368" s="367"/>
      <c r="C11368" s="367"/>
      <c r="D11368" s="367"/>
      <c r="E11368" s="367"/>
      <c r="F11368" s="359" t="s">
        <v>14389</v>
      </c>
      <c r="G11368" s="359" t="s">
        <v>14390</v>
      </c>
      <c r="H11368" s="359" t="s">
        <v>14422</v>
      </c>
      <c r="I11368" s="359" t="s">
        <v>14390</v>
      </c>
      <c r="J11368" s="365"/>
      <c r="K11368" s="365"/>
      <c r="L11368" s="367"/>
    </row>
    <row r="11369" spans="2:12">
      <c r="B11369" s="367"/>
      <c r="C11369" s="367"/>
      <c r="D11369" s="367"/>
      <c r="E11369" s="367"/>
      <c r="F11369" s="360"/>
      <c r="G11369" s="360"/>
      <c r="H11369" s="360"/>
      <c r="I11369" s="360"/>
      <c r="J11369" s="365"/>
      <c r="K11369" s="365"/>
      <c r="L11369" s="367"/>
    </row>
    <row r="11370" spans="2:12">
      <c r="B11370" s="368"/>
      <c r="C11370" s="368"/>
      <c r="D11370" s="368"/>
      <c r="E11370" s="368"/>
      <c r="F11370" s="361" t="s">
        <v>14391</v>
      </c>
      <c r="G11370" s="361" t="s">
        <v>14392</v>
      </c>
      <c r="H11370" s="362"/>
      <c r="I11370" s="361" t="s">
        <v>14392</v>
      </c>
      <c r="J11370" s="366"/>
      <c r="K11370" s="366"/>
      <c r="L11370" s="368"/>
    </row>
    <row r="11371" spans="2:12" ht="28.5">
      <c r="B11371" s="358" t="s">
        <v>20199</v>
      </c>
      <c r="C11371" s="358" t="s">
        <v>29225</v>
      </c>
      <c r="D11371" s="358" t="s">
        <v>20200</v>
      </c>
      <c r="E11371" s="358" t="s">
        <v>20201</v>
      </c>
      <c r="F11371" s="358" t="s">
        <v>14386</v>
      </c>
      <c r="G11371" s="358" t="s">
        <v>14387</v>
      </c>
      <c r="H11371" s="358" t="s">
        <v>14367</v>
      </c>
      <c r="I11371" s="358" t="s">
        <v>14387</v>
      </c>
      <c r="J11371" s="358"/>
      <c r="K11371" s="358"/>
      <c r="L11371" s="358" t="s">
        <v>17820</v>
      </c>
    </row>
    <row r="11372" spans="2:12">
      <c r="B11372" s="367"/>
      <c r="C11372" s="367"/>
      <c r="D11372" s="360"/>
      <c r="E11372" s="360"/>
      <c r="F11372" s="360"/>
      <c r="G11372" s="360"/>
      <c r="H11372" s="360"/>
      <c r="I11372" s="360"/>
      <c r="J11372" s="365"/>
      <c r="K11372" s="365"/>
      <c r="L11372" s="367"/>
    </row>
    <row r="11373" spans="2:12" ht="28.5">
      <c r="B11373" s="368"/>
      <c r="C11373" s="368"/>
      <c r="D11373" s="361" t="s">
        <v>20202</v>
      </c>
      <c r="E11373" s="361" t="s">
        <v>20203</v>
      </c>
      <c r="F11373" s="361" t="s">
        <v>14391</v>
      </c>
      <c r="G11373" s="361" t="s">
        <v>14392</v>
      </c>
      <c r="H11373" s="361" t="s">
        <v>14422</v>
      </c>
      <c r="I11373" s="361" t="s">
        <v>14392</v>
      </c>
      <c r="J11373" s="366"/>
      <c r="K11373" s="366"/>
      <c r="L11373" s="368"/>
    </row>
    <row r="11374" spans="2:12" ht="28.5">
      <c r="B11374" s="358" t="s">
        <v>20204</v>
      </c>
      <c r="C11374" s="358" t="s">
        <v>29226</v>
      </c>
      <c r="D11374" s="358" t="s">
        <v>20205</v>
      </c>
      <c r="E11374" s="358" t="s">
        <v>20206</v>
      </c>
      <c r="F11374" s="358" t="s">
        <v>14386</v>
      </c>
      <c r="G11374" s="358" t="s">
        <v>14387</v>
      </c>
      <c r="H11374" s="358" t="s">
        <v>14367</v>
      </c>
      <c r="I11374" s="358" t="s">
        <v>14387</v>
      </c>
      <c r="J11374" s="358"/>
      <c r="K11374" s="358"/>
      <c r="L11374" s="358" t="s">
        <v>595</v>
      </c>
    </row>
    <row r="11375" spans="2:12">
      <c r="B11375" s="367"/>
      <c r="C11375" s="367"/>
      <c r="D11375" s="367"/>
      <c r="E11375" s="367"/>
      <c r="F11375" s="360"/>
      <c r="G11375" s="360"/>
      <c r="H11375" s="360"/>
      <c r="I11375" s="360"/>
      <c r="J11375" s="365"/>
      <c r="K11375" s="365"/>
      <c r="L11375" s="367"/>
    </row>
    <row r="11376" spans="2:12">
      <c r="B11376" s="367"/>
      <c r="C11376" s="367"/>
      <c r="D11376" s="367"/>
      <c r="E11376" s="367"/>
      <c r="F11376" s="359" t="s">
        <v>14389</v>
      </c>
      <c r="G11376" s="359" t="s">
        <v>14390</v>
      </c>
      <c r="H11376" s="359" t="s">
        <v>14422</v>
      </c>
      <c r="I11376" s="359" t="s">
        <v>14390</v>
      </c>
      <c r="J11376" s="365"/>
      <c r="K11376" s="365"/>
      <c r="L11376" s="367"/>
    </row>
    <row r="11377" spans="2:12">
      <c r="B11377" s="367"/>
      <c r="C11377" s="367"/>
      <c r="D11377" s="367"/>
      <c r="E11377" s="367"/>
      <c r="F11377" s="360"/>
      <c r="G11377" s="360"/>
      <c r="H11377" s="360"/>
      <c r="I11377" s="360"/>
      <c r="J11377" s="365"/>
      <c r="K11377" s="365"/>
      <c r="L11377" s="367"/>
    </row>
    <row r="11378" spans="2:12">
      <c r="B11378" s="368"/>
      <c r="C11378" s="368"/>
      <c r="D11378" s="368"/>
      <c r="E11378" s="368"/>
      <c r="F11378" s="361" t="s">
        <v>14391</v>
      </c>
      <c r="G11378" s="361" t="s">
        <v>14392</v>
      </c>
      <c r="H11378" s="362"/>
      <c r="I11378" s="361" t="s">
        <v>14392</v>
      </c>
      <c r="J11378" s="366"/>
      <c r="K11378" s="366"/>
      <c r="L11378" s="368"/>
    </row>
    <row r="11379" spans="2:12">
      <c r="B11379" s="358" t="s">
        <v>20207</v>
      </c>
      <c r="C11379" s="358" t="s">
        <v>20208</v>
      </c>
      <c r="D11379" s="358" t="s">
        <v>20209</v>
      </c>
      <c r="E11379" s="358" t="s">
        <v>20210</v>
      </c>
      <c r="F11379" s="358" t="s">
        <v>14420</v>
      </c>
      <c r="G11379" s="358" t="s">
        <v>14459</v>
      </c>
      <c r="H11379" s="358" t="s">
        <v>14367</v>
      </c>
      <c r="I11379" s="358" t="s">
        <v>14459</v>
      </c>
      <c r="J11379" s="358"/>
      <c r="K11379" s="358"/>
      <c r="L11379" s="358" t="s">
        <v>595</v>
      </c>
    </row>
    <row r="11380" spans="2:12">
      <c r="B11380" s="367"/>
      <c r="C11380" s="367"/>
      <c r="D11380" s="367"/>
      <c r="E11380" s="367"/>
      <c r="F11380" s="360"/>
      <c r="G11380" s="360"/>
      <c r="H11380" s="360"/>
      <c r="I11380" s="360"/>
      <c r="J11380" s="365"/>
      <c r="K11380" s="365"/>
      <c r="L11380" s="367"/>
    </row>
    <row r="11381" spans="2:12">
      <c r="B11381" s="367"/>
      <c r="C11381" s="367"/>
      <c r="D11381" s="367"/>
      <c r="E11381" s="367"/>
      <c r="F11381" s="359" t="s">
        <v>14386</v>
      </c>
      <c r="G11381" s="359" t="s">
        <v>14387</v>
      </c>
      <c r="H11381" s="359" t="s">
        <v>14422</v>
      </c>
      <c r="I11381" s="359" t="s">
        <v>14387</v>
      </c>
      <c r="J11381" s="365"/>
      <c r="K11381" s="365"/>
      <c r="L11381" s="367"/>
    </row>
    <row r="11382" spans="2:12">
      <c r="B11382" s="367"/>
      <c r="C11382" s="367"/>
      <c r="D11382" s="367"/>
      <c r="E11382" s="367"/>
      <c r="F11382" s="360"/>
      <c r="G11382" s="360"/>
      <c r="H11382" s="360"/>
      <c r="I11382" s="360"/>
      <c r="J11382" s="365"/>
      <c r="K11382" s="365"/>
      <c r="L11382" s="367"/>
    </row>
    <row r="11383" spans="2:12">
      <c r="B11383" s="367"/>
      <c r="C11383" s="367"/>
      <c r="D11383" s="367"/>
      <c r="E11383" s="367"/>
      <c r="F11383" s="359" t="s">
        <v>14389</v>
      </c>
      <c r="G11383" s="359" t="s">
        <v>14390</v>
      </c>
      <c r="H11383" s="360"/>
      <c r="I11383" s="359" t="s">
        <v>14390</v>
      </c>
      <c r="J11383" s="365"/>
      <c r="K11383" s="365"/>
      <c r="L11383" s="367"/>
    </row>
    <row r="11384" spans="2:12">
      <c r="B11384" s="367"/>
      <c r="C11384" s="367"/>
      <c r="D11384" s="367"/>
      <c r="E11384" s="367"/>
      <c r="F11384" s="360"/>
      <c r="G11384" s="360"/>
      <c r="H11384" s="360"/>
      <c r="I11384" s="360"/>
      <c r="J11384" s="365"/>
      <c r="K11384" s="365"/>
      <c r="L11384" s="367"/>
    </row>
    <row r="11385" spans="2:12">
      <c r="B11385" s="368"/>
      <c r="C11385" s="368"/>
      <c r="D11385" s="368"/>
      <c r="E11385" s="368"/>
      <c r="F11385" s="361" t="s">
        <v>14391</v>
      </c>
      <c r="G11385" s="361" t="s">
        <v>14392</v>
      </c>
      <c r="H11385" s="362"/>
      <c r="I11385" s="361" t="s">
        <v>14392</v>
      </c>
      <c r="J11385" s="366"/>
      <c r="K11385" s="366"/>
      <c r="L11385" s="368"/>
    </row>
    <row r="11386" spans="2:12">
      <c r="B11386" s="358" t="s">
        <v>20211</v>
      </c>
      <c r="C11386" s="358" t="s">
        <v>27631</v>
      </c>
      <c r="D11386" s="358" t="s">
        <v>20212</v>
      </c>
      <c r="E11386" s="358" t="s">
        <v>20213</v>
      </c>
      <c r="F11386" s="358" t="s">
        <v>14386</v>
      </c>
      <c r="G11386" s="358" t="s">
        <v>14387</v>
      </c>
      <c r="H11386" s="358" t="s">
        <v>14367</v>
      </c>
      <c r="I11386" s="358" t="s">
        <v>14387</v>
      </c>
      <c r="J11386" s="358"/>
      <c r="K11386" s="358"/>
      <c r="L11386" s="358" t="s">
        <v>595</v>
      </c>
    </row>
    <row r="11387" spans="2:12">
      <c r="B11387" s="367"/>
      <c r="C11387" s="367"/>
      <c r="D11387" s="367"/>
      <c r="E11387" s="367"/>
      <c r="F11387" s="360"/>
      <c r="G11387" s="360"/>
      <c r="H11387" s="360"/>
      <c r="I11387" s="360"/>
      <c r="J11387" s="365"/>
      <c r="K11387" s="365"/>
      <c r="L11387" s="367"/>
    </row>
    <row r="11388" spans="2:12">
      <c r="B11388" s="367"/>
      <c r="C11388" s="367"/>
      <c r="D11388" s="367"/>
      <c r="E11388" s="367"/>
      <c r="F11388" s="359" t="s">
        <v>14389</v>
      </c>
      <c r="G11388" s="359" t="s">
        <v>14390</v>
      </c>
      <c r="H11388" s="359" t="s">
        <v>14422</v>
      </c>
      <c r="I11388" s="359" t="s">
        <v>14390</v>
      </c>
      <c r="J11388" s="365"/>
      <c r="K11388" s="365"/>
      <c r="L11388" s="367"/>
    </row>
    <row r="11389" spans="2:12">
      <c r="B11389" s="367"/>
      <c r="C11389" s="367"/>
      <c r="D11389" s="367"/>
      <c r="E11389" s="367"/>
      <c r="F11389" s="360"/>
      <c r="G11389" s="360"/>
      <c r="H11389" s="360"/>
      <c r="I11389" s="360"/>
      <c r="J11389" s="365"/>
      <c r="K11389" s="365"/>
      <c r="L11389" s="367"/>
    </row>
    <row r="11390" spans="2:12">
      <c r="B11390" s="368"/>
      <c r="C11390" s="368"/>
      <c r="D11390" s="368"/>
      <c r="E11390" s="368"/>
      <c r="F11390" s="361" t="s">
        <v>14391</v>
      </c>
      <c r="G11390" s="361" t="s">
        <v>14392</v>
      </c>
      <c r="H11390" s="362"/>
      <c r="I11390" s="361" t="s">
        <v>14392</v>
      </c>
      <c r="J11390" s="366"/>
      <c r="K11390" s="366"/>
      <c r="L11390" s="368"/>
    </row>
    <row r="11391" spans="2:12" ht="42.75">
      <c r="B11391" s="358" t="s">
        <v>20214</v>
      </c>
      <c r="C11391" s="358" t="s">
        <v>30195</v>
      </c>
      <c r="D11391" s="358" t="s">
        <v>20215</v>
      </c>
      <c r="E11391" s="358" t="s">
        <v>20216</v>
      </c>
      <c r="F11391" s="358" t="s">
        <v>14418</v>
      </c>
      <c r="G11391" s="358" t="s">
        <v>14419</v>
      </c>
      <c r="H11391" s="358" t="s">
        <v>14328</v>
      </c>
      <c r="I11391" s="358" t="s">
        <v>14419</v>
      </c>
      <c r="J11391" s="358"/>
      <c r="K11391" s="358"/>
      <c r="L11391" s="358" t="s">
        <v>14611</v>
      </c>
    </row>
    <row r="11392" spans="2:12">
      <c r="B11392" s="367"/>
      <c r="C11392" s="367"/>
      <c r="D11392" s="360"/>
      <c r="E11392" s="360"/>
      <c r="F11392" s="360"/>
      <c r="G11392" s="360"/>
      <c r="H11392" s="360"/>
      <c r="I11392" s="360"/>
      <c r="J11392" s="365"/>
      <c r="K11392" s="365"/>
      <c r="L11392" s="367"/>
    </row>
    <row r="11393" spans="2:12">
      <c r="B11393" s="367"/>
      <c r="C11393" s="367"/>
      <c r="D11393" s="359" t="s">
        <v>20217</v>
      </c>
      <c r="E11393" s="359" t="s">
        <v>20218</v>
      </c>
      <c r="F11393" s="359" t="s">
        <v>14368</v>
      </c>
      <c r="G11393" s="359" t="s">
        <v>14388</v>
      </c>
      <c r="H11393" s="359" t="s">
        <v>14341</v>
      </c>
      <c r="I11393" s="359" t="s">
        <v>14388</v>
      </c>
      <c r="J11393" s="365"/>
      <c r="K11393" s="365"/>
      <c r="L11393" s="367"/>
    </row>
    <row r="11394" spans="2:12">
      <c r="B11394" s="367"/>
      <c r="C11394" s="367"/>
      <c r="D11394" s="360"/>
      <c r="E11394" s="360"/>
      <c r="F11394" s="360"/>
      <c r="G11394" s="360"/>
      <c r="H11394" s="360"/>
      <c r="I11394" s="360"/>
      <c r="J11394" s="365"/>
      <c r="K11394" s="365"/>
      <c r="L11394" s="367"/>
    </row>
    <row r="11395" spans="2:12">
      <c r="B11395" s="367"/>
      <c r="C11395" s="367"/>
      <c r="D11395" s="360"/>
      <c r="E11395" s="360"/>
      <c r="F11395" s="359" t="s">
        <v>14430</v>
      </c>
      <c r="G11395" s="359" t="s">
        <v>14431</v>
      </c>
      <c r="H11395" s="359" t="s">
        <v>14367</v>
      </c>
      <c r="I11395" s="359" t="s">
        <v>14431</v>
      </c>
      <c r="J11395" s="365"/>
      <c r="K11395" s="365"/>
      <c r="L11395" s="367"/>
    </row>
    <row r="11396" spans="2:12">
      <c r="B11396" s="367"/>
      <c r="C11396" s="367"/>
      <c r="D11396" s="360"/>
      <c r="E11396" s="360"/>
      <c r="F11396" s="360"/>
      <c r="G11396" s="360"/>
      <c r="H11396" s="360"/>
      <c r="I11396" s="360"/>
      <c r="J11396" s="365"/>
      <c r="K11396" s="365"/>
      <c r="L11396" s="367"/>
    </row>
    <row r="11397" spans="2:12">
      <c r="B11397" s="368"/>
      <c r="C11397" s="368"/>
      <c r="D11397" s="362"/>
      <c r="E11397" s="362"/>
      <c r="F11397" s="362"/>
      <c r="G11397" s="362"/>
      <c r="H11397" s="361" t="s">
        <v>14332</v>
      </c>
      <c r="I11397" s="362"/>
      <c r="J11397" s="366"/>
      <c r="K11397" s="366"/>
      <c r="L11397" s="368"/>
    </row>
    <row r="11398" spans="2:12" ht="42.75">
      <c r="B11398" s="358" t="s">
        <v>20219</v>
      </c>
      <c r="C11398" s="358" t="s">
        <v>29227</v>
      </c>
      <c r="D11398" s="358" t="s">
        <v>20220</v>
      </c>
      <c r="E11398" s="358" t="s">
        <v>20221</v>
      </c>
      <c r="F11398" s="358" t="s">
        <v>14418</v>
      </c>
      <c r="G11398" s="358" t="s">
        <v>14419</v>
      </c>
      <c r="H11398" s="358" t="s">
        <v>14328</v>
      </c>
      <c r="I11398" s="358" t="s">
        <v>14419</v>
      </c>
      <c r="J11398" s="358" t="s">
        <v>17309</v>
      </c>
      <c r="K11398" s="358"/>
      <c r="L11398" s="358" t="s">
        <v>14611</v>
      </c>
    </row>
    <row r="11399" spans="2:12">
      <c r="B11399" s="367"/>
      <c r="C11399" s="367"/>
      <c r="D11399" s="360"/>
      <c r="E11399" s="360"/>
      <c r="F11399" s="367"/>
      <c r="G11399" s="367"/>
      <c r="H11399" s="360"/>
      <c r="I11399" s="367"/>
      <c r="J11399" s="367"/>
      <c r="K11399" s="365"/>
      <c r="L11399" s="367"/>
    </row>
    <row r="11400" spans="2:12">
      <c r="B11400" s="367"/>
      <c r="C11400" s="367"/>
      <c r="D11400" s="359" t="s">
        <v>20222</v>
      </c>
      <c r="E11400" s="359" t="s">
        <v>20223</v>
      </c>
      <c r="F11400" s="367"/>
      <c r="G11400" s="367"/>
      <c r="H11400" s="359" t="s">
        <v>14422</v>
      </c>
      <c r="I11400" s="367"/>
      <c r="J11400" s="367"/>
      <c r="K11400" s="365"/>
      <c r="L11400" s="367"/>
    </row>
    <row r="11401" spans="2:12">
      <c r="B11401" s="367"/>
      <c r="C11401" s="367"/>
      <c r="D11401" s="360"/>
      <c r="E11401" s="360"/>
      <c r="F11401" s="367"/>
      <c r="G11401" s="367"/>
      <c r="H11401" s="360"/>
      <c r="I11401" s="367"/>
      <c r="J11401" s="367"/>
      <c r="K11401" s="365"/>
      <c r="L11401" s="367"/>
    </row>
    <row r="11402" spans="2:12">
      <c r="B11402" s="367"/>
      <c r="C11402" s="367"/>
      <c r="D11402" s="359" t="s">
        <v>20224</v>
      </c>
      <c r="E11402" s="359" t="s">
        <v>20225</v>
      </c>
      <c r="F11402" s="367"/>
      <c r="G11402" s="367"/>
      <c r="H11402" s="360"/>
      <c r="I11402" s="367"/>
      <c r="J11402" s="367"/>
      <c r="K11402" s="365"/>
      <c r="L11402" s="367"/>
    </row>
    <row r="11403" spans="2:12">
      <c r="B11403" s="367"/>
      <c r="C11403" s="367"/>
      <c r="D11403" s="360"/>
      <c r="E11403" s="360"/>
      <c r="F11403" s="367"/>
      <c r="G11403" s="367"/>
      <c r="H11403" s="360"/>
      <c r="I11403" s="367"/>
      <c r="J11403" s="367"/>
      <c r="K11403" s="365"/>
      <c r="L11403" s="367"/>
    </row>
    <row r="11404" spans="2:12">
      <c r="B11404" s="367"/>
      <c r="C11404" s="367"/>
      <c r="D11404" s="359" t="s">
        <v>20226</v>
      </c>
      <c r="E11404" s="359" t="s">
        <v>20227</v>
      </c>
      <c r="F11404" s="367"/>
      <c r="G11404" s="367"/>
      <c r="H11404" s="360"/>
      <c r="I11404" s="367"/>
      <c r="J11404" s="367"/>
      <c r="K11404" s="365"/>
      <c r="L11404" s="367"/>
    </row>
    <row r="11405" spans="2:12">
      <c r="B11405" s="367"/>
      <c r="C11405" s="367"/>
      <c r="D11405" s="360"/>
      <c r="E11405" s="360"/>
      <c r="F11405" s="367"/>
      <c r="G11405" s="367"/>
      <c r="H11405" s="360"/>
      <c r="I11405" s="367"/>
      <c r="J11405" s="367"/>
      <c r="K11405" s="365"/>
      <c r="L11405" s="367"/>
    </row>
    <row r="11406" spans="2:12" ht="28.5">
      <c r="B11406" s="368"/>
      <c r="C11406" s="368"/>
      <c r="D11406" s="361" t="s">
        <v>20228</v>
      </c>
      <c r="E11406" s="361" t="s">
        <v>20229</v>
      </c>
      <c r="F11406" s="368"/>
      <c r="G11406" s="368"/>
      <c r="H11406" s="362"/>
      <c r="I11406" s="368"/>
      <c r="J11406" s="368"/>
      <c r="K11406" s="366"/>
      <c r="L11406" s="368"/>
    </row>
    <row r="11407" spans="2:12" ht="28.5">
      <c r="B11407" s="358" t="s">
        <v>20230</v>
      </c>
      <c r="C11407" s="358" t="s">
        <v>29228</v>
      </c>
      <c r="D11407" s="358" t="s">
        <v>20231</v>
      </c>
      <c r="E11407" s="358" t="s">
        <v>20232</v>
      </c>
      <c r="F11407" s="358" t="s">
        <v>14418</v>
      </c>
      <c r="G11407" s="358" t="s">
        <v>14419</v>
      </c>
      <c r="H11407" s="358" t="s">
        <v>14328</v>
      </c>
      <c r="I11407" s="358" t="s">
        <v>14419</v>
      </c>
      <c r="J11407" s="358"/>
      <c r="K11407" s="358"/>
      <c r="L11407" s="358" t="s">
        <v>14611</v>
      </c>
    </row>
    <row r="11408" spans="2:12">
      <c r="B11408" s="367"/>
      <c r="C11408" s="367"/>
      <c r="D11408" s="360"/>
      <c r="E11408" s="360"/>
      <c r="F11408" s="367"/>
      <c r="G11408" s="367"/>
      <c r="H11408" s="360"/>
      <c r="I11408" s="367"/>
      <c r="J11408" s="365"/>
      <c r="K11408" s="365"/>
      <c r="L11408" s="367"/>
    </row>
    <row r="11409" spans="2:12">
      <c r="B11409" s="367"/>
      <c r="C11409" s="367"/>
      <c r="D11409" s="359" t="s">
        <v>20233</v>
      </c>
      <c r="E11409" s="359" t="s">
        <v>20234</v>
      </c>
      <c r="F11409" s="367"/>
      <c r="G11409" s="367"/>
      <c r="H11409" s="359" t="s">
        <v>14422</v>
      </c>
      <c r="I11409" s="367"/>
      <c r="J11409" s="365"/>
      <c r="K11409" s="365"/>
      <c r="L11409" s="367"/>
    </row>
    <row r="11410" spans="2:12">
      <c r="B11410" s="367"/>
      <c r="C11410" s="367"/>
      <c r="D11410" s="360"/>
      <c r="E11410" s="360"/>
      <c r="F11410" s="367"/>
      <c r="G11410" s="367"/>
      <c r="H11410" s="360"/>
      <c r="I11410" s="367"/>
      <c r="J11410" s="365"/>
      <c r="K11410" s="365"/>
      <c r="L11410" s="367"/>
    </row>
    <row r="11411" spans="2:12" ht="28.5">
      <c r="B11411" s="368"/>
      <c r="C11411" s="368"/>
      <c r="D11411" s="361" t="s">
        <v>20235</v>
      </c>
      <c r="E11411" s="361" t="s">
        <v>20236</v>
      </c>
      <c r="F11411" s="368"/>
      <c r="G11411" s="368"/>
      <c r="H11411" s="362"/>
      <c r="I11411" s="368"/>
      <c r="J11411" s="366"/>
      <c r="K11411" s="366"/>
      <c r="L11411" s="368"/>
    </row>
    <row r="11412" spans="2:12" ht="28.5">
      <c r="B11412" s="358" t="s">
        <v>20237</v>
      </c>
      <c r="C11412" s="358" t="s">
        <v>20238</v>
      </c>
      <c r="D11412" s="358" t="s">
        <v>20239</v>
      </c>
      <c r="E11412" s="358" t="s">
        <v>20240</v>
      </c>
      <c r="F11412" s="358" t="s">
        <v>28938</v>
      </c>
      <c r="G11412" s="358" t="s">
        <v>14421</v>
      </c>
      <c r="H11412" s="358" t="s">
        <v>14367</v>
      </c>
      <c r="I11412" s="358" t="s">
        <v>14421</v>
      </c>
      <c r="J11412" s="358"/>
      <c r="K11412" s="358"/>
      <c r="L11412" s="358" t="s">
        <v>595</v>
      </c>
    </row>
    <row r="11413" spans="2:12">
      <c r="B11413" s="367"/>
      <c r="C11413" s="367"/>
      <c r="D11413" s="367"/>
      <c r="E11413" s="367"/>
      <c r="F11413" s="360"/>
      <c r="G11413" s="360"/>
      <c r="H11413" s="360"/>
      <c r="I11413" s="360"/>
      <c r="J11413" s="365"/>
      <c r="K11413" s="365"/>
      <c r="L11413" s="367"/>
    </row>
    <row r="11414" spans="2:12">
      <c r="B11414" s="367"/>
      <c r="C11414" s="367"/>
      <c r="D11414" s="367"/>
      <c r="E11414" s="367"/>
      <c r="F11414" s="359" t="s">
        <v>14386</v>
      </c>
      <c r="G11414" s="359" t="s">
        <v>14429</v>
      </c>
      <c r="H11414" s="359" t="s">
        <v>14422</v>
      </c>
      <c r="I11414" s="359" t="s">
        <v>14429</v>
      </c>
      <c r="J11414" s="365"/>
      <c r="K11414" s="365"/>
      <c r="L11414" s="367"/>
    </row>
    <row r="11415" spans="2:12">
      <c r="B11415" s="367"/>
      <c r="C11415" s="367"/>
      <c r="D11415" s="367"/>
      <c r="E11415" s="367"/>
      <c r="F11415" s="360"/>
      <c r="G11415" s="360"/>
      <c r="H11415" s="360"/>
      <c r="I11415" s="360"/>
      <c r="J11415" s="365"/>
      <c r="K11415" s="365"/>
      <c r="L11415" s="367"/>
    </row>
    <row r="11416" spans="2:12">
      <c r="B11416" s="367"/>
      <c r="C11416" s="367"/>
      <c r="D11416" s="367"/>
      <c r="E11416" s="367"/>
      <c r="F11416" s="359" t="s">
        <v>14389</v>
      </c>
      <c r="G11416" s="359" t="s">
        <v>14387</v>
      </c>
      <c r="H11416" s="360"/>
      <c r="I11416" s="359" t="s">
        <v>14387</v>
      </c>
      <c r="J11416" s="365"/>
      <c r="K11416" s="365"/>
      <c r="L11416" s="367"/>
    </row>
    <row r="11417" spans="2:12">
      <c r="B11417" s="367"/>
      <c r="C11417" s="367"/>
      <c r="D11417" s="367"/>
      <c r="E11417" s="367"/>
      <c r="F11417" s="360"/>
      <c r="G11417" s="360"/>
      <c r="H11417" s="360"/>
      <c r="I11417" s="360"/>
      <c r="J11417" s="365"/>
      <c r="K11417" s="365"/>
      <c r="L11417" s="367"/>
    </row>
    <row r="11418" spans="2:12">
      <c r="B11418" s="367"/>
      <c r="C11418" s="367"/>
      <c r="D11418" s="367"/>
      <c r="E11418" s="367"/>
      <c r="F11418" s="359" t="s">
        <v>14391</v>
      </c>
      <c r="G11418" s="359" t="s">
        <v>14390</v>
      </c>
      <c r="H11418" s="360"/>
      <c r="I11418" s="359" t="s">
        <v>14390</v>
      </c>
      <c r="J11418" s="365"/>
      <c r="K11418" s="365"/>
      <c r="L11418" s="367"/>
    </row>
    <row r="11419" spans="2:12">
      <c r="B11419" s="367"/>
      <c r="C11419" s="367"/>
      <c r="D11419" s="367"/>
      <c r="E11419" s="367"/>
      <c r="F11419" s="360"/>
      <c r="G11419" s="360"/>
      <c r="H11419" s="360"/>
      <c r="I11419" s="360"/>
      <c r="J11419" s="365"/>
      <c r="K11419" s="365"/>
      <c r="L11419" s="367"/>
    </row>
    <row r="11420" spans="2:12">
      <c r="B11420" s="368"/>
      <c r="C11420" s="368"/>
      <c r="D11420" s="368"/>
      <c r="E11420" s="368"/>
      <c r="F11420" s="362"/>
      <c r="G11420" s="361" t="s">
        <v>14392</v>
      </c>
      <c r="H11420" s="362"/>
      <c r="I11420" s="361" t="s">
        <v>14392</v>
      </c>
      <c r="J11420" s="366"/>
      <c r="K11420" s="366"/>
      <c r="L11420" s="368"/>
    </row>
    <row r="11421" spans="2:12" ht="42.75">
      <c r="B11421" s="358" t="s">
        <v>20241</v>
      </c>
      <c r="C11421" s="358" t="s">
        <v>29229</v>
      </c>
      <c r="D11421" s="358" t="s">
        <v>8356</v>
      </c>
      <c r="E11421" s="358" t="s">
        <v>8356</v>
      </c>
      <c r="F11421" s="358" t="s">
        <v>14386</v>
      </c>
      <c r="G11421" s="358" t="s">
        <v>14387</v>
      </c>
      <c r="H11421" s="358" t="s">
        <v>14367</v>
      </c>
      <c r="I11421" s="358" t="s">
        <v>14387</v>
      </c>
      <c r="J11421" s="358"/>
      <c r="K11421" s="358" t="s">
        <v>28685</v>
      </c>
      <c r="L11421" s="358" t="s">
        <v>9491</v>
      </c>
    </row>
    <row r="11422" spans="2:12">
      <c r="B11422" s="367"/>
      <c r="C11422" s="367"/>
      <c r="D11422" s="367"/>
      <c r="E11422" s="367"/>
      <c r="F11422" s="360"/>
      <c r="G11422" s="360"/>
      <c r="H11422" s="360"/>
      <c r="I11422" s="360"/>
      <c r="J11422" s="365"/>
      <c r="K11422" s="367"/>
      <c r="L11422" s="367"/>
    </row>
    <row r="11423" spans="2:12">
      <c r="B11423" s="367"/>
      <c r="C11423" s="367"/>
      <c r="D11423" s="367"/>
      <c r="E11423" s="367"/>
      <c r="F11423" s="359" t="s">
        <v>14368</v>
      </c>
      <c r="G11423" s="359" t="s">
        <v>14388</v>
      </c>
      <c r="H11423" s="359" t="s">
        <v>14370</v>
      </c>
      <c r="I11423" s="359" t="s">
        <v>14388</v>
      </c>
      <c r="J11423" s="365"/>
      <c r="K11423" s="367"/>
      <c r="L11423" s="367"/>
    </row>
    <row r="11424" spans="2:12">
      <c r="B11424" s="367"/>
      <c r="C11424" s="367"/>
      <c r="D11424" s="367"/>
      <c r="E11424" s="367"/>
      <c r="F11424" s="360"/>
      <c r="G11424" s="360"/>
      <c r="H11424" s="360"/>
      <c r="I11424" s="360"/>
      <c r="J11424" s="365"/>
      <c r="K11424" s="367"/>
      <c r="L11424" s="367"/>
    </row>
    <row r="11425" spans="2:12">
      <c r="B11425" s="367"/>
      <c r="C11425" s="367"/>
      <c r="D11425" s="367"/>
      <c r="E11425" s="367"/>
      <c r="F11425" s="359" t="s">
        <v>14389</v>
      </c>
      <c r="G11425" s="359" t="s">
        <v>14390</v>
      </c>
      <c r="H11425" s="359" t="s">
        <v>14422</v>
      </c>
      <c r="I11425" s="359" t="s">
        <v>14390</v>
      </c>
      <c r="J11425" s="365"/>
      <c r="K11425" s="367"/>
      <c r="L11425" s="367"/>
    </row>
    <row r="11426" spans="2:12">
      <c r="B11426" s="367"/>
      <c r="C11426" s="367"/>
      <c r="D11426" s="367"/>
      <c r="E11426" s="367"/>
      <c r="F11426" s="360"/>
      <c r="G11426" s="360"/>
      <c r="H11426" s="360"/>
      <c r="I11426" s="360"/>
      <c r="J11426" s="365"/>
      <c r="K11426" s="367"/>
      <c r="L11426" s="367"/>
    </row>
    <row r="11427" spans="2:12" ht="28.5">
      <c r="B11427" s="368"/>
      <c r="C11427" s="368"/>
      <c r="D11427" s="368"/>
      <c r="E11427" s="368"/>
      <c r="F11427" s="361" t="s">
        <v>14394</v>
      </c>
      <c r="G11427" s="361" t="s">
        <v>14395</v>
      </c>
      <c r="H11427" s="362"/>
      <c r="I11427" s="361" t="s">
        <v>14395</v>
      </c>
      <c r="J11427" s="366"/>
      <c r="K11427" s="368"/>
      <c r="L11427" s="368"/>
    </row>
    <row r="11428" spans="2:12" ht="42.75">
      <c r="B11428" s="358" t="s">
        <v>20242</v>
      </c>
      <c r="C11428" s="358" t="s">
        <v>20243</v>
      </c>
      <c r="D11428" s="358" t="s">
        <v>8356</v>
      </c>
      <c r="E11428" s="358" t="s">
        <v>8356</v>
      </c>
      <c r="F11428" s="358" t="s">
        <v>14386</v>
      </c>
      <c r="G11428" s="358" t="s">
        <v>14387</v>
      </c>
      <c r="H11428" s="358" t="s">
        <v>14367</v>
      </c>
      <c r="I11428" s="358" t="s">
        <v>14387</v>
      </c>
      <c r="J11428" s="358"/>
      <c r="K11428" s="358" t="s">
        <v>29230</v>
      </c>
      <c r="L11428" s="358" t="s">
        <v>9491</v>
      </c>
    </row>
    <row r="11429" spans="2:12">
      <c r="B11429" s="367"/>
      <c r="C11429" s="367"/>
      <c r="D11429" s="367"/>
      <c r="E11429" s="367"/>
      <c r="F11429" s="360"/>
      <c r="G11429" s="360"/>
      <c r="H11429" s="360"/>
      <c r="I11429" s="360"/>
      <c r="J11429" s="365"/>
      <c r="K11429" s="367"/>
      <c r="L11429" s="367"/>
    </row>
    <row r="11430" spans="2:12">
      <c r="B11430" s="367"/>
      <c r="C11430" s="367"/>
      <c r="D11430" s="367"/>
      <c r="E11430" s="367"/>
      <c r="F11430" s="359" t="s">
        <v>14368</v>
      </c>
      <c r="G11430" s="359" t="s">
        <v>14388</v>
      </c>
      <c r="H11430" s="359" t="s">
        <v>14422</v>
      </c>
      <c r="I11430" s="359" t="s">
        <v>14388</v>
      </c>
      <c r="J11430" s="365"/>
      <c r="K11430" s="367"/>
      <c r="L11430" s="367"/>
    </row>
    <row r="11431" spans="2:12">
      <c r="B11431" s="367"/>
      <c r="C11431" s="367"/>
      <c r="D11431" s="367"/>
      <c r="E11431" s="367"/>
      <c r="F11431" s="360"/>
      <c r="G11431" s="360"/>
      <c r="H11431" s="360"/>
      <c r="I11431" s="360"/>
      <c r="J11431" s="365"/>
      <c r="K11431" s="367"/>
      <c r="L11431" s="367"/>
    </row>
    <row r="11432" spans="2:12">
      <c r="B11432" s="368"/>
      <c r="C11432" s="368"/>
      <c r="D11432" s="368"/>
      <c r="E11432" s="368"/>
      <c r="F11432" s="361" t="s">
        <v>14389</v>
      </c>
      <c r="G11432" s="361" t="s">
        <v>14390</v>
      </c>
      <c r="H11432" s="362"/>
      <c r="I11432" s="361" t="s">
        <v>14390</v>
      </c>
      <c r="J11432" s="366"/>
      <c r="K11432" s="368"/>
      <c r="L11432" s="368"/>
    </row>
    <row r="11433" spans="2:12">
      <c r="B11433" s="358" t="s">
        <v>20244</v>
      </c>
      <c r="C11433" s="358" t="s">
        <v>20245</v>
      </c>
      <c r="D11433" s="358" t="s">
        <v>20246</v>
      </c>
      <c r="E11433" s="358" t="s">
        <v>20247</v>
      </c>
      <c r="F11433" s="358" t="s">
        <v>14356</v>
      </c>
      <c r="G11433" s="358" t="s">
        <v>14340</v>
      </c>
      <c r="H11433" s="358" t="s">
        <v>14341</v>
      </c>
      <c r="I11433" s="358" t="s">
        <v>14340</v>
      </c>
      <c r="J11433" s="358"/>
      <c r="K11433" s="358"/>
      <c r="L11433" s="358"/>
    </row>
    <row r="11434" spans="2:12">
      <c r="B11434" s="367"/>
      <c r="C11434" s="367"/>
      <c r="D11434" s="367"/>
      <c r="E11434" s="367"/>
      <c r="F11434" s="367"/>
      <c r="G11434" s="367"/>
      <c r="H11434" s="360"/>
      <c r="I11434" s="367"/>
      <c r="J11434" s="365"/>
      <c r="K11434" s="365"/>
      <c r="L11434" s="365"/>
    </row>
    <row r="11435" spans="2:12">
      <c r="B11435" s="368"/>
      <c r="C11435" s="368"/>
      <c r="D11435" s="368"/>
      <c r="E11435" s="368"/>
      <c r="F11435" s="368"/>
      <c r="G11435" s="368"/>
      <c r="H11435" s="361" t="s">
        <v>14332</v>
      </c>
      <c r="I11435" s="368"/>
      <c r="J11435" s="366"/>
      <c r="K11435" s="366"/>
      <c r="L11435" s="366"/>
    </row>
    <row r="11436" spans="2:12">
      <c r="B11436" s="358" t="s">
        <v>20248</v>
      </c>
      <c r="C11436" s="358" t="s">
        <v>20249</v>
      </c>
      <c r="D11436" s="358" t="s">
        <v>20250</v>
      </c>
      <c r="E11436" s="358" t="s">
        <v>20251</v>
      </c>
      <c r="F11436" s="358" t="s">
        <v>14505</v>
      </c>
      <c r="G11436" s="358" t="s">
        <v>14506</v>
      </c>
      <c r="H11436" s="358" t="s">
        <v>14328</v>
      </c>
      <c r="I11436" s="358" t="s">
        <v>14506</v>
      </c>
      <c r="J11436" s="358"/>
      <c r="K11436" s="358"/>
      <c r="L11436" s="358"/>
    </row>
    <row r="11437" spans="2:12">
      <c r="B11437" s="367"/>
      <c r="C11437" s="367"/>
      <c r="D11437" s="367"/>
      <c r="E11437" s="367"/>
      <c r="F11437" s="360"/>
      <c r="G11437" s="360"/>
      <c r="H11437" s="360"/>
      <c r="I11437" s="360"/>
      <c r="J11437" s="365"/>
      <c r="K11437" s="365"/>
      <c r="L11437" s="365"/>
    </row>
    <row r="11438" spans="2:12">
      <c r="B11438" s="367"/>
      <c r="C11438" s="367"/>
      <c r="D11438" s="367"/>
      <c r="E11438" s="367"/>
      <c r="F11438" s="359" t="s">
        <v>14356</v>
      </c>
      <c r="G11438" s="359" t="s">
        <v>14340</v>
      </c>
      <c r="H11438" s="359" t="s">
        <v>14341</v>
      </c>
      <c r="I11438" s="359" t="s">
        <v>14340</v>
      </c>
      <c r="J11438" s="365"/>
      <c r="K11438" s="365"/>
      <c r="L11438" s="365"/>
    </row>
    <row r="11439" spans="2:12">
      <c r="B11439" s="367"/>
      <c r="C11439" s="367"/>
      <c r="D11439" s="367"/>
      <c r="E11439" s="367"/>
      <c r="F11439" s="360"/>
      <c r="G11439" s="360"/>
      <c r="H11439" s="360"/>
      <c r="I11439" s="360"/>
      <c r="J11439" s="365"/>
      <c r="K11439" s="365"/>
      <c r="L11439" s="365"/>
    </row>
    <row r="11440" spans="2:12">
      <c r="B11440" s="368"/>
      <c r="C11440" s="368"/>
      <c r="D11440" s="368"/>
      <c r="E11440" s="368"/>
      <c r="F11440" s="362"/>
      <c r="G11440" s="362"/>
      <c r="H11440" s="361" t="s">
        <v>14332</v>
      </c>
      <c r="I11440" s="362"/>
      <c r="J11440" s="366"/>
      <c r="K11440" s="366"/>
      <c r="L11440" s="366"/>
    </row>
    <row r="11441" spans="2:12">
      <c r="B11441" s="358" t="s">
        <v>20252</v>
      </c>
      <c r="C11441" s="358" t="s">
        <v>20253</v>
      </c>
      <c r="D11441" s="358" t="s">
        <v>20254</v>
      </c>
      <c r="E11441" s="358" t="s">
        <v>20255</v>
      </c>
      <c r="F11441" s="358" t="s">
        <v>14386</v>
      </c>
      <c r="G11441" s="358" t="s">
        <v>14387</v>
      </c>
      <c r="H11441" s="358" t="s">
        <v>14367</v>
      </c>
      <c r="I11441" s="358" t="s">
        <v>14387</v>
      </c>
      <c r="J11441" s="358"/>
      <c r="K11441" s="358"/>
      <c r="L11441" s="358"/>
    </row>
    <row r="11442" spans="2:12">
      <c r="B11442" s="367"/>
      <c r="C11442" s="367"/>
      <c r="D11442" s="367"/>
      <c r="E11442" s="367"/>
      <c r="F11442" s="367"/>
      <c r="G11442" s="367"/>
      <c r="H11442" s="360"/>
      <c r="I11442" s="367"/>
      <c r="J11442" s="365"/>
      <c r="K11442" s="365"/>
      <c r="L11442" s="365"/>
    </row>
    <row r="11443" spans="2:12">
      <c r="B11443" s="368"/>
      <c r="C11443" s="368"/>
      <c r="D11443" s="368"/>
      <c r="E11443" s="368"/>
      <c r="F11443" s="368"/>
      <c r="G11443" s="368"/>
      <c r="H11443" s="361" t="s">
        <v>14422</v>
      </c>
      <c r="I11443" s="368"/>
      <c r="J11443" s="366"/>
      <c r="K11443" s="366"/>
      <c r="L11443" s="366"/>
    </row>
    <row r="11444" spans="2:12">
      <c r="B11444" s="358" t="s">
        <v>20256</v>
      </c>
      <c r="C11444" s="358" t="s">
        <v>29231</v>
      </c>
      <c r="D11444" s="358" t="s">
        <v>20257</v>
      </c>
      <c r="E11444" s="358" t="s">
        <v>20258</v>
      </c>
      <c r="F11444" s="358" t="s">
        <v>14418</v>
      </c>
      <c r="G11444" s="358" t="s">
        <v>14419</v>
      </c>
      <c r="H11444" s="358" t="s">
        <v>14328</v>
      </c>
      <c r="I11444" s="358" t="s">
        <v>14419</v>
      </c>
      <c r="J11444" s="358"/>
      <c r="K11444" s="358"/>
      <c r="L11444" s="358"/>
    </row>
    <row r="11445" spans="2:12">
      <c r="B11445" s="367"/>
      <c r="C11445" s="367"/>
      <c r="D11445" s="367"/>
      <c r="E11445" s="367"/>
      <c r="F11445" s="360"/>
      <c r="G11445" s="360"/>
      <c r="H11445" s="360"/>
      <c r="I11445" s="360"/>
      <c r="J11445" s="365"/>
      <c r="K11445" s="365"/>
      <c r="L11445" s="365"/>
    </row>
    <row r="11446" spans="2:12">
      <c r="B11446" s="367"/>
      <c r="C11446" s="367"/>
      <c r="D11446" s="367"/>
      <c r="E11446" s="367"/>
      <c r="F11446" s="359" t="s">
        <v>14382</v>
      </c>
      <c r="G11446" s="359" t="s">
        <v>14483</v>
      </c>
      <c r="H11446" s="359" t="s">
        <v>14378</v>
      </c>
      <c r="I11446" s="359" t="s">
        <v>14483</v>
      </c>
      <c r="J11446" s="365"/>
      <c r="K11446" s="365"/>
      <c r="L11446" s="365"/>
    </row>
    <row r="11447" spans="2:12">
      <c r="B11447" s="367"/>
      <c r="C11447" s="367"/>
      <c r="D11447" s="367"/>
      <c r="E11447" s="367"/>
      <c r="F11447" s="360"/>
      <c r="G11447" s="360"/>
      <c r="H11447" s="360"/>
      <c r="I11447" s="360"/>
      <c r="J11447" s="365"/>
      <c r="K11447" s="365"/>
      <c r="L11447" s="365"/>
    </row>
    <row r="11448" spans="2:12">
      <c r="B11448" s="367"/>
      <c r="C11448" s="367"/>
      <c r="D11448" s="367"/>
      <c r="E11448" s="367"/>
      <c r="F11448" s="359" t="s">
        <v>14356</v>
      </c>
      <c r="G11448" s="359" t="s">
        <v>14340</v>
      </c>
      <c r="H11448" s="359" t="s">
        <v>14341</v>
      </c>
      <c r="I11448" s="359" t="s">
        <v>14340</v>
      </c>
      <c r="J11448" s="365"/>
      <c r="K11448" s="365"/>
      <c r="L11448" s="365"/>
    </row>
    <row r="11449" spans="2:12">
      <c r="B11449" s="367"/>
      <c r="C11449" s="367"/>
      <c r="D11449" s="367"/>
      <c r="E11449" s="367"/>
      <c r="F11449" s="360"/>
      <c r="G11449" s="360"/>
      <c r="H11449" s="360"/>
      <c r="I11449" s="360"/>
      <c r="J11449" s="365"/>
      <c r="K11449" s="365"/>
      <c r="L11449" s="365"/>
    </row>
    <row r="11450" spans="2:12">
      <c r="B11450" s="368"/>
      <c r="C11450" s="368"/>
      <c r="D11450" s="368"/>
      <c r="E11450" s="368"/>
      <c r="F11450" s="362"/>
      <c r="G11450" s="362"/>
      <c r="H11450" s="361" t="s">
        <v>14332</v>
      </c>
      <c r="I11450" s="362"/>
      <c r="J11450" s="366"/>
      <c r="K11450" s="366"/>
      <c r="L11450" s="366"/>
    </row>
    <row r="11451" spans="2:12">
      <c r="B11451" s="358" t="s">
        <v>20259</v>
      </c>
      <c r="C11451" s="358" t="s">
        <v>20260</v>
      </c>
      <c r="D11451" s="358" t="s">
        <v>20261</v>
      </c>
      <c r="E11451" s="358" t="s">
        <v>20262</v>
      </c>
      <c r="F11451" s="358" t="s">
        <v>14420</v>
      </c>
      <c r="G11451" s="358" t="s">
        <v>14429</v>
      </c>
      <c r="H11451" s="358" t="s">
        <v>14341</v>
      </c>
      <c r="I11451" s="358" t="s">
        <v>14429</v>
      </c>
      <c r="J11451" s="358"/>
      <c r="K11451" s="358"/>
      <c r="L11451" s="358"/>
    </row>
    <row r="11452" spans="2:12">
      <c r="B11452" s="367"/>
      <c r="C11452" s="367"/>
      <c r="D11452" s="367"/>
      <c r="E11452" s="367"/>
      <c r="F11452" s="360"/>
      <c r="G11452" s="360"/>
      <c r="H11452" s="360"/>
      <c r="I11452" s="360"/>
      <c r="J11452" s="365"/>
      <c r="K11452" s="365"/>
      <c r="L11452" s="365"/>
    </row>
    <row r="11453" spans="2:12">
      <c r="B11453" s="367"/>
      <c r="C11453" s="367"/>
      <c r="D11453" s="367"/>
      <c r="E11453" s="367"/>
      <c r="F11453" s="359" t="s">
        <v>14339</v>
      </c>
      <c r="G11453" s="359" t="s">
        <v>14340</v>
      </c>
      <c r="H11453" s="359" t="s">
        <v>14367</v>
      </c>
      <c r="I11453" s="359" t="s">
        <v>14340</v>
      </c>
      <c r="J11453" s="365"/>
      <c r="K11453" s="365"/>
      <c r="L11453" s="365"/>
    </row>
    <row r="11454" spans="2:12">
      <c r="B11454" s="367"/>
      <c r="C11454" s="367"/>
      <c r="D11454" s="367"/>
      <c r="E11454" s="367"/>
      <c r="F11454" s="360"/>
      <c r="G11454" s="360"/>
      <c r="H11454" s="360"/>
      <c r="I11454" s="360"/>
      <c r="J11454" s="365"/>
      <c r="K11454" s="365"/>
      <c r="L11454" s="365"/>
    </row>
    <row r="11455" spans="2:12">
      <c r="B11455" s="368"/>
      <c r="C11455" s="368"/>
      <c r="D11455" s="368"/>
      <c r="E11455" s="368"/>
      <c r="F11455" s="362"/>
      <c r="G11455" s="362"/>
      <c r="H11455" s="361" t="s">
        <v>14332</v>
      </c>
      <c r="I11455" s="362"/>
      <c r="J11455" s="366"/>
      <c r="K11455" s="366"/>
      <c r="L11455" s="366"/>
    </row>
    <row r="11456" spans="2:12">
      <c r="B11456" s="358" t="s">
        <v>20263</v>
      </c>
      <c r="C11456" s="358" t="s">
        <v>20264</v>
      </c>
      <c r="D11456" s="358" t="s">
        <v>20265</v>
      </c>
      <c r="E11456" s="358" t="s">
        <v>20266</v>
      </c>
      <c r="F11456" s="358" t="s">
        <v>14505</v>
      </c>
      <c r="G11456" s="358" t="s">
        <v>14506</v>
      </c>
      <c r="H11456" s="358" t="s">
        <v>14328</v>
      </c>
      <c r="I11456" s="358" t="s">
        <v>14506</v>
      </c>
      <c r="J11456" s="358"/>
      <c r="K11456" s="358"/>
      <c r="L11456" s="358"/>
    </row>
    <row r="11457" spans="2:12">
      <c r="B11457" s="367"/>
      <c r="C11457" s="367"/>
      <c r="D11457" s="367"/>
      <c r="E11457" s="367"/>
      <c r="F11457" s="360"/>
      <c r="G11457" s="360"/>
      <c r="H11457" s="360"/>
      <c r="I11457" s="360"/>
      <c r="J11457" s="365"/>
      <c r="K11457" s="365"/>
      <c r="L11457" s="365"/>
    </row>
    <row r="11458" spans="2:12">
      <c r="B11458" s="367"/>
      <c r="C11458" s="367"/>
      <c r="D11458" s="367"/>
      <c r="E11458" s="367"/>
      <c r="F11458" s="359" t="s">
        <v>14339</v>
      </c>
      <c r="G11458" s="359" t="s">
        <v>14340</v>
      </c>
      <c r="H11458" s="359" t="s">
        <v>14341</v>
      </c>
      <c r="I11458" s="359" t="s">
        <v>14340</v>
      </c>
      <c r="J11458" s="365"/>
      <c r="K11458" s="365"/>
      <c r="L11458" s="365"/>
    </row>
    <row r="11459" spans="2:12">
      <c r="B11459" s="367"/>
      <c r="C11459" s="367"/>
      <c r="D11459" s="367"/>
      <c r="E11459" s="367"/>
      <c r="F11459" s="360"/>
      <c r="G11459" s="360"/>
      <c r="H11459" s="360"/>
      <c r="I11459" s="360"/>
      <c r="J11459" s="365"/>
      <c r="K11459" s="365"/>
      <c r="L11459" s="365"/>
    </row>
    <row r="11460" spans="2:12">
      <c r="B11460" s="368"/>
      <c r="C11460" s="368"/>
      <c r="D11460" s="368"/>
      <c r="E11460" s="368"/>
      <c r="F11460" s="362"/>
      <c r="G11460" s="362"/>
      <c r="H11460" s="361" t="s">
        <v>14332</v>
      </c>
      <c r="I11460" s="362"/>
      <c r="J11460" s="366"/>
      <c r="K11460" s="366"/>
      <c r="L11460" s="366"/>
    </row>
    <row r="11461" spans="2:12">
      <c r="B11461" s="358" t="s">
        <v>20267</v>
      </c>
      <c r="C11461" s="358" t="s">
        <v>20268</v>
      </c>
      <c r="D11461" s="358" t="s">
        <v>20269</v>
      </c>
      <c r="E11461" s="358" t="s">
        <v>20270</v>
      </c>
      <c r="F11461" s="358" t="s">
        <v>14420</v>
      </c>
      <c r="G11461" s="358" t="s">
        <v>14429</v>
      </c>
      <c r="H11461" s="358" t="s">
        <v>14341</v>
      </c>
      <c r="I11461" s="358" t="s">
        <v>14429</v>
      </c>
      <c r="J11461" s="358"/>
      <c r="K11461" s="358"/>
      <c r="L11461" s="358"/>
    </row>
    <row r="11462" spans="2:12">
      <c r="B11462" s="367"/>
      <c r="C11462" s="367"/>
      <c r="D11462" s="367"/>
      <c r="E11462" s="367"/>
      <c r="F11462" s="360"/>
      <c r="G11462" s="360"/>
      <c r="H11462" s="360"/>
      <c r="I11462" s="360"/>
      <c r="J11462" s="365"/>
      <c r="K11462" s="365"/>
      <c r="L11462" s="365"/>
    </row>
    <row r="11463" spans="2:12">
      <c r="B11463" s="367"/>
      <c r="C11463" s="367"/>
      <c r="D11463" s="367"/>
      <c r="E11463" s="367"/>
      <c r="F11463" s="359" t="s">
        <v>14389</v>
      </c>
      <c r="G11463" s="359" t="s">
        <v>14390</v>
      </c>
      <c r="H11463" s="359" t="s">
        <v>14367</v>
      </c>
      <c r="I11463" s="359" t="s">
        <v>14390</v>
      </c>
      <c r="J11463" s="365"/>
      <c r="K11463" s="365"/>
      <c r="L11463" s="365"/>
    </row>
    <row r="11464" spans="2:12">
      <c r="B11464" s="367"/>
      <c r="C11464" s="367"/>
      <c r="D11464" s="367"/>
      <c r="E11464" s="367"/>
      <c r="F11464" s="360"/>
      <c r="G11464" s="360"/>
      <c r="H11464" s="360"/>
      <c r="I11464" s="360"/>
      <c r="J11464" s="365"/>
      <c r="K11464" s="365"/>
      <c r="L11464" s="365"/>
    </row>
    <row r="11465" spans="2:12">
      <c r="B11465" s="367"/>
      <c r="C11465" s="367"/>
      <c r="D11465" s="367"/>
      <c r="E11465" s="367"/>
      <c r="F11465" s="359" t="s">
        <v>14430</v>
      </c>
      <c r="G11465" s="359" t="s">
        <v>14431</v>
      </c>
      <c r="H11465" s="359" t="s">
        <v>14370</v>
      </c>
      <c r="I11465" s="359" t="s">
        <v>14431</v>
      </c>
      <c r="J11465" s="365"/>
      <c r="K11465" s="365"/>
      <c r="L11465" s="365"/>
    </row>
    <row r="11466" spans="2:12">
      <c r="B11466" s="367"/>
      <c r="C11466" s="367"/>
      <c r="D11466" s="367"/>
      <c r="E11466" s="367"/>
      <c r="F11466" s="360"/>
      <c r="G11466" s="360"/>
      <c r="H11466" s="360"/>
      <c r="I11466" s="360"/>
      <c r="J11466" s="365"/>
      <c r="K11466" s="365"/>
      <c r="L11466" s="365"/>
    </row>
    <row r="11467" spans="2:12" ht="28.5">
      <c r="B11467" s="368"/>
      <c r="C11467" s="368"/>
      <c r="D11467" s="368"/>
      <c r="E11467" s="368"/>
      <c r="F11467" s="361" t="s">
        <v>14394</v>
      </c>
      <c r="G11467" s="361" t="s">
        <v>14395</v>
      </c>
      <c r="H11467" s="361" t="s">
        <v>14332</v>
      </c>
      <c r="I11467" s="361" t="s">
        <v>14395</v>
      </c>
      <c r="J11467" s="366"/>
      <c r="K11467" s="366"/>
      <c r="L11467" s="366"/>
    </row>
    <row r="11468" spans="2:12" ht="28.5">
      <c r="B11468" s="358" t="s">
        <v>20271</v>
      </c>
      <c r="C11468" s="358" t="s">
        <v>30196</v>
      </c>
      <c r="D11468" s="358" t="s">
        <v>20272</v>
      </c>
      <c r="E11468" s="358" t="s">
        <v>20273</v>
      </c>
      <c r="F11468" s="358" t="s">
        <v>14505</v>
      </c>
      <c r="G11468" s="358" t="s">
        <v>14506</v>
      </c>
      <c r="H11468" s="358" t="s">
        <v>14328</v>
      </c>
      <c r="I11468" s="358" t="s">
        <v>14506</v>
      </c>
      <c r="J11468" s="358"/>
      <c r="K11468" s="358"/>
      <c r="L11468" s="358"/>
    </row>
    <row r="11469" spans="2:12">
      <c r="B11469" s="367"/>
      <c r="C11469" s="367"/>
      <c r="D11469" s="367"/>
      <c r="E11469" s="367"/>
      <c r="F11469" s="360"/>
      <c r="G11469" s="360"/>
      <c r="H11469" s="360"/>
      <c r="I11469" s="360"/>
      <c r="J11469" s="365"/>
      <c r="K11469" s="365"/>
      <c r="L11469" s="365"/>
    </row>
    <row r="11470" spans="2:12">
      <c r="B11470" s="367"/>
      <c r="C11470" s="367"/>
      <c r="D11470" s="367"/>
      <c r="E11470" s="367"/>
      <c r="F11470" s="359" t="s">
        <v>14382</v>
      </c>
      <c r="G11470" s="359" t="s">
        <v>14483</v>
      </c>
      <c r="H11470" s="359" t="s">
        <v>14378</v>
      </c>
      <c r="I11470" s="359" t="s">
        <v>14483</v>
      </c>
      <c r="J11470" s="365"/>
      <c r="K11470" s="365"/>
      <c r="L11470" s="365"/>
    </row>
    <row r="11471" spans="2:12">
      <c r="B11471" s="367"/>
      <c r="C11471" s="367"/>
      <c r="D11471" s="367"/>
      <c r="E11471" s="367"/>
      <c r="F11471" s="360"/>
      <c r="G11471" s="360"/>
      <c r="H11471" s="360"/>
      <c r="I11471" s="360"/>
      <c r="J11471" s="365"/>
      <c r="K11471" s="365"/>
      <c r="L11471" s="365"/>
    </row>
    <row r="11472" spans="2:12">
      <c r="B11472" s="367"/>
      <c r="C11472" s="367"/>
      <c r="D11472" s="367"/>
      <c r="E11472" s="367"/>
      <c r="F11472" s="359" t="s">
        <v>14356</v>
      </c>
      <c r="G11472" s="359" t="s">
        <v>14340</v>
      </c>
      <c r="H11472" s="359" t="s">
        <v>14341</v>
      </c>
      <c r="I11472" s="359" t="s">
        <v>14340</v>
      </c>
      <c r="J11472" s="365"/>
      <c r="K11472" s="365"/>
      <c r="L11472" s="365"/>
    </row>
    <row r="11473" spans="2:12">
      <c r="B11473" s="367"/>
      <c r="C11473" s="367"/>
      <c r="D11473" s="367"/>
      <c r="E11473" s="367"/>
      <c r="F11473" s="360"/>
      <c r="G11473" s="360"/>
      <c r="H11473" s="360"/>
      <c r="I11473" s="360"/>
      <c r="J11473" s="365"/>
      <c r="K11473" s="365"/>
      <c r="L11473" s="365"/>
    </row>
    <row r="11474" spans="2:12">
      <c r="B11474" s="368"/>
      <c r="C11474" s="368"/>
      <c r="D11474" s="368"/>
      <c r="E11474" s="368"/>
      <c r="F11474" s="362"/>
      <c r="G11474" s="362"/>
      <c r="H11474" s="361" t="s">
        <v>14332</v>
      </c>
      <c r="I11474" s="362"/>
      <c r="J11474" s="366"/>
      <c r="K11474" s="366"/>
      <c r="L11474" s="366"/>
    </row>
    <row r="11475" spans="2:12">
      <c r="B11475" s="358" t="s">
        <v>20274</v>
      </c>
      <c r="C11475" s="358" t="s">
        <v>20275</v>
      </c>
      <c r="D11475" s="358" t="s">
        <v>20276</v>
      </c>
      <c r="E11475" s="358" t="s">
        <v>20277</v>
      </c>
      <c r="F11475" s="358" t="s">
        <v>14356</v>
      </c>
      <c r="G11475" s="358" t="s">
        <v>14340</v>
      </c>
      <c r="H11475" s="358" t="s">
        <v>14341</v>
      </c>
      <c r="I11475" s="358" t="s">
        <v>14340</v>
      </c>
      <c r="J11475" s="358"/>
      <c r="K11475" s="358"/>
      <c r="L11475" s="358"/>
    </row>
    <row r="11476" spans="2:12">
      <c r="B11476" s="367"/>
      <c r="C11476" s="367"/>
      <c r="D11476" s="367"/>
      <c r="E11476" s="367"/>
      <c r="F11476" s="360"/>
      <c r="G11476" s="360"/>
      <c r="H11476" s="360"/>
      <c r="I11476" s="360"/>
      <c r="J11476" s="365"/>
      <c r="K11476" s="365"/>
      <c r="L11476" s="365"/>
    </row>
    <row r="11477" spans="2:12" ht="28.5">
      <c r="B11477" s="368"/>
      <c r="C11477" s="368"/>
      <c r="D11477" s="368"/>
      <c r="E11477" s="368"/>
      <c r="F11477" s="361" t="s">
        <v>14472</v>
      </c>
      <c r="G11477" s="361" t="s">
        <v>14473</v>
      </c>
      <c r="H11477" s="361" t="s">
        <v>14332</v>
      </c>
      <c r="I11477" s="361" t="s">
        <v>14473</v>
      </c>
      <c r="J11477" s="366"/>
      <c r="K11477" s="366"/>
      <c r="L11477" s="366"/>
    </row>
    <row r="11478" spans="2:12">
      <c r="B11478" s="358" t="s">
        <v>20278</v>
      </c>
      <c r="C11478" s="358" t="s">
        <v>20279</v>
      </c>
      <c r="D11478" s="358" t="s">
        <v>20280</v>
      </c>
      <c r="E11478" s="358" t="s">
        <v>20281</v>
      </c>
      <c r="F11478" s="358" t="s">
        <v>14386</v>
      </c>
      <c r="G11478" s="358" t="s">
        <v>14387</v>
      </c>
      <c r="H11478" s="358" t="s">
        <v>14367</v>
      </c>
      <c r="I11478" s="358" t="s">
        <v>14387</v>
      </c>
      <c r="J11478" s="358"/>
      <c r="K11478" s="358"/>
      <c r="L11478" s="358"/>
    </row>
    <row r="11479" spans="2:12">
      <c r="B11479" s="367"/>
      <c r="C11479" s="367"/>
      <c r="D11479" s="367"/>
      <c r="E11479" s="367"/>
      <c r="F11479" s="367"/>
      <c r="G11479" s="367"/>
      <c r="H11479" s="360"/>
      <c r="I11479" s="367"/>
      <c r="J11479" s="365"/>
      <c r="K11479" s="365"/>
      <c r="L11479" s="365"/>
    </row>
    <row r="11480" spans="2:12">
      <c r="B11480" s="368"/>
      <c r="C11480" s="368"/>
      <c r="D11480" s="368"/>
      <c r="E11480" s="368"/>
      <c r="F11480" s="368"/>
      <c r="G11480" s="368"/>
      <c r="H11480" s="361" t="s">
        <v>14422</v>
      </c>
      <c r="I11480" s="368"/>
      <c r="J11480" s="366"/>
      <c r="K11480" s="366"/>
      <c r="L11480" s="366"/>
    </row>
    <row r="11481" spans="2:12">
      <c r="B11481" s="358" t="s">
        <v>20282</v>
      </c>
      <c r="C11481" s="358" t="s">
        <v>20283</v>
      </c>
      <c r="D11481" s="358" t="s">
        <v>20284</v>
      </c>
      <c r="E11481" s="358" t="s">
        <v>20285</v>
      </c>
      <c r="F11481" s="358" t="s">
        <v>14356</v>
      </c>
      <c r="G11481" s="358" t="s">
        <v>14340</v>
      </c>
      <c r="H11481" s="358" t="s">
        <v>14341</v>
      </c>
      <c r="I11481" s="358" t="s">
        <v>14340</v>
      </c>
      <c r="J11481" s="358"/>
      <c r="K11481" s="358"/>
      <c r="L11481" s="358"/>
    </row>
    <row r="11482" spans="2:12">
      <c r="B11482" s="367"/>
      <c r="C11482" s="367"/>
      <c r="D11482" s="367"/>
      <c r="E11482" s="367"/>
      <c r="F11482" s="367"/>
      <c r="G11482" s="367"/>
      <c r="H11482" s="360"/>
      <c r="I11482" s="367"/>
      <c r="J11482" s="365"/>
      <c r="K11482" s="365"/>
      <c r="L11482" s="365"/>
    </row>
    <row r="11483" spans="2:12">
      <c r="B11483" s="368"/>
      <c r="C11483" s="368"/>
      <c r="D11483" s="368"/>
      <c r="E11483" s="368"/>
      <c r="F11483" s="368"/>
      <c r="G11483" s="368"/>
      <c r="H11483" s="361" t="s">
        <v>14332</v>
      </c>
      <c r="I11483" s="368"/>
      <c r="J11483" s="366"/>
      <c r="K11483" s="366"/>
      <c r="L11483" s="366"/>
    </row>
    <row r="11484" spans="2:12">
      <c r="B11484" s="358" t="s">
        <v>20286</v>
      </c>
      <c r="C11484" s="358" t="s">
        <v>20287</v>
      </c>
      <c r="D11484" s="358" t="s">
        <v>20288</v>
      </c>
      <c r="E11484" s="358" t="s">
        <v>20289</v>
      </c>
      <c r="F11484" s="358" t="s">
        <v>14386</v>
      </c>
      <c r="G11484" s="358" t="s">
        <v>14387</v>
      </c>
      <c r="H11484" s="358" t="s">
        <v>14367</v>
      </c>
      <c r="I11484" s="358" t="s">
        <v>14387</v>
      </c>
      <c r="J11484" s="358"/>
      <c r="K11484" s="358"/>
      <c r="L11484" s="358"/>
    </row>
    <row r="11485" spans="2:12">
      <c r="B11485" s="367"/>
      <c r="C11485" s="367"/>
      <c r="D11485" s="367"/>
      <c r="E11485" s="367"/>
      <c r="F11485" s="367"/>
      <c r="G11485" s="367"/>
      <c r="H11485" s="360"/>
      <c r="I11485" s="367"/>
      <c r="J11485" s="365"/>
      <c r="K11485" s="365"/>
      <c r="L11485" s="365"/>
    </row>
    <row r="11486" spans="2:12">
      <c r="B11486" s="368"/>
      <c r="C11486" s="368"/>
      <c r="D11486" s="368"/>
      <c r="E11486" s="368"/>
      <c r="F11486" s="368"/>
      <c r="G11486" s="368"/>
      <c r="H11486" s="361" t="s">
        <v>14422</v>
      </c>
      <c r="I11486" s="368"/>
      <c r="J11486" s="366"/>
      <c r="K11486" s="366"/>
      <c r="L11486" s="366"/>
    </row>
    <row r="11487" spans="2:12">
      <c r="B11487" s="358" t="s">
        <v>20290</v>
      </c>
      <c r="C11487" s="358" t="s">
        <v>29232</v>
      </c>
      <c r="D11487" s="358" t="s">
        <v>20291</v>
      </c>
      <c r="E11487" s="358" t="s">
        <v>20292</v>
      </c>
      <c r="F11487" s="358" t="s">
        <v>14420</v>
      </c>
      <c r="G11487" s="358" t="s">
        <v>14429</v>
      </c>
      <c r="H11487" s="358" t="s">
        <v>14367</v>
      </c>
      <c r="I11487" s="358" t="s">
        <v>14429</v>
      </c>
      <c r="J11487" s="358"/>
      <c r="K11487" s="358"/>
      <c r="L11487" s="358"/>
    </row>
    <row r="11488" spans="2:12">
      <c r="B11488" s="367"/>
      <c r="C11488" s="367"/>
      <c r="D11488" s="367"/>
      <c r="E11488" s="367"/>
      <c r="F11488" s="360"/>
      <c r="G11488" s="360"/>
      <c r="H11488" s="360"/>
      <c r="I11488" s="360"/>
      <c r="J11488" s="365"/>
      <c r="K11488" s="365"/>
      <c r="L11488" s="365"/>
    </row>
    <row r="11489" spans="2:12">
      <c r="B11489" s="368"/>
      <c r="C11489" s="368"/>
      <c r="D11489" s="368"/>
      <c r="E11489" s="368"/>
      <c r="F11489" s="361" t="s">
        <v>14386</v>
      </c>
      <c r="G11489" s="361" t="s">
        <v>14387</v>
      </c>
      <c r="H11489" s="361" t="s">
        <v>14422</v>
      </c>
      <c r="I11489" s="361" t="s">
        <v>14387</v>
      </c>
      <c r="J11489" s="366"/>
      <c r="K11489" s="366"/>
      <c r="L11489" s="366"/>
    </row>
    <row r="11490" spans="2:12">
      <c r="B11490" s="358" t="s">
        <v>20293</v>
      </c>
      <c r="C11490" s="358" t="s">
        <v>29233</v>
      </c>
      <c r="D11490" s="358" t="s">
        <v>20294</v>
      </c>
      <c r="E11490" s="358" t="s">
        <v>20295</v>
      </c>
      <c r="F11490" s="358" t="s">
        <v>14420</v>
      </c>
      <c r="G11490" s="358" t="s">
        <v>14429</v>
      </c>
      <c r="H11490" s="358" t="s">
        <v>14367</v>
      </c>
      <c r="I11490" s="358" t="s">
        <v>14429</v>
      </c>
      <c r="J11490" s="358"/>
      <c r="K11490" s="358"/>
      <c r="L11490" s="358"/>
    </row>
    <row r="11491" spans="2:12">
      <c r="B11491" s="367"/>
      <c r="C11491" s="367"/>
      <c r="D11491" s="367"/>
      <c r="E11491" s="367"/>
      <c r="F11491" s="360"/>
      <c r="G11491" s="360"/>
      <c r="H11491" s="360"/>
      <c r="I11491" s="360"/>
      <c r="J11491" s="365"/>
      <c r="K11491" s="365"/>
      <c r="L11491" s="365"/>
    </row>
    <row r="11492" spans="2:12">
      <c r="B11492" s="367"/>
      <c r="C11492" s="367"/>
      <c r="D11492" s="367"/>
      <c r="E11492" s="367"/>
      <c r="F11492" s="359" t="s">
        <v>14386</v>
      </c>
      <c r="G11492" s="359" t="s">
        <v>14387</v>
      </c>
      <c r="H11492" s="359" t="s">
        <v>14422</v>
      </c>
      <c r="I11492" s="359" t="s">
        <v>14387</v>
      </c>
      <c r="J11492" s="365"/>
      <c r="K11492" s="365"/>
      <c r="L11492" s="365"/>
    </row>
    <row r="11493" spans="2:12">
      <c r="B11493" s="367"/>
      <c r="C11493" s="367"/>
      <c r="D11493" s="367"/>
      <c r="E11493" s="367"/>
      <c r="F11493" s="360"/>
      <c r="G11493" s="360"/>
      <c r="H11493" s="360"/>
      <c r="I11493" s="360"/>
      <c r="J11493" s="365"/>
      <c r="K11493" s="365"/>
      <c r="L11493" s="365"/>
    </row>
    <row r="11494" spans="2:12">
      <c r="B11494" s="368"/>
      <c r="C11494" s="368"/>
      <c r="D11494" s="368"/>
      <c r="E11494" s="368"/>
      <c r="F11494" s="361" t="s">
        <v>14389</v>
      </c>
      <c r="G11494" s="361" t="s">
        <v>14390</v>
      </c>
      <c r="H11494" s="362"/>
      <c r="I11494" s="361" t="s">
        <v>14390</v>
      </c>
      <c r="J11494" s="366"/>
      <c r="K11494" s="366"/>
      <c r="L11494" s="366"/>
    </row>
    <row r="11495" spans="2:12">
      <c r="B11495" s="358" t="s">
        <v>10398</v>
      </c>
      <c r="C11495" s="358" t="s">
        <v>29234</v>
      </c>
      <c r="D11495" s="358" t="s">
        <v>10399</v>
      </c>
      <c r="E11495" s="358" t="s">
        <v>10400</v>
      </c>
      <c r="F11495" s="358" t="s">
        <v>14376</v>
      </c>
      <c r="G11495" s="358" t="s">
        <v>14669</v>
      </c>
      <c r="H11495" s="358" t="s">
        <v>14381</v>
      </c>
      <c r="I11495" s="358" t="s">
        <v>14669</v>
      </c>
      <c r="J11495" s="358"/>
      <c r="K11495" s="358"/>
      <c r="L11495" s="358"/>
    </row>
    <row r="11496" spans="2:12">
      <c r="B11496" s="367"/>
      <c r="C11496" s="367"/>
      <c r="D11496" s="367"/>
      <c r="E11496" s="367"/>
      <c r="F11496" s="367"/>
      <c r="G11496" s="367"/>
      <c r="H11496" s="360"/>
      <c r="I11496" s="367"/>
      <c r="J11496" s="365"/>
      <c r="K11496" s="365"/>
      <c r="L11496" s="365"/>
    </row>
    <row r="11497" spans="2:12">
      <c r="B11497" s="368"/>
      <c r="C11497" s="368"/>
      <c r="D11497" s="368"/>
      <c r="E11497" s="368"/>
      <c r="F11497" s="368"/>
      <c r="G11497" s="368"/>
      <c r="H11497" s="361" t="s">
        <v>14332</v>
      </c>
      <c r="I11497" s="368"/>
      <c r="J11497" s="366"/>
      <c r="K11497" s="366"/>
      <c r="L11497" s="366"/>
    </row>
    <row r="11498" spans="2:12" ht="28.5">
      <c r="B11498" s="358" t="s">
        <v>20296</v>
      </c>
      <c r="C11498" s="358" t="s">
        <v>29235</v>
      </c>
      <c r="D11498" s="358" t="s">
        <v>20297</v>
      </c>
      <c r="E11498" s="358" t="s">
        <v>20298</v>
      </c>
      <c r="F11498" s="358" t="s">
        <v>28955</v>
      </c>
      <c r="G11498" s="358" t="s">
        <v>14383</v>
      </c>
      <c r="H11498" s="358" t="s">
        <v>14378</v>
      </c>
      <c r="I11498" s="358" t="s">
        <v>14383</v>
      </c>
      <c r="J11498" s="358"/>
      <c r="K11498" s="358"/>
      <c r="L11498" s="358"/>
    </row>
    <row r="11499" spans="2:12">
      <c r="B11499" s="367"/>
      <c r="C11499" s="367"/>
      <c r="D11499" s="367"/>
      <c r="E11499" s="367"/>
      <c r="F11499" s="360"/>
      <c r="G11499" s="360"/>
      <c r="H11499" s="360"/>
      <c r="I11499" s="360"/>
      <c r="J11499" s="365"/>
      <c r="K11499" s="365"/>
      <c r="L11499" s="365"/>
    </row>
    <row r="11500" spans="2:12">
      <c r="B11500" s="367"/>
      <c r="C11500" s="367"/>
      <c r="D11500" s="367"/>
      <c r="E11500" s="367"/>
      <c r="F11500" s="359" t="s">
        <v>14386</v>
      </c>
      <c r="G11500" s="359" t="s">
        <v>14421</v>
      </c>
      <c r="H11500" s="359" t="s">
        <v>14332</v>
      </c>
      <c r="I11500" s="359" t="s">
        <v>14421</v>
      </c>
      <c r="J11500" s="365"/>
      <c r="K11500" s="365"/>
      <c r="L11500" s="365"/>
    </row>
    <row r="11501" spans="2:12">
      <c r="B11501" s="367"/>
      <c r="C11501" s="367"/>
      <c r="D11501" s="367"/>
      <c r="E11501" s="367"/>
      <c r="F11501" s="360"/>
      <c r="G11501" s="360"/>
      <c r="H11501" s="360"/>
      <c r="I11501" s="360"/>
      <c r="J11501" s="365"/>
      <c r="K11501" s="365"/>
      <c r="L11501" s="365"/>
    </row>
    <row r="11502" spans="2:12">
      <c r="B11502" s="367"/>
      <c r="C11502" s="367"/>
      <c r="D11502" s="367"/>
      <c r="E11502" s="367"/>
      <c r="F11502" s="359" t="s">
        <v>14368</v>
      </c>
      <c r="G11502" s="359" t="s">
        <v>14387</v>
      </c>
      <c r="H11502" s="360"/>
      <c r="I11502" s="359" t="s">
        <v>14387</v>
      </c>
      <c r="J11502" s="365"/>
      <c r="K11502" s="365"/>
      <c r="L11502" s="365"/>
    </row>
    <row r="11503" spans="2:12">
      <c r="B11503" s="367"/>
      <c r="C11503" s="367"/>
      <c r="D11503" s="367"/>
      <c r="E11503" s="367"/>
      <c r="F11503" s="360"/>
      <c r="G11503" s="360"/>
      <c r="H11503" s="360"/>
      <c r="I11503" s="360"/>
      <c r="J11503" s="365"/>
      <c r="K11503" s="365"/>
      <c r="L11503" s="365"/>
    </row>
    <row r="11504" spans="2:12">
      <c r="B11504" s="367"/>
      <c r="C11504" s="367"/>
      <c r="D11504" s="367"/>
      <c r="E11504" s="367"/>
      <c r="F11504" s="359" t="s">
        <v>14389</v>
      </c>
      <c r="G11504" s="359" t="s">
        <v>14388</v>
      </c>
      <c r="H11504" s="360"/>
      <c r="I11504" s="359" t="s">
        <v>14388</v>
      </c>
      <c r="J11504" s="365"/>
      <c r="K11504" s="365"/>
      <c r="L11504" s="365"/>
    </row>
    <row r="11505" spans="2:12">
      <c r="B11505" s="367"/>
      <c r="C11505" s="367"/>
      <c r="D11505" s="367"/>
      <c r="E11505" s="367"/>
      <c r="F11505" s="360"/>
      <c r="G11505" s="360"/>
      <c r="H11505" s="360"/>
      <c r="I11505" s="360"/>
      <c r="J11505" s="365"/>
      <c r="K11505" s="365"/>
      <c r="L11505" s="365"/>
    </row>
    <row r="11506" spans="2:12">
      <c r="B11506" s="368"/>
      <c r="C11506" s="368"/>
      <c r="D11506" s="368"/>
      <c r="E11506" s="368"/>
      <c r="F11506" s="362"/>
      <c r="G11506" s="361" t="s">
        <v>14390</v>
      </c>
      <c r="H11506" s="362"/>
      <c r="I11506" s="361" t="s">
        <v>14390</v>
      </c>
      <c r="J11506" s="366"/>
      <c r="K11506" s="366"/>
      <c r="L11506" s="366"/>
    </row>
    <row r="11507" spans="2:12" ht="28.5">
      <c r="B11507" s="358" t="s">
        <v>20299</v>
      </c>
      <c r="C11507" s="358" t="s">
        <v>30197</v>
      </c>
      <c r="D11507" s="358" t="s">
        <v>20300</v>
      </c>
      <c r="E11507" s="358" t="s">
        <v>20301</v>
      </c>
      <c r="F11507" s="358" t="s">
        <v>14443</v>
      </c>
      <c r="G11507" s="358" t="s">
        <v>14444</v>
      </c>
      <c r="H11507" s="358" t="s">
        <v>14378</v>
      </c>
      <c r="I11507" s="358" t="s">
        <v>14444</v>
      </c>
      <c r="J11507" s="358"/>
      <c r="K11507" s="358" t="s">
        <v>14517</v>
      </c>
      <c r="L11507" s="358"/>
    </row>
    <row r="11508" spans="2:12">
      <c r="B11508" s="367"/>
      <c r="C11508" s="367"/>
      <c r="D11508" s="367"/>
      <c r="E11508" s="367"/>
      <c r="F11508" s="360"/>
      <c r="G11508" s="360"/>
      <c r="H11508" s="360"/>
      <c r="I11508" s="360"/>
      <c r="J11508" s="365"/>
      <c r="K11508" s="367"/>
      <c r="L11508" s="365"/>
    </row>
    <row r="11509" spans="2:12">
      <c r="B11509" s="367"/>
      <c r="C11509" s="367"/>
      <c r="D11509" s="367"/>
      <c r="E11509" s="367"/>
      <c r="F11509" s="359" t="s">
        <v>14382</v>
      </c>
      <c r="G11509" s="359" t="s">
        <v>14483</v>
      </c>
      <c r="H11509" s="359" t="s">
        <v>14381</v>
      </c>
      <c r="I11509" s="359" t="s">
        <v>14483</v>
      </c>
      <c r="J11509" s="365"/>
      <c r="K11509" s="367"/>
      <c r="L11509" s="365"/>
    </row>
    <row r="11510" spans="2:12">
      <c r="B11510" s="367"/>
      <c r="C11510" s="367"/>
      <c r="D11510" s="367"/>
      <c r="E11510" s="367"/>
      <c r="F11510" s="360"/>
      <c r="G11510" s="360"/>
      <c r="H11510" s="360"/>
      <c r="I11510" s="360"/>
      <c r="J11510" s="365"/>
      <c r="K11510" s="367"/>
      <c r="L11510" s="365"/>
    </row>
    <row r="11511" spans="2:12">
      <c r="B11511" s="367"/>
      <c r="C11511" s="367"/>
      <c r="D11511" s="367"/>
      <c r="E11511" s="367"/>
      <c r="F11511" s="359" t="s">
        <v>14389</v>
      </c>
      <c r="G11511" s="359" t="s">
        <v>14390</v>
      </c>
      <c r="H11511" s="359" t="s">
        <v>14341</v>
      </c>
      <c r="I11511" s="359" t="s">
        <v>14390</v>
      </c>
      <c r="J11511" s="365"/>
      <c r="K11511" s="367"/>
      <c r="L11511" s="365"/>
    </row>
    <row r="11512" spans="2:12">
      <c r="B11512" s="367"/>
      <c r="C11512" s="367"/>
      <c r="D11512" s="367"/>
      <c r="E11512" s="367"/>
      <c r="F11512" s="360"/>
      <c r="G11512" s="360"/>
      <c r="H11512" s="360"/>
      <c r="I11512" s="360"/>
      <c r="J11512" s="365"/>
      <c r="K11512" s="367"/>
      <c r="L11512" s="365"/>
    </row>
    <row r="11513" spans="2:12">
      <c r="B11513" s="367"/>
      <c r="C11513" s="367"/>
      <c r="D11513" s="367"/>
      <c r="E11513" s="367"/>
      <c r="F11513" s="359" t="s">
        <v>14430</v>
      </c>
      <c r="G11513" s="359" t="s">
        <v>14431</v>
      </c>
      <c r="H11513" s="359" t="s">
        <v>14370</v>
      </c>
      <c r="I11513" s="359" t="s">
        <v>14431</v>
      </c>
      <c r="J11513" s="365"/>
      <c r="K11513" s="367"/>
      <c r="L11513" s="365"/>
    </row>
    <row r="11514" spans="2:12">
      <c r="B11514" s="367"/>
      <c r="C11514" s="367"/>
      <c r="D11514" s="367"/>
      <c r="E11514" s="367"/>
      <c r="F11514" s="360"/>
      <c r="G11514" s="360"/>
      <c r="H11514" s="360"/>
      <c r="I11514" s="360"/>
      <c r="J11514" s="365"/>
      <c r="K11514" s="367"/>
      <c r="L11514" s="365"/>
    </row>
    <row r="11515" spans="2:12">
      <c r="B11515" s="367"/>
      <c r="C11515" s="367"/>
      <c r="D11515" s="367"/>
      <c r="E11515" s="367"/>
      <c r="F11515" s="359" t="s">
        <v>14371</v>
      </c>
      <c r="G11515" s="359" t="s">
        <v>14372</v>
      </c>
      <c r="H11515" s="359" t="s">
        <v>14332</v>
      </c>
      <c r="I11515" s="359" t="s">
        <v>14373</v>
      </c>
      <c r="J11515" s="365"/>
      <c r="K11515" s="367"/>
      <c r="L11515" s="365"/>
    </row>
    <row r="11516" spans="2:12">
      <c r="B11516" s="367"/>
      <c r="C11516" s="367"/>
      <c r="D11516" s="367"/>
      <c r="E11516" s="367"/>
      <c r="F11516" s="360"/>
      <c r="G11516" s="360"/>
      <c r="H11516" s="360"/>
      <c r="I11516" s="360"/>
      <c r="J11516" s="365"/>
      <c r="K11516" s="367"/>
      <c r="L11516" s="365"/>
    </row>
    <row r="11517" spans="2:12" ht="28.5">
      <c r="B11517" s="368"/>
      <c r="C11517" s="368"/>
      <c r="D11517" s="368"/>
      <c r="E11517" s="368"/>
      <c r="F11517" s="361" t="s">
        <v>14374</v>
      </c>
      <c r="G11517" s="361" t="s">
        <v>14373</v>
      </c>
      <c r="H11517" s="362"/>
      <c r="I11517" s="362"/>
      <c r="J11517" s="366"/>
      <c r="K11517" s="368"/>
      <c r="L11517" s="366"/>
    </row>
    <row r="11518" spans="2:12">
      <c r="B11518" s="358" t="s">
        <v>20302</v>
      </c>
      <c r="C11518" s="358" t="s">
        <v>29236</v>
      </c>
      <c r="D11518" s="358" t="s">
        <v>20303</v>
      </c>
      <c r="E11518" s="358" t="s">
        <v>20304</v>
      </c>
      <c r="F11518" s="358" t="s">
        <v>14420</v>
      </c>
      <c r="G11518" s="358" t="s">
        <v>14429</v>
      </c>
      <c r="H11518" s="358" t="s">
        <v>14367</v>
      </c>
      <c r="I11518" s="358" t="s">
        <v>14429</v>
      </c>
      <c r="J11518" s="358"/>
      <c r="K11518" s="358"/>
      <c r="L11518" s="358"/>
    </row>
    <row r="11519" spans="2:12">
      <c r="B11519" s="367"/>
      <c r="C11519" s="367"/>
      <c r="D11519" s="367"/>
      <c r="E11519" s="367"/>
      <c r="F11519" s="360"/>
      <c r="G11519" s="360"/>
      <c r="H11519" s="360"/>
      <c r="I11519" s="360"/>
      <c r="J11519" s="365"/>
      <c r="K11519" s="365"/>
      <c r="L11519" s="365"/>
    </row>
    <row r="11520" spans="2:12" ht="28.5">
      <c r="B11520" s="367"/>
      <c r="C11520" s="367"/>
      <c r="D11520" s="367"/>
      <c r="E11520" s="367"/>
      <c r="F11520" s="359" t="s">
        <v>14394</v>
      </c>
      <c r="G11520" s="359" t="s">
        <v>14395</v>
      </c>
      <c r="H11520" s="359" t="s">
        <v>14370</v>
      </c>
      <c r="I11520" s="359" t="s">
        <v>14395</v>
      </c>
      <c r="J11520" s="365"/>
      <c r="K11520" s="365"/>
      <c r="L11520" s="365"/>
    </row>
    <row r="11521" spans="2:12">
      <c r="B11521" s="367"/>
      <c r="C11521" s="367"/>
      <c r="D11521" s="367"/>
      <c r="E11521" s="367"/>
      <c r="F11521" s="360"/>
      <c r="G11521" s="360"/>
      <c r="H11521" s="360"/>
      <c r="I11521" s="360"/>
      <c r="J11521" s="365"/>
      <c r="K11521" s="365"/>
      <c r="L11521" s="365"/>
    </row>
    <row r="11522" spans="2:12">
      <c r="B11522" s="368"/>
      <c r="C11522" s="368"/>
      <c r="D11522" s="368"/>
      <c r="E11522" s="368"/>
      <c r="F11522" s="362"/>
      <c r="G11522" s="362"/>
      <c r="H11522" s="361" t="s">
        <v>14422</v>
      </c>
      <c r="I11522" s="362"/>
      <c r="J11522" s="366"/>
      <c r="K11522" s="366"/>
      <c r="L11522" s="366"/>
    </row>
    <row r="11523" spans="2:12" ht="28.5">
      <c r="B11523" s="358" t="s">
        <v>20305</v>
      </c>
      <c r="C11523" s="358" t="s">
        <v>29237</v>
      </c>
      <c r="D11523" s="358" t="s">
        <v>20306</v>
      </c>
      <c r="E11523" s="358" t="s">
        <v>20307</v>
      </c>
      <c r="F11523" s="358" t="s">
        <v>14386</v>
      </c>
      <c r="G11523" s="358" t="s">
        <v>14387</v>
      </c>
      <c r="H11523" s="358" t="s">
        <v>14367</v>
      </c>
      <c r="I11523" s="358" t="s">
        <v>14387</v>
      </c>
      <c r="J11523" s="358"/>
      <c r="K11523" s="358"/>
      <c r="L11523" s="358"/>
    </row>
    <row r="11524" spans="2:12">
      <c r="B11524" s="367"/>
      <c r="C11524" s="367"/>
      <c r="D11524" s="367"/>
      <c r="E11524" s="367"/>
      <c r="F11524" s="360"/>
      <c r="G11524" s="360"/>
      <c r="H11524" s="360"/>
      <c r="I11524" s="360"/>
      <c r="J11524" s="365"/>
      <c r="K11524" s="365"/>
      <c r="L11524" s="365"/>
    </row>
    <row r="11525" spans="2:12">
      <c r="B11525" s="367"/>
      <c r="C11525" s="367"/>
      <c r="D11525" s="367"/>
      <c r="E11525" s="367"/>
      <c r="F11525" s="359" t="s">
        <v>14389</v>
      </c>
      <c r="G11525" s="359" t="s">
        <v>14390</v>
      </c>
      <c r="H11525" s="359" t="s">
        <v>14422</v>
      </c>
      <c r="I11525" s="359" t="s">
        <v>14390</v>
      </c>
      <c r="J11525" s="365"/>
      <c r="K11525" s="365"/>
      <c r="L11525" s="365"/>
    </row>
    <row r="11526" spans="2:12">
      <c r="B11526" s="367"/>
      <c r="C11526" s="367"/>
      <c r="D11526" s="367"/>
      <c r="E11526" s="367"/>
      <c r="F11526" s="360"/>
      <c r="G11526" s="360"/>
      <c r="H11526" s="360"/>
      <c r="I11526" s="360"/>
      <c r="J11526" s="365"/>
      <c r="K11526" s="365"/>
      <c r="L11526" s="365"/>
    </row>
    <row r="11527" spans="2:12" ht="28.5">
      <c r="B11527" s="368"/>
      <c r="C11527" s="368"/>
      <c r="D11527" s="368"/>
      <c r="E11527" s="368"/>
      <c r="F11527" s="361" t="s">
        <v>14472</v>
      </c>
      <c r="G11527" s="361" t="s">
        <v>14473</v>
      </c>
      <c r="H11527" s="362"/>
      <c r="I11527" s="361" t="s">
        <v>14473</v>
      </c>
      <c r="J11527" s="366"/>
      <c r="K11527" s="366"/>
      <c r="L11527" s="366"/>
    </row>
    <row r="11528" spans="2:12" ht="28.5">
      <c r="B11528" s="358" t="s">
        <v>20308</v>
      </c>
      <c r="C11528" s="358" t="s">
        <v>30198</v>
      </c>
      <c r="D11528" s="358" t="s">
        <v>20309</v>
      </c>
      <c r="E11528" s="358" t="s">
        <v>20310</v>
      </c>
      <c r="F11528" s="358" t="s">
        <v>29049</v>
      </c>
      <c r="G11528" s="358" t="s">
        <v>14429</v>
      </c>
      <c r="H11528" s="358" t="s">
        <v>14367</v>
      </c>
      <c r="I11528" s="358" t="s">
        <v>14429</v>
      </c>
      <c r="J11528" s="358"/>
      <c r="K11528" s="358"/>
      <c r="L11528" s="358"/>
    </row>
    <row r="11529" spans="2:12">
      <c r="B11529" s="367"/>
      <c r="C11529" s="367"/>
      <c r="D11529" s="367"/>
      <c r="E11529" s="367"/>
      <c r="F11529" s="360"/>
      <c r="G11529" s="360"/>
      <c r="H11529" s="360"/>
      <c r="I11529" s="360"/>
      <c r="J11529" s="365"/>
      <c r="K11529" s="365"/>
      <c r="L11529" s="365"/>
    </row>
    <row r="11530" spans="2:12" ht="28.5">
      <c r="B11530" s="367"/>
      <c r="C11530" s="367"/>
      <c r="D11530" s="367"/>
      <c r="E11530" s="367"/>
      <c r="F11530" s="359" t="s">
        <v>14374</v>
      </c>
      <c r="G11530" s="359" t="s">
        <v>14372</v>
      </c>
      <c r="H11530" s="359" t="s">
        <v>14370</v>
      </c>
      <c r="I11530" s="359" t="s">
        <v>14373</v>
      </c>
      <c r="J11530" s="365"/>
      <c r="K11530" s="365"/>
      <c r="L11530" s="365"/>
    </row>
    <row r="11531" spans="2:12">
      <c r="B11531" s="367"/>
      <c r="C11531" s="367"/>
      <c r="D11531" s="367"/>
      <c r="E11531" s="367"/>
      <c r="F11531" s="360"/>
      <c r="G11531" s="360"/>
      <c r="H11531" s="360"/>
      <c r="I11531" s="360"/>
      <c r="J11531" s="365"/>
      <c r="K11531" s="365"/>
      <c r="L11531" s="365"/>
    </row>
    <row r="11532" spans="2:12">
      <c r="B11532" s="368"/>
      <c r="C11532" s="368"/>
      <c r="D11532" s="368"/>
      <c r="E11532" s="368"/>
      <c r="F11532" s="362"/>
      <c r="G11532" s="361" t="s">
        <v>14373</v>
      </c>
      <c r="H11532" s="361" t="s">
        <v>14422</v>
      </c>
      <c r="I11532" s="362"/>
      <c r="J11532" s="366"/>
      <c r="K11532" s="366"/>
      <c r="L11532" s="366"/>
    </row>
    <row r="11533" spans="2:12" ht="42.75">
      <c r="B11533" s="358" t="s">
        <v>20311</v>
      </c>
      <c r="C11533" s="358" t="s">
        <v>30199</v>
      </c>
      <c r="D11533" s="358" t="s">
        <v>8356</v>
      </c>
      <c r="E11533" s="358" t="s">
        <v>20312</v>
      </c>
      <c r="F11533" s="358" t="s">
        <v>14379</v>
      </c>
      <c r="G11533" s="358" t="s">
        <v>14405</v>
      </c>
      <c r="H11533" s="358" t="s">
        <v>14378</v>
      </c>
      <c r="I11533" s="358" t="s">
        <v>14405</v>
      </c>
      <c r="J11533" s="358"/>
      <c r="K11533" s="358"/>
      <c r="L11533" s="358"/>
    </row>
    <row r="11534" spans="2:12">
      <c r="B11534" s="367"/>
      <c r="C11534" s="367"/>
      <c r="D11534" s="367"/>
      <c r="E11534" s="367"/>
      <c r="F11534" s="367"/>
      <c r="G11534" s="367"/>
      <c r="H11534" s="360"/>
      <c r="I11534" s="367"/>
      <c r="J11534" s="365"/>
      <c r="K11534" s="365"/>
      <c r="L11534" s="365"/>
    </row>
    <row r="11535" spans="2:12">
      <c r="B11535" s="368"/>
      <c r="C11535" s="368"/>
      <c r="D11535" s="368"/>
      <c r="E11535" s="368"/>
      <c r="F11535" s="368"/>
      <c r="G11535" s="368"/>
      <c r="H11535" s="361" t="s">
        <v>14332</v>
      </c>
      <c r="I11535" s="368"/>
      <c r="J11535" s="366"/>
      <c r="K11535" s="366"/>
      <c r="L11535" s="366"/>
    </row>
    <row r="11536" spans="2:12" ht="28.5">
      <c r="B11536" s="358" t="s">
        <v>20313</v>
      </c>
      <c r="C11536" s="358" t="s">
        <v>29238</v>
      </c>
      <c r="D11536" s="358" t="s">
        <v>20314</v>
      </c>
      <c r="E11536" s="358" t="s">
        <v>20315</v>
      </c>
      <c r="F11536" s="358" t="s">
        <v>14420</v>
      </c>
      <c r="G11536" s="358" t="s">
        <v>14429</v>
      </c>
      <c r="H11536" s="358" t="s">
        <v>14367</v>
      </c>
      <c r="I11536" s="358" t="s">
        <v>14429</v>
      </c>
      <c r="J11536" s="358"/>
      <c r="K11536" s="358"/>
      <c r="L11536" s="358"/>
    </row>
    <row r="11537" spans="2:12">
      <c r="B11537" s="367"/>
      <c r="C11537" s="367"/>
      <c r="D11537" s="367"/>
      <c r="E11537" s="367"/>
      <c r="F11537" s="360"/>
      <c r="G11537" s="360"/>
      <c r="H11537" s="360"/>
      <c r="I11537" s="360"/>
      <c r="J11537" s="365"/>
      <c r="K11537" s="365"/>
      <c r="L11537" s="365"/>
    </row>
    <row r="11538" spans="2:12">
      <c r="B11538" s="367"/>
      <c r="C11538" s="367"/>
      <c r="D11538" s="367"/>
      <c r="E11538" s="367"/>
      <c r="F11538" s="359" t="s">
        <v>14389</v>
      </c>
      <c r="G11538" s="359" t="s">
        <v>14390</v>
      </c>
      <c r="H11538" s="359" t="s">
        <v>14370</v>
      </c>
      <c r="I11538" s="359" t="s">
        <v>14390</v>
      </c>
      <c r="J11538" s="365"/>
      <c r="K11538" s="365"/>
      <c r="L11538" s="365"/>
    </row>
    <row r="11539" spans="2:12">
      <c r="B11539" s="367"/>
      <c r="C11539" s="367"/>
      <c r="D11539" s="367"/>
      <c r="E11539" s="367"/>
      <c r="F11539" s="360"/>
      <c r="G11539" s="360"/>
      <c r="H11539" s="360"/>
      <c r="I11539" s="360"/>
      <c r="J11539" s="365"/>
      <c r="K11539" s="365"/>
      <c r="L11539" s="365"/>
    </row>
    <row r="11540" spans="2:12">
      <c r="B11540" s="367"/>
      <c r="C11540" s="367"/>
      <c r="D11540" s="367"/>
      <c r="E11540" s="367"/>
      <c r="F11540" s="359" t="s">
        <v>14371</v>
      </c>
      <c r="G11540" s="359" t="s">
        <v>14372</v>
      </c>
      <c r="H11540" s="359" t="s">
        <v>14422</v>
      </c>
      <c r="I11540" s="359" t="s">
        <v>14373</v>
      </c>
      <c r="J11540" s="365"/>
      <c r="K11540" s="365"/>
      <c r="L11540" s="365"/>
    </row>
    <row r="11541" spans="2:12">
      <c r="B11541" s="367"/>
      <c r="C11541" s="367"/>
      <c r="D11541" s="367"/>
      <c r="E11541" s="367"/>
      <c r="F11541" s="360"/>
      <c r="G11541" s="360"/>
      <c r="H11541" s="360"/>
      <c r="I11541" s="360"/>
      <c r="J11541" s="365"/>
      <c r="K11541" s="365"/>
      <c r="L11541" s="365"/>
    </row>
    <row r="11542" spans="2:12" ht="28.5">
      <c r="B11542" s="368"/>
      <c r="C11542" s="368"/>
      <c r="D11542" s="368"/>
      <c r="E11542" s="368"/>
      <c r="F11542" s="361" t="s">
        <v>14374</v>
      </c>
      <c r="G11542" s="361" t="s">
        <v>14373</v>
      </c>
      <c r="H11542" s="362"/>
      <c r="I11542" s="362"/>
      <c r="J11542" s="366"/>
      <c r="K11542" s="366"/>
      <c r="L11542" s="366"/>
    </row>
    <row r="11543" spans="2:12">
      <c r="B11543" s="354" t="s">
        <v>14492</v>
      </c>
      <c r="C11543" s="369"/>
      <c r="D11543" s="369"/>
      <c r="E11543" s="369"/>
      <c r="F11543" s="369"/>
      <c r="G11543" s="369"/>
      <c r="H11543" s="369"/>
      <c r="I11543" s="369"/>
      <c r="J11543" s="369"/>
      <c r="K11543" s="369"/>
      <c r="L11543" s="370"/>
    </row>
    <row r="11544" spans="2:12" ht="28.5">
      <c r="B11544" s="358" t="s">
        <v>13763</v>
      </c>
      <c r="C11544" s="358" t="s">
        <v>20316</v>
      </c>
      <c r="D11544" s="358" t="s">
        <v>13764</v>
      </c>
      <c r="E11544" s="358" t="s">
        <v>13765</v>
      </c>
      <c r="F11544" s="358" t="s">
        <v>14424</v>
      </c>
      <c r="G11544" s="358" t="s">
        <v>17083</v>
      </c>
      <c r="H11544" s="358" t="s">
        <v>14381</v>
      </c>
      <c r="I11544" s="358" t="s">
        <v>17083</v>
      </c>
      <c r="J11544" s="358"/>
      <c r="K11544" s="358" t="s">
        <v>19328</v>
      </c>
      <c r="L11544" s="358"/>
    </row>
    <row r="11545" spans="2:12">
      <c r="B11545" s="367"/>
      <c r="C11545" s="367"/>
      <c r="D11545" s="367"/>
      <c r="E11545" s="367"/>
      <c r="F11545" s="360"/>
      <c r="G11545" s="360"/>
      <c r="H11545" s="360"/>
      <c r="I11545" s="360"/>
      <c r="J11545" s="365"/>
      <c r="K11545" s="360"/>
      <c r="L11545" s="365"/>
    </row>
    <row r="11546" spans="2:12">
      <c r="B11546" s="367"/>
      <c r="C11546" s="367"/>
      <c r="D11546" s="367"/>
      <c r="E11546" s="367"/>
      <c r="F11546" s="359" t="s">
        <v>14530</v>
      </c>
      <c r="G11546" s="359" t="s">
        <v>14380</v>
      </c>
      <c r="H11546" s="359" t="s">
        <v>14378</v>
      </c>
      <c r="I11546" s="359" t="s">
        <v>14380</v>
      </c>
      <c r="J11546" s="365"/>
      <c r="K11546" s="359" t="s">
        <v>29114</v>
      </c>
      <c r="L11546" s="365"/>
    </row>
    <row r="11547" spans="2:12">
      <c r="B11547" s="367"/>
      <c r="C11547" s="367"/>
      <c r="D11547" s="367"/>
      <c r="E11547" s="367"/>
      <c r="F11547" s="360"/>
      <c r="G11547" s="360"/>
      <c r="H11547" s="360"/>
      <c r="I11547" s="360"/>
      <c r="J11547" s="365"/>
      <c r="K11547" s="360"/>
      <c r="L11547" s="365"/>
    </row>
    <row r="11548" spans="2:12" ht="85.5">
      <c r="B11548" s="367"/>
      <c r="C11548" s="367"/>
      <c r="D11548" s="367"/>
      <c r="E11548" s="367"/>
      <c r="F11548" s="359" t="s">
        <v>14530</v>
      </c>
      <c r="G11548" s="359" t="s">
        <v>14531</v>
      </c>
      <c r="H11548" s="359" t="s">
        <v>14370</v>
      </c>
      <c r="I11548" s="359" t="s">
        <v>14531</v>
      </c>
      <c r="J11548" s="365"/>
      <c r="K11548" s="359" t="s">
        <v>29239</v>
      </c>
      <c r="L11548" s="365"/>
    </row>
    <row r="11549" spans="2:12">
      <c r="B11549" s="367"/>
      <c r="C11549" s="367"/>
      <c r="D11549" s="367"/>
      <c r="E11549" s="367"/>
      <c r="F11549" s="360"/>
      <c r="G11549" s="360"/>
      <c r="H11549" s="360"/>
      <c r="I11549" s="360"/>
      <c r="J11549" s="365"/>
      <c r="K11549" s="360"/>
      <c r="L11549" s="365"/>
    </row>
    <row r="11550" spans="2:12" ht="28.5">
      <c r="B11550" s="367"/>
      <c r="C11550" s="367"/>
      <c r="D11550" s="367"/>
      <c r="E11550" s="367"/>
      <c r="F11550" s="359" t="s">
        <v>14530</v>
      </c>
      <c r="G11550" s="359" t="s">
        <v>14405</v>
      </c>
      <c r="H11550" s="359" t="s">
        <v>14332</v>
      </c>
      <c r="I11550" s="359" t="s">
        <v>14405</v>
      </c>
      <c r="J11550" s="365"/>
      <c r="K11550" s="359" t="s">
        <v>29240</v>
      </c>
      <c r="L11550" s="365"/>
    </row>
    <row r="11551" spans="2:12">
      <c r="B11551" s="367"/>
      <c r="C11551" s="367"/>
      <c r="D11551" s="367"/>
      <c r="E11551" s="367"/>
      <c r="F11551" s="360"/>
      <c r="G11551" s="360"/>
      <c r="H11551" s="360"/>
      <c r="I11551" s="360"/>
      <c r="J11551" s="365"/>
      <c r="K11551" s="360"/>
      <c r="L11551" s="365"/>
    </row>
    <row r="11552" spans="2:12" ht="28.5">
      <c r="B11552" s="367"/>
      <c r="C11552" s="367"/>
      <c r="D11552" s="367"/>
      <c r="E11552" s="367"/>
      <c r="F11552" s="359" t="s">
        <v>14384</v>
      </c>
      <c r="G11552" s="359" t="s">
        <v>19331</v>
      </c>
      <c r="H11552" s="360"/>
      <c r="I11552" s="359" t="s">
        <v>19331</v>
      </c>
      <c r="J11552" s="365"/>
      <c r="K11552" s="359" t="s">
        <v>14655</v>
      </c>
      <c r="L11552" s="365"/>
    </row>
    <row r="11553" spans="2:12">
      <c r="B11553" s="367"/>
      <c r="C11553" s="367"/>
      <c r="D11553" s="367"/>
      <c r="E11553" s="367"/>
      <c r="F11553" s="360"/>
      <c r="G11553" s="360"/>
      <c r="H11553" s="360"/>
      <c r="I11553" s="360"/>
      <c r="J11553" s="365"/>
      <c r="K11553" s="360"/>
      <c r="L11553" s="365"/>
    </row>
    <row r="11554" spans="2:12">
      <c r="B11554" s="367"/>
      <c r="C11554" s="367"/>
      <c r="D11554" s="367"/>
      <c r="E11554" s="367"/>
      <c r="F11554" s="359" t="s">
        <v>14371</v>
      </c>
      <c r="G11554" s="359" t="s">
        <v>14372</v>
      </c>
      <c r="H11554" s="360"/>
      <c r="I11554" s="359" t="s">
        <v>14373</v>
      </c>
      <c r="J11554" s="365"/>
      <c r="K11554" s="359" t="s">
        <v>14655</v>
      </c>
      <c r="L11554" s="365"/>
    </row>
    <row r="11555" spans="2:12">
      <c r="B11555" s="367"/>
      <c r="C11555" s="367"/>
      <c r="D11555" s="367"/>
      <c r="E11555" s="367"/>
      <c r="F11555" s="360"/>
      <c r="G11555" s="360"/>
      <c r="H11555" s="360"/>
      <c r="I11555" s="360"/>
      <c r="J11555" s="365"/>
      <c r="K11555" s="360"/>
      <c r="L11555" s="365"/>
    </row>
    <row r="11556" spans="2:12" ht="28.5">
      <c r="B11556" s="368"/>
      <c r="C11556" s="368"/>
      <c r="D11556" s="368"/>
      <c r="E11556" s="368"/>
      <c r="F11556" s="361" t="s">
        <v>14374</v>
      </c>
      <c r="G11556" s="361" t="s">
        <v>14373</v>
      </c>
      <c r="H11556" s="362"/>
      <c r="I11556" s="362"/>
      <c r="J11556" s="366"/>
      <c r="K11556" s="362"/>
      <c r="L11556" s="366"/>
    </row>
    <row r="11557" spans="2:12">
      <c r="B11557" s="354" t="s">
        <v>28528</v>
      </c>
      <c r="C11557" s="369"/>
      <c r="D11557" s="369"/>
      <c r="E11557" s="369"/>
      <c r="F11557" s="369"/>
      <c r="G11557" s="369"/>
      <c r="H11557" s="369"/>
      <c r="I11557" s="369"/>
      <c r="J11557" s="369"/>
      <c r="K11557" s="369"/>
      <c r="L11557" s="370"/>
    </row>
    <row r="11558" spans="2:12">
      <c r="B11558" s="358" t="s">
        <v>20317</v>
      </c>
      <c r="C11558" s="358" t="s">
        <v>29241</v>
      </c>
      <c r="D11558" s="358" t="s">
        <v>20318</v>
      </c>
      <c r="E11558" s="358" t="s">
        <v>20319</v>
      </c>
      <c r="F11558" s="358" t="s">
        <v>14382</v>
      </c>
      <c r="G11558" s="358" t="s">
        <v>14383</v>
      </c>
      <c r="H11558" s="358" t="s">
        <v>14378</v>
      </c>
      <c r="I11558" s="358" t="s">
        <v>14383</v>
      </c>
      <c r="J11558" s="358"/>
      <c r="K11558" s="358"/>
      <c r="L11558" s="358"/>
    </row>
    <row r="11559" spans="2:12">
      <c r="B11559" s="367"/>
      <c r="C11559" s="367"/>
      <c r="D11559" s="367"/>
      <c r="E11559" s="367"/>
      <c r="F11559" s="360"/>
      <c r="G11559" s="360"/>
      <c r="H11559" s="360"/>
      <c r="I11559" s="360"/>
      <c r="J11559" s="365"/>
      <c r="K11559" s="365"/>
      <c r="L11559" s="365"/>
    </row>
    <row r="11560" spans="2:12">
      <c r="B11560" s="367"/>
      <c r="C11560" s="367"/>
      <c r="D11560" s="367"/>
      <c r="E11560" s="367"/>
      <c r="F11560" s="359" t="s">
        <v>14389</v>
      </c>
      <c r="G11560" s="359" t="s">
        <v>14390</v>
      </c>
      <c r="H11560" s="359" t="s">
        <v>14370</v>
      </c>
      <c r="I11560" s="359" t="s">
        <v>14390</v>
      </c>
      <c r="J11560" s="365"/>
      <c r="K11560" s="365"/>
      <c r="L11560" s="365"/>
    </row>
    <row r="11561" spans="2:12">
      <c r="B11561" s="367"/>
      <c r="C11561" s="367"/>
      <c r="D11561" s="367"/>
      <c r="E11561" s="367"/>
      <c r="F11561" s="360"/>
      <c r="G11561" s="360"/>
      <c r="H11561" s="360"/>
      <c r="I11561" s="360"/>
      <c r="J11561" s="365"/>
      <c r="K11561" s="365"/>
      <c r="L11561" s="365"/>
    </row>
    <row r="11562" spans="2:12">
      <c r="B11562" s="368"/>
      <c r="C11562" s="368"/>
      <c r="D11562" s="368"/>
      <c r="E11562" s="368"/>
      <c r="F11562" s="361" t="s">
        <v>14371</v>
      </c>
      <c r="G11562" s="361" t="s">
        <v>14372</v>
      </c>
      <c r="H11562" s="361" t="s">
        <v>14332</v>
      </c>
      <c r="I11562" s="361" t="s">
        <v>14372</v>
      </c>
      <c r="J11562" s="366"/>
      <c r="K11562" s="366"/>
      <c r="L11562" s="366"/>
    </row>
    <row r="11563" spans="2:12" ht="28.5">
      <c r="B11563" s="358" t="s">
        <v>20320</v>
      </c>
      <c r="C11563" s="358" t="s">
        <v>29242</v>
      </c>
      <c r="D11563" s="358" t="s">
        <v>20321</v>
      </c>
      <c r="E11563" s="358" t="s">
        <v>20322</v>
      </c>
      <c r="F11563" s="358" t="s">
        <v>29049</v>
      </c>
      <c r="G11563" s="358" t="s">
        <v>14429</v>
      </c>
      <c r="H11563" s="358" t="s">
        <v>14367</v>
      </c>
      <c r="I11563" s="358" t="s">
        <v>14429</v>
      </c>
      <c r="J11563" s="358"/>
      <c r="K11563" s="358"/>
      <c r="L11563" s="358"/>
    </row>
    <row r="11564" spans="2:12">
      <c r="B11564" s="367"/>
      <c r="C11564" s="367"/>
      <c r="D11564" s="367"/>
      <c r="E11564" s="367"/>
      <c r="F11564" s="360"/>
      <c r="G11564" s="360"/>
      <c r="H11564" s="360"/>
      <c r="I11564" s="360"/>
      <c r="J11564" s="365"/>
      <c r="K11564" s="365"/>
      <c r="L11564" s="365"/>
    </row>
    <row r="11565" spans="2:12" ht="28.5">
      <c r="B11565" s="367"/>
      <c r="C11565" s="367"/>
      <c r="D11565" s="367"/>
      <c r="E11565" s="367"/>
      <c r="F11565" s="359" t="s">
        <v>14374</v>
      </c>
      <c r="G11565" s="359" t="s">
        <v>14372</v>
      </c>
      <c r="H11565" s="359" t="s">
        <v>14370</v>
      </c>
      <c r="I11565" s="359" t="s">
        <v>14373</v>
      </c>
      <c r="J11565" s="365"/>
      <c r="K11565" s="365"/>
      <c r="L11565" s="365"/>
    </row>
    <row r="11566" spans="2:12">
      <c r="B11566" s="367"/>
      <c r="C11566" s="367"/>
      <c r="D11566" s="367"/>
      <c r="E11566" s="367"/>
      <c r="F11566" s="360"/>
      <c r="G11566" s="360"/>
      <c r="H11566" s="360"/>
      <c r="I11566" s="360"/>
      <c r="J11566" s="365"/>
      <c r="K11566" s="365"/>
      <c r="L11566" s="365"/>
    </row>
    <row r="11567" spans="2:12">
      <c r="B11567" s="368"/>
      <c r="C11567" s="368"/>
      <c r="D11567" s="368"/>
      <c r="E11567" s="368"/>
      <c r="F11567" s="362"/>
      <c r="G11567" s="361" t="s">
        <v>14373</v>
      </c>
      <c r="H11567" s="361" t="s">
        <v>14422</v>
      </c>
      <c r="I11567" s="362"/>
      <c r="J11567" s="366"/>
      <c r="K11567" s="366"/>
      <c r="L11567" s="366"/>
    </row>
    <row r="11568" spans="2:12" ht="28.5">
      <c r="B11568" s="358" t="s">
        <v>20323</v>
      </c>
      <c r="C11568" s="358" t="s">
        <v>29243</v>
      </c>
      <c r="D11568" s="358" t="s">
        <v>8356</v>
      </c>
      <c r="E11568" s="358" t="s">
        <v>20324</v>
      </c>
      <c r="F11568" s="358" t="s">
        <v>14420</v>
      </c>
      <c r="G11568" s="358" t="s">
        <v>14429</v>
      </c>
      <c r="H11568" s="358" t="s">
        <v>14367</v>
      </c>
      <c r="I11568" s="358" t="s">
        <v>14429</v>
      </c>
      <c r="J11568" s="358"/>
      <c r="K11568" s="358"/>
      <c r="L11568" s="358"/>
    </row>
    <row r="11569" spans="2:12">
      <c r="B11569" s="367"/>
      <c r="C11569" s="367"/>
      <c r="D11569" s="367"/>
      <c r="E11569" s="367"/>
      <c r="F11569" s="367"/>
      <c r="G11569" s="367"/>
      <c r="H11569" s="360"/>
      <c r="I11569" s="367"/>
      <c r="J11569" s="365"/>
      <c r="K11569" s="365"/>
      <c r="L11569" s="365"/>
    </row>
    <row r="11570" spans="2:12">
      <c r="B11570" s="368"/>
      <c r="C11570" s="368"/>
      <c r="D11570" s="368"/>
      <c r="E11570" s="368"/>
      <c r="F11570" s="368"/>
      <c r="G11570" s="368"/>
      <c r="H11570" s="361" t="s">
        <v>14422</v>
      </c>
      <c r="I11570" s="368"/>
      <c r="J11570" s="366"/>
      <c r="K11570" s="366"/>
      <c r="L11570" s="366"/>
    </row>
    <row r="11571" spans="2:12">
      <c r="B11571" s="358" t="s">
        <v>20325</v>
      </c>
      <c r="C11571" s="358" t="s">
        <v>20326</v>
      </c>
      <c r="D11571" s="358" t="s">
        <v>8356</v>
      </c>
      <c r="E11571" s="358" t="s">
        <v>8356</v>
      </c>
      <c r="F11571" s="358" t="s">
        <v>14420</v>
      </c>
      <c r="G11571" s="358" t="s">
        <v>14429</v>
      </c>
      <c r="H11571" s="358" t="s">
        <v>14367</v>
      </c>
      <c r="I11571" s="358" t="s">
        <v>14429</v>
      </c>
      <c r="J11571" s="358"/>
      <c r="K11571" s="358"/>
      <c r="L11571" s="358"/>
    </row>
    <row r="11572" spans="2:12">
      <c r="B11572" s="367"/>
      <c r="C11572" s="367"/>
      <c r="D11572" s="367"/>
      <c r="E11572" s="367"/>
      <c r="F11572" s="367"/>
      <c r="G11572" s="367"/>
      <c r="H11572" s="360"/>
      <c r="I11572" s="367"/>
      <c r="J11572" s="365"/>
      <c r="K11572" s="365"/>
      <c r="L11572" s="365"/>
    </row>
    <row r="11573" spans="2:12">
      <c r="B11573" s="368"/>
      <c r="C11573" s="368"/>
      <c r="D11573" s="368"/>
      <c r="E11573" s="368"/>
      <c r="F11573" s="368"/>
      <c r="G11573" s="368"/>
      <c r="H11573" s="361" t="s">
        <v>14422</v>
      </c>
      <c r="I11573" s="368"/>
      <c r="J11573" s="366"/>
      <c r="K11573" s="366"/>
      <c r="L11573" s="366"/>
    </row>
    <row r="11574" spans="2:12" ht="28.5">
      <c r="B11574" s="358" t="s">
        <v>20327</v>
      </c>
      <c r="C11574" s="358" t="s">
        <v>29244</v>
      </c>
      <c r="D11574" s="358" t="s">
        <v>20328</v>
      </c>
      <c r="E11574" s="358" t="s">
        <v>20329</v>
      </c>
      <c r="F11574" s="358" t="s">
        <v>14389</v>
      </c>
      <c r="G11574" s="358" t="s">
        <v>14390</v>
      </c>
      <c r="H11574" s="358" t="s">
        <v>14341</v>
      </c>
      <c r="I11574" s="358" t="s">
        <v>14390</v>
      </c>
      <c r="J11574" s="358"/>
      <c r="K11574" s="358"/>
      <c r="L11574" s="358"/>
    </row>
    <row r="11575" spans="2:12">
      <c r="B11575" s="367"/>
      <c r="C11575" s="367"/>
      <c r="D11575" s="360"/>
      <c r="E11575" s="360"/>
      <c r="F11575" s="360"/>
      <c r="G11575" s="360"/>
      <c r="H11575" s="360"/>
      <c r="I11575" s="360"/>
      <c r="J11575" s="365"/>
      <c r="K11575" s="365"/>
      <c r="L11575" s="365"/>
    </row>
    <row r="11576" spans="2:12">
      <c r="B11576" s="367"/>
      <c r="C11576" s="367"/>
      <c r="D11576" s="359" t="s">
        <v>20330</v>
      </c>
      <c r="E11576" s="359" t="s">
        <v>20331</v>
      </c>
      <c r="F11576" s="359" t="s">
        <v>14430</v>
      </c>
      <c r="G11576" s="359" t="s">
        <v>14431</v>
      </c>
      <c r="H11576" s="359" t="s">
        <v>14332</v>
      </c>
      <c r="I11576" s="359" t="s">
        <v>14431</v>
      </c>
      <c r="J11576" s="365"/>
      <c r="K11576" s="365"/>
      <c r="L11576" s="365"/>
    </row>
    <row r="11577" spans="2:12">
      <c r="B11577" s="367"/>
      <c r="C11577" s="367"/>
      <c r="D11577" s="360"/>
      <c r="E11577" s="360"/>
      <c r="F11577" s="360"/>
      <c r="G11577" s="360"/>
      <c r="H11577" s="360"/>
      <c r="I11577" s="360"/>
      <c r="J11577" s="365"/>
      <c r="K11577" s="365"/>
      <c r="L11577" s="365"/>
    </row>
    <row r="11578" spans="2:12" ht="28.5">
      <c r="B11578" s="368"/>
      <c r="C11578" s="368"/>
      <c r="D11578" s="362"/>
      <c r="E11578" s="362"/>
      <c r="F11578" s="361" t="s">
        <v>14472</v>
      </c>
      <c r="G11578" s="361" t="s">
        <v>14473</v>
      </c>
      <c r="H11578" s="362"/>
      <c r="I11578" s="361" t="s">
        <v>14473</v>
      </c>
      <c r="J11578" s="366"/>
      <c r="K11578" s="366"/>
      <c r="L11578" s="366"/>
    </row>
    <row r="11579" spans="2:12" ht="28.5">
      <c r="B11579" s="358" t="s">
        <v>20332</v>
      </c>
      <c r="C11579" s="358" t="s">
        <v>30200</v>
      </c>
      <c r="D11579" s="358" t="s">
        <v>20333</v>
      </c>
      <c r="E11579" s="358" t="s">
        <v>20334</v>
      </c>
      <c r="F11579" s="358" t="s">
        <v>14420</v>
      </c>
      <c r="G11579" s="358" t="s">
        <v>14429</v>
      </c>
      <c r="H11579" s="358" t="s">
        <v>14367</v>
      </c>
      <c r="I11579" s="358" t="s">
        <v>14429</v>
      </c>
      <c r="J11579" s="358"/>
      <c r="K11579" s="358"/>
      <c r="L11579" s="358"/>
    </row>
    <row r="11580" spans="2:12">
      <c r="B11580" s="367"/>
      <c r="C11580" s="367"/>
      <c r="D11580" s="367"/>
      <c r="E11580" s="367"/>
      <c r="F11580" s="367"/>
      <c r="G11580" s="367"/>
      <c r="H11580" s="360"/>
      <c r="I11580" s="367"/>
      <c r="J11580" s="365"/>
      <c r="K11580" s="365"/>
      <c r="L11580" s="365"/>
    </row>
    <row r="11581" spans="2:12">
      <c r="B11581" s="368"/>
      <c r="C11581" s="368"/>
      <c r="D11581" s="368"/>
      <c r="E11581" s="368"/>
      <c r="F11581" s="368"/>
      <c r="G11581" s="368"/>
      <c r="H11581" s="361" t="s">
        <v>14422</v>
      </c>
      <c r="I11581" s="368"/>
      <c r="J11581" s="366"/>
      <c r="K11581" s="366"/>
      <c r="L11581" s="366"/>
    </row>
    <row r="11582" spans="2:12" ht="28.5">
      <c r="B11582" s="358" t="s">
        <v>20335</v>
      </c>
      <c r="C11582" s="358" t="s">
        <v>30201</v>
      </c>
      <c r="D11582" s="358" t="s">
        <v>20336</v>
      </c>
      <c r="E11582" s="358" t="s">
        <v>20337</v>
      </c>
      <c r="F11582" s="358" t="s">
        <v>14420</v>
      </c>
      <c r="G11582" s="358" t="s">
        <v>14429</v>
      </c>
      <c r="H11582" s="358" t="s">
        <v>14367</v>
      </c>
      <c r="I11582" s="358" t="s">
        <v>14429</v>
      </c>
      <c r="J11582" s="358"/>
      <c r="K11582" s="358"/>
      <c r="L11582" s="358"/>
    </row>
    <row r="11583" spans="2:12">
      <c r="B11583" s="367"/>
      <c r="C11583" s="367"/>
      <c r="D11583" s="367"/>
      <c r="E11583" s="367"/>
      <c r="F11583" s="367"/>
      <c r="G11583" s="367"/>
      <c r="H11583" s="360"/>
      <c r="I11583" s="367"/>
      <c r="J11583" s="365"/>
      <c r="K11583" s="365"/>
      <c r="L11583" s="365"/>
    </row>
    <row r="11584" spans="2:12">
      <c r="B11584" s="368"/>
      <c r="C11584" s="368"/>
      <c r="D11584" s="368"/>
      <c r="E11584" s="368"/>
      <c r="F11584" s="368"/>
      <c r="G11584" s="368"/>
      <c r="H11584" s="361" t="s">
        <v>14422</v>
      </c>
      <c r="I11584" s="368"/>
      <c r="J11584" s="366"/>
      <c r="K11584" s="366"/>
      <c r="L11584" s="366"/>
    </row>
    <row r="11585" spans="2:12" ht="42.75">
      <c r="B11585" s="358" t="s">
        <v>20338</v>
      </c>
      <c r="C11585" s="358" t="s">
        <v>30202</v>
      </c>
      <c r="D11585" s="358" t="s">
        <v>20339</v>
      </c>
      <c r="E11585" s="358" t="s">
        <v>20340</v>
      </c>
      <c r="F11585" s="358" t="s">
        <v>14420</v>
      </c>
      <c r="G11585" s="358" t="s">
        <v>14429</v>
      </c>
      <c r="H11585" s="358" t="s">
        <v>14367</v>
      </c>
      <c r="I11585" s="358" t="s">
        <v>14429</v>
      </c>
      <c r="J11585" s="358"/>
      <c r="K11585" s="358"/>
      <c r="L11585" s="358"/>
    </row>
    <row r="11586" spans="2:12">
      <c r="B11586" s="367"/>
      <c r="C11586" s="367"/>
      <c r="D11586" s="367"/>
      <c r="E11586" s="367"/>
      <c r="F11586" s="360"/>
      <c r="G11586" s="360"/>
      <c r="H11586" s="360"/>
      <c r="I11586" s="360"/>
      <c r="J11586" s="365"/>
      <c r="K11586" s="365"/>
      <c r="L11586" s="365"/>
    </row>
    <row r="11587" spans="2:12">
      <c r="B11587" s="367"/>
      <c r="C11587" s="367"/>
      <c r="D11587" s="367"/>
      <c r="E11587" s="367"/>
      <c r="F11587" s="359" t="s">
        <v>14391</v>
      </c>
      <c r="G11587" s="359" t="s">
        <v>14392</v>
      </c>
      <c r="H11587" s="359" t="s">
        <v>14370</v>
      </c>
      <c r="I11587" s="359" t="s">
        <v>14392</v>
      </c>
      <c r="J11587" s="365"/>
      <c r="K11587" s="365"/>
      <c r="L11587" s="365"/>
    </row>
    <row r="11588" spans="2:12">
      <c r="B11588" s="367"/>
      <c r="C11588" s="367"/>
      <c r="D11588" s="367"/>
      <c r="E11588" s="367"/>
      <c r="F11588" s="360"/>
      <c r="G11588" s="360"/>
      <c r="H11588" s="360"/>
      <c r="I11588" s="360"/>
      <c r="J11588" s="365"/>
      <c r="K11588" s="365"/>
      <c r="L11588" s="365"/>
    </row>
    <row r="11589" spans="2:12">
      <c r="B11589" s="367"/>
      <c r="C11589" s="367"/>
      <c r="D11589" s="367"/>
      <c r="E11589" s="367"/>
      <c r="F11589" s="359" t="s">
        <v>14371</v>
      </c>
      <c r="G11589" s="359" t="s">
        <v>14372</v>
      </c>
      <c r="H11589" s="359" t="s">
        <v>14422</v>
      </c>
      <c r="I11589" s="359" t="s">
        <v>14373</v>
      </c>
      <c r="J11589" s="365"/>
      <c r="K11589" s="365"/>
      <c r="L11589" s="365"/>
    </row>
    <row r="11590" spans="2:12">
      <c r="B11590" s="367"/>
      <c r="C11590" s="367"/>
      <c r="D11590" s="367"/>
      <c r="E11590" s="367"/>
      <c r="F11590" s="360"/>
      <c r="G11590" s="360"/>
      <c r="H11590" s="360"/>
      <c r="I11590" s="360"/>
      <c r="J11590" s="365"/>
      <c r="K11590" s="365"/>
      <c r="L11590" s="365"/>
    </row>
    <row r="11591" spans="2:12" ht="28.5">
      <c r="B11591" s="368"/>
      <c r="C11591" s="368"/>
      <c r="D11591" s="368"/>
      <c r="E11591" s="368"/>
      <c r="F11591" s="361" t="s">
        <v>14374</v>
      </c>
      <c r="G11591" s="361" t="s">
        <v>14373</v>
      </c>
      <c r="H11591" s="362"/>
      <c r="I11591" s="362"/>
      <c r="J11591" s="366"/>
      <c r="K11591" s="366"/>
      <c r="L11591" s="366"/>
    </row>
    <row r="11592" spans="2:12" ht="28.5">
      <c r="B11592" s="358" t="s">
        <v>20341</v>
      </c>
      <c r="C11592" s="358" t="s">
        <v>30203</v>
      </c>
      <c r="D11592" s="358" t="s">
        <v>20342</v>
      </c>
      <c r="E11592" s="358" t="s">
        <v>20343</v>
      </c>
      <c r="F11592" s="358" t="s">
        <v>28955</v>
      </c>
      <c r="G11592" s="358" t="s">
        <v>14383</v>
      </c>
      <c r="H11592" s="358" t="s">
        <v>14378</v>
      </c>
      <c r="I11592" s="358" t="s">
        <v>14383</v>
      </c>
      <c r="J11592" s="358"/>
      <c r="K11592" s="358"/>
      <c r="L11592" s="358"/>
    </row>
    <row r="11593" spans="2:12">
      <c r="B11593" s="367"/>
      <c r="C11593" s="367"/>
      <c r="D11593" s="367"/>
      <c r="E11593" s="367"/>
      <c r="F11593" s="367"/>
      <c r="G11593" s="360"/>
      <c r="H11593" s="360"/>
      <c r="I11593" s="360"/>
      <c r="J11593" s="365"/>
      <c r="K11593" s="365"/>
      <c r="L11593" s="365"/>
    </row>
    <row r="11594" spans="2:12">
      <c r="B11594" s="368"/>
      <c r="C11594" s="368"/>
      <c r="D11594" s="368"/>
      <c r="E11594" s="368"/>
      <c r="F11594" s="368"/>
      <c r="G11594" s="361" t="s">
        <v>14421</v>
      </c>
      <c r="H11594" s="361" t="s">
        <v>14332</v>
      </c>
      <c r="I11594" s="361" t="s">
        <v>14421</v>
      </c>
      <c r="J11594" s="366"/>
      <c r="K11594" s="366"/>
      <c r="L11594" s="366"/>
    </row>
    <row r="11595" spans="2:12" ht="28.5">
      <c r="B11595" s="358" t="s">
        <v>20344</v>
      </c>
      <c r="C11595" s="358" t="s">
        <v>20345</v>
      </c>
      <c r="D11595" s="358" t="s">
        <v>8356</v>
      </c>
      <c r="E11595" s="358" t="s">
        <v>20346</v>
      </c>
      <c r="F11595" s="358" t="s">
        <v>28938</v>
      </c>
      <c r="G11595" s="358" t="s">
        <v>14421</v>
      </c>
      <c r="H11595" s="358" t="s">
        <v>14367</v>
      </c>
      <c r="I11595" s="358" t="s">
        <v>14421</v>
      </c>
      <c r="J11595" s="358"/>
      <c r="K11595" s="358"/>
      <c r="L11595" s="358"/>
    </row>
    <row r="11596" spans="2:12">
      <c r="B11596" s="367"/>
      <c r="C11596" s="367"/>
      <c r="D11596" s="367"/>
      <c r="E11596" s="367"/>
      <c r="F11596" s="367"/>
      <c r="G11596" s="360"/>
      <c r="H11596" s="360"/>
      <c r="I11596" s="360"/>
      <c r="J11596" s="365"/>
      <c r="K11596" s="365"/>
      <c r="L11596" s="365"/>
    </row>
    <row r="11597" spans="2:12">
      <c r="B11597" s="368"/>
      <c r="C11597" s="368"/>
      <c r="D11597" s="368"/>
      <c r="E11597" s="368"/>
      <c r="F11597" s="368"/>
      <c r="G11597" s="361" t="s">
        <v>14429</v>
      </c>
      <c r="H11597" s="361" t="s">
        <v>14422</v>
      </c>
      <c r="I11597" s="361" t="s">
        <v>14429</v>
      </c>
      <c r="J11597" s="366"/>
      <c r="K11597" s="366"/>
      <c r="L11597" s="366"/>
    </row>
    <row r="11598" spans="2:12" ht="28.5">
      <c r="B11598" s="358" t="s">
        <v>20347</v>
      </c>
      <c r="C11598" s="358" t="s">
        <v>29245</v>
      </c>
      <c r="D11598" s="358" t="s">
        <v>8356</v>
      </c>
      <c r="E11598" s="358" t="s">
        <v>20348</v>
      </c>
      <c r="F11598" s="358" t="s">
        <v>14382</v>
      </c>
      <c r="G11598" s="358" t="s">
        <v>14579</v>
      </c>
      <c r="H11598" s="358" t="s">
        <v>14378</v>
      </c>
      <c r="I11598" s="358" t="s">
        <v>14579</v>
      </c>
      <c r="J11598" s="358"/>
      <c r="K11598" s="358"/>
      <c r="L11598" s="358"/>
    </row>
    <row r="11599" spans="2:12">
      <c r="B11599" s="367"/>
      <c r="C11599" s="367"/>
      <c r="D11599" s="367"/>
      <c r="E11599" s="367"/>
      <c r="F11599" s="360"/>
      <c r="G11599" s="360"/>
      <c r="H11599" s="360"/>
      <c r="I11599" s="360"/>
      <c r="J11599" s="365"/>
      <c r="K11599" s="365"/>
      <c r="L11599" s="365"/>
    </row>
    <row r="11600" spans="2:12" ht="28.5">
      <c r="B11600" s="367"/>
      <c r="C11600" s="367"/>
      <c r="D11600" s="367"/>
      <c r="E11600" s="367"/>
      <c r="F11600" s="359" t="s">
        <v>29049</v>
      </c>
      <c r="G11600" s="359" t="s">
        <v>14429</v>
      </c>
      <c r="H11600" s="359" t="s">
        <v>14370</v>
      </c>
      <c r="I11600" s="359" t="s">
        <v>14429</v>
      </c>
      <c r="J11600" s="365"/>
      <c r="K11600" s="365"/>
      <c r="L11600" s="365"/>
    </row>
    <row r="11601" spans="2:12">
      <c r="B11601" s="367"/>
      <c r="C11601" s="367"/>
      <c r="D11601" s="367"/>
      <c r="E11601" s="367"/>
      <c r="F11601" s="360"/>
      <c r="G11601" s="360"/>
      <c r="H11601" s="360"/>
      <c r="I11601" s="360"/>
      <c r="J11601" s="365"/>
      <c r="K11601" s="365"/>
      <c r="L11601" s="365"/>
    </row>
    <row r="11602" spans="2:12" ht="28.5">
      <c r="B11602" s="367"/>
      <c r="C11602" s="367"/>
      <c r="D11602" s="367"/>
      <c r="E11602" s="367"/>
      <c r="F11602" s="359" t="s">
        <v>14374</v>
      </c>
      <c r="G11602" s="359" t="s">
        <v>14372</v>
      </c>
      <c r="H11602" s="359" t="s">
        <v>14332</v>
      </c>
      <c r="I11602" s="359" t="s">
        <v>14373</v>
      </c>
      <c r="J11602" s="365"/>
      <c r="K11602" s="365"/>
      <c r="L11602" s="365"/>
    </row>
    <row r="11603" spans="2:12">
      <c r="B11603" s="367"/>
      <c r="C11603" s="367"/>
      <c r="D11603" s="367"/>
      <c r="E11603" s="367"/>
      <c r="F11603" s="360"/>
      <c r="G11603" s="360"/>
      <c r="H11603" s="360"/>
      <c r="I11603" s="360"/>
      <c r="J11603" s="365"/>
      <c r="K11603" s="365"/>
      <c r="L11603" s="365"/>
    </row>
    <row r="11604" spans="2:12">
      <c r="B11604" s="368"/>
      <c r="C11604" s="368"/>
      <c r="D11604" s="368"/>
      <c r="E11604" s="368"/>
      <c r="F11604" s="362"/>
      <c r="G11604" s="361" t="s">
        <v>14373</v>
      </c>
      <c r="H11604" s="362"/>
      <c r="I11604" s="362"/>
      <c r="J11604" s="366"/>
      <c r="K11604" s="366"/>
      <c r="L11604" s="366"/>
    </row>
    <row r="11605" spans="2:12" ht="28.5">
      <c r="B11605" s="358" t="s">
        <v>20349</v>
      </c>
      <c r="C11605" s="358" t="s">
        <v>20350</v>
      </c>
      <c r="D11605" s="358" t="s">
        <v>20351</v>
      </c>
      <c r="E11605" s="358" t="s">
        <v>20352</v>
      </c>
      <c r="F11605" s="358" t="s">
        <v>28924</v>
      </c>
      <c r="G11605" s="358" t="s">
        <v>14380</v>
      </c>
      <c r="H11605" s="358" t="s">
        <v>14378</v>
      </c>
      <c r="I11605" s="358" t="s">
        <v>14380</v>
      </c>
      <c r="J11605" s="358"/>
      <c r="K11605" s="358"/>
      <c r="L11605" s="358"/>
    </row>
    <row r="11606" spans="2:12">
      <c r="B11606" s="367"/>
      <c r="C11606" s="367"/>
      <c r="D11606" s="367"/>
      <c r="E11606" s="367"/>
      <c r="F11606" s="360"/>
      <c r="G11606" s="360"/>
      <c r="H11606" s="360"/>
      <c r="I11606" s="360"/>
      <c r="J11606" s="365"/>
      <c r="K11606" s="365"/>
      <c r="L11606" s="365"/>
    </row>
    <row r="11607" spans="2:12" ht="28.5">
      <c r="B11607" s="367"/>
      <c r="C11607" s="367"/>
      <c r="D11607" s="367"/>
      <c r="E11607" s="367"/>
      <c r="F11607" s="359" t="s">
        <v>28564</v>
      </c>
      <c r="G11607" s="359" t="s">
        <v>14531</v>
      </c>
      <c r="H11607" s="359" t="s">
        <v>14370</v>
      </c>
      <c r="I11607" s="359" t="s">
        <v>14531</v>
      </c>
      <c r="J11607" s="365"/>
      <c r="K11607" s="365"/>
      <c r="L11607" s="365"/>
    </row>
    <row r="11608" spans="2:12">
      <c r="B11608" s="367"/>
      <c r="C11608" s="367"/>
      <c r="D11608" s="367"/>
      <c r="E11608" s="367"/>
      <c r="F11608" s="360"/>
      <c r="G11608" s="360"/>
      <c r="H11608" s="360"/>
      <c r="I11608" s="360"/>
      <c r="J11608" s="365"/>
      <c r="K11608" s="365"/>
      <c r="L11608" s="365"/>
    </row>
    <row r="11609" spans="2:12">
      <c r="B11609" s="367"/>
      <c r="C11609" s="367"/>
      <c r="D11609" s="367"/>
      <c r="E11609" s="367"/>
      <c r="F11609" s="360"/>
      <c r="G11609" s="359" t="s">
        <v>14405</v>
      </c>
      <c r="H11609" s="359" t="s">
        <v>14332</v>
      </c>
      <c r="I11609" s="359" t="s">
        <v>14405</v>
      </c>
      <c r="J11609" s="365"/>
      <c r="K11609" s="365"/>
      <c r="L11609" s="365"/>
    </row>
    <row r="11610" spans="2:12">
      <c r="B11610" s="367"/>
      <c r="C11610" s="367"/>
      <c r="D11610" s="367"/>
      <c r="E11610" s="367"/>
      <c r="F11610" s="360"/>
      <c r="G11610" s="360"/>
      <c r="H11610" s="360"/>
      <c r="I11610" s="360"/>
      <c r="J11610" s="365"/>
      <c r="K11610" s="365"/>
      <c r="L11610" s="365"/>
    </row>
    <row r="11611" spans="2:12">
      <c r="B11611" s="368"/>
      <c r="C11611" s="368"/>
      <c r="D11611" s="368"/>
      <c r="E11611" s="368"/>
      <c r="F11611" s="362"/>
      <c r="G11611" s="361" t="s">
        <v>14372</v>
      </c>
      <c r="H11611" s="362"/>
      <c r="I11611" s="361" t="s">
        <v>14372</v>
      </c>
      <c r="J11611" s="366"/>
      <c r="K11611" s="366"/>
      <c r="L11611" s="366"/>
    </row>
    <row r="11612" spans="2:12" ht="28.5">
      <c r="B11612" s="358" t="s">
        <v>20353</v>
      </c>
      <c r="C11612" s="358" t="s">
        <v>29246</v>
      </c>
      <c r="D11612" s="358" t="s">
        <v>20354</v>
      </c>
      <c r="E11612" s="358" t="s">
        <v>20355</v>
      </c>
      <c r="F11612" s="358" t="s">
        <v>14420</v>
      </c>
      <c r="G11612" s="358" t="s">
        <v>14421</v>
      </c>
      <c r="H11612" s="358" t="s">
        <v>14367</v>
      </c>
      <c r="I11612" s="358" t="s">
        <v>14421</v>
      </c>
      <c r="J11612" s="358"/>
      <c r="K11612" s="358"/>
      <c r="L11612" s="358"/>
    </row>
    <row r="11613" spans="2:12">
      <c r="B11613" s="367"/>
      <c r="C11613" s="367"/>
      <c r="D11613" s="367"/>
      <c r="E11613" s="367"/>
      <c r="F11613" s="360"/>
      <c r="G11613" s="360"/>
      <c r="H11613" s="360"/>
      <c r="I11613" s="360"/>
      <c r="J11613" s="365"/>
      <c r="K11613" s="365"/>
      <c r="L11613" s="365"/>
    </row>
    <row r="11614" spans="2:12" ht="28.5">
      <c r="B11614" s="367"/>
      <c r="C11614" s="367"/>
      <c r="D11614" s="367"/>
      <c r="E11614" s="367"/>
      <c r="F11614" s="359" t="s">
        <v>29049</v>
      </c>
      <c r="G11614" s="359" t="s">
        <v>14429</v>
      </c>
      <c r="H11614" s="359" t="s">
        <v>14370</v>
      </c>
      <c r="I11614" s="359" t="s">
        <v>14429</v>
      </c>
      <c r="J11614" s="365"/>
      <c r="K11614" s="365"/>
      <c r="L11614" s="365"/>
    </row>
    <row r="11615" spans="2:12">
      <c r="B11615" s="367"/>
      <c r="C11615" s="367"/>
      <c r="D11615" s="367"/>
      <c r="E11615" s="367"/>
      <c r="F11615" s="360"/>
      <c r="G11615" s="360"/>
      <c r="H11615" s="360"/>
      <c r="I11615" s="360"/>
      <c r="J11615" s="365"/>
      <c r="K11615" s="365"/>
      <c r="L11615" s="365"/>
    </row>
    <row r="11616" spans="2:12" ht="28.5">
      <c r="B11616" s="367"/>
      <c r="C11616" s="367"/>
      <c r="D11616" s="367"/>
      <c r="E11616" s="367"/>
      <c r="F11616" s="359" t="s">
        <v>14374</v>
      </c>
      <c r="G11616" s="359" t="s">
        <v>14372</v>
      </c>
      <c r="H11616" s="359" t="s">
        <v>14422</v>
      </c>
      <c r="I11616" s="359" t="s">
        <v>14373</v>
      </c>
      <c r="J11616" s="365"/>
      <c r="K11616" s="365"/>
      <c r="L11616" s="365"/>
    </row>
    <row r="11617" spans="2:12">
      <c r="B11617" s="367"/>
      <c r="C11617" s="367"/>
      <c r="D11617" s="367"/>
      <c r="E11617" s="367"/>
      <c r="F11617" s="360"/>
      <c r="G11617" s="360"/>
      <c r="H11617" s="360"/>
      <c r="I11617" s="360"/>
      <c r="J11617" s="365"/>
      <c r="K11617" s="365"/>
      <c r="L11617" s="365"/>
    </row>
    <row r="11618" spans="2:12">
      <c r="B11618" s="368"/>
      <c r="C11618" s="368"/>
      <c r="D11618" s="368"/>
      <c r="E11618" s="368"/>
      <c r="F11618" s="362"/>
      <c r="G11618" s="361" t="s">
        <v>14373</v>
      </c>
      <c r="H11618" s="362"/>
      <c r="I11618" s="362"/>
      <c r="J11618" s="366"/>
      <c r="K11618" s="366"/>
      <c r="L11618" s="366"/>
    </row>
    <row r="11619" spans="2:12">
      <c r="B11619" s="354" t="s">
        <v>14492</v>
      </c>
      <c r="C11619" s="369"/>
      <c r="D11619" s="369"/>
      <c r="E11619" s="369"/>
      <c r="F11619" s="369"/>
      <c r="G11619" s="369"/>
      <c r="H11619" s="369"/>
      <c r="I11619" s="369"/>
      <c r="J11619" s="369"/>
      <c r="K11619" s="369"/>
      <c r="L11619" s="370"/>
    </row>
    <row r="11620" spans="2:12" ht="28.5">
      <c r="B11620" s="358" t="s">
        <v>13736</v>
      </c>
      <c r="C11620" s="358" t="s">
        <v>20356</v>
      </c>
      <c r="D11620" s="358" t="s">
        <v>13737</v>
      </c>
      <c r="E11620" s="358" t="s">
        <v>13738</v>
      </c>
      <c r="F11620" s="358" t="s">
        <v>14497</v>
      </c>
      <c r="G11620" s="358" t="s">
        <v>17083</v>
      </c>
      <c r="H11620" s="358" t="s">
        <v>14381</v>
      </c>
      <c r="I11620" s="358" t="s">
        <v>17083</v>
      </c>
      <c r="J11620" s="358"/>
      <c r="K11620" s="358" t="s">
        <v>19945</v>
      </c>
      <c r="L11620" s="358"/>
    </row>
    <row r="11621" spans="2:12">
      <c r="B11621" s="367"/>
      <c r="C11621" s="360"/>
      <c r="D11621" s="367"/>
      <c r="E11621" s="367"/>
      <c r="F11621" s="360"/>
      <c r="G11621" s="360"/>
      <c r="H11621" s="360"/>
      <c r="I11621" s="360"/>
      <c r="J11621" s="365"/>
      <c r="K11621" s="360"/>
      <c r="L11621" s="365"/>
    </row>
    <row r="11622" spans="2:12" ht="28.5">
      <c r="B11622" s="367"/>
      <c r="C11622" s="359" t="s">
        <v>13735</v>
      </c>
      <c r="D11622" s="367"/>
      <c r="E11622" s="367"/>
      <c r="F11622" s="359" t="s">
        <v>14530</v>
      </c>
      <c r="G11622" s="359" t="s">
        <v>14380</v>
      </c>
      <c r="H11622" s="359" t="s">
        <v>14378</v>
      </c>
      <c r="I11622" s="359" t="s">
        <v>14380</v>
      </c>
      <c r="J11622" s="365"/>
      <c r="K11622" s="359" t="s">
        <v>29114</v>
      </c>
      <c r="L11622" s="365"/>
    </row>
    <row r="11623" spans="2:12">
      <c r="B11623" s="367"/>
      <c r="C11623" s="360"/>
      <c r="D11623" s="367"/>
      <c r="E11623" s="367"/>
      <c r="F11623" s="360"/>
      <c r="G11623" s="360"/>
      <c r="H11623" s="360"/>
      <c r="I11623" s="360"/>
      <c r="J11623" s="365"/>
      <c r="K11623" s="360"/>
      <c r="L11623" s="365"/>
    </row>
    <row r="11624" spans="2:12" ht="85.5">
      <c r="B11624" s="367"/>
      <c r="C11624" s="360"/>
      <c r="D11624" s="367"/>
      <c r="E11624" s="367"/>
      <c r="F11624" s="359" t="s">
        <v>14530</v>
      </c>
      <c r="G11624" s="359" t="s">
        <v>14531</v>
      </c>
      <c r="H11624" s="359" t="s">
        <v>14370</v>
      </c>
      <c r="I11624" s="359" t="s">
        <v>14531</v>
      </c>
      <c r="J11624" s="365"/>
      <c r="K11624" s="359" t="s">
        <v>29239</v>
      </c>
      <c r="L11624" s="365"/>
    </row>
    <row r="11625" spans="2:12">
      <c r="B11625" s="367"/>
      <c r="C11625" s="360"/>
      <c r="D11625" s="367"/>
      <c r="E11625" s="367"/>
      <c r="F11625" s="360"/>
      <c r="G11625" s="360"/>
      <c r="H11625" s="360"/>
      <c r="I11625" s="360"/>
      <c r="J11625" s="365"/>
      <c r="K11625" s="360"/>
      <c r="L11625" s="365"/>
    </row>
    <row r="11626" spans="2:12" ht="28.5">
      <c r="B11626" s="367"/>
      <c r="C11626" s="360"/>
      <c r="D11626" s="367"/>
      <c r="E11626" s="367"/>
      <c r="F11626" s="359" t="s">
        <v>14530</v>
      </c>
      <c r="G11626" s="359" t="s">
        <v>14405</v>
      </c>
      <c r="H11626" s="359" t="s">
        <v>14332</v>
      </c>
      <c r="I11626" s="359" t="s">
        <v>14405</v>
      </c>
      <c r="J11626" s="365"/>
      <c r="K11626" s="359" t="s">
        <v>29240</v>
      </c>
      <c r="L11626" s="365"/>
    </row>
    <row r="11627" spans="2:12">
      <c r="B11627" s="367"/>
      <c r="C11627" s="360"/>
      <c r="D11627" s="367"/>
      <c r="E11627" s="367"/>
      <c r="F11627" s="360"/>
      <c r="G11627" s="360"/>
      <c r="H11627" s="360"/>
      <c r="I11627" s="360"/>
      <c r="J11627" s="365"/>
      <c r="K11627" s="360"/>
      <c r="L11627" s="365"/>
    </row>
    <row r="11628" spans="2:12" ht="28.5">
      <c r="B11628" s="367"/>
      <c r="C11628" s="360"/>
      <c r="D11628" s="367"/>
      <c r="E11628" s="367"/>
      <c r="F11628" s="359" t="s">
        <v>14384</v>
      </c>
      <c r="G11628" s="359" t="s">
        <v>19331</v>
      </c>
      <c r="H11628" s="360"/>
      <c r="I11628" s="359" t="s">
        <v>19331</v>
      </c>
      <c r="J11628" s="365"/>
      <c r="K11628" s="359" t="s">
        <v>14655</v>
      </c>
      <c r="L11628" s="365"/>
    </row>
    <row r="11629" spans="2:12">
      <c r="B11629" s="367"/>
      <c r="C11629" s="360"/>
      <c r="D11629" s="367"/>
      <c r="E11629" s="367"/>
      <c r="F11629" s="360"/>
      <c r="G11629" s="360"/>
      <c r="H11629" s="360"/>
      <c r="I11629" s="360"/>
      <c r="J11629" s="365"/>
      <c r="K11629" s="360"/>
      <c r="L11629" s="365"/>
    </row>
    <row r="11630" spans="2:12">
      <c r="B11630" s="367"/>
      <c r="C11630" s="360"/>
      <c r="D11630" s="367"/>
      <c r="E11630" s="367"/>
      <c r="F11630" s="359" t="s">
        <v>14371</v>
      </c>
      <c r="G11630" s="359" t="s">
        <v>14372</v>
      </c>
      <c r="H11630" s="360"/>
      <c r="I11630" s="359" t="s">
        <v>14373</v>
      </c>
      <c r="J11630" s="365"/>
      <c r="K11630" s="359" t="s">
        <v>14655</v>
      </c>
      <c r="L11630" s="365"/>
    </row>
    <row r="11631" spans="2:12">
      <c r="B11631" s="367"/>
      <c r="C11631" s="360"/>
      <c r="D11631" s="367"/>
      <c r="E11631" s="367"/>
      <c r="F11631" s="360"/>
      <c r="G11631" s="360"/>
      <c r="H11631" s="360"/>
      <c r="I11631" s="360"/>
      <c r="J11631" s="365"/>
      <c r="K11631" s="360"/>
      <c r="L11631" s="365"/>
    </row>
    <row r="11632" spans="2:12" ht="28.5">
      <c r="B11632" s="368"/>
      <c r="C11632" s="362"/>
      <c r="D11632" s="368"/>
      <c r="E11632" s="368"/>
      <c r="F11632" s="361" t="s">
        <v>14374</v>
      </c>
      <c r="G11632" s="361" t="s">
        <v>14373</v>
      </c>
      <c r="H11632" s="362"/>
      <c r="I11632" s="362"/>
      <c r="J11632" s="366"/>
      <c r="K11632" s="362"/>
      <c r="L11632" s="366"/>
    </row>
    <row r="11633" spans="2:12">
      <c r="B11633" s="354" t="s">
        <v>28528</v>
      </c>
      <c r="C11633" s="369"/>
      <c r="D11633" s="369"/>
      <c r="E11633" s="369"/>
      <c r="F11633" s="369"/>
      <c r="G11633" s="369"/>
      <c r="H11633" s="369"/>
      <c r="I11633" s="369"/>
      <c r="J11633" s="369"/>
      <c r="K11633" s="369"/>
      <c r="L11633" s="370"/>
    </row>
    <row r="11634" spans="2:12" ht="28.5">
      <c r="B11634" s="358" t="s">
        <v>20357</v>
      </c>
      <c r="C11634" s="358" t="s">
        <v>20358</v>
      </c>
      <c r="D11634" s="358" t="s">
        <v>20359</v>
      </c>
      <c r="E11634" s="358" t="s">
        <v>8356</v>
      </c>
      <c r="F11634" s="358" t="s">
        <v>14391</v>
      </c>
      <c r="G11634" s="358" t="s">
        <v>14392</v>
      </c>
      <c r="H11634" s="358" t="s">
        <v>14367</v>
      </c>
      <c r="I11634" s="358" t="s">
        <v>14392</v>
      </c>
      <c r="J11634" s="358"/>
      <c r="K11634" s="358"/>
      <c r="L11634" s="358"/>
    </row>
    <row r="11635" spans="2:12">
      <c r="B11635" s="367"/>
      <c r="C11635" s="367"/>
      <c r="D11635" s="367"/>
      <c r="E11635" s="367"/>
      <c r="F11635" s="360"/>
      <c r="G11635" s="360"/>
      <c r="H11635" s="360"/>
      <c r="I11635" s="360"/>
      <c r="J11635" s="365"/>
      <c r="K11635" s="365"/>
      <c r="L11635" s="365"/>
    </row>
    <row r="11636" spans="2:12" ht="28.5">
      <c r="B11636" s="368"/>
      <c r="C11636" s="368"/>
      <c r="D11636" s="368"/>
      <c r="E11636" s="368"/>
      <c r="F11636" s="361" t="s">
        <v>14472</v>
      </c>
      <c r="G11636" s="361" t="s">
        <v>14473</v>
      </c>
      <c r="H11636" s="361" t="s">
        <v>14422</v>
      </c>
      <c r="I11636" s="361" t="s">
        <v>14473</v>
      </c>
      <c r="J11636" s="366"/>
      <c r="K11636" s="366"/>
      <c r="L11636" s="366"/>
    </row>
    <row r="11637" spans="2:12" ht="71.25">
      <c r="B11637" s="358" t="s">
        <v>20360</v>
      </c>
      <c r="C11637" s="358" t="s">
        <v>20361</v>
      </c>
      <c r="D11637" s="358" t="s">
        <v>20362</v>
      </c>
      <c r="E11637" s="358" t="s">
        <v>8356</v>
      </c>
      <c r="F11637" s="358" t="s">
        <v>14389</v>
      </c>
      <c r="G11637" s="358" t="s">
        <v>14390</v>
      </c>
      <c r="H11637" s="358" t="s">
        <v>14367</v>
      </c>
      <c r="I11637" s="358" t="s">
        <v>14390</v>
      </c>
      <c r="J11637" s="358"/>
      <c r="K11637" s="358"/>
      <c r="L11637" s="358"/>
    </row>
    <row r="11638" spans="2:12">
      <c r="B11638" s="367"/>
      <c r="C11638" s="367"/>
      <c r="D11638" s="367"/>
      <c r="E11638" s="367"/>
      <c r="F11638" s="360"/>
      <c r="G11638" s="360"/>
      <c r="H11638" s="360"/>
      <c r="I11638" s="360"/>
      <c r="J11638" s="365"/>
      <c r="K11638" s="365"/>
      <c r="L11638" s="365"/>
    </row>
    <row r="11639" spans="2:12" ht="28.5">
      <c r="B11639" s="367"/>
      <c r="C11639" s="367"/>
      <c r="D11639" s="367"/>
      <c r="E11639" s="367"/>
      <c r="F11639" s="359" t="s">
        <v>14394</v>
      </c>
      <c r="G11639" s="359" t="s">
        <v>14395</v>
      </c>
      <c r="H11639" s="359" t="s">
        <v>14370</v>
      </c>
      <c r="I11639" s="359" t="s">
        <v>14395</v>
      </c>
      <c r="J11639" s="365"/>
      <c r="K11639" s="365"/>
      <c r="L11639" s="365"/>
    </row>
    <row r="11640" spans="2:12">
      <c r="B11640" s="367"/>
      <c r="C11640" s="367"/>
      <c r="D11640" s="367"/>
      <c r="E11640" s="367"/>
      <c r="F11640" s="360"/>
      <c r="G11640" s="360"/>
      <c r="H11640" s="360"/>
      <c r="I11640" s="360"/>
      <c r="J11640" s="365"/>
      <c r="K11640" s="365"/>
      <c r="L11640" s="365"/>
    </row>
    <row r="11641" spans="2:12">
      <c r="B11641" s="368"/>
      <c r="C11641" s="368"/>
      <c r="D11641" s="368"/>
      <c r="E11641" s="368"/>
      <c r="F11641" s="362"/>
      <c r="G11641" s="362"/>
      <c r="H11641" s="361" t="s">
        <v>14422</v>
      </c>
      <c r="I11641" s="362"/>
      <c r="J11641" s="366"/>
      <c r="K11641" s="366"/>
      <c r="L11641" s="366"/>
    </row>
    <row r="11642" spans="2:12">
      <c r="B11642" s="358" t="s">
        <v>20363</v>
      </c>
      <c r="C11642" s="358" t="s">
        <v>20364</v>
      </c>
      <c r="D11642" s="358" t="s">
        <v>20365</v>
      </c>
      <c r="E11642" s="358" t="s">
        <v>20366</v>
      </c>
      <c r="F11642" s="358" t="s">
        <v>14391</v>
      </c>
      <c r="G11642" s="358" t="s">
        <v>14392</v>
      </c>
      <c r="H11642" s="358" t="s">
        <v>14367</v>
      </c>
      <c r="I11642" s="358" t="s">
        <v>14392</v>
      </c>
      <c r="J11642" s="358"/>
      <c r="K11642" s="358"/>
      <c r="L11642" s="358"/>
    </row>
    <row r="11643" spans="2:12">
      <c r="B11643" s="367"/>
      <c r="C11643" s="367"/>
      <c r="D11643" s="367"/>
      <c r="E11643" s="367"/>
      <c r="F11643" s="360"/>
      <c r="G11643" s="360"/>
      <c r="H11643" s="360"/>
      <c r="I11643" s="360"/>
      <c r="J11643" s="365"/>
      <c r="K11643" s="365"/>
      <c r="L11643" s="365"/>
    </row>
    <row r="11644" spans="2:12" ht="28.5">
      <c r="B11644" s="367"/>
      <c r="C11644" s="367"/>
      <c r="D11644" s="367"/>
      <c r="E11644" s="367"/>
      <c r="F11644" s="359" t="s">
        <v>14394</v>
      </c>
      <c r="G11644" s="359" t="s">
        <v>14395</v>
      </c>
      <c r="H11644" s="359" t="s">
        <v>14370</v>
      </c>
      <c r="I11644" s="359" t="s">
        <v>14395</v>
      </c>
      <c r="J11644" s="365"/>
      <c r="K11644" s="365"/>
      <c r="L11644" s="365"/>
    </row>
    <row r="11645" spans="2:12">
      <c r="B11645" s="367"/>
      <c r="C11645" s="367"/>
      <c r="D11645" s="367"/>
      <c r="E11645" s="367"/>
      <c r="F11645" s="360"/>
      <c r="G11645" s="360"/>
      <c r="H11645" s="360"/>
      <c r="I11645" s="360"/>
      <c r="J11645" s="365"/>
      <c r="K11645" s="365"/>
      <c r="L11645" s="365"/>
    </row>
    <row r="11646" spans="2:12">
      <c r="B11646" s="368"/>
      <c r="C11646" s="368"/>
      <c r="D11646" s="368"/>
      <c r="E11646" s="368"/>
      <c r="F11646" s="362"/>
      <c r="G11646" s="362"/>
      <c r="H11646" s="361" t="s">
        <v>14422</v>
      </c>
      <c r="I11646" s="362"/>
      <c r="J11646" s="366"/>
      <c r="K11646" s="366"/>
      <c r="L11646" s="366"/>
    </row>
    <row r="11647" spans="2:12" ht="99.75">
      <c r="B11647" s="358" t="s">
        <v>20367</v>
      </c>
      <c r="C11647" s="358" t="s">
        <v>27632</v>
      </c>
      <c r="D11647" s="358" t="s">
        <v>20368</v>
      </c>
      <c r="E11647" s="358" t="s">
        <v>8356</v>
      </c>
      <c r="F11647" s="358" t="s">
        <v>14391</v>
      </c>
      <c r="G11647" s="358" t="s">
        <v>14392</v>
      </c>
      <c r="H11647" s="358" t="s">
        <v>14367</v>
      </c>
      <c r="I11647" s="358" t="s">
        <v>14392</v>
      </c>
      <c r="J11647" s="358"/>
      <c r="K11647" s="358"/>
      <c r="L11647" s="358"/>
    </row>
    <row r="11648" spans="2:12">
      <c r="B11648" s="367"/>
      <c r="C11648" s="367"/>
      <c r="D11648" s="367"/>
      <c r="E11648" s="367"/>
      <c r="F11648" s="360"/>
      <c r="G11648" s="360"/>
      <c r="H11648" s="360"/>
      <c r="I11648" s="360"/>
      <c r="J11648" s="365"/>
      <c r="K11648" s="365"/>
      <c r="L11648" s="365"/>
    </row>
    <row r="11649" spans="2:12" ht="28.5">
      <c r="B11649" s="367"/>
      <c r="C11649" s="367"/>
      <c r="D11649" s="367"/>
      <c r="E11649" s="367"/>
      <c r="F11649" s="359" t="s">
        <v>14394</v>
      </c>
      <c r="G11649" s="359" t="s">
        <v>14395</v>
      </c>
      <c r="H11649" s="359" t="s">
        <v>14370</v>
      </c>
      <c r="I11649" s="359" t="s">
        <v>14395</v>
      </c>
      <c r="J11649" s="365"/>
      <c r="K11649" s="365"/>
      <c r="L11649" s="365"/>
    </row>
    <row r="11650" spans="2:12">
      <c r="B11650" s="367"/>
      <c r="C11650" s="367"/>
      <c r="D11650" s="367"/>
      <c r="E11650" s="367"/>
      <c r="F11650" s="360"/>
      <c r="G11650" s="360"/>
      <c r="H11650" s="360"/>
      <c r="I11650" s="360"/>
      <c r="J11650" s="365"/>
      <c r="K11650" s="365"/>
      <c r="L11650" s="365"/>
    </row>
    <row r="11651" spans="2:12">
      <c r="B11651" s="368"/>
      <c r="C11651" s="368"/>
      <c r="D11651" s="368"/>
      <c r="E11651" s="368"/>
      <c r="F11651" s="362"/>
      <c r="G11651" s="362"/>
      <c r="H11651" s="361" t="s">
        <v>14422</v>
      </c>
      <c r="I11651" s="362"/>
      <c r="J11651" s="366"/>
      <c r="K11651" s="366"/>
      <c r="L11651" s="366"/>
    </row>
    <row r="11652" spans="2:12" ht="57">
      <c r="B11652" s="358" t="s">
        <v>20369</v>
      </c>
      <c r="C11652" s="358" t="s">
        <v>29247</v>
      </c>
      <c r="D11652" s="358" t="s">
        <v>20370</v>
      </c>
      <c r="E11652" s="358" t="s">
        <v>20371</v>
      </c>
      <c r="F11652" s="358" t="s">
        <v>14391</v>
      </c>
      <c r="G11652" s="358" t="s">
        <v>14392</v>
      </c>
      <c r="H11652" s="358" t="s">
        <v>14367</v>
      </c>
      <c r="I11652" s="358" t="s">
        <v>14392</v>
      </c>
      <c r="J11652" s="358"/>
      <c r="K11652" s="358" t="s">
        <v>14557</v>
      </c>
      <c r="L11652" s="358"/>
    </row>
    <row r="11653" spans="2:12">
      <c r="B11653" s="367"/>
      <c r="C11653" s="367"/>
      <c r="D11653" s="367"/>
      <c r="E11653" s="367"/>
      <c r="F11653" s="360"/>
      <c r="G11653" s="360"/>
      <c r="H11653" s="360"/>
      <c r="I11653" s="360"/>
      <c r="J11653" s="365"/>
      <c r="K11653" s="367"/>
      <c r="L11653" s="365"/>
    </row>
    <row r="11654" spans="2:12">
      <c r="B11654" s="367"/>
      <c r="C11654" s="367"/>
      <c r="D11654" s="367"/>
      <c r="E11654" s="367"/>
      <c r="F11654" s="359" t="s">
        <v>14371</v>
      </c>
      <c r="G11654" s="359" t="s">
        <v>14372</v>
      </c>
      <c r="H11654" s="359" t="s">
        <v>14370</v>
      </c>
      <c r="I11654" s="359" t="s">
        <v>14373</v>
      </c>
      <c r="J11654" s="365"/>
      <c r="K11654" s="367"/>
      <c r="L11654" s="365"/>
    </row>
    <row r="11655" spans="2:12">
      <c r="B11655" s="367"/>
      <c r="C11655" s="367"/>
      <c r="D11655" s="367"/>
      <c r="E11655" s="367"/>
      <c r="F11655" s="360"/>
      <c r="G11655" s="360"/>
      <c r="H11655" s="360"/>
      <c r="I11655" s="360"/>
      <c r="J11655" s="365"/>
      <c r="K11655" s="367"/>
      <c r="L11655" s="365"/>
    </row>
    <row r="11656" spans="2:12" ht="28.5">
      <c r="B11656" s="368"/>
      <c r="C11656" s="368"/>
      <c r="D11656" s="368"/>
      <c r="E11656" s="368"/>
      <c r="F11656" s="361" t="s">
        <v>14374</v>
      </c>
      <c r="G11656" s="361" t="s">
        <v>14373</v>
      </c>
      <c r="H11656" s="361" t="s">
        <v>14422</v>
      </c>
      <c r="I11656" s="362"/>
      <c r="J11656" s="366"/>
      <c r="K11656" s="368"/>
      <c r="L11656" s="366"/>
    </row>
    <row r="11657" spans="2:12" ht="28.5">
      <c r="B11657" s="358" t="s">
        <v>20372</v>
      </c>
      <c r="C11657" s="358" t="s">
        <v>27633</v>
      </c>
      <c r="D11657" s="358" t="s">
        <v>20373</v>
      </c>
      <c r="E11657" s="358" t="s">
        <v>20374</v>
      </c>
      <c r="F11657" s="358" t="s">
        <v>14391</v>
      </c>
      <c r="G11657" s="358" t="s">
        <v>14392</v>
      </c>
      <c r="H11657" s="358" t="s">
        <v>14367</v>
      </c>
      <c r="I11657" s="358" t="s">
        <v>14392</v>
      </c>
      <c r="J11657" s="358"/>
      <c r="K11657" s="358"/>
      <c r="L11657" s="358"/>
    </row>
    <row r="11658" spans="2:12">
      <c r="B11658" s="367"/>
      <c r="C11658" s="367"/>
      <c r="D11658" s="367"/>
      <c r="E11658" s="367"/>
      <c r="F11658" s="360"/>
      <c r="G11658" s="360"/>
      <c r="H11658" s="360"/>
      <c r="I11658" s="360"/>
      <c r="J11658" s="365"/>
      <c r="K11658" s="365"/>
      <c r="L11658" s="365"/>
    </row>
    <row r="11659" spans="2:12" ht="28.5">
      <c r="B11659" s="367"/>
      <c r="C11659" s="367"/>
      <c r="D11659" s="367"/>
      <c r="E11659" s="367"/>
      <c r="F11659" s="359" t="s">
        <v>14394</v>
      </c>
      <c r="G11659" s="359" t="s">
        <v>14395</v>
      </c>
      <c r="H11659" s="359" t="s">
        <v>14370</v>
      </c>
      <c r="I11659" s="359" t="s">
        <v>14395</v>
      </c>
      <c r="J11659" s="365"/>
      <c r="K11659" s="365"/>
      <c r="L11659" s="365"/>
    </row>
    <row r="11660" spans="2:12">
      <c r="B11660" s="367"/>
      <c r="C11660" s="367"/>
      <c r="D11660" s="367"/>
      <c r="E11660" s="367"/>
      <c r="F11660" s="360"/>
      <c r="G11660" s="360"/>
      <c r="H11660" s="360"/>
      <c r="I11660" s="360"/>
      <c r="J11660" s="365"/>
      <c r="K11660" s="365"/>
      <c r="L11660" s="365"/>
    </row>
    <row r="11661" spans="2:12">
      <c r="B11661" s="368"/>
      <c r="C11661" s="368"/>
      <c r="D11661" s="368"/>
      <c r="E11661" s="368"/>
      <c r="F11661" s="362"/>
      <c r="G11661" s="362"/>
      <c r="H11661" s="361" t="s">
        <v>14422</v>
      </c>
      <c r="I11661" s="362"/>
      <c r="J11661" s="366"/>
      <c r="K11661" s="366"/>
      <c r="L11661" s="366"/>
    </row>
    <row r="11662" spans="2:12">
      <c r="B11662" s="358" t="s">
        <v>20375</v>
      </c>
      <c r="C11662" s="358" t="s">
        <v>20376</v>
      </c>
      <c r="D11662" s="358" t="s">
        <v>20377</v>
      </c>
      <c r="E11662" s="358" t="s">
        <v>20378</v>
      </c>
      <c r="F11662" s="358" t="s">
        <v>14391</v>
      </c>
      <c r="G11662" s="358" t="s">
        <v>14392</v>
      </c>
      <c r="H11662" s="358" t="s">
        <v>14367</v>
      </c>
      <c r="I11662" s="358" t="s">
        <v>14392</v>
      </c>
      <c r="J11662" s="358"/>
      <c r="K11662" s="358"/>
      <c r="L11662" s="358"/>
    </row>
    <row r="11663" spans="2:12">
      <c r="B11663" s="367"/>
      <c r="C11663" s="367"/>
      <c r="D11663" s="367"/>
      <c r="E11663" s="367"/>
      <c r="F11663" s="367"/>
      <c r="G11663" s="367"/>
      <c r="H11663" s="360"/>
      <c r="I11663" s="367"/>
      <c r="J11663" s="365"/>
      <c r="K11663" s="365"/>
      <c r="L11663" s="365"/>
    </row>
    <row r="11664" spans="2:12">
      <c r="B11664" s="368"/>
      <c r="C11664" s="368"/>
      <c r="D11664" s="368"/>
      <c r="E11664" s="368"/>
      <c r="F11664" s="368"/>
      <c r="G11664" s="368"/>
      <c r="H11664" s="361" t="s">
        <v>14422</v>
      </c>
      <c r="I11664" s="368"/>
      <c r="J11664" s="366"/>
      <c r="K11664" s="366"/>
      <c r="L11664" s="366"/>
    </row>
    <row r="11665" spans="2:12">
      <c r="B11665" s="358" t="s">
        <v>20379</v>
      </c>
      <c r="C11665" s="358" t="s">
        <v>20380</v>
      </c>
      <c r="D11665" s="358" t="s">
        <v>20381</v>
      </c>
      <c r="E11665" s="358" t="s">
        <v>20382</v>
      </c>
      <c r="F11665" s="358" t="s">
        <v>14420</v>
      </c>
      <c r="G11665" s="358" t="s">
        <v>14429</v>
      </c>
      <c r="H11665" s="358" t="s">
        <v>14367</v>
      </c>
      <c r="I11665" s="358" t="s">
        <v>14429</v>
      </c>
      <c r="J11665" s="358"/>
      <c r="K11665" s="358"/>
      <c r="L11665" s="358"/>
    </row>
    <row r="11666" spans="2:12">
      <c r="B11666" s="367"/>
      <c r="C11666" s="367"/>
      <c r="D11666" s="367"/>
      <c r="E11666" s="367"/>
      <c r="F11666" s="360"/>
      <c r="G11666" s="360"/>
      <c r="H11666" s="360"/>
      <c r="I11666" s="360"/>
      <c r="J11666" s="365"/>
      <c r="K11666" s="365"/>
      <c r="L11666" s="365"/>
    </row>
    <row r="11667" spans="2:12">
      <c r="B11667" s="367"/>
      <c r="C11667" s="367"/>
      <c r="D11667" s="367"/>
      <c r="E11667" s="367"/>
      <c r="F11667" s="359" t="s">
        <v>14386</v>
      </c>
      <c r="G11667" s="359" t="s">
        <v>14387</v>
      </c>
      <c r="H11667" s="359" t="s">
        <v>14422</v>
      </c>
      <c r="I11667" s="359" t="s">
        <v>14387</v>
      </c>
      <c r="J11667" s="365"/>
      <c r="K11667" s="365"/>
      <c r="L11667" s="365"/>
    </row>
    <row r="11668" spans="2:12">
      <c r="B11668" s="367"/>
      <c r="C11668" s="367"/>
      <c r="D11668" s="367"/>
      <c r="E11668" s="367"/>
      <c r="F11668" s="360"/>
      <c r="G11668" s="360"/>
      <c r="H11668" s="360"/>
      <c r="I11668" s="360"/>
      <c r="J11668" s="365"/>
      <c r="K11668" s="365"/>
      <c r="L11668" s="365"/>
    </row>
    <row r="11669" spans="2:12">
      <c r="B11669" s="367"/>
      <c r="C11669" s="367"/>
      <c r="D11669" s="367"/>
      <c r="E11669" s="367"/>
      <c r="F11669" s="359" t="s">
        <v>14368</v>
      </c>
      <c r="G11669" s="359" t="s">
        <v>14388</v>
      </c>
      <c r="H11669" s="360"/>
      <c r="I11669" s="359" t="s">
        <v>14388</v>
      </c>
      <c r="J11669" s="365"/>
      <c r="K11669" s="365"/>
      <c r="L11669" s="365"/>
    </row>
    <row r="11670" spans="2:12">
      <c r="B11670" s="367"/>
      <c r="C11670" s="367"/>
      <c r="D11670" s="367"/>
      <c r="E11670" s="367"/>
      <c r="F11670" s="360"/>
      <c r="G11670" s="360"/>
      <c r="H11670" s="360"/>
      <c r="I11670" s="360"/>
      <c r="J11670" s="365"/>
      <c r="K11670" s="365"/>
      <c r="L11670" s="365"/>
    </row>
    <row r="11671" spans="2:12" ht="28.5">
      <c r="B11671" s="368"/>
      <c r="C11671" s="368"/>
      <c r="D11671" s="368"/>
      <c r="E11671" s="368"/>
      <c r="F11671" s="361" t="s">
        <v>14472</v>
      </c>
      <c r="G11671" s="361" t="s">
        <v>14473</v>
      </c>
      <c r="H11671" s="362"/>
      <c r="I11671" s="361" t="s">
        <v>14473</v>
      </c>
      <c r="J11671" s="366"/>
      <c r="K11671" s="366"/>
      <c r="L11671" s="366"/>
    </row>
    <row r="11672" spans="2:12">
      <c r="B11672" s="358" t="s">
        <v>20383</v>
      </c>
      <c r="C11672" s="358" t="s">
        <v>20384</v>
      </c>
      <c r="D11672" s="358" t="s">
        <v>20385</v>
      </c>
      <c r="E11672" s="358" t="s">
        <v>20386</v>
      </c>
      <c r="F11672" s="358" t="s">
        <v>14382</v>
      </c>
      <c r="G11672" s="358" t="s">
        <v>14483</v>
      </c>
      <c r="H11672" s="358" t="s">
        <v>14378</v>
      </c>
      <c r="I11672" s="358" t="s">
        <v>14483</v>
      </c>
      <c r="J11672" s="358" t="s">
        <v>15176</v>
      </c>
      <c r="K11672" s="358"/>
      <c r="L11672" s="358"/>
    </row>
    <row r="11673" spans="2:12">
      <c r="B11673" s="367"/>
      <c r="C11673" s="367"/>
      <c r="D11673" s="367"/>
      <c r="E11673" s="367"/>
      <c r="F11673" s="360"/>
      <c r="G11673" s="360"/>
      <c r="H11673" s="360"/>
      <c r="I11673" s="360"/>
      <c r="J11673" s="367"/>
      <c r="K11673" s="365"/>
      <c r="L11673" s="365"/>
    </row>
    <row r="11674" spans="2:12">
      <c r="B11674" s="367"/>
      <c r="C11674" s="367"/>
      <c r="D11674" s="367"/>
      <c r="E11674" s="367"/>
      <c r="F11674" s="359" t="s">
        <v>14356</v>
      </c>
      <c r="G11674" s="359" t="s">
        <v>14340</v>
      </c>
      <c r="H11674" s="359" t="s">
        <v>14341</v>
      </c>
      <c r="I11674" s="359" t="s">
        <v>14340</v>
      </c>
      <c r="J11674" s="367"/>
      <c r="K11674" s="365"/>
      <c r="L11674" s="365"/>
    </row>
    <row r="11675" spans="2:12">
      <c r="B11675" s="367"/>
      <c r="C11675" s="367"/>
      <c r="D11675" s="367"/>
      <c r="E11675" s="367"/>
      <c r="F11675" s="360"/>
      <c r="G11675" s="360"/>
      <c r="H11675" s="360"/>
      <c r="I11675" s="360"/>
      <c r="J11675" s="367"/>
      <c r="K11675" s="365"/>
      <c r="L11675" s="365"/>
    </row>
    <row r="11676" spans="2:12">
      <c r="B11676" s="367"/>
      <c r="C11676" s="367"/>
      <c r="D11676" s="367"/>
      <c r="E11676" s="367"/>
      <c r="F11676" s="359" t="s">
        <v>14420</v>
      </c>
      <c r="G11676" s="359" t="s">
        <v>14429</v>
      </c>
      <c r="H11676" s="359" t="s">
        <v>14332</v>
      </c>
      <c r="I11676" s="359" t="s">
        <v>14429</v>
      </c>
      <c r="J11676" s="367"/>
      <c r="K11676" s="365"/>
      <c r="L11676" s="365"/>
    </row>
    <row r="11677" spans="2:12">
      <c r="B11677" s="367"/>
      <c r="C11677" s="367"/>
      <c r="D11677" s="367"/>
      <c r="E11677" s="367"/>
      <c r="F11677" s="360"/>
      <c r="G11677" s="360"/>
      <c r="H11677" s="360"/>
      <c r="I11677" s="360"/>
      <c r="J11677" s="367"/>
      <c r="K11677" s="365"/>
      <c r="L11677" s="365"/>
    </row>
    <row r="11678" spans="2:12">
      <c r="B11678" s="367"/>
      <c r="C11678" s="367"/>
      <c r="D11678" s="367"/>
      <c r="E11678" s="367"/>
      <c r="F11678" s="359" t="s">
        <v>14391</v>
      </c>
      <c r="G11678" s="359" t="s">
        <v>14392</v>
      </c>
      <c r="H11678" s="360"/>
      <c r="I11678" s="359" t="s">
        <v>14392</v>
      </c>
      <c r="J11678" s="367"/>
      <c r="K11678" s="365"/>
      <c r="L11678" s="365"/>
    </row>
    <row r="11679" spans="2:12">
      <c r="B11679" s="367"/>
      <c r="C11679" s="367"/>
      <c r="D11679" s="367"/>
      <c r="E11679" s="367"/>
      <c r="F11679" s="360"/>
      <c r="G11679" s="360"/>
      <c r="H11679" s="360"/>
      <c r="I11679" s="360"/>
      <c r="J11679" s="367"/>
      <c r="K11679" s="365"/>
      <c r="L11679" s="365"/>
    </row>
    <row r="11680" spans="2:12" ht="28.5">
      <c r="B11680" s="368"/>
      <c r="C11680" s="368"/>
      <c r="D11680" s="368"/>
      <c r="E11680" s="368"/>
      <c r="F11680" s="361" t="s">
        <v>14472</v>
      </c>
      <c r="G11680" s="361" t="s">
        <v>14473</v>
      </c>
      <c r="H11680" s="362"/>
      <c r="I11680" s="361" t="s">
        <v>14473</v>
      </c>
      <c r="J11680" s="368"/>
      <c r="K11680" s="366"/>
      <c r="L11680" s="366"/>
    </row>
    <row r="11681" spans="2:12">
      <c r="B11681" s="358" t="s">
        <v>20387</v>
      </c>
      <c r="C11681" s="358" t="s">
        <v>20388</v>
      </c>
      <c r="D11681" s="358" t="s">
        <v>20389</v>
      </c>
      <c r="E11681" s="358" t="s">
        <v>8356</v>
      </c>
      <c r="F11681" s="358" t="s">
        <v>14391</v>
      </c>
      <c r="G11681" s="358" t="s">
        <v>14392</v>
      </c>
      <c r="H11681" s="358" t="s">
        <v>14367</v>
      </c>
      <c r="I11681" s="358" t="s">
        <v>14392</v>
      </c>
      <c r="J11681" s="358"/>
      <c r="K11681" s="358"/>
      <c r="L11681" s="358"/>
    </row>
    <row r="11682" spans="2:12">
      <c r="B11682" s="367"/>
      <c r="C11682" s="367"/>
      <c r="D11682" s="367"/>
      <c r="E11682" s="367"/>
      <c r="F11682" s="367"/>
      <c r="G11682" s="367"/>
      <c r="H11682" s="360"/>
      <c r="I11682" s="367"/>
      <c r="J11682" s="365"/>
      <c r="K11682" s="365"/>
      <c r="L11682" s="365"/>
    </row>
    <row r="11683" spans="2:12">
      <c r="B11683" s="368"/>
      <c r="C11683" s="368"/>
      <c r="D11683" s="368"/>
      <c r="E11683" s="368"/>
      <c r="F11683" s="368"/>
      <c r="G11683" s="368"/>
      <c r="H11683" s="361" t="s">
        <v>14422</v>
      </c>
      <c r="I11683" s="368"/>
      <c r="J11683" s="366"/>
      <c r="K11683" s="366"/>
      <c r="L11683" s="366"/>
    </row>
    <row r="11684" spans="2:12">
      <c r="B11684" s="358" t="s">
        <v>20390</v>
      </c>
      <c r="C11684" s="358" t="s">
        <v>30204</v>
      </c>
      <c r="D11684" s="358" t="s">
        <v>20391</v>
      </c>
      <c r="E11684" s="358" t="s">
        <v>8356</v>
      </c>
      <c r="F11684" s="358" t="s">
        <v>14386</v>
      </c>
      <c r="G11684" s="358" t="s">
        <v>14387</v>
      </c>
      <c r="H11684" s="358" t="s">
        <v>14367</v>
      </c>
      <c r="I11684" s="358" t="s">
        <v>14387</v>
      </c>
      <c r="J11684" s="358"/>
      <c r="K11684" s="358"/>
      <c r="L11684" s="358"/>
    </row>
    <row r="11685" spans="2:12">
      <c r="B11685" s="367"/>
      <c r="C11685" s="367"/>
      <c r="D11685" s="367"/>
      <c r="E11685" s="367"/>
      <c r="F11685" s="360"/>
      <c r="G11685" s="360"/>
      <c r="H11685" s="360"/>
      <c r="I11685" s="360"/>
      <c r="J11685" s="365"/>
      <c r="K11685" s="365"/>
      <c r="L11685" s="365"/>
    </row>
    <row r="11686" spans="2:12">
      <c r="B11686" s="367"/>
      <c r="C11686" s="367"/>
      <c r="D11686" s="367"/>
      <c r="E11686" s="367"/>
      <c r="F11686" s="359" t="s">
        <v>14389</v>
      </c>
      <c r="G11686" s="359" t="s">
        <v>14390</v>
      </c>
      <c r="H11686" s="359" t="s">
        <v>14370</v>
      </c>
      <c r="I11686" s="359" t="s">
        <v>14390</v>
      </c>
      <c r="J11686" s="365"/>
      <c r="K11686" s="365"/>
      <c r="L11686" s="365"/>
    </row>
    <row r="11687" spans="2:12">
      <c r="B11687" s="367"/>
      <c r="C11687" s="367"/>
      <c r="D11687" s="367"/>
      <c r="E11687" s="367"/>
      <c r="F11687" s="360"/>
      <c r="G11687" s="360"/>
      <c r="H11687" s="360"/>
      <c r="I11687" s="360"/>
      <c r="J11687" s="365"/>
      <c r="K11687" s="365"/>
      <c r="L11687" s="365"/>
    </row>
    <row r="11688" spans="2:12" ht="28.5">
      <c r="B11688" s="368"/>
      <c r="C11688" s="368"/>
      <c r="D11688" s="368"/>
      <c r="E11688" s="368"/>
      <c r="F11688" s="361" t="s">
        <v>14394</v>
      </c>
      <c r="G11688" s="361" t="s">
        <v>14395</v>
      </c>
      <c r="H11688" s="361" t="s">
        <v>14422</v>
      </c>
      <c r="I11688" s="361" t="s">
        <v>14395</v>
      </c>
      <c r="J11688" s="366"/>
      <c r="K11688" s="366"/>
      <c r="L11688" s="366"/>
    </row>
    <row r="11689" spans="2:12" ht="42.75">
      <c r="B11689" s="358" t="s">
        <v>20392</v>
      </c>
      <c r="C11689" s="358" t="s">
        <v>27634</v>
      </c>
      <c r="D11689" s="358" t="s">
        <v>20393</v>
      </c>
      <c r="E11689" s="358" t="s">
        <v>20394</v>
      </c>
      <c r="F11689" s="358" t="s">
        <v>14418</v>
      </c>
      <c r="G11689" s="358" t="s">
        <v>14419</v>
      </c>
      <c r="H11689" s="358" t="s">
        <v>14328</v>
      </c>
      <c r="I11689" s="358" t="s">
        <v>14419</v>
      </c>
      <c r="J11689" s="358"/>
      <c r="K11689" s="358"/>
      <c r="L11689" s="358"/>
    </row>
    <row r="11690" spans="2:12">
      <c r="B11690" s="367"/>
      <c r="C11690" s="367"/>
      <c r="D11690" s="367"/>
      <c r="E11690" s="367"/>
      <c r="F11690" s="360"/>
      <c r="G11690" s="360"/>
      <c r="H11690" s="360"/>
      <c r="I11690" s="360"/>
      <c r="J11690" s="365"/>
      <c r="K11690" s="365"/>
      <c r="L11690" s="365"/>
    </row>
    <row r="11691" spans="2:12">
      <c r="B11691" s="367"/>
      <c r="C11691" s="367"/>
      <c r="D11691" s="367"/>
      <c r="E11691" s="367"/>
      <c r="F11691" s="359" t="s">
        <v>14814</v>
      </c>
      <c r="G11691" s="359" t="s">
        <v>14815</v>
      </c>
      <c r="H11691" s="359" t="s">
        <v>14381</v>
      </c>
      <c r="I11691" s="359" t="s">
        <v>14815</v>
      </c>
      <c r="J11691" s="365"/>
      <c r="K11691" s="365"/>
      <c r="L11691" s="365"/>
    </row>
    <row r="11692" spans="2:12">
      <c r="B11692" s="367"/>
      <c r="C11692" s="367"/>
      <c r="D11692" s="367"/>
      <c r="E11692" s="367"/>
      <c r="F11692" s="360"/>
      <c r="G11692" s="360"/>
      <c r="H11692" s="360"/>
      <c r="I11692" s="360"/>
      <c r="J11692" s="365"/>
      <c r="K11692" s="365"/>
      <c r="L11692" s="365"/>
    </row>
    <row r="11693" spans="2:12">
      <c r="B11693" s="368"/>
      <c r="C11693" s="368"/>
      <c r="D11693" s="368"/>
      <c r="E11693" s="368"/>
      <c r="F11693" s="361" t="s">
        <v>14391</v>
      </c>
      <c r="G11693" s="361" t="s">
        <v>14392</v>
      </c>
      <c r="H11693" s="361" t="s">
        <v>14332</v>
      </c>
      <c r="I11693" s="361" t="s">
        <v>14392</v>
      </c>
      <c r="J11693" s="366"/>
      <c r="K11693" s="366"/>
      <c r="L11693" s="366"/>
    </row>
    <row r="11694" spans="2:12">
      <c r="B11694" s="358" t="s">
        <v>20395</v>
      </c>
      <c r="C11694" s="358" t="s">
        <v>27635</v>
      </c>
      <c r="D11694" s="358" t="s">
        <v>20396</v>
      </c>
      <c r="E11694" s="358" t="s">
        <v>20397</v>
      </c>
      <c r="F11694" s="358" t="s">
        <v>14391</v>
      </c>
      <c r="G11694" s="358" t="s">
        <v>14392</v>
      </c>
      <c r="H11694" s="358" t="s">
        <v>14367</v>
      </c>
      <c r="I11694" s="358" t="s">
        <v>14392</v>
      </c>
      <c r="J11694" s="358"/>
      <c r="K11694" s="358"/>
      <c r="L11694" s="358"/>
    </row>
    <row r="11695" spans="2:12">
      <c r="B11695" s="367"/>
      <c r="C11695" s="367"/>
      <c r="D11695" s="367"/>
      <c r="E11695" s="367"/>
      <c r="F11695" s="367"/>
      <c r="G11695" s="367"/>
      <c r="H11695" s="360"/>
      <c r="I11695" s="367"/>
      <c r="J11695" s="365"/>
      <c r="K11695" s="365"/>
      <c r="L11695" s="365"/>
    </row>
    <row r="11696" spans="2:12">
      <c r="B11696" s="368"/>
      <c r="C11696" s="368"/>
      <c r="D11696" s="368"/>
      <c r="E11696" s="368"/>
      <c r="F11696" s="368"/>
      <c r="G11696" s="368"/>
      <c r="H11696" s="361" t="s">
        <v>14422</v>
      </c>
      <c r="I11696" s="368"/>
      <c r="J11696" s="366"/>
      <c r="K11696" s="366"/>
      <c r="L11696" s="366"/>
    </row>
    <row r="11697" spans="2:12" ht="28.5">
      <c r="B11697" s="358" t="s">
        <v>20398</v>
      </c>
      <c r="C11697" s="358" t="s">
        <v>29248</v>
      </c>
      <c r="D11697" s="358" t="s">
        <v>20399</v>
      </c>
      <c r="E11697" s="358" t="s">
        <v>20400</v>
      </c>
      <c r="F11697" s="358" t="s">
        <v>14391</v>
      </c>
      <c r="G11697" s="358" t="s">
        <v>14392</v>
      </c>
      <c r="H11697" s="358" t="s">
        <v>14367</v>
      </c>
      <c r="I11697" s="358" t="s">
        <v>14392</v>
      </c>
      <c r="J11697" s="358"/>
      <c r="K11697" s="358"/>
      <c r="L11697" s="358"/>
    </row>
    <row r="11698" spans="2:12">
      <c r="B11698" s="367"/>
      <c r="C11698" s="367"/>
      <c r="D11698" s="367"/>
      <c r="E11698" s="367"/>
      <c r="F11698" s="367"/>
      <c r="G11698" s="367"/>
      <c r="H11698" s="360"/>
      <c r="I11698" s="367"/>
      <c r="J11698" s="365"/>
      <c r="K11698" s="365"/>
      <c r="L11698" s="365"/>
    </row>
    <row r="11699" spans="2:12">
      <c r="B11699" s="368"/>
      <c r="C11699" s="368"/>
      <c r="D11699" s="368"/>
      <c r="E11699" s="368"/>
      <c r="F11699" s="368"/>
      <c r="G11699" s="368"/>
      <c r="H11699" s="361" t="s">
        <v>14422</v>
      </c>
      <c r="I11699" s="368"/>
      <c r="J11699" s="366"/>
      <c r="K11699" s="366"/>
      <c r="L11699" s="366"/>
    </row>
    <row r="11700" spans="2:12">
      <c r="B11700" s="358" t="s">
        <v>20401</v>
      </c>
      <c r="C11700" s="358" t="s">
        <v>20402</v>
      </c>
      <c r="D11700" s="358" t="s">
        <v>20403</v>
      </c>
      <c r="E11700" s="358" t="s">
        <v>20404</v>
      </c>
      <c r="F11700" s="358" t="s">
        <v>14386</v>
      </c>
      <c r="G11700" s="358" t="s">
        <v>14387</v>
      </c>
      <c r="H11700" s="358" t="s">
        <v>14367</v>
      </c>
      <c r="I11700" s="358" t="s">
        <v>14387</v>
      </c>
      <c r="J11700" s="358"/>
      <c r="K11700" s="358"/>
      <c r="L11700" s="358"/>
    </row>
    <row r="11701" spans="2:12">
      <c r="B11701" s="367"/>
      <c r="C11701" s="367"/>
      <c r="D11701" s="367"/>
      <c r="E11701" s="367"/>
      <c r="F11701" s="360"/>
      <c r="G11701" s="360"/>
      <c r="H11701" s="360"/>
      <c r="I11701" s="360"/>
      <c r="J11701" s="365"/>
      <c r="K11701" s="365"/>
      <c r="L11701" s="365"/>
    </row>
    <row r="11702" spans="2:12" ht="28.5">
      <c r="B11702" s="368"/>
      <c r="C11702" s="368"/>
      <c r="D11702" s="368"/>
      <c r="E11702" s="368"/>
      <c r="F11702" s="361" t="s">
        <v>14472</v>
      </c>
      <c r="G11702" s="361" t="s">
        <v>14473</v>
      </c>
      <c r="H11702" s="361" t="s">
        <v>14422</v>
      </c>
      <c r="I11702" s="361" t="s">
        <v>14473</v>
      </c>
      <c r="J11702" s="366"/>
      <c r="K11702" s="366"/>
      <c r="L11702" s="366"/>
    </row>
    <row r="11703" spans="2:12" ht="28.5">
      <c r="B11703" s="358" t="s">
        <v>20405</v>
      </c>
      <c r="C11703" s="358" t="s">
        <v>27636</v>
      </c>
      <c r="D11703" s="358" t="s">
        <v>20406</v>
      </c>
      <c r="E11703" s="358" t="s">
        <v>8356</v>
      </c>
      <c r="F11703" s="358" t="s">
        <v>14391</v>
      </c>
      <c r="G11703" s="358" t="s">
        <v>14392</v>
      </c>
      <c r="H11703" s="358" t="s">
        <v>14367</v>
      </c>
      <c r="I11703" s="358" t="s">
        <v>14392</v>
      </c>
      <c r="J11703" s="358"/>
      <c r="K11703" s="358"/>
      <c r="L11703" s="358"/>
    </row>
    <row r="11704" spans="2:12">
      <c r="B11704" s="367"/>
      <c r="C11704" s="367"/>
      <c r="D11704" s="367"/>
      <c r="E11704" s="367"/>
      <c r="F11704" s="360"/>
      <c r="G11704" s="360"/>
      <c r="H11704" s="360"/>
      <c r="I11704" s="360"/>
      <c r="J11704" s="365"/>
      <c r="K11704" s="365"/>
      <c r="L11704" s="365"/>
    </row>
    <row r="11705" spans="2:12" ht="28.5">
      <c r="B11705" s="367"/>
      <c r="C11705" s="367"/>
      <c r="D11705" s="367"/>
      <c r="E11705" s="367"/>
      <c r="F11705" s="359" t="s">
        <v>14394</v>
      </c>
      <c r="G11705" s="359" t="s">
        <v>14395</v>
      </c>
      <c r="H11705" s="359" t="s">
        <v>14370</v>
      </c>
      <c r="I11705" s="359" t="s">
        <v>14395</v>
      </c>
      <c r="J11705" s="365"/>
      <c r="K11705" s="365"/>
      <c r="L11705" s="365"/>
    </row>
    <row r="11706" spans="2:12">
      <c r="B11706" s="367"/>
      <c r="C11706" s="367"/>
      <c r="D11706" s="367"/>
      <c r="E11706" s="367"/>
      <c r="F11706" s="360"/>
      <c r="G11706" s="360"/>
      <c r="H11706" s="360"/>
      <c r="I11706" s="360"/>
      <c r="J11706" s="365"/>
      <c r="K11706" s="365"/>
      <c r="L11706" s="365"/>
    </row>
    <row r="11707" spans="2:12">
      <c r="B11707" s="368"/>
      <c r="C11707" s="368"/>
      <c r="D11707" s="368"/>
      <c r="E11707" s="368"/>
      <c r="F11707" s="362"/>
      <c r="G11707" s="362"/>
      <c r="H11707" s="361" t="s">
        <v>14422</v>
      </c>
      <c r="I11707" s="362"/>
      <c r="J11707" s="366"/>
      <c r="K11707" s="366"/>
      <c r="L11707" s="366"/>
    </row>
    <row r="11708" spans="2:12">
      <c r="B11708" s="358" t="s">
        <v>20407</v>
      </c>
      <c r="C11708" s="358" t="s">
        <v>20408</v>
      </c>
      <c r="D11708" s="358" t="s">
        <v>20409</v>
      </c>
      <c r="E11708" s="358" t="s">
        <v>20410</v>
      </c>
      <c r="F11708" s="358" t="s">
        <v>14420</v>
      </c>
      <c r="G11708" s="358" t="s">
        <v>14429</v>
      </c>
      <c r="H11708" s="358" t="s">
        <v>14341</v>
      </c>
      <c r="I11708" s="358" t="s">
        <v>14429</v>
      </c>
      <c r="J11708" s="358"/>
      <c r="K11708" s="358"/>
      <c r="L11708" s="358"/>
    </row>
    <row r="11709" spans="2:12">
      <c r="B11709" s="367"/>
      <c r="C11709" s="367"/>
      <c r="D11709" s="367"/>
      <c r="E11709" s="367"/>
      <c r="F11709" s="360"/>
      <c r="G11709" s="360"/>
      <c r="H11709" s="360"/>
      <c r="I11709" s="360"/>
      <c r="J11709" s="365"/>
      <c r="K11709" s="365"/>
      <c r="L11709" s="365"/>
    </row>
    <row r="11710" spans="2:12">
      <c r="B11710" s="367"/>
      <c r="C11710" s="367"/>
      <c r="D11710" s="367"/>
      <c r="E11710" s="367"/>
      <c r="F11710" s="359" t="s">
        <v>14430</v>
      </c>
      <c r="G11710" s="359" t="s">
        <v>14431</v>
      </c>
      <c r="H11710" s="359" t="s">
        <v>14367</v>
      </c>
      <c r="I11710" s="359" t="s">
        <v>14431</v>
      </c>
      <c r="J11710" s="365"/>
      <c r="K11710" s="365"/>
      <c r="L11710" s="365"/>
    </row>
    <row r="11711" spans="2:12">
      <c r="B11711" s="367"/>
      <c r="C11711" s="367"/>
      <c r="D11711" s="367"/>
      <c r="E11711" s="367"/>
      <c r="F11711" s="360"/>
      <c r="G11711" s="360"/>
      <c r="H11711" s="360"/>
      <c r="I11711" s="360"/>
      <c r="J11711" s="365"/>
      <c r="K11711" s="365"/>
      <c r="L11711" s="365"/>
    </row>
    <row r="11712" spans="2:12">
      <c r="B11712" s="368"/>
      <c r="C11712" s="368"/>
      <c r="D11712" s="368"/>
      <c r="E11712" s="368"/>
      <c r="F11712" s="362"/>
      <c r="G11712" s="362"/>
      <c r="H11712" s="361" t="s">
        <v>14332</v>
      </c>
      <c r="I11712" s="362"/>
      <c r="J11712" s="366"/>
      <c r="K11712" s="366"/>
      <c r="L11712" s="366"/>
    </row>
    <row r="11713" spans="2:12" ht="28.5">
      <c r="B11713" s="358" t="s">
        <v>10401</v>
      </c>
      <c r="C11713" s="358" t="s">
        <v>29249</v>
      </c>
      <c r="D11713" s="358" t="s">
        <v>10402</v>
      </c>
      <c r="E11713" s="358" t="s">
        <v>10403</v>
      </c>
      <c r="F11713" s="358" t="s">
        <v>28949</v>
      </c>
      <c r="G11713" s="358" t="s">
        <v>14669</v>
      </c>
      <c r="H11713" s="358" t="s">
        <v>14381</v>
      </c>
      <c r="I11713" s="358" t="s">
        <v>14669</v>
      </c>
      <c r="J11713" s="358"/>
      <c r="K11713" s="358"/>
      <c r="L11713" s="358"/>
    </row>
    <row r="11714" spans="2:12">
      <c r="B11714" s="367"/>
      <c r="C11714" s="367"/>
      <c r="D11714" s="367"/>
      <c r="E11714" s="367"/>
      <c r="F11714" s="360"/>
      <c r="G11714" s="360"/>
      <c r="H11714" s="360"/>
      <c r="I11714" s="360"/>
      <c r="J11714" s="365"/>
      <c r="K11714" s="365"/>
      <c r="L11714" s="365"/>
    </row>
    <row r="11715" spans="2:12">
      <c r="B11715" s="367"/>
      <c r="C11715" s="367"/>
      <c r="D11715" s="367"/>
      <c r="E11715" s="367"/>
      <c r="F11715" s="359" t="s">
        <v>14420</v>
      </c>
      <c r="G11715" s="359" t="s">
        <v>14890</v>
      </c>
      <c r="H11715" s="359" t="s">
        <v>14367</v>
      </c>
      <c r="I11715" s="359" t="s">
        <v>14890</v>
      </c>
      <c r="J11715" s="365"/>
      <c r="K11715" s="365"/>
      <c r="L11715" s="365"/>
    </row>
    <row r="11716" spans="2:12">
      <c r="B11716" s="367"/>
      <c r="C11716" s="367"/>
      <c r="D11716" s="367"/>
      <c r="E11716" s="367"/>
      <c r="F11716" s="360"/>
      <c r="G11716" s="360"/>
      <c r="H11716" s="360"/>
      <c r="I11716" s="360"/>
      <c r="J11716" s="365"/>
      <c r="K11716" s="365"/>
      <c r="L11716" s="365"/>
    </row>
    <row r="11717" spans="2:12">
      <c r="B11717" s="367"/>
      <c r="C11717" s="367"/>
      <c r="D11717" s="367"/>
      <c r="E11717" s="367"/>
      <c r="F11717" s="359" t="s">
        <v>14386</v>
      </c>
      <c r="G11717" s="359" t="s">
        <v>14429</v>
      </c>
      <c r="H11717" s="359" t="s">
        <v>14332</v>
      </c>
      <c r="I11717" s="359" t="s">
        <v>14429</v>
      </c>
      <c r="J11717" s="365"/>
      <c r="K11717" s="365"/>
      <c r="L11717" s="365"/>
    </row>
    <row r="11718" spans="2:12">
      <c r="B11718" s="367"/>
      <c r="C11718" s="367"/>
      <c r="D11718" s="367"/>
      <c r="E11718" s="367"/>
      <c r="F11718" s="360"/>
      <c r="G11718" s="360"/>
      <c r="H11718" s="360"/>
      <c r="I11718" s="360"/>
      <c r="J11718" s="365"/>
      <c r="K11718" s="365"/>
      <c r="L11718" s="365"/>
    </row>
    <row r="11719" spans="2:12">
      <c r="B11719" s="368"/>
      <c r="C11719" s="368"/>
      <c r="D11719" s="368"/>
      <c r="E11719" s="368"/>
      <c r="F11719" s="362"/>
      <c r="G11719" s="361" t="s">
        <v>14387</v>
      </c>
      <c r="H11719" s="362"/>
      <c r="I11719" s="361" t="s">
        <v>14387</v>
      </c>
      <c r="J11719" s="366"/>
      <c r="K11719" s="366"/>
      <c r="L11719" s="366"/>
    </row>
    <row r="11720" spans="2:12">
      <c r="B11720" s="358" t="s">
        <v>20411</v>
      </c>
      <c r="C11720" s="358" t="s">
        <v>20412</v>
      </c>
      <c r="D11720" s="358" t="s">
        <v>20413</v>
      </c>
      <c r="E11720" s="358" t="s">
        <v>20414</v>
      </c>
      <c r="F11720" s="358" t="s">
        <v>14389</v>
      </c>
      <c r="G11720" s="358" t="s">
        <v>14390</v>
      </c>
      <c r="H11720" s="358" t="s">
        <v>14367</v>
      </c>
      <c r="I11720" s="358" t="s">
        <v>14390</v>
      </c>
      <c r="J11720" s="358"/>
      <c r="K11720" s="358"/>
      <c r="L11720" s="358"/>
    </row>
    <row r="11721" spans="2:12">
      <c r="B11721" s="367"/>
      <c r="C11721" s="367"/>
      <c r="D11721" s="367"/>
      <c r="E11721" s="367"/>
      <c r="F11721" s="360"/>
      <c r="G11721" s="360"/>
      <c r="H11721" s="360"/>
      <c r="I11721" s="360"/>
      <c r="J11721" s="365"/>
      <c r="K11721" s="365"/>
      <c r="L11721" s="365"/>
    </row>
    <row r="11722" spans="2:12">
      <c r="B11722" s="367"/>
      <c r="C11722" s="367"/>
      <c r="D11722" s="367"/>
      <c r="E11722" s="367"/>
      <c r="F11722" s="359" t="s">
        <v>14391</v>
      </c>
      <c r="G11722" s="359" t="s">
        <v>14392</v>
      </c>
      <c r="H11722" s="359" t="s">
        <v>14370</v>
      </c>
      <c r="I11722" s="359" t="s">
        <v>14392</v>
      </c>
      <c r="J11722" s="365"/>
      <c r="K11722" s="365"/>
      <c r="L11722" s="365"/>
    </row>
    <row r="11723" spans="2:12">
      <c r="B11723" s="367"/>
      <c r="C11723" s="367"/>
      <c r="D11723" s="367"/>
      <c r="E11723" s="367"/>
      <c r="F11723" s="360"/>
      <c r="G11723" s="360"/>
      <c r="H11723" s="360"/>
      <c r="I11723" s="360"/>
      <c r="J11723" s="365"/>
      <c r="K11723" s="365"/>
      <c r="L11723" s="365"/>
    </row>
    <row r="11724" spans="2:12">
      <c r="B11724" s="367"/>
      <c r="C11724" s="367"/>
      <c r="D11724" s="367"/>
      <c r="E11724" s="367"/>
      <c r="F11724" s="359" t="s">
        <v>14371</v>
      </c>
      <c r="G11724" s="359" t="s">
        <v>14372</v>
      </c>
      <c r="H11724" s="359" t="s">
        <v>14422</v>
      </c>
      <c r="I11724" s="359" t="s">
        <v>14373</v>
      </c>
      <c r="J11724" s="365"/>
      <c r="K11724" s="365"/>
      <c r="L11724" s="365"/>
    </row>
    <row r="11725" spans="2:12">
      <c r="B11725" s="367"/>
      <c r="C11725" s="367"/>
      <c r="D11725" s="367"/>
      <c r="E11725" s="367"/>
      <c r="F11725" s="360"/>
      <c r="G11725" s="360"/>
      <c r="H11725" s="360"/>
      <c r="I11725" s="360"/>
      <c r="J11725" s="365"/>
      <c r="K11725" s="365"/>
      <c r="L11725" s="365"/>
    </row>
    <row r="11726" spans="2:12" ht="28.5">
      <c r="B11726" s="368"/>
      <c r="C11726" s="368"/>
      <c r="D11726" s="368"/>
      <c r="E11726" s="368"/>
      <c r="F11726" s="361" t="s">
        <v>14374</v>
      </c>
      <c r="G11726" s="361" t="s">
        <v>14373</v>
      </c>
      <c r="H11726" s="362"/>
      <c r="I11726" s="362"/>
      <c r="J11726" s="366"/>
      <c r="K11726" s="366"/>
      <c r="L11726" s="366"/>
    </row>
    <row r="11727" spans="2:12" ht="28.5">
      <c r="B11727" s="358" t="s">
        <v>20415</v>
      </c>
      <c r="C11727" s="358" t="s">
        <v>27637</v>
      </c>
      <c r="D11727" s="358" t="s">
        <v>20416</v>
      </c>
      <c r="E11727" s="358" t="s">
        <v>20417</v>
      </c>
      <c r="F11727" s="358" t="s">
        <v>14430</v>
      </c>
      <c r="G11727" s="358" t="s">
        <v>14431</v>
      </c>
      <c r="H11727" s="358" t="s">
        <v>14341</v>
      </c>
      <c r="I11727" s="358" t="s">
        <v>14431</v>
      </c>
      <c r="J11727" s="358"/>
      <c r="K11727" s="358"/>
      <c r="L11727" s="358"/>
    </row>
    <row r="11728" spans="2:12">
      <c r="B11728" s="367"/>
      <c r="C11728" s="367"/>
      <c r="D11728" s="367"/>
      <c r="E11728" s="367"/>
      <c r="F11728" s="367"/>
      <c r="G11728" s="367"/>
      <c r="H11728" s="360"/>
      <c r="I11728" s="367"/>
      <c r="J11728" s="365"/>
      <c r="K11728" s="365"/>
      <c r="L11728" s="365"/>
    </row>
    <row r="11729" spans="2:12">
      <c r="B11729" s="368"/>
      <c r="C11729" s="368"/>
      <c r="D11729" s="368"/>
      <c r="E11729" s="368"/>
      <c r="F11729" s="368"/>
      <c r="G11729" s="368"/>
      <c r="H11729" s="361" t="s">
        <v>14332</v>
      </c>
      <c r="I11729" s="368"/>
      <c r="J11729" s="366"/>
      <c r="K11729" s="366"/>
      <c r="L11729" s="366"/>
    </row>
    <row r="11730" spans="2:12">
      <c r="B11730" s="358" t="s">
        <v>20418</v>
      </c>
      <c r="C11730" s="358" t="s">
        <v>16354</v>
      </c>
      <c r="D11730" s="358" t="s">
        <v>20419</v>
      </c>
      <c r="E11730" s="358" t="s">
        <v>20420</v>
      </c>
      <c r="F11730" s="358" t="s">
        <v>14386</v>
      </c>
      <c r="G11730" s="358" t="s">
        <v>14387</v>
      </c>
      <c r="H11730" s="358" t="s">
        <v>14367</v>
      </c>
      <c r="I11730" s="358" t="s">
        <v>14387</v>
      </c>
      <c r="J11730" s="358"/>
      <c r="K11730" s="358"/>
      <c r="L11730" s="358"/>
    </row>
    <row r="11731" spans="2:12">
      <c r="B11731" s="367"/>
      <c r="C11731" s="367"/>
      <c r="D11731" s="367"/>
      <c r="E11731" s="367"/>
      <c r="F11731" s="367"/>
      <c r="G11731" s="367"/>
      <c r="H11731" s="360"/>
      <c r="I11731" s="367"/>
      <c r="J11731" s="365"/>
      <c r="K11731" s="365"/>
      <c r="L11731" s="365"/>
    </row>
    <row r="11732" spans="2:12">
      <c r="B11732" s="368"/>
      <c r="C11732" s="368"/>
      <c r="D11732" s="368"/>
      <c r="E11732" s="368"/>
      <c r="F11732" s="368"/>
      <c r="G11732" s="368"/>
      <c r="H11732" s="361" t="s">
        <v>14422</v>
      </c>
      <c r="I11732" s="368"/>
      <c r="J11732" s="366"/>
      <c r="K11732" s="366"/>
      <c r="L11732" s="366"/>
    </row>
    <row r="11733" spans="2:12">
      <c r="B11733" s="358" t="s">
        <v>20421</v>
      </c>
      <c r="C11733" s="358" t="s">
        <v>20422</v>
      </c>
      <c r="D11733" s="358" t="s">
        <v>20423</v>
      </c>
      <c r="E11733" s="358" t="s">
        <v>20424</v>
      </c>
      <c r="F11733" s="358" t="s">
        <v>14418</v>
      </c>
      <c r="G11733" s="358" t="s">
        <v>14419</v>
      </c>
      <c r="H11733" s="358" t="s">
        <v>14328</v>
      </c>
      <c r="I11733" s="358" t="s">
        <v>14419</v>
      </c>
      <c r="J11733" s="358"/>
      <c r="K11733" s="358"/>
      <c r="L11733" s="358"/>
    </row>
    <row r="11734" spans="2:12">
      <c r="B11734" s="367"/>
      <c r="C11734" s="367"/>
      <c r="D11734" s="367"/>
      <c r="E11734" s="367"/>
      <c r="F11734" s="367"/>
      <c r="G11734" s="367"/>
      <c r="H11734" s="360"/>
      <c r="I11734" s="367"/>
      <c r="J11734" s="365"/>
      <c r="K11734" s="365"/>
      <c r="L11734" s="365"/>
    </row>
    <row r="11735" spans="2:12">
      <c r="B11735" s="368"/>
      <c r="C11735" s="368"/>
      <c r="D11735" s="368"/>
      <c r="E11735" s="368"/>
      <c r="F11735" s="368"/>
      <c r="G11735" s="368"/>
      <c r="H11735" s="361" t="s">
        <v>14422</v>
      </c>
      <c r="I11735" s="368"/>
      <c r="J11735" s="366"/>
      <c r="K11735" s="366"/>
      <c r="L11735" s="366"/>
    </row>
    <row r="11736" spans="2:12">
      <c r="B11736" s="358" t="s">
        <v>20425</v>
      </c>
      <c r="C11736" s="358" t="s">
        <v>20426</v>
      </c>
      <c r="D11736" s="358" t="s">
        <v>20427</v>
      </c>
      <c r="E11736" s="358" t="s">
        <v>20428</v>
      </c>
      <c r="F11736" s="358" t="s">
        <v>14356</v>
      </c>
      <c r="G11736" s="358" t="s">
        <v>14340</v>
      </c>
      <c r="H11736" s="358" t="s">
        <v>14341</v>
      </c>
      <c r="I11736" s="358" t="s">
        <v>14340</v>
      </c>
      <c r="J11736" s="358"/>
      <c r="K11736" s="358"/>
      <c r="L11736" s="358"/>
    </row>
    <row r="11737" spans="2:12">
      <c r="B11737" s="367"/>
      <c r="C11737" s="367"/>
      <c r="D11737" s="367"/>
      <c r="E11737" s="367"/>
      <c r="F11737" s="367"/>
      <c r="G11737" s="367"/>
      <c r="H11737" s="360"/>
      <c r="I11737" s="367"/>
      <c r="J11737" s="365"/>
      <c r="K11737" s="365"/>
      <c r="L11737" s="365"/>
    </row>
    <row r="11738" spans="2:12">
      <c r="B11738" s="368"/>
      <c r="C11738" s="368"/>
      <c r="D11738" s="368"/>
      <c r="E11738" s="368"/>
      <c r="F11738" s="368"/>
      <c r="G11738" s="368"/>
      <c r="H11738" s="361" t="s">
        <v>14332</v>
      </c>
      <c r="I11738" s="368"/>
      <c r="J11738" s="366"/>
      <c r="K11738" s="366"/>
      <c r="L11738" s="366"/>
    </row>
    <row r="11739" spans="2:12">
      <c r="B11739" s="354" t="s">
        <v>8397</v>
      </c>
      <c r="C11739" s="369"/>
      <c r="D11739" s="369"/>
      <c r="E11739" s="369"/>
      <c r="F11739" s="369"/>
      <c r="G11739" s="369"/>
      <c r="H11739" s="369"/>
      <c r="I11739" s="369"/>
      <c r="J11739" s="369"/>
      <c r="K11739" s="369"/>
      <c r="L11739" s="370"/>
    </row>
    <row r="11740" spans="2:12">
      <c r="B11740" s="358" t="s">
        <v>20429</v>
      </c>
      <c r="C11740" s="358" t="s">
        <v>20430</v>
      </c>
      <c r="D11740" s="358" t="s">
        <v>20431</v>
      </c>
      <c r="E11740" s="358" t="s">
        <v>20432</v>
      </c>
      <c r="F11740" s="358" t="s">
        <v>14389</v>
      </c>
      <c r="G11740" s="358" t="s">
        <v>14390</v>
      </c>
      <c r="H11740" s="358" t="s">
        <v>14367</v>
      </c>
      <c r="I11740" s="358" t="s">
        <v>14390</v>
      </c>
      <c r="J11740" s="358"/>
      <c r="K11740" s="358"/>
      <c r="L11740" s="358"/>
    </row>
    <row r="11741" spans="2:12">
      <c r="B11741" s="367"/>
      <c r="C11741" s="367"/>
      <c r="D11741" s="367"/>
      <c r="E11741" s="367"/>
      <c r="F11741" s="360"/>
      <c r="G11741" s="360"/>
      <c r="H11741" s="360"/>
      <c r="I11741" s="360"/>
      <c r="J11741" s="365"/>
      <c r="K11741" s="365"/>
      <c r="L11741" s="365"/>
    </row>
    <row r="11742" spans="2:12">
      <c r="B11742" s="367"/>
      <c r="C11742" s="367"/>
      <c r="D11742" s="367"/>
      <c r="E11742" s="367"/>
      <c r="F11742" s="359" t="s">
        <v>14386</v>
      </c>
      <c r="G11742" s="359" t="s">
        <v>14387</v>
      </c>
      <c r="H11742" s="359" t="s">
        <v>14422</v>
      </c>
      <c r="I11742" s="359" t="s">
        <v>14387</v>
      </c>
      <c r="J11742" s="365"/>
      <c r="K11742" s="365"/>
      <c r="L11742" s="365"/>
    </row>
    <row r="11743" spans="2:12">
      <c r="B11743" s="367"/>
      <c r="C11743" s="367"/>
      <c r="D11743" s="367"/>
      <c r="E11743" s="367"/>
      <c r="F11743" s="360"/>
      <c r="G11743" s="360"/>
      <c r="H11743" s="360"/>
      <c r="I11743" s="360"/>
      <c r="J11743" s="365"/>
      <c r="K11743" s="365"/>
      <c r="L11743" s="365"/>
    </row>
    <row r="11744" spans="2:12" ht="28.5">
      <c r="B11744" s="368"/>
      <c r="C11744" s="368"/>
      <c r="D11744" s="368"/>
      <c r="E11744" s="368"/>
      <c r="F11744" s="361" t="s">
        <v>14472</v>
      </c>
      <c r="G11744" s="361" t="s">
        <v>14473</v>
      </c>
      <c r="H11744" s="362"/>
      <c r="I11744" s="361" t="s">
        <v>14473</v>
      </c>
      <c r="J11744" s="366"/>
      <c r="K11744" s="366"/>
      <c r="L11744" s="366"/>
    </row>
    <row r="11745" spans="2:12">
      <c r="B11745" s="354" t="s">
        <v>28528</v>
      </c>
      <c r="C11745" s="369"/>
      <c r="D11745" s="369"/>
      <c r="E11745" s="369"/>
      <c r="F11745" s="369"/>
      <c r="G11745" s="369"/>
      <c r="H11745" s="369"/>
      <c r="I11745" s="369"/>
      <c r="J11745" s="369"/>
      <c r="K11745" s="369"/>
      <c r="L11745" s="370"/>
    </row>
    <row r="11746" spans="2:12">
      <c r="B11746" s="358" t="s">
        <v>20433</v>
      </c>
      <c r="C11746" s="358" t="s">
        <v>20434</v>
      </c>
      <c r="D11746" s="358" t="s">
        <v>20435</v>
      </c>
      <c r="E11746" s="358" t="s">
        <v>20436</v>
      </c>
      <c r="F11746" s="358" t="s">
        <v>14420</v>
      </c>
      <c r="G11746" s="358" t="s">
        <v>14429</v>
      </c>
      <c r="H11746" s="358" t="s">
        <v>14367</v>
      </c>
      <c r="I11746" s="358" t="s">
        <v>14429</v>
      </c>
      <c r="J11746" s="358"/>
      <c r="K11746" s="358"/>
      <c r="L11746" s="358"/>
    </row>
    <row r="11747" spans="2:12">
      <c r="B11747" s="367"/>
      <c r="C11747" s="367"/>
      <c r="D11747" s="367"/>
      <c r="E11747" s="367"/>
      <c r="F11747" s="360"/>
      <c r="G11747" s="360"/>
      <c r="H11747" s="360"/>
      <c r="I11747" s="360"/>
      <c r="J11747" s="365"/>
      <c r="K11747" s="365"/>
      <c r="L11747" s="365"/>
    </row>
    <row r="11748" spans="2:12">
      <c r="B11748" s="368"/>
      <c r="C11748" s="368"/>
      <c r="D11748" s="368"/>
      <c r="E11748" s="368"/>
      <c r="F11748" s="361" t="s">
        <v>14391</v>
      </c>
      <c r="G11748" s="361" t="s">
        <v>14392</v>
      </c>
      <c r="H11748" s="361" t="s">
        <v>14422</v>
      </c>
      <c r="I11748" s="361" t="s">
        <v>14392</v>
      </c>
      <c r="J11748" s="366"/>
      <c r="K11748" s="366"/>
      <c r="L11748" s="366"/>
    </row>
    <row r="11749" spans="2:12">
      <c r="B11749" s="358" t="s">
        <v>20437</v>
      </c>
      <c r="C11749" s="358" t="s">
        <v>20438</v>
      </c>
      <c r="D11749" s="358" t="s">
        <v>20439</v>
      </c>
      <c r="E11749" s="358" t="s">
        <v>20440</v>
      </c>
      <c r="F11749" s="358" t="s">
        <v>14420</v>
      </c>
      <c r="G11749" s="358" t="s">
        <v>14429</v>
      </c>
      <c r="H11749" s="358" t="s">
        <v>14367</v>
      </c>
      <c r="I11749" s="358" t="s">
        <v>14429</v>
      </c>
      <c r="J11749" s="358"/>
      <c r="K11749" s="358"/>
      <c r="L11749" s="358"/>
    </row>
    <row r="11750" spans="2:12">
      <c r="B11750" s="367"/>
      <c r="C11750" s="367"/>
      <c r="D11750" s="367"/>
      <c r="E11750" s="367"/>
      <c r="F11750" s="360"/>
      <c r="G11750" s="360"/>
      <c r="H11750" s="360"/>
      <c r="I11750" s="360"/>
      <c r="J11750" s="365"/>
      <c r="K11750" s="365"/>
      <c r="L11750" s="365"/>
    </row>
    <row r="11751" spans="2:12">
      <c r="B11751" s="368"/>
      <c r="C11751" s="368"/>
      <c r="D11751" s="368"/>
      <c r="E11751" s="368"/>
      <c r="F11751" s="361" t="s">
        <v>14391</v>
      </c>
      <c r="G11751" s="361" t="s">
        <v>14392</v>
      </c>
      <c r="H11751" s="361" t="s">
        <v>14422</v>
      </c>
      <c r="I11751" s="361" t="s">
        <v>14392</v>
      </c>
      <c r="J11751" s="366"/>
      <c r="K11751" s="366"/>
      <c r="L11751" s="366"/>
    </row>
    <row r="11752" spans="2:12">
      <c r="B11752" s="358" t="s">
        <v>20441</v>
      </c>
      <c r="C11752" s="358" t="s">
        <v>20442</v>
      </c>
      <c r="D11752" s="358" t="s">
        <v>20443</v>
      </c>
      <c r="E11752" s="358" t="s">
        <v>20444</v>
      </c>
      <c r="F11752" s="358" t="s">
        <v>14391</v>
      </c>
      <c r="G11752" s="358" t="s">
        <v>14392</v>
      </c>
      <c r="H11752" s="358" t="s">
        <v>14367</v>
      </c>
      <c r="I11752" s="358" t="s">
        <v>14392</v>
      </c>
      <c r="J11752" s="358"/>
      <c r="K11752" s="358"/>
      <c r="L11752" s="358"/>
    </row>
    <row r="11753" spans="2:12">
      <c r="B11753" s="367"/>
      <c r="C11753" s="367"/>
      <c r="D11753" s="367"/>
      <c r="E11753" s="367"/>
      <c r="F11753" s="367"/>
      <c r="G11753" s="367"/>
      <c r="H11753" s="360"/>
      <c r="I11753" s="367"/>
      <c r="J11753" s="365"/>
      <c r="K11753" s="365"/>
      <c r="L11753" s="365"/>
    </row>
    <row r="11754" spans="2:12">
      <c r="B11754" s="368"/>
      <c r="C11754" s="368"/>
      <c r="D11754" s="368"/>
      <c r="E11754" s="368"/>
      <c r="F11754" s="368"/>
      <c r="G11754" s="368"/>
      <c r="H11754" s="361" t="s">
        <v>14422</v>
      </c>
      <c r="I11754" s="368"/>
      <c r="J11754" s="366"/>
      <c r="K11754" s="366"/>
      <c r="L11754" s="366"/>
    </row>
    <row r="11755" spans="2:12" ht="28.5">
      <c r="B11755" s="358" t="s">
        <v>20445</v>
      </c>
      <c r="C11755" s="358" t="s">
        <v>20446</v>
      </c>
      <c r="D11755" s="358" t="s">
        <v>20447</v>
      </c>
      <c r="E11755" s="358" t="s">
        <v>20448</v>
      </c>
      <c r="F11755" s="358" t="s">
        <v>28955</v>
      </c>
      <c r="G11755" s="358" t="s">
        <v>14483</v>
      </c>
      <c r="H11755" s="358" t="s">
        <v>14378</v>
      </c>
      <c r="I11755" s="358" t="s">
        <v>14483</v>
      </c>
      <c r="J11755" s="358"/>
      <c r="K11755" s="358"/>
      <c r="L11755" s="358"/>
    </row>
    <row r="11756" spans="2:12">
      <c r="B11756" s="367"/>
      <c r="C11756" s="367"/>
      <c r="D11756" s="367"/>
      <c r="E11756" s="367"/>
      <c r="F11756" s="360"/>
      <c r="G11756" s="360"/>
      <c r="H11756" s="360"/>
      <c r="I11756" s="360"/>
      <c r="J11756" s="365"/>
      <c r="K11756" s="365"/>
      <c r="L11756" s="365"/>
    </row>
    <row r="11757" spans="2:12">
      <c r="B11757" s="367"/>
      <c r="C11757" s="367"/>
      <c r="D11757" s="367"/>
      <c r="E11757" s="367"/>
      <c r="F11757" s="359" t="s">
        <v>14386</v>
      </c>
      <c r="G11757" s="359" t="s">
        <v>14429</v>
      </c>
      <c r="H11757" s="359" t="s">
        <v>14332</v>
      </c>
      <c r="I11757" s="359" t="s">
        <v>14429</v>
      </c>
      <c r="J11757" s="365"/>
      <c r="K11757" s="365"/>
      <c r="L11757" s="365"/>
    </row>
    <row r="11758" spans="2:12">
      <c r="B11758" s="367"/>
      <c r="C11758" s="367"/>
      <c r="D11758" s="367"/>
      <c r="E11758" s="367"/>
      <c r="F11758" s="360"/>
      <c r="G11758" s="360"/>
      <c r="H11758" s="360"/>
      <c r="I11758" s="360"/>
      <c r="J11758" s="365"/>
      <c r="K11758" s="365"/>
      <c r="L11758" s="365"/>
    </row>
    <row r="11759" spans="2:12">
      <c r="B11759" s="367"/>
      <c r="C11759" s="367"/>
      <c r="D11759" s="367"/>
      <c r="E11759" s="367"/>
      <c r="F11759" s="359" t="s">
        <v>14368</v>
      </c>
      <c r="G11759" s="359" t="s">
        <v>14387</v>
      </c>
      <c r="H11759" s="360"/>
      <c r="I11759" s="359" t="s">
        <v>14387</v>
      </c>
      <c r="J11759" s="365"/>
      <c r="K11759" s="365"/>
      <c r="L11759" s="365"/>
    </row>
    <row r="11760" spans="2:12">
      <c r="B11760" s="367"/>
      <c r="C11760" s="367"/>
      <c r="D11760" s="367"/>
      <c r="E11760" s="367"/>
      <c r="F11760" s="360"/>
      <c r="G11760" s="360"/>
      <c r="H11760" s="360"/>
      <c r="I11760" s="360"/>
      <c r="J11760" s="365"/>
      <c r="K11760" s="365"/>
      <c r="L11760" s="365"/>
    </row>
    <row r="11761" spans="2:12">
      <c r="B11761" s="367"/>
      <c r="C11761" s="367"/>
      <c r="D11761" s="367"/>
      <c r="E11761" s="367"/>
      <c r="F11761" s="359" t="s">
        <v>14389</v>
      </c>
      <c r="G11761" s="359" t="s">
        <v>14388</v>
      </c>
      <c r="H11761" s="360"/>
      <c r="I11761" s="359" t="s">
        <v>14388</v>
      </c>
      <c r="J11761" s="365"/>
      <c r="K11761" s="365"/>
      <c r="L11761" s="365"/>
    </row>
    <row r="11762" spans="2:12">
      <c r="B11762" s="367"/>
      <c r="C11762" s="367"/>
      <c r="D11762" s="367"/>
      <c r="E11762" s="367"/>
      <c r="F11762" s="360"/>
      <c r="G11762" s="360"/>
      <c r="H11762" s="360"/>
      <c r="I11762" s="360"/>
      <c r="J11762" s="365"/>
      <c r="K11762" s="365"/>
      <c r="L11762" s="365"/>
    </row>
    <row r="11763" spans="2:12">
      <c r="B11763" s="368"/>
      <c r="C11763" s="368"/>
      <c r="D11763" s="368"/>
      <c r="E11763" s="368"/>
      <c r="F11763" s="362"/>
      <c r="G11763" s="361" t="s">
        <v>14390</v>
      </c>
      <c r="H11763" s="362"/>
      <c r="I11763" s="361" t="s">
        <v>14390</v>
      </c>
      <c r="J11763" s="366"/>
      <c r="K11763" s="366"/>
      <c r="L11763" s="366"/>
    </row>
    <row r="11764" spans="2:12" ht="28.5">
      <c r="B11764" s="358" t="s">
        <v>13099</v>
      </c>
      <c r="C11764" s="358" t="s">
        <v>20449</v>
      </c>
      <c r="D11764" s="358" t="s">
        <v>13100</v>
      </c>
      <c r="E11764" s="358" t="s">
        <v>13101</v>
      </c>
      <c r="F11764" s="358" t="s">
        <v>14424</v>
      </c>
      <c r="G11764" s="358" t="s">
        <v>29250</v>
      </c>
      <c r="H11764" s="358" t="s">
        <v>14381</v>
      </c>
      <c r="I11764" s="358" t="s">
        <v>29250</v>
      </c>
      <c r="J11764" s="358"/>
      <c r="K11764" s="358"/>
      <c r="L11764" s="358"/>
    </row>
    <row r="11765" spans="2:12">
      <c r="B11765" s="367"/>
      <c r="C11765" s="367"/>
      <c r="D11765" s="367"/>
      <c r="E11765" s="367"/>
      <c r="F11765" s="360"/>
      <c r="G11765" s="360"/>
      <c r="H11765" s="360"/>
      <c r="I11765" s="360"/>
      <c r="J11765" s="365"/>
      <c r="K11765" s="365"/>
      <c r="L11765" s="365"/>
    </row>
    <row r="11766" spans="2:12">
      <c r="B11766" s="367"/>
      <c r="C11766" s="367"/>
      <c r="D11766" s="367"/>
      <c r="E11766" s="367"/>
      <c r="F11766" s="359" t="s">
        <v>14391</v>
      </c>
      <c r="G11766" s="359" t="s">
        <v>14473</v>
      </c>
      <c r="H11766" s="359" t="s">
        <v>14367</v>
      </c>
      <c r="I11766" s="359" t="s">
        <v>14473</v>
      </c>
      <c r="J11766" s="365"/>
      <c r="K11766" s="365"/>
      <c r="L11766" s="365"/>
    </row>
    <row r="11767" spans="2:12">
      <c r="B11767" s="367"/>
      <c r="C11767" s="367"/>
      <c r="D11767" s="367"/>
      <c r="E11767" s="367"/>
      <c r="F11767" s="360"/>
      <c r="G11767" s="360"/>
      <c r="H11767" s="360"/>
      <c r="I11767" s="360"/>
      <c r="J11767" s="365"/>
      <c r="K11767" s="365"/>
      <c r="L11767" s="365"/>
    </row>
    <row r="11768" spans="2:12" ht="28.5">
      <c r="B11768" s="368"/>
      <c r="C11768" s="368"/>
      <c r="D11768" s="368"/>
      <c r="E11768" s="368"/>
      <c r="F11768" s="361" t="s">
        <v>14472</v>
      </c>
      <c r="G11768" s="362"/>
      <c r="H11768" s="361" t="s">
        <v>14332</v>
      </c>
      <c r="I11768" s="362"/>
      <c r="J11768" s="366"/>
      <c r="K11768" s="366"/>
      <c r="L11768" s="366"/>
    </row>
    <row r="11769" spans="2:12">
      <c r="B11769" s="358" t="s">
        <v>20450</v>
      </c>
      <c r="C11769" s="358" t="s">
        <v>20451</v>
      </c>
      <c r="D11769" s="358" t="s">
        <v>20452</v>
      </c>
      <c r="E11769" s="358" t="s">
        <v>8356</v>
      </c>
      <c r="F11769" s="358" t="s">
        <v>14371</v>
      </c>
      <c r="G11769" s="358" t="s">
        <v>14372</v>
      </c>
      <c r="H11769" s="358" t="s">
        <v>14370</v>
      </c>
      <c r="I11769" s="358" t="s">
        <v>14373</v>
      </c>
      <c r="J11769" s="358"/>
      <c r="K11769" s="358"/>
      <c r="L11769" s="358"/>
    </row>
    <row r="11770" spans="2:12">
      <c r="B11770" s="367"/>
      <c r="C11770" s="367"/>
      <c r="D11770" s="367"/>
      <c r="E11770" s="367"/>
      <c r="F11770" s="360"/>
      <c r="G11770" s="360"/>
      <c r="H11770" s="360"/>
      <c r="I11770" s="367"/>
      <c r="J11770" s="365"/>
      <c r="K11770" s="365"/>
      <c r="L11770" s="365"/>
    </row>
    <row r="11771" spans="2:12" ht="28.5">
      <c r="B11771" s="368"/>
      <c r="C11771" s="368"/>
      <c r="D11771" s="368"/>
      <c r="E11771" s="368"/>
      <c r="F11771" s="361" t="s">
        <v>14374</v>
      </c>
      <c r="G11771" s="361" t="s">
        <v>14373</v>
      </c>
      <c r="H11771" s="361" t="s">
        <v>14422</v>
      </c>
      <c r="I11771" s="368"/>
      <c r="J11771" s="366"/>
      <c r="K11771" s="366"/>
      <c r="L11771" s="366"/>
    </row>
    <row r="11772" spans="2:12">
      <c r="B11772" s="358" t="s">
        <v>20453</v>
      </c>
      <c r="C11772" s="358" t="s">
        <v>20454</v>
      </c>
      <c r="D11772" s="358" t="s">
        <v>20455</v>
      </c>
      <c r="E11772" s="358" t="s">
        <v>20456</v>
      </c>
      <c r="F11772" s="358" t="s">
        <v>14418</v>
      </c>
      <c r="G11772" s="358" t="s">
        <v>14419</v>
      </c>
      <c r="H11772" s="358" t="s">
        <v>14328</v>
      </c>
      <c r="I11772" s="358" t="s">
        <v>14419</v>
      </c>
      <c r="J11772" s="358"/>
      <c r="K11772" s="358"/>
      <c r="L11772" s="358"/>
    </row>
    <row r="11773" spans="2:12">
      <c r="B11773" s="367"/>
      <c r="C11773" s="367"/>
      <c r="D11773" s="367"/>
      <c r="E11773" s="367"/>
      <c r="F11773" s="360"/>
      <c r="G11773" s="360"/>
      <c r="H11773" s="360"/>
      <c r="I11773" s="360"/>
      <c r="J11773" s="365"/>
      <c r="K11773" s="365"/>
      <c r="L11773" s="365"/>
    </row>
    <row r="11774" spans="2:12" ht="28.5">
      <c r="B11774" s="367"/>
      <c r="C11774" s="367"/>
      <c r="D11774" s="367"/>
      <c r="E11774" s="367"/>
      <c r="F11774" s="359" t="s">
        <v>28960</v>
      </c>
      <c r="G11774" s="359" t="s">
        <v>14483</v>
      </c>
      <c r="H11774" s="359" t="s">
        <v>14378</v>
      </c>
      <c r="I11774" s="359" t="s">
        <v>14483</v>
      </c>
      <c r="J11774" s="365"/>
      <c r="K11774" s="365"/>
      <c r="L11774" s="365"/>
    </row>
    <row r="11775" spans="2:12">
      <c r="B11775" s="367"/>
      <c r="C11775" s="367"/>
      <c r="D11775" s="367"/>
      <c r="E11775" s="367"/>
      <c r="F11775" s="360"/>
      <c r="G11775" s="360"/>
      <c r="H11775" s="360"/>
      <c r="I11775" s="360"/>
      <c r="J11775" s="365"/>
      <c r="K11775" s="365"/>
      <c r="L11775" s="365"/>
    </row>
    <row r="11776" spans="2:12">
      <c r="B11776" s="367"/>
      <c r="C11776" s="367"/>
      <c r="D11776" s="367"/>
      <c r="E11776" s="367"/>
      <c r="F11776" s="359" t="s">
        <v>14368</v>
      </c>
      <c r="G11776" s="359" t="s">
        <v>14383</v>
      </c>
      <c r="H11776" s="359" t="s">
        <v>14341</v>
      </c>
      <c r="I11776" s="359" t="s">
        <v>14383</v>
      </c>
      <c r="J11776" s="365"/>
      <c r="K11776" s="365"/>
      <c r="L11776" s="365"/>
    </row>
    <row r="11777" spans="2:12">
      <c r="B11777" s="367"/>
      <c r="C11777" s="367"/>
      <c r="D11777" s="367"/>
      <c r="E11777" s="367"/>
      <c r="F11777" s="360"/>
      <c r="G11777" s="360"/>
      <c r="H11777" s="360"/>
      <c r="I11777" s="360"/>
      <c r="J11777" s="365"/>
      <c r="K11777" s="365"/>
      <c r="L11777" s="365"/>
    </row>
    <row r="11778" spans="2:12">
      <c r="B11778" s="367"/>
      <c r="C11778" s="367"/>
      <c r="D11778" s="367"/>
      <c r="E11778" s="367"/>
      <c r="F11778" s="359" t="s">
        <v>14389</v>
      </c>
      <c r="G11778" s="359" t="s">
        <v>14388</v>
      </c>
      <c r="H11778" s="359" t="s">
        <v>14332</v>
      </c>
      <c r="I11778" s="359" t="s">
        <v>14388</v>
      </c>
      <c r="J11778" s="365"/>
      <c r="K11778" s="365"/>
      <c r="L11778" s="365"/>
    </row>
    <row r="11779" spans="2:12">
      <c r="B11779" s="367"/>
      <c r="C11779" s="367"/>
      <c r="D11779" s="367"/>
      <c r="E11779" s="367"/>
      <c r="F11779" s="360"/>
      <c r="G11779" s="360"/>
      <c r="H11779" s="360"/>
      <c r="I11779" s="360"/>
      <c r="J11779" s="365"/>
      <c r="K11779" s="365"/>
      <c r="L11779" s="365"/>
    </row>
    <row r="11780" spans="2:12">
      <c r="B11780" s="367"/>
      <c r="C11780" s="367"/>
      <c r="D11780" s="367"/>
      <c r="E11780" s="367"/>
      <c r="F11780" s="359" t="s">
        <v>14430</v>
      </c>
      <c r="G11780" s="359" t="s">
        <v>14390</v>
      </c>
      <c r="H11780" s="360"/>
      <c r="I11780" s="359" t="s">
        <v>14390</v>
      </c>
      <c r="J11780" s="365"/>
      <c r="K11780" s="365"/>
      <c r="L11780" s="365"/>
    </row>
    <row r="11781" spans="2:12">
      <c r="B11781" s="367"/>
      <c r="C11781" s="367"/>
      <c r="D11781" s="367"/>
      <c r="E11781" s="367"/>
      <c r="F11781" s="360"/>
      <c r="G11781" s="360"/>
      <c r="H11781" s="360"/>
      <c r="I11781" s="360"/>
      <c r="J11781" s="365"/>
      <c r="K11781" s="365"/>
      <c r="L11781" s="365"/>
    </row>
    <row r="11782" spans="2:12">
      <c r="B11782" s="368"/>
      <c r="C11782" s="368"/>
      <c r="D11782" s="368"/>
      <c r="E11782" s="368"/>
      <c r="F11782" s="362"/>
      <c r="G11782" s="361" t="s">
        <v>14431</v>
      </c>
      <c r="H11782" s="362"/>
      <c r="I11782" s="361" t="s">
        <v>14431</v>
      </c>
      <c r="J11782" s="366"/>
      <c r="K11782" s="366"/>
      <c r="L11782" s="366"/>
    </row>
    <row r="11783" spans="2:12">
      <c r="B11783" s="358" t="s">
        <v>20457</v>
      </c>
      <c r="C11783" s="358" t="s">
        <v>20458</v>
      </c>
      <c r="D11783" s="358" t="s">
        <v>20459</v>
      </c>
      <c r="E11783" s="358" t="s">
        <v>20460</v>
      </c>
      <c r="F11783" s="358" t="s">
        <v>14418</v>
      </c>
      <c r="G11783" s="358" t="s">
        <v>14419</v>
      </c>
      <c r="H11783" s="358" t="s">
        <v>14328</v>
      </c>
      <c r="I11783" s="358" t="s">
        <v>14419</v>
      </c>
      <c r="J11783" s="358"/>
      <c r="K11783" s="358"/>
      <c r="L11783" s="358"/>
    </row>
    <row r="11784" spans="2:12">
      <c r="B11784" s="367"/>
      <c r="C11784" s="367"/>
      <c r="D11784" s="367"/>
      <c r="E11784" s="367"/>
      <c r="F11784" s="360"/>
      <c r="G11784" s="360"/>
      <c r="H11784" s="360"/>
      <c r="I11784" s="360"/>
      <c r="J11784" s="365"/>
      <c r="K11784" s="365"/>
      <c r="L11784" s="365"/>
    </row>
    <row r="11785" spans="2:12">
      <c r="B11785" s="367"/>
      <c r="C11785" s="367"/>
      <c r="D11785" s="367"/>
      <c r="E11785" s="367"/>
      <c r="F11785" s="359" t="s">
        <v>14382</v>
      </c>
      <c r="G11785" s="359" t="s">
        <v>14383</v>
      </c>
      <c r="H11785" s="359" t="s">
        <v>14378</v>
      </c>
      <c r="I11785" s="359" t="s">
        <v>14383</v>
      </c>
      <c r="J11785" s="365"/>
      <c r="K11785" s="365"/>
      <c r="L11785" s="365"/>
    </row>
    <row r="11786" spans="2:12">
      <c r="B11786" s="367"/>
      <c r="C11786" s="367"/>
      <c r="D11786" s="367"/>
      <c r="E11786" s="367"/>
      <c r="F11786" s="360"/>
      <c r="G11786" s="360"/>
      <c r="H11786" s="360"/>
      <c r="I11786" s="360"/>
      <c r="J11786" s="365"/>
      <c r="K11786" s="365"/>
      <c r="L11786" s="365"/>
    </row>
    <row r="11787" spans="2:12">
      <c r="B11787" s="367"/>
      <c r="C11787" s="367"/>
      <c r="D11787" s="367"/>
      <c r="E11787" s="367"/>
      <c r="F11787" s="359" t="s">
        <v>14386</v>
      </c>
      <c r="G11787" s="359" t="s">
        <v>14387</v>
      </c>
      <c r="H11787" s="359" t="s">
        <v>14332</v>
      </c>
      <c r="I11787" s="359" t="s">
        <v>14387</v>
      </c>
      <c r="J11787" s="365"/>
      <c r="K11787" s="365"/>
      <c r="L11787" s="365"/>
    </row>
    <row r="11788" spans="2:12">
      <c r="B11788" s="367"/>
      <c r="C11788" s="367"/>
      <c r="D11788" s="367"/>
      <c r="E11788" s="367"/>
      <c r="F11788" s="360"/>
      <c r="G11788" s="360"/>
      <c r="H11788" s="360"/>
      <c r="I11788" s="360"/>
      <c r="J11788" s="365"/>
      <c r="K11788" s="365"/>
      <c r="L11788" s="365"/>
    </row>
    <row r="11789" spans="2:12">
      <c r="B11789" s="367"/>
      <c r="C11789" s="367"/>
      <c r="D11789" s="367"/>
      <c r="E11789" s="367"/>
      <c r="F11789" s="359" t="s">
        <v>14368</v>
      </c>
      <c r="G11789" s="359" t="s">
        <v>14388</v>
      </c>
      <c r="H11789" s="360"/>
      <c r="I11789" s="359" t="s">
        <v>14388</v>
      </c>
      <c r="J11789" s="365"/>
      <c r="K11789" s="365"/>
      <c r="L11789" s="365"/>
    </row>
    <row r="11790" spans="2:12">
      <c r="B11790" s="367"/>
      <c r="C11790" s="367"/>
      <c r="D11790" s="367"/>
      <c r="E11790" s="367"/>
      <c r="F11790" s="360"/>
      <c r="G11790" s="360"/>
      <c r="H11790" s="360"/>
      <c r="I11790" s="360"/>
      <c r="J11790" s="365"/>
      <c r="K11790" s="365"/>
      <c r="L11790" s="365"/>
    </row>
    <row r="11791" spans="2:12">
      <c r="B11791" s="368"/>
      <c r="C11791" s="368"/>
      <c r="D11791" s="368"/>
      <c r="E11791" s="368"/>
      <c r="F11791" s="361" t="s">
        <v>14389</v>
      </c>
      <c r="G11791" s="361" t="s">
        <v>14390</v>
      </c>
      <c r="H11791" s="362"/>
      <c r="I11791" s="361" t="s">
        <v>14390</v>
      </c>
      <c r="J11791" s="366"/>
      <c r="K11791" s="366"/>
      <c r="L11791" s="366"/>
    </row>
    <row r="11792" spans="2:12" ht="42.75">
      <c r="B11792" s="358" t="s">
        <v>20461</v>
      </c>
      <c r="C11792" s="358" t="s">
        <v>29251</v>
      </c>
      <c r="D11792" s="358" t="s">
        <v>20462</v>
      </c>
      <c r="E11792" s="358" t="s">
        <v>20463</v>
      </c>
      <c r="F11792" s="358" t="s">
        <v>29049</v>
      </c>
      <c r="G11792" s="358" t="s">
        <v>14429</v>
      </c>
      <c r="H11792" s="358" t="s">
        <v>14367</v>
      </c>
      <c r="I11792" s="358" t="s">
        <v>14429</v>
      </c>
      <c r="J11792" s="358"/>
      <c r="K11792" s="358"/>
      <c r="L11792" s="358"/>
    </row>
    <row r="11793" spans="2:12">
      <c r="B11793" s="367"/>
      <c r="C11793" s="367"/>
      <c r="D11793" s="367"/>
      <c r="E11793" s="367"/>
      <c r="F11793" s="360"/>
      <c r="G11793" s="360"/>
      <c r="H11793" s="360"/>
      <c r="I11793" s="360"/>
      <c r="J11793" s="365"/>
      <c r="K11793" s="365"/>
      <c r="L11793" s="365"/>
    </row>
    <row r="11794" spans="2:12" ht="28.5">
      <c r="B11794" s="367"/>
      <c r="C11794" s="367"/>
      <c r="D11794" s="367"/>
      <c r="E11794" s="367"/>
      <c r="F11794" s="359" t="s">
        <v>14374</v>
      </c>
      <c r="G11794" s="359" t="s">
        <v>14372</v>
      </c>
      <c r="H11794" s="359" t="s">
        <v>14370</v>
      </c>
      <c r="I11794" s="359" t="s">
        <v>14373</v>
      </c>
      <c r="J11794" s="365"/>
      <c r="K11794" s="365"/>
      <c r="L11794" s="365"/>
    </row>
    <row r="11795" spans="2:12">
      <c r="B11795" s="367"/>
      <c r="C11795" s="367"/>
      <c r="D11795" s="367"/>
      <c r="E11795" s="367"/>
      <c r="F11795" s="360"/>
      <c r="G11795" s="360"/>
      <c r="H11795" s="360"/>
      <c r="I11795" s="360"/>
      <c r="J11795" s="365"/>
      <c r="K11795" s="365"/>
      <c r="L11795" s="365"/>
    </row>
    <row r="11796" spans="2:12">
      <c r="B11796" s="368"/>
      <c r="C11796" s="368"/>
      <c r="D11796" s="368"/>
      <c r="E11796" s="368"/>
      <c r="F11796" s="362"/>
      <c r="G11796" s="361" t="s">
        <v>14373</v>
      </c>
      <c r="H11796" s="361" t="s">
        <v>14422</v>
      </c>
      <c r="I11796" s="362"/>
      <c r="J11796" s="366"/>
      <c r="K11796" s="366"/>
      <c r="L11796" s="366"/>
    </row>
    <row r="11797" spans="2:12" ht="28.5">
      <c r="B11797" s="358" t="s">
        <v>20464</v>
      </c>
      <c r="C11797" s="358" t="s">
        <v>20465</v>
      </c>
      <c r="D11797" s="358" t="s">
        <v>20466</v>
      </c>
      <c r="E11797" s="358" t="s">
        <v>20467</v>
      </c>
      <c r="F11797" s="358" t="s">
        <v>14389</v>
      </c>
      <c r="G11797" s="358" t="s">
        <v>14390</v>
      </c>
      <c r="H11797" s="358" t="s">
        <v>14367</v>
      </c>
      <c r="I11797" s="358" t="s">
        <v>14390</v>
      </c>
      <c r="J11797" s="358"/>
      <c r="K11797" s="358"/>
      <c r="L11797" s="358"/>
    </row>
    <row r="11798" spans="2:12">
      <c r="B11798" s="367"/>
      <c r="C11798" s="367"/>
      <c r="D11798" s="367"/>
      <c r="E11798" s="367"/>
      <c r="F11798" s="360"/>
      <c r="G11798" s="360"/>
      <c r="H11798" s="360"/>
      <c r="I11798" s="360"/>
      <c r="J11798" s="365"/>
      <c r="K11798" s="365"/>
      <c r="L11798" s="365"/>
    </row>
    <row r="11799" spans="2:12">
      <c r="B11799" s="367"/>
      <c r="C11799" s="367"/>
      <c r="D11799" s="367"/>
      <c r="E11799" s="367"/>
      <c r="F11799" s="359" t="s">
        <v>14371</v>
      </c>
      <c r="G11799" s="359" t="s">
        <v>14372</v>
      </c>
      <c r="H11799" s="359" t="s">
        <v>14370</v>
      </c>
      <c r="I11799" s="359" t="s">
        <v>14373</v>
      </c>
      <c r="J11799" s="365"/>
      <c r="K11799" s="365"/>
      <c r="L11799" s="365"/>
    </row>
    <row r="11800" spans="2:12">
      <c r="B11800" s="367"/>
      <c r="C11800" s="367"/>
      <c r="D11800" s="367"/>
      <c r="E11800" s="367"/>
      <c r="F11800" s="360"/>
      <c r="G11800" s="360"/>
      <c r="H11800" s="360"/>
      <c r="I11800" s="360"/>
      <c r="J11800" s="365"/>
      <c r="K11800" s="365"/>
      <c r="L11800" s="365"/>
    </row>
    <row r="11801" spans="2:12" ht="28.5">
      <c r="B11801" s="368"/>
      <c r="C11801" s="368"/>
      <c r="D11801" s="368"/>
      <c r="E11801" s="368"/>
      <c r="F11801" s="361" t="s">
        <v>14374</v>
      </c>
      <c r="G11801" s="361" t="s">
        <v>14373</v>
      </c>
      <c r="H11801" s="361" t="s">
        <v>14422</v>
      </c>
      <c r="I11801" s="362"/>
      <c r="J11801" s="366"/>
      <c r="K11801" s="366"/>
      <c r="L11801" s="366"/>
    </row>
    <row r="11802" spans="2:12" ht="57">
      <c r="B11802" s="358" t="s">
        <v>20468</v>
      </c>
      <c r="C11802" s="358" t="s">
        <v>30205</v>
      </c>
      <c r="D11802" s="358" t="s">
        <v>20469</v>
      </c>
      <c r="E11802" s="358" t="s">
        <v>8356</v>
      </c>
      <c r="F11802" s="358" t="s">
        <v>14420</v>
      </c>
      <c r="G11802" s="358" t="s">
        <v>14429</v>
      </c>
      <c r="H11802" s="358" t="s">
        <v>14367</v>
      </c>
      <c r="I11802" s="358" t="s">
        <v>14429</v>
      </c>
      <c r="J11802" s="358"/>
      <c r="K11802" s="358"/>
      <c r="L11802" s="358"/>
    </row>
    <row r="11803" spans="2:12">
      <c r="B11803" s="367"/>
      <c r="C11803" s="367"/>
      <c r="D11803" s="367"/>
      <c r="E11803" s="367"/>
      <c r="F11803" s="360"/>
      <c r="G11803" s="360"/>
      <c r="H11803" s="360"/>
      <c r="I11803" s="360"/>
      <c r="J11803" s="365"/>
      <c r="K11803" s="365"/>
      <c r="L11803" s="365"/>
    </row>
    <row r="11804" spans="2:12">
      <c r="B11804" s="367"/>
      <c r="C11804" s="367"/>
      <c r="D11804" s="367"/>
      <c r="E11804" s="367"/>
      <c r="F11804" s="359" t="s">
        <v>14391</v>
      </c>
      <c r="G11804" s="359" t="s">
        <v>14392</v>
      </c>
      <c r="H11804" s="359" t="s">
        <v>14370</v>
      </c>
      <c r="I11804" s="359" t="s">
        <v>14392</v>
      </c>
      <c r="J11804" s="365"/>
      <c r="K11804" s="365"/>
      <c r="L11804" s="365"/>
    </row>
    <row r="11805" spans="2:12">
      <c r="B11805" s="367"/>
      <c r="C11805" s="367"/>
      <c r="D11805" s="367"/>
      <c r="E11805" s="367"/>
      <c r="F11805" s="360"/>
      <c r="G11805" s="360"/>
      <c r="H11805" s="360"/>
      <c r="I11805" s="360"/>
      <c r="J11805" s="365"/>
      <c r="K11805" s="365"/>
      <c r="L11805" s="365"/>
    </row>
    <row r="11806" spans="2:12">
      <c r="B11806" s="367"/>
      <c r="C11806" s="367"/>
      <c r="D11806" s="367"/>
      <c r="E11806" s="367"/>
      <c r="F11806" s="359" t="s">
        <v>14371</v>
      </c>
      <c r="G11806" s="359" t="s">
        <v>14372</v>
      </c>
      <c r="H11806" s="359" t="s">
        <v>14422</v>
      </c>
      <c r="I11806" s="359" t="s">
        <v>14373</v>
      </c>
      <c r="J11806" s="365"/>
      <c r="K11806" s="365"/>
      <c r="L11806" s="365"/>
    </row>
    <row r="11807" spans="2:12">
      <c r="B11807" s="367"/>
      <c r="C11807" s="367"/>
      <c r="D11807" s="367"/>
      <c r="E11807" s="367"/>
      <c r="F11807" s="360"/>
      <c r="G11807" s="360"/>
      <c r="H11807" s="360"/>
      <c r="I11807" s="360"/>
      <c r="J11807" s="365"/>
      <c r="K11807" s="365"/>
      <c r="L11807" s="365"/>
    </row>
    <row r="11808" spans="2:12" ht="28.5">
      <c r="B11808" s="368"/>
      <c r="C11808" s="368"/>
      <c r="D11808" s="368"/>
      <c r="E11808" s="368"/>
      <c r="F11808" s="361" t="s">
        <v>14374</v>
      </c>
      <c r="G11808" s="361" t="s">
        <v>14373</v>
      </c>
      <c r="H11808" s="362"/>
      <c r="I11808" s="362"/>
      <c r="J11808" s="366"/>
      <c r="K11808" s="366"/>
      <c r="L11808" s="366"/>
    </row>
    <row r="11809" spans="2:12" ht="28.5">
      <c r="B11809" s="358" t="s">
        <v>10404</v>
      </c>
      <c r="C11809" s="358" t="s">
        <v>29252</v>
      </c>
      <c r="D11809" s="358" t="s">
        <v>10405</v>
      </c>
      <c r="E11809" s="358" t="s">
        <v>10406</v>
      </c>
      <c r="F11809" s="358" t="s">
        <v>28949</v>
      </c>
      <c r="G11809" s="358" t="s">
        <v>14669</v>
      </c>
      <c r="H11809" s="358" t="s">
        <v>14381</v>
      </c>
      <c r="I11809" s="358" t="s">
        <v>14669</v>
      </c>
      <c r="J11809" s="358"/>
      <c r="K11809" s="358"/>
      <c r="L11809" s="358"/>
    </row>
    <row r="11810" spans="2:12">
      <c r="B11810" s="367"/>
      <c r="C11810" s="367"/>
      <c r="D11810" s="367"/>
      <c r="E11810" s="367"/>
      <c r="F11810" s="360"/>
      <c r="G11810" s="360"/>
      <c r="H11810" s="360"/>
      <c r="I11810" s="360"/>
      <c r="J11810" s="365"/>
      <c r="K11810" s="365"/>
      <c r="L11810" s="365"/>
    </row>
    <row r="11811" spans="2:12">
      <c r="B11811" s="367"/>
      <c r="C11811" s="367"/>
      <c r="D11811" s="367"/>
      <c r="E11811" s="367"/>
      <c r="F11811" s="359" t="s">
        <v>14356</v>
      </c>
      <c r="G11811" s="359" t="s">
        <v>14890</v>
      </c>
      <c r="H11811" s="359" t="s">
        <v>14341</v>
      </c>
      <c r="I11811" s="359" t="s">
        <v>14890</v>
      </c>
      <c r="J11811" s="365"/>
      <c r="K11811" s="365"/>
      <c r="L11811" s="365"/>
    </row>
    <row r="11812" spans="2:12">
      <c r="B11812" s="367"/>
      <c r="C11812" s="367"/>
      <c r="D11812" s="367"/>
      <c r="E11812" s="367"/>
      <c r="F11812" s="360"/>
      <c r="G11812" s="360"/>
      <c r="H11812" s="360"/>
      <c r="I11812" s="360"/>
      <c r="J11812" s="365"/>
      <c r="K11812" s="365"/>
      <c r="L11812" s="365"/>
    </row>
    <row r="11813" spans="2:12">
      <c r="B11813" s="367"/>
      <c r="C11813" s="367"/>
      <c r="D11813" s="367"/>
      <c r="E11813" s="367"/>
      <c r="F11813" s="359" t="s">
        <v>14391</v>
      </c>
      <c r="G11813" s="359" t="s">
        <v>14340</v>
      </c>
      <c r="H11813" s="359" t="s">
        <v>14367</v>
      </c>
      <c r="I11813" s="359" t="s">
        <v>14340</v>
      </c>
      <c r="J11813" s="365"/>
      <c r="K11813" s="365"/>
      <c r="L11813" s="365"/>
    </row>
    <row r="11814" spans="2:12">
      <c r="B11814" s="367"/>
      <c r="C11814" s="367"/>
      <c r="D11814" s="367"/>
      <c r="E11814" s="367"/>
      <c r="F11814" s="360"/>
      <c r="G11814" s="360"/>
      <c r="H11814" s="360"/>
      <c r="I11814" s="360"/>
      <c r="J11814" s="365"/>
      <c r="K11814" s="365"/>
      <c r="L11814" s="365"/>
    </row>
    <row r="11815" spans="2:12">
      <c r="B11815" s="368"/>
      <c r="C11815" s="368"/>
      <c r="D11815" s="368"/>
      <c r="E11815" s="368"/>
      <c r="F11815" s="362"/>
      <c r="G11815" s="361" t="s">
        <v>14392</v>
      </c>
      <c r="H11815" s="361" t="s">
        <v>14332</v>
      </c>
      <c r="I11815" s="361" t="s">
        <v>14392</v>
      </c>
      <c r="J11815" s="366"/>
      <c r="K11815" s="366"/>
      <c r="L11815" s="366"/>
    </row>
    <row r="11816" spans="2:12" ht="28.5">
      <c r="B11816" s="358" t="s">
        <v>20470</v>
      </c>
      <c r="C11816" s="358" t="s">
        <v>27638</v>
      </c>
      <c r="D11816" s="358" t="s">
        <v>20471</v>
      </c>
      <c r="E11816" s="358" t="s">
        <v>20472</v>
      </c>
      <c r="F11816" s="358" t="s">
        <v>14420</v>
      </c>
      <c r="G11816" s="358" t="s">
        <v>14429</v>
      </c>
      <c r="H11816" s="358" t="s">
        <v>14367</v>
      </c>
      <c r="I11816" s="358" t="s">
        <v>14429</v>
      </c>
      <c r="J11816" s="358"/>
      <c r="K11816" s="358"/>
      <c r="L11816" s="358"/>
    </row>
    <row r="11817" spans="2:12">
      <c r="B11817" s="367"/>
      <c r="C11817" s="367"/>
      <c r="D11817" s="367"/>
      <c r="E11817" s="367"/>
      <c r="F11817" s="360"/>
      <c r="G11817" s="360"/>
      <c r="H11817" s="360"/>
      <c r="I11817" s="360"/>
      <c r="J11817" s="365"/>
      <c r="K11817" s="365"/>
      <c r="L11817" s="365"/>
    </row>
    <row r="11818" spans="2:12" ht="28.5">
      <c r="B11818" s="367"/>
      <c r="C11818" s="367"/>
      <c r="D11818" s="367"/>
      <c r="E11818" s="367"/>
      <c r="F11818" s="359" t="s">
        <v>14394</v>
      </c>
      <c r="G11818" s="359" t="s">
        <v>14395</v>
      </c>
      <c r="H11818" s="359" t="s">
        <v>14370</v>
      </c>
      <c r="I11818" s="359" t="s">
        <v>14395</v>
      </c>
      <c r="J11818" s="365"/>
      <c r="K11818" s="365"/>
      <c r="L11818" s="365"/>
    </row>
    <row r="11819" spans="2:12">
      <c r="B11819" s="367"/>
      <c r="C11819" s="367"/>
      <c r="D11819" s="367"/>
      <c r="E11819" s="367"/>
      <c r="F11819" s="360"/>
      <c r="G11819" s="360"/>
      <c r="H11819" s="360"/>
      <c r="I11819" s="360"/>
      <c r="J11819" s="365"/>
      <c r="K11819" s="365"/>
      <c r="L11819" s="365"/>
    </row>
    <row r="11820" spans="2:12">
      <c r="B11820" s="368"/>
      <c r="C11820" s="368"/>
      <c r="D11820" s="368"/>
      <c r="E11820" s="368"/>
      <c r="F11820" s="362"/>
      <c r="G11820" s="362"/>
      <c r="H11820" s="361" t="s">
        <v>14422</v>
      </c>
      <c r="I11820" s="362"/>
      <c r="J11820" s="366"/>
      <c r="K11820" s="366"/>
      <c r="L11820" s="366"/>
    </row>
    <row r="11821" spans="2:12" ht="42.75">
      <c r="B11821" s="358" t="s">
        <v>20473</v>
      </c>
      <c r="C11821" s="358" t="s">
        <v>29253</v>
      </c>
      <c r="D11821" s="358" t="s">
        <v>20474</v>
      </c>
      <c r="E11821" s="358" t="s">
        <v>8356</v>
      </c>
      <c r="F11821" s="358" t="s">
        <v>14391</v>
      </c>
      <c r="G11821" s="358" t="s">
        <v>14392</v>
      </c>
      <c r="H11821" s="358" t="s">
        <v>14367</v>
      </c>
      <c r="I11821" s="358" t="s">
        <v>14392</v>
      </c>
      <c r="J11821" s="358"/>
      <c r="K11821" s="358"/>
      <c r="L11821" s="358"/>
    </row>
    <row r="11822" spans="2:12">
      <c r="B11822" s="367"/>
      <c r="C11822" s="367"/>
      <c r="D11822" s="367"/>
      <c r="E11822" s="367"/>
      <c r="F11822" s="367"/>
      <c r="G11822" s="367"/>
      <c r="H11822" s="360"/>
      <c r="I11822" s="367"/>
      <c r="J11822" s="365"/>
      <c r="K11822" s="365"/>
      <c r="L11822" s="365"/>
    </row>
    <row r="11823" spans="2:12">
      <c r="B11823" s="368"/>
      <c r="C11823" s="368"/>
      <c r="D11823" s="368"/>
      <c r="E11823" s="368"/>
      <c r="F11823" s="368"/>
      <c r="G11823" s="368"/>
      <c r="H11823" s="361" t="s">
        <v>14422</v>
      </c>
      <c r="I11823" s="368"/>
      <c r="J11823" s="366"/>
      <c r="K11823" s="366"/>
      <c r="L11823" s="366"/>
    </row>
    <row r="11824" spans="2:12" ht="42.75">
      <c r="B11824" s="358" t="s">
        <v>20475</v>
      </c>
      <c r="C11824" s="358" t="s">
        <v>27639</v>
      </c>
      <c r="D11824" s="358" t="s">
        <v>20476</v>
      </c>
      <c r="E11824" s="358" t="s">
        <v>20477</v>
      </c>
      <c r="F11824" s="358" t="s">
        <v>29254</v>
      </c>
      <c r="G11824" s="358" t="s">
        <v>16363</v>
      </c>
      <c r="H11824" s="358" t="s">
        <v>14328</v>
      </c>
      <c r="I11824" s="358" t="s">
        <v>16363</v>
      </c>
      <c r="J11824" s="358"/>
      <c r="K11824" s="358"/>
      <c r="L11824" s="358"/>
    </row>
    <row r="11825" spans="2:12">
      <c r="B11825" s="367"/>
      <c r="C11825" s="367"/>
      <c r="D11825" s="367"/>
      <c r="E11825" s="367"/>
      <c r="F11825" s="360"/>
      <c r="G11825" s="360"/>
      <c r="H11825" s="360"/>
      <c r="I11825" s="360"/>
      <c r="J11825" s="365"/>
      <c r="K11825" s="365"/>
      <c r="L11825" s="365"/>
    </row>
    <row r="11826" spans="2:12" ht="28.5">
      <c r="B11826" s="367"/>
      <c r="C11826" s="367"/>
      <c r="D11826" s="367"/>
      <c r="E11826" s="367"/>
      <c r="F11826" s="359" t="s">
        <v>14394</v>
      </c>
      <c r="G11826" s="359" t="s">
        <v>14419</v>
      </c>
      <c r="H11826" s="359" t="s">
        <v>14370</v>
      </c>
      <c r="I11826" s="359" t="s">
        <v>14419</v>
      </c>
      <c r="J11826" s="365"/>
      <c r="K11826" s="365"/>
      <c r="L11826" s="365"/>
    </row>
    <row r="11827" spans="2:12">
      <c r="B11827" s="367"/>
      <c r="C11827" s="367"/>
      <c r="D11827" s="367"/>
      <c r="E11827" s="367"/>
      <c r="F11827" s="360"/>
      <c r="G11827" s="360"/>
      <c r="H11827" s="360"/>
      <c r="I11827" s="360"/>
      <c r="J11827" s="365"/>
      <c r="K11827" s="365"/>
      <c r="L11827" s="365"/>
    </row>
    <row r="11828" spans="2:12">
      <c r="B11828" s="368"/>
      <c r="C11828" s="368"/>
      <c r="D11828" s="368"/>
      <c r="E11828" s="368"/>
      <c r="F11828" s="362"/>
      <c r="G11828" s="361" t="s">
        <v>14395</v>
      </c>
      <c r="H11828" s="361" t="s">
        <v>14332</v>
      </c>
      <c r="I11828" s="361" t="s">
        <v>14395</v>
      </c>
      <c r="J11828" s="366"/>
      <c r="K11828" s="366"/>
      <c r="L11828" s="366"/>
    </row>
    <row r="11829" spans="2:12" ht="28.5">
      <c r="B11829" s="358" t="s">
        <v>20478</v>
      </c>
      <c r="C11829" s="358" t="s">
        <v>30206</v>
      </c>
      <c r="D11829" s="358" t="s">
        <v>20479</v>
      </c>
      <c r="E11829" s="358" t="s">
        <v>20480</v>
      </c>
      <c r="F11829" s="358" t="s">
        <v>29041</v>
      </c>
      <c r="G11829" s="358" t="s">
        <v>14383</v>
      </c>
      <c r="H11829" s="358" t="s">
        <v>14378</v>
      </c>
      <c r="I11829" s="358" t="s">
        <v>14383</v>
      </c>
      <c r="J11829" s="358"/>
      <c r="K11829" s="358"/>
      <c r="L11829" s="358"/>
    </row>
    <row r="11830" spans="2:12">
      <c r="B11830" s="367"/>
      <c r="C11830" s="367"/>
      <c r="D11830" s="367"/>
      <c r="E11830" s="367"/>
      <c r="F11830" s="360"/>
      <c r="G11830" s="360"/>
      <c r="H11830" s="360"/>
      <c r="I11830" s="360"/>
      <c r="J11830" s="365"/>
      <c r="K11830" s="365"/>
      <c r="L11830" s="365"/>
    </row>
    <row r="11831" spans="2:12" ht="28.5">
      <c r="B11831" s="367"/>
      <c r="C11831" s="367"/>
      <c r="D11831" s="367"/>
      <c r="E11831" s="367"/>
      <c r="F11831" s="359" t="s">
        <v>14391</v>
      </c>
      <c r="G11831" s="359" t="s">
        <v>28895</v>
      </c>
      <c r="H11831" s="359" t="s">
        <v>14381</v>
      </c>
      <c r="I11831" s="359" t="s">
        <v>28895</v>
      </c>
      <c r="J11831" s="365"/>
      <c r="K11831" s="365"/>
      <c r="L11831" s="365"/>
    </row>
    <row r="11832" spans="2:12">
      <c r="B11832" s="367"/>
      <c r="C11832" s="367"/>
      <c r="D11832" s="367"/>
      <c r="E11832" s="367"/>
      <c r="F11832" s="360"/>
      <c r="G11832" s="360"/>
      <c r="H11832" s="360"/>
      <c r="I11832" s="360"/>
      <c r="J11832" s="365"/>
      <c r="K11832" s="365"/>
      <c r="L11832" s="365"/>
    </row>
    <row r="11833" spans="2:12" ht="28.5">
      <c r="B11833" s="368"/>
      <c r="C11833" s="368"/>
      <c r="D11833" s="368"/>
      <c r="E11833" s="368"/>
      <c r="F11833" s="361" t="s">
        <v>14472</v>
      </c>
      <c r="G11833" s="361" t="s">
        <v>14473</v>
      </c>
      <c r="H11833" s="361" t="s">
        <v>14332</v>
      </c>
      <c r="I11833" s="361" t="s">
        <v>14473</v>
      </c>
      <c r="J11833" s="366"/>
      <c r="K11833" s="366"/>
      <c r="L11833" s="366"/>
    </row>
    <row r="11834" spans="2:12">
      <c r="B11834" s="358" t="s">
        <v>20481</v>
      </c>
      <c r="C11834" s="358" t="s">
        <v>27640</v>
      </c>
      <c r="D11834" s="358" t="s">
        <v>20482</v>
      </c>
      <c r="E11834" s="358" t="s">
        <v>20483</v>
      </c>
      <c r="F11834" s="358" t="s">
        <v>14420</v>
      </c>
      <c r="G11834" s="358" t="s">
        <v>14429</v>
      </c>
      <c r="H11834" s="358" t="s">
        <v>14367</v>
      </c>
      <c r="I11834" s="358" t="s">
        <v>14429</v>
      </c>
      <c r="J11834" s="358"/>
      <c r="K11834" s="358"/>
      <c r="L11834" s="358"/>
    </row>
    <row r="11835" spans="2:12">
      <c r="B11835" s="367"/>
      <c r="C11835" s="367"/>
      <c r="D11835" s="367"/>
      <c r="E11835" s="367"/>
      <c r="F11835" s="360"/>
      <c r="G11835" s="360"/>
      <c r="H11835" s="360"/>
      <c r="I11835" s="360"/>
      <c r="J11835" s="365"/>
      <c r="K11835" s="365"/>
      <c r="L11835" s="365"/>
    </row>
    <row r="11836" spans="2:12">
      <c r="B11836" s="368"/>
      <c r="C11836" s="368"/>
      <c r="D11836" s="368"/>
      <c r="E11836" s="368"/>
      <c r="F11836" s="361" t="s">
        <v>14386</v>
      </c>
      <c r="G11836" s="361" t="s">
        <v>14387</v>
      </c>
      <c r="H11836" s="361" t="s">
        <v>14422</v>
      </c>
      <c r="I11836" s="361" t="s">
        <v>14387</v>
      </c>
      <c r="J11836" s="366"/>
      <c r="K11836" s="366"/>
      <c r="L11836" s="366"/>
    </row>
    <row r="11837" spans="2:12" ht="28.5">
      <c r="B11837" s="358" t="s">
        <v>20484</v>
      </c>
      <c r="C11837" s="358" t="s">
        <v>30207</v>
      </c>
      <c r="D11837" s="358" t="s">
        <v>20485</v>
      </c>
      <c r="E11837" s="358" t="s">
        <v>8356</v>
      </c>
      <c r="F11837" s="358" t="s">
        <v>29171</v>
      </c>
      <c r="G11837" s="358" t="s">
        <v>14380</v>
      </c>
      <c r="H11837" s="358" t="s">
        <v>14378</v>
      </c>
      <c r="I11837" s="358" t="s">
        <v>14380</v>
      </c>
      <c r="J11837" s="358"/>
      <c r="K11837" s="358"/>
      <c r="L11837" s="358"/>
    </row>
    <row r="11838" spans="2:12">
      <c r="B11838" s="367"/>
      <c r="C11838" s="367"/>
      <c r="D11838" s="367"/>
      <c r="E11838" s="367"/>
      <c r="F11838" s="360"/>
      <c r="G11838" s="360"/>
      <c r="H11838" s="360"/>
      <c r="I11838" s="360"/>
      <c r="J11838" s="365"/>
      <c r="K11838" s="365"/>
      <c r="L11838" s="365"/>
    </row>
    <row r="11839" spans="2:12" ht="28.5">
      <c r="B11839" s="367"/>
      <c r="C11839" s="367"/>
      <c r="D11839" s="367"/>
      <c r="E11839" s="367"/>
      <c r="F11839" s="359" t="s">
        <v>29063</v>
      </c>
      <c r="G11839" s="359" t="s">
        <v>14429</v>
      </c>
      <c r="H11839" s="359" t="s">
        <v>14341</v>
      </c>
      <c r="I11839" s="359" t="s">
        <v>14429</v>
      </c>
      <c r="J11839" s="365"/>
      <c r="K11839" s="365"/>
      <c r="L11839" s="365"/>
    </row>
    <row r="11840" spans="2:12">
      <c r="B11840" s="367"/>
      <c r="C11840" s="367"/>
      <c r="D11840" s="367"/>
      <c r="E11840" s="367"/>
      <c r="F11840" s="360"/>
      <c r="G11840" s="360"/>
      <c r="H11840" s="360"/>
      <c r="I11840" s="360"/>
      <c r="J11840" s="365"/>
      <c r="K11840" s="365"/>
      <c r="L11840" s="365"/>
    </row>
    <row r="11841" spans="2:12">
      <c r="B11841" s="367"/>
      <c r="C11841" s="367"/>
      <c r="D11841" s="367"/>
      <c r="E11841" s="367"/>
      <c r="F11841" s="360"/>
      <c r="G11841" s="359" t="s">
        <v>14340</v>
      </c>
      <c r="H11841" s="359" t="s">
        <v>14370</v>
      </c>
      <c r="I11841" s="359" t="s">
        <v>14340</v>
      </c>
      <c r="J11841" s="365"/>
      <c r="K11841" s="365"/>
      <c r="L11841" s="365"/>
    </row>
    <row r="11842" spans="2:12">
      <c r="B11842" s="367"/>
      <c r="C11842" s="367"/>
      <c r="D11842" s="367"/>
      <c r="E11842" s="367"/>
      <c r="F11842" s="360"/>
      <c r="G11842" s="360"/>
      <c r="H11842" s="360"/>
      <c r="I11842" s="360"/>
      <c r="J11842" s="365"/>
      <c r="K11842" s="365"/>
      <c r="L11842" s="365"/>
    </row>
    <row r="11843" spans="2:12">
      <c r="B11843" s="368"/>
      <c r="C11843" s="368"/>
      <c r="D11843" s="368"/>
      <c r="E11843" s="368"/>
      <c r="F11843" s="362"/>
      <c r="G11843" s="361" t="s">
        <v>14372</v>
      </c>
      <c r="H11843" s="361" t="s">
        <v>14332</v>
      </c>
      <c r="I11843" s="361" t="s">
        <v>14372</v>
      </c>
      <c r="J11843" s="366"/>
      <c r="K11843" s="366"/>
      <c r="L11843" s="366"/>
    </row>
    <row r="11844" spans="2:12" ht="28.5">
      <c r="B11844" s="358" t="s">
        <v>20486</v>
      </c>
      <c r="C11844" s="358" t="s">
        <v>20487</v>
      </c>
      <c r="D11844" s="358" t="s">
        <v>20488</v>
      </c>
      <c r="E11844" s="358" t="s">
        <v>8356</v>
      </c>
      <c r="F11844" s="358" t="s">
        <v>14391</v>
      </c>
      <c r="G11844" s="358" t="s">
        <v>14392</v>
      </c>
      <c r="H11844" s="358" t="s">
        <v>14367</v>
      </c>
      <c r="I11844" s="358" t="s">
        <v>14392</v>
      </c>
      <c r="J11844" s="358"/>
      <c r="K11844" s="358"/>
      <c r="L11844" s="358"/>
    </row>
    <row r="11845" spans="2:12">
      <c r="B11845" s="367"/>
      <c r="C11845" s="367"/>
      <c r="D11845" s="367"/>
      <c r="E11845" s="367"/>
      <c r="F11845" s="360"/>
      <c r="G11845" s="360"/>
      <c r="H11845" s="360"/>
      <c r="I11845" s="360"/>
      <c r="J11845" s="365"/>
      <c r="K11845" s="365"/>
      <c r="L11845" s="365"/>
    </row>
    <row r="11846" spans="2:12" ht="28.5">
      <c r="B11846" s="368"/>
      <c r="C11846" s="368"/>
      <c r="D11846" s="368"/>
      <c r="E11846" s="368"/>
      <c r="F11846" s="361" t="s">
        <v>14462</v>
      </c>
      <c r="G11846" s="361" t="s">
        <v>14463</v>
      </c>
      <c r="H11846" s="361" t="s">
        <v>14422</v>
      </c>
      <c r="I11846" s="361" t="s">
        <v>14463</v>
      </c>
      <c r="J11846" s="366"/>
      <c r="K11846" s="366"/>
      <c r="L11846" s="366"/>
    </row>
    <row r="11847" spans="2:12" ht="28.5">
      <c r="B11847" s="358" t="s">
        <v>20489</v>
      </c>
      <c r="C11847" s="358" t="s">
        <v>30208</v>
      </c>
      <c r="D11847" s="358" t="s">
        <v>20490</v>
      </c>
      <c r="E11847" s="358" t="s">
        <v>20491</v>
      </c>
      <c r="F11847" s="358" t="s">
        <v>14420</v>
      </c>
      <c r="G11847" s="358" t="s">
        <v>14429</v>
      </c>
      <c r="H11847" s="358" t="s">
        <v>14341</v>
      </c>
      <c r="I11847" s="358" t="s">
        <v>14429</v>
      </c>
      <c r="J11847" s="358"/>
      <c r="K11847" s="358"/>
      <c r="L11847" s="358"/>
    </row>
    <row r="11848" spans="2:12">
      <c r="B11848" s="367"/>
      <c r="C11848" s="367"/>
      <c r="D11848" s="367"/>
      <c r="E11848" s="367"/>
      <c r="F11848" s="360"/>
      <c r="G11848" s="360"/>
      <c r="H11848" s="360"/>
      <c r="I11848" s="360"/>
      <c r="J11848" s="365"/>
      <c r="K11848" s="365"/>
      <c r="L11848" s="365"/>
    </row>
    <row r="11849" spans="2:12">
      <c r="B11849" s="367"/>
      <c r="C11849" s="367"/>
      <c r="D11849" s="367"/>
      <c r="E11849" s="367"/>
      <c r="F11849" s="359" t="s">
        <v>14389</v>
      </c>
      <c r="G11849" s="359" t="s">
        <v>14390</v>
      </c>
      <c r="H11849" s="359" t="s">
        <v>14367</v>
      </c>
      <c r="I11849" s="359" t="s">
        <v>14390</v>
      </c>
      <c r="J11849" s="365"/>
      <c r="K11849" s="365"/>
      <c r="L11849" s="365"/>
    </row>
    <row r="11850" spans="2:12">
      <c r="B11850" s="367"/>
      <c r="C11850" s="367"/>
      <c r="D11850" s="367"/>
      <c r="E11850" s="367"/>
      <c r="F11850" s="360"/>
      <c r="G11850" s="360"/>
      <c r="H11850" s="360"/>
      <c r="I11850" s="360"/>
      <c r="J11850" s="365"/>
      <c r="K11850" s="365"/>
      <c r="L11850" s="365"/>
    </row>
    <row r="11851" spans="2:12">
      <c r="B11851" s="367"/>
      <c r="C11851" s="367"/>
      <c r="D11851" s="367"/>
      <c r="E11851" s="367"/>
      <c r="F11851" s="359" t="s">
        <v>14430</v>
      </c>
      <c r="G11851" s="359" t="s">
        <v>14431</v>
      </c>
      <c r="H11851" s="359" t="s">
        <v>14332</v>
      </c>
      <c r="I11851" s="359" t="s">
        <v>14431</v>
      </c>
      <c r="J11851" s="365"/>
      <c r="K11851" s="365"/>
      <c r="L11851" s="365"/>
    </row>
    <row r="11852" spans="2:12">
      <c r="B11852" s="367"/>
      <c r="C11852" s="367"/>
      <c r="D11852" s="367"/>
      <c r="E11852" s="367"/>
      <c r="F11852" s="360"/>
      <c r="G11852" s="360"/>
      <c r="H11852" s="360"/>
      <c r="I11852" s="360"/>
      <c r="J11852" s="365"/>
      <c r="K11852" s="365"/>
      <c r="L11852" s="365"/>
    </row>
    <row r="11853" spans="2:12">
      <c r="B11853" s="368"/>
      <c r="C11853" s="368"/>
      <c r="D11853" s="368"/>
      <c r="E11853" s="368"/>
      <c r="F11853" s="361" t="s">
        <v>14391</v>
      </c>
      <c r="G11853" s="361" t="s">
        <v>14392</v>
      </c>
      <c r="H11853" s="362"/>
      <c r="I11853" s="361" t="s">
        <v>14392</v>
      </c>
      <c r="J11853" s="366"/>
      <c r="K11853" s="366"/>
      <c r="L11853" s="366"/>
    </row>
    <row r="11854" spans="2:12">
      <c r="B11854" s="358" t="s">
        <v>20492</v>
      </c>
      <c r="C11854" s="358" t="s">
        <v>20493</v>
      </c>
      <c r="D11854" s="358" t="s">
        <v>20494</v>
      </c>
      <c r="E11854" s="358" t="s">
        <v>20495</v>
      </c>
      <c r="F11854" s="358" t="s">
        <v>14420</v>
      </c>
      <c r="G11854" s="358" t="s">
        <v>14429</v>
      </c>
      <c r="H11854" s="358" t="s">
        <v>14367</v>
      </c>
      <c r="I11854" s="358" t="s">
        <v>14429</v>
      </c>
      <c r="J11854" s="358"/>
      <c r="K11854" s="358"/>
      <c r="L11854" s="358"/>
    </row>
    <row r="11855" spans="2:12">
      <c r="B11855" s="367"/>
      <c r="C11855" s="367"/>
      <c r="D11855" s="367"/>
      <c r="E11855" s="367"/>
      <c r="F11855" s="360"/>
      <c r="G11855" s="360"/>
      <c r="H11855" s="360"/>
      <c r="I11855" s="360"/>
      <c r="J11855" s="365"/>
      <c r="K11855" s="365"/>
      <c r="L11855" s="365"/>
    </row>
    <row r="11856" spans="2:12">
      <c r="B11856" s="367"/>
      <c r="C11856" s="367"/>
      <c r="D11856" s="367"/>
      <c r="E11856" s="367"/>
      <c r="F11856" s="359" t="s">
        <v>14391</v>
      </c>
      <c r="G11856" s="359" t="s">
        <v>14392</v>
      </c>
      <c r="H11856" s="359" t="s">
        <v>14370</v>
      </c>
      <c r="I11856" s="359" t="s">
        <v>14392</v>
      </c>
      <c r="J11856" s="365"/>
      <c r="K11856" s="365"/>
      <c r="L11856" s="365"/>
    </row>
    <row r="11857" spans="2:12">
      <c r="B11857" s="367"/>
      <c r="C11857" s="367"/>
      <c r="D11857" s="367"/>
      <c r="E11857" s="367"/>
      <c r="F11857" s="360"/>
      <c r="G11857" s="360"/>
      <c r="H11857" s="360"/>
      <c r="I11857" s="360"/>
      <c r="J11857" s="365"/>
      <c r="K11857" s="365"/>
      <c r="L11857" s="365"/>
    </row>
    <row r="11858" spans="2:12" ht="28.5">
      <c r="B11858" s="368"/>
      <c r="C11858" s="368"/>
      <c r="D11858" s="368"/>
      <c r="E11858" s="368"/>
      <c r="F11858" s="361" t="s">
        <v>14394</v>
      </c>
      <c r="G11858" s="361" t="s">
        <v>14395</v>
      </c>
      <c r="H11858" s="361" t="s">
        <v>14422</v>
      </c>
      <c r="I11858" s="361" t="s">
        <v>14395</v>
      </c>
      <c r="J11858" s="366"/>
      <c r="K11858" s="366"/>
      <c r="L11858" s="366"/>
    </row>
    <row r="11859" spans="2:12" ht="42.75">
      <c r="B11859" s="358" t="s">
        <v>20496</v>
      </c>
      <c r="C11859" s="358" t="s">
        <v>20497</v>
      </c>
      <c r="D11859" s="358" t="s">
        <v>20498</v>
      </c>
      <c r="E11859" s="358" t="s">
        <v>8356</v>
      </c>
      <c r="F11859" s="358" t="s">
        <v>14391</v>
      </c>
      <c r="G11859" s="358" t="s">
        <v>14392</v>
      </c>
      <c r="H11859" s="358" t="s">
        <v>14367</v>
      </c>
      <c r="I11859" s="358" t="s">
        <v>14392</v>
      </c>
      <c r="J11859" s="358"/>
      <c r="K11859" s="358"/>
      <c r="L11859" s="358"/>
    </row>
    <row r="11860" spans="2:12">
      <c r="B11860" s="367"/>
      <c r="C11860" s="367"/>
      <c r="D11860" s="367"/>
      <c r="E11860" s="367"/>
      <c r="F11860" s="360"/>
      <c r="G11860" s="360"/>
      <c r="H11860" s="360"/>
      <c r="I11860" s="360"/>
      <c r="J11860" s="365"/>
      <c r="K11860" s="365"/>
      <c r="L11860" s="365"/>
    </row>
    <row r="11861" spans="2:12" ht="28.5">
      <c r="B11861" s="368"/>
      <c r="C11861" s="368"/>
      <c r="D11861" s="368"/>
      <c r="E11861" s="368"/>
      <c r="F11861" s="361" t="s">
        <v>14462</v>
      </c>
      <c r="G11861" s="361" t="s">
        <v>14463</v>
      </c>
      <c r="H11861" s="361" t="s">
        <v>14422</v>
      </c>
      <c r="I11861" s="361" t="s">
        <v>14463</v>
      </c>
      <c r="J11861" s="366"/>
      <c r="K11861" s="366"/>
      <c r="L11861" s="366"/>
    </row>
    <row r="11862" spans="2:12">
      <c r="B11862" s="358" t="s">
        <v>20499</v>
      </c>
      <c r="C11862" s="358" t="s">
        <v>20500</v>
      </c>
      <c r="D11862" s="358" t="s">
        <v>20501</v>
      </c>
      <c r="E11862" s="358" t="s">
        <v>20502</v>
      </c>
      <c r="F11862" s="358" t="s">
        <v>14391</v>
      </c>
      <c r="G11862" s="358" t="s">
        <v>14392</v>
      </c>
      <c r="H11862" s="358" t="s">
        <v>14367</v>
      </c>
      <c r="I11862" s="358" t="s">
        <v>14392</v>
      </c>
      <c r="J11862" s="358"/>
      <c r="K11862" s="358"/>
      <c r="L11862" s="358"/>
    </row>
    <row r="11863" spans="2:12">
      <c r="B11863" s="367"/>
      <c r="C11863" s="367"/>
      <c r="D11863" s="367"/>
      <c r="E11863" s="367"/>
      <c r="F11863" s="360"/>
      <c r="G11863" s="360"/>
      <c r="H11863" s="360"/>
      <c r="I11863" s="360"/>
      <c r="J11863" s="365"/>
      <c r="K11863" s="365"/>
      <c r="L11863" s="365"/>
    </row>
    <row r="11864" spans="2:12" ht="28.5">
      <c r="B11864" s="367"/>
      <c r="C11864" s="367"/>
      <c r="D11864" s="367"/>
      <c r="E11864" s="367"/>
      <c r="F11864" s="359" t="s">
        <v>14394</v>
      </c>
      <c r="G11864" s="359" t="s">
        <v>14395</v>
      </c>
      <c r="H11864" s="359" t="s">
        <v>14370</v>
      </c>
      <c r="I11864" s="359" t="s">
        <v>14395</v>
      </c>
      <c r="J11864" s="365"/>
      <c r="K11864" s="365"/>
      <c r="L11864" s="365"/>
    </row>
    <row r="11865" spans="2:12">
      <c r="B11865" s="367"/>
      <c r="C11865" s="367"/>
      <c r="D11865" s="367"/>
      <c r="E11865" s="367"/>
      <c r="F11865" s="360"/>
      <c r="G11865" s="360"/>
      <c r="H11865" s="360"/>
      <c r="I11865" s="360"/>
      <c r="J11865" s="365"/>
      <c r="K11865" s="365"/>
      <c r="L11865" s="365"/>
    </row>
    <row r="11866" spans="2:12">
      <c r="B11866" s="368"/>
      <c r="C11866" s="368"/>
      <c r="D11866" s="368"/>
      <c r="E11866" s="368"/>
      <c r="F11866" s="362"/>
      <c r="G11866" s="362"/>
      <c r="H11866" s="361" t="s">
        <v>14422</v>
      </c>
      <c r="I11866" s="362"/>
      <c r="J11866" s="366"/>
      <c r="K11866" s="366"/>
      <c r="L11866" s="366"/>
    </row>
    <row r="11867" spans="2:12" ht="42.75">
      <c r="B11867" s="358" t="s">
        <v>20503</v>
      </c>
      <c r="C11867" s="358" t="s">
        <v>30209</v>
      </c>
      <c r="D11867" s="358" t="s">
        <v>20504</v>
      </c>
      <c r="E11867" s="358" t="s">
        <v>20505</v>
      </c>
      <c r="F11867" s="358" t="s">
        <v>14389</v>
      </c>
      <c r="G11867" s="358" t="s">
        <v>14390</v>
      </c>
      <c r="H11867" s="358" t="s">
        <v>14367</v>
      </c>
      <c r="I11867" s="358" t="s">
        <v>14390</v>
      </c>
      <c r="J11867" s="358"/>
      <c r="K11867" s="358"/>
      <c r="L11867" s="358"/>
    </row>
    <row r="11868" spans="2:12">
      <c r="B11868" s="367"/>
      <c r="C11868" s="367"/>
      <c r="D11868" s="367"/>
      <c r="E11868" s="367"/>
      <c r="F11868" s="360"/>
      <c r="G11868" s="360"/>
      <c r="H11868" s="360"/>
      <c r="I11868" s="360"/>
      <c r="J11868" s="365"/>
      <c r="K11868" s="365"/>
      <c r="L11868" s="365"/>
    </row>
    <row r="11869" spans="2:12">
      <c r="B11869" s="367"/>
      <c r="C11869" s="367"/>
      <c r="D11869" s="367"/>
      <c r="E11869" s="367"/>
      <c r="F11869" s="359" t="s">
        <v>14371</v>
      </c>
      <c r="G11869" s="359" t="s">
        <v>14372</v>
      </c>
      <c r="H11869" s="359" t="s">
        <v>14370</v>
      </c>
      <c r="I11869" s="359" t="s">
        <v>14373</v>
      </c>
      <c r="J11869" s="365"/>
      <c r="K11869" s="365"/>
      <c r="L11869" s="365"/>
    </row>
    <row r="11870" spans="2:12">
      <c r="B11870" s="367"/>
      <c r="C11870" s="367"/>
      <c r="D11870" s="367"/>
      <c r="E11870" s="367"/>
      <c r="F11870" s="360"/>
      <c r="G11870" s="360"/>
      <c r="H11870" s="360"/>
      <c r="I11870" s="360"/>
      <c r="J11870" s="365"/>
      <c r="K11870" s="365"/>
      <c r="L11870" s="365"/>
    </row>
    <row r="11871" spans="2:12" ht="28.5">
      <c r="B11871" s="368"/>
      <c r="C11871" s="368"/>
      <c r="D11871" s="368"/>
      <c r="E11871" s="368"/>
      <c r="F11871" s="361" t="s">
        <v>14374</v>
      </c>
      <c r="G11871" s="361" t="s">
        <v>14373</v>
      </c>
      <c r="H11871" s="361" t="s">
        <v>14422</v>
      </c>
      <c r="I11871" s="362"/>
      <c r="J11871" s="366"/>
      <c r="K11871" s="366"/>
      <c r="L11871" s="366"/>
    </row>
    <row r="11872" spans="2:12">
      <c r="B11872" s="358" t="s">
        <v>20506</v>
      </c>
      <c r="C11872" s="358" t="s">
        <v>20507</v>
      </c>
      <c r="D11872" s="358" t="s">
        <v>20508</v>
      </c>
      <c r="E11872" s="358" t="s">
        <v>20509</v>
      </c>
      <c r="F11872" s="358" t="s">
        <v>14391</v>
      </c>
      <c r="G11872" s="358" t="s">
        <v>14392</v>
      </c>
      <c r="H11872" s="358" t="s">
        <v>14367</v>
      </c>
      <c r="I11872" s="358" t="s">
        <v>14392</v>
      </c>
      <c r="J11872" s="358"/>
      <c r="K11872" s="358"/>
      <c r="L11872" s="358"/>
    </row>
    <row r="11873" spans="2:12">
      <c r="B11873" s="367"/>
      <c r="C11873" s="367"/>
      <c r="D11873" s="367"/>
      <c r="E11873" s="367"/>
      <c r="F11873" s="360"/>
      <c r="G11873" s="360"/>
      <c r="H11873" s="360"/>
      <c r="I11873" s="360"/>
      <c r="J11873" s="365"/>
      <c r="K11873" s="365"/>
      <c r="L11873" s="365"/>
    </row>
    <row r="11874" spans="2:12">
      <c r="B11874" s="367"/>
      <c r="C11874" s="367"/>
      <c r="D11874" s="367"/>
      <c r="E11874" s="367"/>
      <c r="F11874" s="359" t="s">
        <v>14371</v>
      </c>
      <c r="G11874" s="359" t="s">
        <v>14372</v>
      </c>
      <c r="H11874" s="359" t="s">
        <v>14370</v>
      </c>
      <c r="I11874" s="359" t="s">
        <v>14373</v>
      </c>
      <c r="J11874" s="365"/>
      <c r="K11874" s="365"/>
      <c r="L11874" s="365"/>
    </row>
    <row r="11875" spans="2:12">
      <c r="B11875" s="367"/>
      <c r="C11875" s="367"/>
      <c r="D11875" s="367"/>
      <c r="E11875" s="367"/>
      <c r="F11875" s="360"/>
      <c r="G11875" s="360"/>
      <c r="H11875" s="360"/>
      <c r="I11875" s="360"/>
      <c r="J11875" s="365"/>
      <c r="K11875" s="365"/>
      <c r="L11875" s="365"/>
    </row>
    <row r="11876" spans="2:12" ht="28.5">
      <c r="B11876" s="368"/>
      <c r="C11876" s="368"/>
      <c r="D11876" s="368"/>
      <c r="E11876" s="368"/>
      <c r="F11876" s="361" t="s">
        <v>14374</v>
      </c>
      <c r="G11876" s="361" t="s">
        <v>14373</v>
      </c>
      <c r="H11876" s="361" t="s">
        <v>14422</v>
      </c>
      <c r="I11876" s="362"/>
      <c r="J11876" s="366"/>
      <c r="K11876" s="366"/>
      <c r="L11876" s="366"/>
    </row>
    <row r="11877" spans="2:12" ht="42.75">
      <c r="B11877" s="358" t="s">
        <v>20510</v>
      </c>
      <c r="C11877" s="358" t="s">
        <v>20511</v>
      </c>
      <c r="D11877" s="358" t="s">
        <v>20512</v>
      </c>
      <c r="E11877" s="358" t="s">
        <v>20513</v>
      </c>
      <c r="F11877" s="358" t="s">
        <v>29255</v>
      </c>
      <c r="G11877" s="358" t="s">
        <v>20514</v>
      </c>
      <c r="H11877" s="358" t="s">
        <v>14328</v>
      </c>
      <c r="I11877" s="358" t="s">
        <v>20514</v>
      </c>
      <c r="J11877" s="358"/>
      <c r="K11877" s="358"/>
      <c r="L11877" s="358"/>
    </row>
    <row r="11878" spans="2:12">
      <c r="B11878" s="367"/>
      <c r="C11878" s="367"/>
      <c r="D11878" s="367"/>
      <c r="E11878" s="367"/>
      <c r="F11878" s="360"/>
      <c r="G11878" s="360"/>
      <c r="H11878" s="360"/>
      <c r="I11878" s="360"/>
      <c r="J11878" s="365"/>
      <c r="K11878" s="365"/>
      <c r="L11878" s="365"/>
    </row>
    <row r="11879" spans="2:12" ht="28.5">
      <c r="B11879" s="367"/>
      <c r="C11879" s="367"/>
      <c r="D11879" s="367"/>
      <c r="E11879" s="367"/>
      <c r="F11879" s="359" t="s">
        <v>14430</v>
      </c>
      <c r="G11879" s="359" t="s">
        <v>28649</v>
      </c>
      <c r="H11879" s="359" t="s">
        <v>14381</v>
      </c>
      <c r="I11879" s="359" t="s">
        <v>28649</v>
      </c>
      <c r="J11879" s="365"/>
      <c r="K11879" s="365"/>
      <c r="L11879" s="365"/>
    </row>
    <row r="11880" spans="2:12">
      <c r="B11880" s="367"/>
      <c r="C11880" s="367"/>
      <c r="D11880" s="367"/>
      <c r="E11880" s="367"/>
      <c r="F11880" s="360"/>
      <c r="G11880" s="360"/>
      <c r="H11880" s="360"/>
      <c r="I11880" s="360"/>
      <c r="J11880" s="365"/>
      <c r="K11880" s="365"/>
      <c r="L11880" s="365"/>
    </row>
    <row r="11881" spans="2:12">
      <c r="B11881" s="367"/>
      <c r="C11881" s="367"/>
      <c r="D11881" s="367"/>
      <c r="E11881" s="367"/>
      <c r="F11881" s="359" t="s">
        <v>14391</v>
      </c>
      <c r="G11881" s="359" t="s">
        <v>14392</v>
      </c>
      <c r="H11881" s="359" t="s">
        <v>14341</v>
      </c>
      <c r="I11881" s="359" t="s">
        <v>14392</v>
      </c>
      <c r="J11881" s="365"/>
      <c r="K11881" s="365"/>
      <c r="L11881" s="365"/>
    </row>
    <row r="11882" spans="2:12">
      <c r="B11882" s="367"/>
      <c r="C11882" s="367"/>
      <c r="D11882" s="367"/>
      <c r="E11882" s="367"/>
      <c r="F11882" s="360"/>
      <c r="G11882" s="360"/>
      <c r="H11882" s="360"/>
      <c r="I11882" s="360"/>
      <c r="J11882" s="365"/>
      <c r="K11882" s="365"/>
      <c r="L11882" s="365"/>
    </row>
    <row r="11883" spans="2:12">
      <c r="B11883" s="367"/>
      <c r="C11883" s="367"/>
      <c r="D11883" s="367"/>
      <c r="E11883" s="367"/>
      <c r="F11883" s="360"/>
      <c r="G11883" s="360"/>
      <c r="H11883" s="359" t="s">
        <v>14367</v>
      </c>
      <c r="I11883" s="360"/>
      <c r="J11883" s="365"/>
      <c r="K11883" s="365"/>
      <c r="L11883" s="365"/>
    </row>
    <row r="11884" spans="2:12">
      <c r="B11884" s="367"/>
      <c r="C11884" s="367"/>
      <c r="D11884" s="367"/>
      <c r="E11884" s="367"/>
      <c r="F11884" s="360"/>
      <c r="G11884" s="360"/>
      <c r="H11884" s="360"/>
      <c r="I11884" s="360"/>
      <c r="J11884" s="365"/>
      <c r="K11884" s="365"/>
      <c r="L11884" s="365"/>
    </row>
    <row r="11885" spans="2:12">
      <c r="B11885" s="368"/>
      <c r="C11885" s="368"/>
      <c r="D11885" s="368"/>
      <c r="E11885" s="368"/>
      <c r="F11885" s="362"/>
      <c r="G11885" s="362"/>
      <c r="H11885" s="361" t="s">
        <v>14332</v>
      </c>
      <c r="I11885" s="362"/>
      <c r="J11885" s="366"/>
      <c r="K11885" s="366"/>
      <c r="L11885" s="366"/>
    </row>
    <row r="11886" spans="2:12" ht="57">
      <c r="B11886" s="358" t="s">
        <v>20515</v>
      </c>
      <c r="C11886" s="358" t="s">
        <v>20516</v>
      </c>
      <c r="D11886" s="358" t="s">
        <v>20517</v>
      </c>
      <c r="E11886" s="358" t="s">
        <v>8356</v>
      </c>
      <c r="F11886" s="358" t="s">
        <v>14389</v>
      </c>
      <c r="G11886" s="358" t="s">
        <v>14390</v>
      </c>
      <c r="H11886" s="358" t="s">
        <v>14341</v>
      </c>
      <c r="I11886" s="358" t="s">
        <v>14390</v>
      </c>
      <c r="J11886" s="358"/>
      <c r="K11886" s="358"/>
      <c r="L11886" s="358"/>
    </row>
    <row r="11887" spans="2:12">
      <c r="B11887" s="367"/>
      <c r="C11887" s="367"/>
      <c r="D11887" s="367"/>
      <c r="E11887" s="367"/>
      <c r="F11887" s="360"/>
      <c r="G11887" s="360"/>
      <c r="H11887" s="360"/>
      <c r="I11887" s="360"/>
      <c r="J11887" s="365"/>
      <c r="K11887" s="365"/>
      <c r="L11887" s="365"/>
    </row>
    <row r="11888" spans="2:12">
      <c r="B11888" s="367"/>
      <c r="C11888" s="367"/>
      <c r="D11888" s="367"/>
      <c r="E11888" s="367"/>
      <c r="F11888" s="359" t="s">
        <v>14430</v>
      </c>
      <c r="G11888" s="359" t="s">
        <v>14431</v>
      </c>
      <c r="H11888" s="359" t="s">
        <v>14367</v>
      </c>
      <c r="I11888" s="359" t="s">
        <v>14431</v>
      </c>
      <c r="J11888" s="365"/>
      <c r="K11888" s="365"/>
      <c r="L11888" s="365"/>
    </row>
    <row r="11889" spans="2:12">
      <c r="B11889" s="367"/>
      <c r="C11889" s="367"/>
      <c r="D11889" s="367"/>
      <c r="E11889" s="367"/>
      <c r="F11889" s="360"/>
      <c r="G11889" s="360"/>
      <c r="H11889" s="360"/>
      <c r="I11889" s="360"/>
      <c r="J11889" s="365"/>
      <c r="K11889" s="365"/>
      <c r="L11889" s="365"/>
    </row>
    <row r="11890" spans="2:12">
      <c r="B11890" s="367"/>
      <c r="C11890" s="367"/>
      <c r="D11890" s="367"/>
      <c r="E11890" s="367"/>
      <c r="F11890" s="359" t="s">
        <v>14391</v>
      </c>
      <c r="G11890" s="359" t="s">
        <v>14392</v>
      </c>
      <c r="H11890" s="359" t="s">
        <v>14332</v>
      </c>
      <c r="I11890" s="359" t="s">
        <v>14392</v>
      </c>
      <c r="J11890" s="365"/>
      <c r="K11890" s="365"/>
      <c r="L11890" s="365"/>
    </row>
    <row r="11891" spans="2:12">
      <c r="B11891" s="367"/>
      <c r="C11891" s="367"/>
      <c r="D11891" s="367"/>
      <c r="E11891" s="367"/>
      <c r="F11891" s="360"/>
      <c r="G11891" s="360"/>
      <c r="H11891" s="360"/>
      <c r="I11891" s="360"/>
      <c r="J11891" s="365"/>
      <c r="K11891" s="365"/>
      <c r="L11891" s="365"/>
    </row>
    <row r="11892" spans="2:12" ht="28.5">
      <c r="B11892" s="368"/>
      <c r="C11892" s="368"/>
      <c r="D11892" s="368"/>
      <c r="E11892" s="368"/>
      <c r="F11892" s="361" t="s">
        <v>14472</v>
      </c>
      <c r="G11892" s="361" t="s">
        <v>14473</v>
      </c>
      <c r="H11892" s="362"/>
      <c r="I11892" s="361" t="s">
        <v>14473</v>
      </c>
      <c r="J11892" s="366"/>
      <c r="K11892" s="366"/>
      <c r="L11892" s="366"/>
    </row>
    <row r="11893" spans="2:12">
      <c r="B11893" s="358" t="s">
        <v>20518</v>
      </c>
      <c r="C11893" s="358" t="s">
        <v>20519</v>
      </c>
      <c r="D11893" s="358" t="s">
        <v>20520</v>
      </c>
      <c r="E11893" s="358" t="s">
        <v>20521</v>
      </c>
      <c r="F11893" s="358" t="s">
        <v>14420</v>
      </c>
      <c r="G11893" s="358" t="s">
        <v>14429</v>
      </c>
      <c r="H11893" s="358" t="s">
        <v>14341</v>
      </c>
      <c r="I11893" s="358" t="s">
        <v>14429</v>
      </c>
      <c r="J11893" s="358"/>
      <c r="K11893" s="358"/>
      <c r="L11893" s="358"/>
    </row>
    <row r="11894" spans="2:12">
      <c r="B11894" s="367"/>
      <c r="C11894" s="367"/>
      <c r="D11894" s="367"/>
      <c r="E11894" s="367"/>
      <c r="F11894" s="360"/>
      <c r="G11894" s="360"/>
      <c r="H11894" s="360"/>
      <c r="I11894" s="360"/>
      <c r="J11894" s="365"/>
      <c r="K11894" s="365"/>
      <c r="L11894" s="365"/>
    </row>
    <row r="11895" spans="2:12">
      <c r="B11895" s="367"/>
      <c r="C11895" s="367"/>
      <c r="D11895" s="367"/>
      <c r="E11895" s="367"/>
      <c r="F11895" s="359" t="s">
        <v>14339</v>
      </c>
      <c r="G11895" s="359" t="s">
        <v>14340</v>
      </c>
      <c r="H11895" s="359" t="s">
        <v>14367</v>
      </c>
      <c r="I11895" s="359" t="s">
        <v>14340</v>
      </c>
      <c r="J11895" s="365"/>
      <c r="K11895" s="365"/>
      <c r="L11895" s="365"/>
    </row>
    <row r="11896" spans="2:12">
      <c r="B11896" s="367"/>
      <c r="C11896" s="367"/>
      <c r="D11896" s="367"/>
      <c r="E11896" s="367"/>
      <c r="F11896" s="360"/>
      <c r="G11896" s="360"/>
      <c r="H11896" s="360"/>
      <c r="I11896" s="360"/>
      <c r="J11896" s="365"/>
      <c r="K11896" s="365"/>
      <c r="L11896" s="365"/>
    </row>
    <row r="11897" spans="2:12">
      <c r="B11897" s="368"/>
      <c r="C11897" s="368"/>
      <c r="D11897" s="368"/>
      <c r="E11897" s="368"/>
      <c r="F11897" s="362"/>
      <c r="G11897" s="362"/>
      <c r="H11897" s="361" t="s">
        <v>14332</v>
      </c>
      <c r="I11897" s="362"/>
      <c r="J11897" s="366"/>
      <c r="K11897" s="366"/>
      <c r="L11897" s="366"/>
    </row>
    <row r="11898" spans="2:12">
      <c r="B11898" s="358" t="s">
        <v>13103</v>
      </c>
      <c r="C11898" s="358" t="s">
        <v>20522</v>
      </c>
      <c r="D11898" s="358" t="s">
        <v>386</v>
      </c>
      <c r="E11898" s="358" t="s">
        <v>387</v>
      </c>
      <c r="F11898" s="358" t="s">
        <v>14424</v>
      </c>
      <c r="G11898" s="358" t="s">
        <v>14481</v>
      </c>
      <c r="H11898" s="358" t="s">
        <v>14381</v>
      </c>
      <c r="I11898" s="358" t="s">
        <v>14481</v>
      </c>
      <c r="J11898" s="358"/>
      <c r="K11898" s="358"/>
      <c r="L11898" s="358"/>
    </row>
    <row r="11899" spans="2:12">
      <c r="B11899" s="367"/>
      <c r="C11899" s="367"/>
      <c r="D11899" s="367"/>
      <c r="E11899" s="367"/>
      <c r="F11899" s="367"/>
      <c r="G11899" s="367"/>
      <c r="H11899" s="360"/>
      <c r="I11899" s="367"/>
      <c r="J11899" s="365"/>
      <c r="K11899" s="365"/>
      <c r="L11899" s="365"/>
    </row>
    <row r="11900" spans="2:12">
      <c r="B11900" s="368"/>
      <c r="C11900" s="368"/>
      <c r="D11900" s="368"/>
      <c r="E11900" s="368"/>
      <c r="F11900" s="368"/>
      <c r="G11900" s="368"/>
      <c r="H11900" s="361" t="s">
        <v>14332</v>
      </c>
      <c r="I11900" s="368"/>
      <c r="J11900" s="366"/>
      <c r="K11900" s="366"/>
      <c r="L11900" s="366"/>
    </row>
    <row r="11901" spans="2:12">
      <c r="B11901" s="358" t="s">
        <v>20523</v>
      </c>
      <c r="C11901" s="358" t="s">
        <v>20524</v>
      </c>
      <c r="D11901" s="358" t="s">
        <v>20525</v>
      </c>
      <c r="E11901" s="358" t="s">
        <v>20526</v>
      </c>
      <c r="F11901" s="358" t="s">
        <v>14443</v>
      </c>
      <c r="G11901" s="358" t="s">
        <v>14444</v>
      </c>
      <c r="H11901" s="358" t="s">
        <v>14381</v>
      </c>
      <c r="I11901" s="358" t="s">
        <v>14444</v>
      </c>
      <c r="J11901" s="358"/>
      <c r="K11901" s="358"/>
      <c r="L11901" s="358"/>
    </row>
    <row r="11902" spans="2:12">
      <c r="B11902" s="367"/>
      <c r="C11902" s="367"/>
      <c r="D11902" s="367"/>
      <c r="E11902" s="367"/>
      <c r="F11902" s="360"/>
      <c r="G11902" s="360"/>
      <c r="H11902" s="360"/>
      <c r="I11902" s="360"/>
      <c r="J11902" s="365"/>
      <c r="K11902" s="365"/>
      <c r="L11902" s="365"/>
    </row>
    <row r="11903" spans="2:12" ht="28.5">
      <c r="B11903" s="367"/>
      <c r="C11903" s="367"/>
      <c r="D11903" s="367"/>
      <c r="E11903" s="367"/>
      <c r="F11903" s="359" t="s">
        <v>28938</v>
      </c>
      <c r="G11903" s="359" t="s">
        <v>14459</v>
      </c>
      <c r="H11903" s="359" t="s">
        <v>14367</v>
      </c>
      <c r="I11903" s="359" t="s">
        <v>14459</v>
      </c>
      <c r="J11903" s="365"/>
      <c r="K11903" s="365"/>
      <c r="L11903" s="365"/>
    </row>
    <row r="11904" spans="2:12">
      <c r="B11904" s="367"/>
      <c r="C11904" s="367"/>
      <c r="D11904" s="367"/>
      <c r="E11904" s="367"/>
      <c r="F11904" s="360"/>
      <c r="G11904" s="360"/>
      <c r="H11904" s="360"/>
      <c r="I11904" s="360"/>
      <c r="J11904" s="365"/>
      <c r="K11904" s="365"/>
      <c r="L11904" s="365"/>
    </row>
    <row r="11905" spans="2:12">
      <c r="B11905" s="367"/>
      <c r="C11905" s="367"/>
      <c r="D11905" s="367"/>
      <c r="E11905" s="367"/>
      <c r="F11905" s="359" t="s">
        <v>14386</v>
      </c>
      <c r="G11905" s="359" t="s">
        <v>14429</v>
      </c>
      <c r="H11905" s="359" t="s">
        <v>14422</v>
      </c>
      <c r="I11905" s="359" t="s">
        <v>14429</v>
      </c>
      <c r="J11905" s="365"/>
      <c r="K11905" s="365"/>
      <c r="L11905" s="365"/>
    </row>
    <row r="11906" spans="2:12">
      <c r="B11906" s="367"/>
      <c r="C11906" s="367"/>
      <c r="D11906" s="367"/>
      <c r="E11906" s="367"/>
      <c r="F11906" s="360"/>
      <c r="G11906" s="360"/>
      <c r="H11906" s="360"/>
      <c r="I11906" s="360"/>
      <c r="J11906" s="365"/>
      <c r="K11906" s="365"/>
      <c r="L11906" s="365"/>
    </row>
    <row r="11907" spans="2:12">
      <c r="B11907" s="367"/>
      <c r="C11907" s="367"/>
      <c r="D11907" s="367"/>
      <c r="E11907" s="367"/>
      <c r="F11907" s="359" t="s">
        <v>14368</v>
      </c>
      <c r="G11907" s="359" t="s">
        <v>14387</v>
      </c>
      <c r="H11907" s="360"/>
      <c r="I11907" s="359" t="s">
        <v>14387</v>
      </c>
      <c r="J11907" s="365"/>
      <c r="K11907" s="365"/>
      <c r="L11907" s="365"/>
    </row>
    <row r="11908" spans="2:12">
      <c r="B11908" s="367"/>
      <c r="C11908" s="367"/>
      <c r="D11908" s="367"/>
      <c r="E11908" s="367"/>
      <c r="F11908" s="360"/>
      <c r="G11908" s="360"/>
      <c r="H11908" s="360"/>
      <c r="I11908" s="360"/>
      <c r="J11908" s="365"/>
      <c r="K11908" s="365"/>
      <c r="L11908" s="365"/>
    </row>
    <row r="11909" spans="2:12">
      <c r="B11909" s="367"/>
      <c r="C11909" s="367"/>
      <c r="D11909" s="367"/>
      <c r="E11909" s="367"/>
      <c r="F11909" s="359" t="s">
        <v>14389</v>
      </c>
      <c r="G11909" s="359" t="s">
        <v>14388</v>
      </c>
      <c r="H11909" s="360"/>
      <c r="I11909" s="359" t="s">
        <v>14388</v>
      </c>
      <c r="J11909" s="365"/>
      <c r="K11909" s="365"/>
      <c r="L11909" s="365"/>
    </row>
    <row r="11910" spans="2:12">
      <c r="B11910" s="367"/>
      <c r="C11910" s="367"/>
      <c r="D11910" s="367"/>
      <c r="E11910" s="367"/>
      <c r="F11910" s="360"/>
      <c r="G11910" s="360"/>
      <c r="H11910" s="360"/>
      <c r="I11910" s="360"/>
      <c r="J11910" s="365"/>
      <c r="K11910" s="365"/>
      <c r="L11910" s="365"/>
    </row>
    <row r="11911" spans="2:12">
      <c r="B11911" s="368"/>
      <c r="C11911" s="368"/>
      <c r="D11911" s="368"/>
      <c r="E11911" s="368"/>
      <c r="F11911" s="362"/>
      <c r="G11911" s="361" t="s">
        <v>14390</v>
      </c>
      <c r="H11911" s="362"/>
      <c r="I11911" s="361" t="s">
        <v>14390</v>
      </c>
      <c r="J11911" s="366"/>
      <c r="K11911" s="366"/>
      <c r="L11911" s="366"/>
    </row>
    <row r="11912" spans="2:12">
      <c r="B11912" s="358" t="s">
        <v>20527</v>
      </c>
      <c r="C11912" s="358" t="s">
        <v>20528</v>
      </c>
      <c r="D11912" s="358" t="s">
        <v>20529</v>
      </c>
      <c r="E11912" s="358" t="s">
        <v>20530</v>
      </c>
      <c r="F11912" s="358" t="s">
        <v>14507</v>
      </c>
      <c r="G11912" s="358" t="s">
        <v>16526</v>
      </c>
      <c r="H11912" s="358" t="s">
        <v>14381</v>
      </c>
      <c r="I11912" s="358" t="s">
        <v>16526</v>
      </c>
      <c r="J11912" s="358"/>
      <c r="K11912" s="358"/>
      <c r="L11912" s="358"/>
    </row>
    <row r="11913" spans="2:12">
      <c r="B11913" s="367"/>
      <c r="C11913" s="367"/>
      <c r="D11913" s="367"/>
      <c r="E11913" s="367"/>
      <c r="F11913" s="367"/>
      <c r="G11913" s="367"/>
      <c r="H11913" s="360"/>
      <c r="I11913" s="367"/>
      <c r="J11913" s="365"/>
      <c r="K11913" s="365"/>
      <c r="L11913" s="365"/>
    </row>
    <row r="11914" spans="2:12">
      <c r="B11914" s="368"/>
      <c r="C11914" s="368"/>
      <c r="D11914" s="368"/>
      <c r="E11914" s="368"/>
      <c r="F11914" s="368"/>
      <c r="G11914" s="368"/>
      <c r="H11914" s="361" t="s">
        <v>14422</v>
      </c>
      <c r="I11914" s="368"/>
      <c r="J11914" s="366"/>
      <c r="K11914" s="366"/>
      <c r="L11914" s="366"/>
    </row>
    <row r="11915" spans="2:12">
      <c r="B11915" s="358" t="s">
        <v>20531</v>
      </c>
      <c r="C11915" s="358" t="s">
        <v>29256</v>
      </c>
      <c r="D11915" s="358" t="s">
        <v>20532</v>
      </c>
      <c r="E11915" s="358" t="s">
        <v>20533</v>
      </c>
      <c r="F11915" s="358" t="s">
        <v>14430</v>
      </c>
      <c r="G11915" s="358" t="s">
        <v>14431</v>
      </c>
      <c r="H11915" s="358" t="s">
        <v>14341</v>
      </c>
      <c r="I11915" s="358" t="s">
        <v>14431</v>
      </c>
      <c r="J11915" s="358"/>
      <c r="K11915" s="358"/>
      <c r="L11915" s="358"/>
    </row>
    <row r="11916" spans="2:12">
      <c r="B11916" s="367"/>
      <c r="C11916" s="367"/>
      <c r="D11916" s="367"/>
      <c r="E11916" s="367"/>
      <c r="F11916" s="367"/>
      <c r="G11916" s="367"/>
      <c r="H11916" s="360"/>
      <c r="I11916" s="367"/>
      <c r="J11916" s="365"/>
      <c r="K11916" s="365"/>
      <c r="L11916" s="365"/>
    </row>
    <row r="11917" spans="2:12">
      <c r="B11917" s="368"/>
      <c r="C11917" s="368"/>
      <c r="D11917" s="368"/>
      <c r="E11917" s="368"/>
      <c r="F11917" s="368"/>
      <c r="G11917" s="368"/>
      <c r="H11917" s="361" t="s">
        <v>14332</v>
      </c>
      <c r="I11917" s="368"/>
      <c r="J11917" s="366"/>
      <c r="K11917" s="366"/>
      <c r="L11917" s="366"/>
    </row>
    <row r="11918" spans="2:12" ht="28.5">
      <c r="B11918" s="358" t="s">
        <v>20534</v>
      </c>
      <c r="C11918" s="358" t="s">
        <v>30210</v>
      </c>
      <c r="D11918" s="358" t="s">
        <v>20536</v>
      </c>
      <c r="E11918" s="358" t="s">
        <v>20537</v>
      </c>
      <c r="F11918" s="358" t="s">
        <v>14389</v>
      </c>
      <c r="G11918" s="358" t="s">
        <v>14390</v>
      </c>
      <c r="H11918" s="358" t="s">
        <v>14367</v>
      </c>
      <c r="I11918" s="358" t="s">
        <v>14390</v>
      </c>
      <c r="J11918" s="358"/>
      <c r="K11918" s="358"/>
      <c r="L11918" s="358"/>
    </row>
    <row r="11919" spans="2:12">
      <c r="B11919" s="367"/>
      <c r="C11919" s="367"/>
      <c r="D11919" s="367"/>
      <c r="E11919" s="367"/>
      <c r="F11919" s="360"/>
      <c r="G11919" s="360"/>
      <c r="H11919" s="360"/>
      <c r="I11919" s="360"/>
      <c r="J11919" s="365"/>
      <c r="K11919" s="365"/>
      <c r="L11919" s="365"/>
    </row>
    <row r="11920" spans="2:12">
      <c r="B11920" s="367"/>
      <c r="C11920" s="367"/>
      <c r="D11920" s="367"/>
      <c r="E11920" s="367"/>
      <c r="F11920" s="359" t="s">
        <v>14391</v>
      </c>
      <c r="G11920" s="359" t="s">
        <v>14392</v>
      </c>
      <c r="H11920" s="359" t="s">
        <v>14370</v>
      </c>
      <c r="I11920" s="359" t="s">
        <v>14392</v>
      </c>
      <c r="J11920" s="365"/>
      <c r="K11920" s="365"/>
      <c r="L11920" s="365"/>
    </row>
    <row r="11921" spans="2:12">
      <c r="B11921" s="367"/>
      <c r="C11921" s="367"/>
      <c r="D11921" s="367"/>
      <c r="E11921" s="367"/>
      <c r="F11921" s="360"/>
      <c r="G11921" s="360"/>
      <c r="H11921" s="360"/>
      <c r="I11921" s="360"/>
      <c r="J11921" s="365"/>
      <c r="K11921" s="365"/>
      <c r="L11921" s="365"/>
    </row>
    <row r="11922" spans="2:12">
      <c r="B11922" s="367"/>
      <c r="C11922" s="367"/>
      <c r="D11922" s="367"/>
      <c r="E11922" s="367"/>
      <c r="F11922" s="359" t="s">
        <v>14371</v>
      </c>
      <c r="G11922" s="359" t="s">
        <v>14372</v>
      </c>
      <c r="H11922" s="359" t="s">
        <v>14422</v>
      </c>
      <c r="I11922" s="359" t="s">
        <v>14373</v>
      </c>
      <c r="J11922" s="365"/>
      <c r="K11922" s="365"/>
      <c r="L11922" s="365"/>
    </row>
    <row r="11923" spans="2:12">
      <c r="B11923" s="367"/>
      <c r="C11923" s="367"/>
      <c r="D11923" s="367"/>
      <c r="E11923" s="367"/>
      <c r="F11923" s="360"/>
      <c r="G11923" s="360"/>
      <c r="H11923" s="360"/>
      <c r="I11923" s="360"/>
      <c r="J11923" s="365"/>
      <c r="K11923" s="365"/>
      <c r="L11923" s="365"/>
    </row>
    <row r="11924" spans="2:12" ht="28.5">
      <c r="B11924" s="368"/>
      <c r="C11924" s="368"/>
      <c r="D11924" s="368"/>
      <c r="E11924" s="368"/>
      <c r="F11924" s="361" t="s">
        <v>14374</v>
      </c>
      <c r="G11924" s="361" t="s">
        <v>14373</v>
      </c>
      <c r="H11924" s="362"/>
      <c r="I11924" s="362"/>
      <c r="J11924" s="366"/>
      <c r="K11924" s="366"/>
      <c r="L11924" s="366"/>
    </row>
    <row r="11925" spans="2:12">
      <c r="B11925" s="358" t="s">
        <v>20538</v>
      </c>
      <c r="C11925" s="358" t="s">
        <v>20539</v>
      </c>
      <c r="D11925" s="358" t="s">
        <v>20540</v>
      </c>
      <c r="E11925" s="358" t="s">
        <v>20541</v>
      </c>
      <c r="F11925" s="358" t="s">
        <v>14386</v>
      </c>
      <c r="G11925" s="358" t="s">
        <v>14387</v>
      </c>
      <c r="H11925" s="358" t="s">
        <v>14367</v>
      </c>
      <c r="I11925" s="358" t="s">
        <v>14387</v>
      </c>
      <c r="J11925" s="358"/>
      <c r="K11925" s="358"/>
      <c r="L11925" s="358"/>
    </row>
    <row r="11926" spans="2:12">
      <c r="B11926" s="367"/>
      <c r="C11926" s="367"/>
      <c r="D11926" s="367"/>
      <c r="E11926" s="367"/>
      <c r="F11926" s="360"/>
      <c r="G11926" s="360"/>
      <c r="H11926" s="360"/>
      <c r="I11926" s="360"/>
      <c r="J11926" s="365"/>
      <c r="K11926" s="365"/>
      <c r="L11926" s="365"/>
    </row>
    <row r="11927" spans="2:12">
      <c r="B11927" s="367"/>
      <c r="C11927" s="367"/>
      <c r="D11927" s="367"/>
      <c r="E11927" s="367"/>
      <c r="F11927" s="359" t="s">
        <v>14368</v>
      </c>
      <c r="G11927" s="359" t="s">
        <v>14388</v>
      </c>
      <c r="H11927" s="359" t="s">
        <v>14370</v>
      </c>
      <c r="I11927" s="359" t="s">
        <v>14388</v>
      </c>
      <c r="J11927" s="365"/>
      <c r="K11927" s="365"/>
      <c r="L11927" s="365"/>
    </row>
    <row r="11928" spans="2:12">
      <c r="B11928" s="367"/>
      <c r="C11928" s="367"/>
      <c r="D11928" s="367"/>
      <c r="E11928" s="367"/>
      <c r="F11928" s="360"/>
      <c r="G11928" s="360"/>
      <c r="H11928" s="360"/>
      <c r="I11928" s="360"/>
      <c r="J11928" s="365"/>
      <c r="K11928" s="365"/>
      <c r="L11928" s="365"/>
    </row>
    <row r="11929" spans="2:12">
      <c r="B11929" s="367"/>
      <c r="C11929" s="367"/>
      <c r="D11929" s="367"/>
      <c r="E11929" s="367"/>
      <c r="F11929" s="359" t="s">
        <v>14389</v>
      </c>
      <c r="G11929" s="359" t="s">
        <v>14390</v>
      </c>
      <c r="H11929" s="359" t="s">
        <v>14422</v>
      </c>
      <c r="I11929" s="359" t="s">
        <v>14390</v>
      </c>
      <c r="J11929" s="365"/>
      <c r="K11929" s="365"/>
      <c r="L11929" s="365"/>
    </row>
    <row r="11930" spans="2:12">
      <c r="B11930" s="367"/>
      <c r="C11930" s="367"/>
      <c r="D11930" s="367"/>
      <c r="E11930" s="367"/>
      <c r="F11930" s="360"/>
      <c r="G11930" s="360"/>
      <c r="H11930" s="360"/>
      <c r="I11930" s="360"/>
      <c r="J11930" s="365"/>
      <c r="K11930" s="365"/>
      <c r="L11930" s="365"/>
    </row>
    <row r="11931" spans="2:12">
      <c r="B11931" s="367"/>
      <c r="C11931" s="367"/>
      <c r="D11931" s="367"/>
      <c r="E11931" s="367"/>
      <c r="F11931" s="359" t="s">
        <v>14391</v>
      </c>
      <c r="G11931" s="359" t="s">
        <v>14392</v>
      </c>
      <c r="H11931" s="360"/>
      <c r="I11931" s="359" t="s">
        <v>14392</v>
      </c>
      <c r="J11931" s="365"/>
      <c r="K11931" s="365"/>
      <c r="L11931" s="365"/>
    </row>
    <row r="11932" spans="2:12">
      <c r="B11932" s="367"/>
      <c r="C11932" s="367"/>
      <c r="D11932" s="367"/>
      <c r="E11932" s="367"/>
      <c r="F11932" s="360"/>
      <c r="G11932" s="360"/>
      <c r="H11932" s="360"/>
      <c r="I11932" s="360"/>
      <c r="J11932" s="365"/>
      <c r="K11932" s="365"/>
      <c r="L11932" s="365"/>
    </row>
    <row r="11933" spans="2:12" ht="28.5">
      <c r="B11933" s="368"/>
      <c r="C11933" s="368"/>
      <c r="D11933" s="368"/>
      <c r="E11933" s="368"/>
      <c r="F11933" s="361" t="s">
        <v>14394</v>
      </c>
      <c r="G11933" s="361" t="s">
        <v>14395</v>
      </c>
      <c r="H11933" s="362"/>
      <c r="I11933" s="361" t="s">
        <v>14395</v>
      </c>
      <c r="J11933" s="366"/>
      <c r="K11933" s="366"/>
      <c r="L11933" s="366"/>
    </row>
    <row r="11934" spans="2:12" ht="28.5">
      <c r="B11934" s="358" t="s">
        <v>20542</v>
      </c>
      <c r="C11934" s="358" t="s">
        <v>30211</v>
      </c>
      <c r="D11934" s="358" t="s">
        <v>20543</v>
      </c>
      <c r="E11934" s="358" t="s">
        <v>20544</v>
      </c>
      <c r="F11934" s="358" t="s">
        <v>14394</v>
      </c>
      <c r="G11934" s="358" t="s">
        <v>14395</v>
      </c>
      <c r="H11934" s="358" t="s">
        <v>14370</v>
      </c>
      <c r="I11934" s="358" t="s">
        <v>14395</v>
      </c>
      <c r="J11934" s="358"/>
      <c r="K11934" s="358"/>
      <c r="L11934" s="358"/>
    </row>
    <row r="11935" spans="2:12">
      <c r="B11935" s="368"/>
      <c r="C11935" s="368"/>
      <c r="D11935" s="368"/>
      <c r="E11935" s="368"/>
      <c r="F11935" s="368"/>
      <c r="G11935" s="368"/>
      <c r="H11935" s="368"/>
      <c r="I11935" s="368"/>
      <c r="J11935" s="366"/>
      <c r="K11935" s="366"/>
      <c r="L11935" s="366"/>
    </row>
    <row r="11936" spans="2:12" ht="42.75">
      <c r="B11936" s="358" t="s">
        <v>20545</v>
      </c>
      <c r="C11936" s="358" t="s">
        <v>29257</v>
      </c>
      <c r="D11936" s="358" t="s">
        <v>20546</v>
      </c>
      <c r="E11936" s="358" t="s">
        <v>20547</v>
      </c>
      <c r="F11936" s="358" t="s">
        <v>14386</v>
      </c>
      <c r="G11936" s="358" t="s">
        <v>14387</v>
      </c>
      <c r="H11936" s="358" t="s">
        <v>14367</v>
      </c>
      <c r="I11936" s="358" t="s">
        <v>14387</v>
      </c>
      <c r="J11936" s="358"/>
      <c r="K11936" s="358" t="s">
        <v>28685</v>
      </c>
      <c r="L11936" s="358"/>
    </row>
    <row r="11937" spans="2:12">
      <c r="B11937" s="367"/>
      <c r="C11937" s="367"/>
      <c r="D11937" s="367"/>
      <c r="E11937" s="367"/>
      <c r="F11937" s="360"/>
      <c r="G11937" s="360"/>
      <c r="H11937" s="360"/>
      <c r="I11937" s="360"/>
      <c r="J11937" s="365"/>
      <c r="K11937" s="367"/>
      <c r="L11937" s="365"/>
    </row>
    <row r="11938" spans="2:12">
      <c r="B11938" s="367"/>
      <c r="C11938" s="367"/>
      <c r="D11938" s="367"/>
      <c r="E11938" s="367"/>
      <c r="F11938" s="359" t="s">
        <v>14368</v>
      </c>
      <c r="G11938" s="359" t="s">
        <v>14388</v>
      </c>
      <c r="H11938" s="359" t="s">
        <v>14422</v>
      </c>
      <c r="I11938" s="359" t="s">
        <v>14388</v>
      </c>
      <c r="J11938" s="365"/>
      <c r="K11938" s="367"/>
      <c r="L11938" s="365"/>
    </row>
    <row r="11939" spans="2:12">
      <c r="B11939" s="367"/>
      <c r="C11939" s="367"/>
      <c r="D11939" s="367"/>
      <c r="E11939" s="367"/>
      <c r="F11939" s="360"/>
      <c r="G11939" s="360"/>
      <c r="H11939" s="360"/>
      <c r="I11939" s="360"/>
      <c r="J11939" s="365"/>
      <c r="K11939" s="367"/>
      <c r="L11939" s="365"/>
    </row>
    <row r="11940" spans="2:12">
      <c r="B11940" s="368"/>
      <c r="C11940" s="368"/>
      <c r="D11940" s="368"/>
      <c r="E11940" s="368"/>
      <c r="F11940" s="361" t="s">
        <v>14389</v>
      </c>
      <c r="G11940" s="361" t="s">
        <v>14390</v>
      </c>
      <c r="H11940" s="362"/>
      <c r="I11940" s="361" t="s">
        <v>14390</v>
      </c>
      <c r="J11940" s="366"/>
      <c r="K11940" s="368"/>
      <c r="L11940" s="366"/>
    </row>
    <row r="11941" spans="2:12" ht="42.75">
      <c r="B11941" s="358" t="s">
        <v>20548</v>
      </c>
      <c r="C11941" s="358" t="s">
        <v>20549</v>
      </c>
      <c r="D11941" s="358" t="s">
        <v>20550</v>
      </c>
      <c r="E11941" s="358" t="s">
        <v>20551</v>
      </c>
      <c r="F11941" s="358" t="s">
        <v>14386</v>
      </c>
      <c r="G11941" s="358" t="s">
        <v>14387</v>
      </c>
      <c r="H11941" s="358" t="s">
        <v>14367</v>
      </c>
      <c r="I11941" s="358" t="s">
        <v>14387</v>
      </c>
      <c r="J11941" s="358"/>
      <c r="K11941" s="358" t="s">
        <v>28685</v>
      </c>
      <c r="L11941" s="358"/>
    </row>
    <row r="11942" spans="2:12">
      <c r="B11942" s="367"/>
      <c r="C11942" s="367"/>
      <c r="D11942" s="367"/>
      <c r="E11942" s="367"/>
      <c r="F11942" s="360"/>
      <c r="G11942" s="360"/>
      <c r="H11942" s="360"/>
      <c r="I11942" s="360"/>
      <c r="J11942" s="365"/>
      <c r="K11942" s="367"/>
      <c r="L11942" s="365"/>
    </row>
    <row r="11943" spans="2:12">
      <c r="B11943" s="367"/>
      <c r="C11943" s="367"/>
      <c r="D11943" s="367"/>
      <c r="E11943" s="367"/>
      <c r="F11943" s="359" t="s">
        <v>14368</v>
      </c>
      <c r="G11943" s="359" t="s">
        <v>14388</v>
      </c>
      <c r="H11943" s="359" t="s">
        <v>14422</v>
      </c>
      <c r="I11943" s="359" t="s">
        <v>14388</v>
      </c>
      <c r="J11943" s="365"/>
      <c r="K11943" s="367"/>
      <c r="L11943" s="365"/>
    </row>
    <row r="11944" spans="2:12">
      <c r="B11944" s="367"/>
      <c r="C11944" s="367"/>
      <c r="D11944" s="367"/>
      <c r="E11944" s="367"/>
      <c r="F11944" s="360"/>
      <c r="G11944" s="360"/>
      <c r="H11944" s="360"/>
      <c r="I11944" s="360"/>
      <c r="J11944" s="365"/>
      <c r="K11944" s="367"/>
      <c r="L11944" s="365"/>
    </row>
    <row r="11945" spans="2:12">
      <c r="B11945" s="368"/>
      <c r="C11945" s="368"/>
      <c r="D11945" s="368"/>
      <c r="E11945" s="368"/>
      <c r="F11945" s="361" t="s">
        <v>14389</v>
      </c>
      <c r="G11945" s="361" t="s">
        <v>14390</v>
      </c>
      <c r="H11945" s="362"/>
      <c r="I11945" s="361" t="s">
        <v>14390</v>
      </c>
      <c r="J11945" s="366"/>
      <c r="K11945" s="368"/>
      <c r="L11945" s="366"/>
    </row>
    <row r="11946" spans="2:12" ht="28.5">
      <c r="B11946" s="358" t="s">
        <v>20552</v>
      </c>
      <c r="C11946" s="358" t="s">
        <v>29258</v>
      </c>
      <c r="D11946" s="358" t="s">
        <v>20553</v>
      </c>
      <c r="E11946" s="358" t="s">
        <v>20554</v>
      </c>
      <c r="F11946" s="358" t="s">
        <v>14394</v>
      </c>
      <c r="G11946" s="358" t="s">
        <v>14395</v>
      </c>
      <c r="H11946" s="358" t="s">
        <v>14370</v>
      </c>
      <c r="I11946" s="358" t="s">
        <v>14395</v>
      </c>
      <c r="J11946" s="358"/>
      <c r="K11946" s="358"/>
      <c r="L11946" s="358"/>
    </row>
    <row r="11947" spans="2:12">
      <c r="B11947" s="368"/>
      <c r="C11947" s="368"/>
      <c r="D11947" s="368"/>
      <c r="E11947" s="368"/>
      <c r="F11947" s="368"/>
      <c r="G11947" s="368"/>
      <c r="H11947" s="368"/>
      <c r="I11947" s="368"/>
      <c r="J11947" s="366"/>
      <c r="K11947" s="366"/>
      <c r="L11947" s="366"/>
    </row>
    <row r="11948" spans="2:12" ht="28.5">
      <c r="B11948" s="358" t="s">
        <v>20555</v>
      </c>
      <c r="C11948" s="358" t="s">
        <v>30212</v>
      </c>
      <c r="D11948" s="358" t="s">
        <v>8356</v>
      </c>
      <c r="E11948" s="358" t="s">
        <v>20556</v>
      </c>
      <c r="F11948" s="358" t="s">
        <v>14420</v>
      </c>
      <c r="G11948" s="358" t="s">
        <v>14429</v>
      </c>
      <c r="H11948" s="358" t="s">
        <v>14367</v>
      </c>
      <c r="I11948" s="358" t="s">
        <v>14429</v>
      </c>
      <c r="J11948" s="358"/>
      <c r="K11948" s="358"/>
      <c r="L11948" s="358"/>
    </row>
    <row r="11949" spans="2:12">
      <c r="B11949" s="367"/>
      <c r="C11949" s="367"/>
      <c r="D11949" s="367"/>
      <c r="E11949" s="367"/>
      <c r="F11949" s="360"/>
      <c r="G11949" s="360"/>
      <c r="H11949" s="360"/>
      <c r="I11949" s="360"/>
      <c r="J11949" s="365"/>
      <c r="K11949" s="365"/>
      <c r="L11949" s="365"/>
    </row>
    <row r="11950" spans="2:12">
      <c r="B11950" s="367"/>
      <c r="C11950" s="367"/>
      <c r="D11950" s="367"/>
      <c r="E11950" s="367"/>
      <c r="F11950" s="359" t="s">
        <v>14389</v>
      </c>
      <c r="G11950" s="359" t="s">
        <v>14390</v>
      </c>
      <c r="H11950" s="359" t="s">
        <v>14370</v>
      </c>
      <c r="I11950" s="359" t="s">
        <v>14390</v>
      </c>
      <c r="J11950" s="365"/>
      <c r="K11950" s="365"/>
      <c r="L11950" s="365"/>
    </row>
    <row r="11951" spans="2:12">
      <c r="B11951" s="367"/>
      <c r="C11951" s="367"/>
      <c r="D11951" s="367"/>
      <c r="E11951" s="367"/>
      <c r="F11951" s="360"/>
      <c r="G11951" s="360"/>
      <c r="H11951" s="360"/>
      <c r="I11951" s="360"/>
      <c r="J11951" s="365"/>
      <c r="K11951" s="365"/>
      <c r="L11951" s="365"/>
    </row>
    <row r="11952" spans="2:12">
      <c r="B11952" s="367"/>
      <c r="C11952" s="367"/>
      <c r="D11952" s="367"/>
      <c r="E11952" s="367"/>
      <c r="F11952" s="359" t="s">
        <v>14371</v>
      </c>
      <c r="G11952" s="359" t="s">
        <v>14372</v>
      </c>
      <c r="H11952" s="359" t="s">
        <v>14422</v>
      </c>
      <c r="I11952" s="359" t="s">
        <v>14373</v>
      </c>
      <c r="J11952" s="365"/>
      <c r="K11952" s="365"/>
      <c r="L11952" s="365"/>
    </row>
    <row r="11953" spans="2:12">
      <c r="B11953" s="367"/>
      <c r="C11953" s="367"/>
      <c r="D11953" s="367"/>
      <c r="E11953" s="367"/>
      <c r="F11953" s="360"/>
      <c r="G11953" s="360"/>
      <c r="H11953" s="360"/>
      <c r="I11953" s="360"/>
      <c r="J11953" s="365"/>
      <c r="K11953" s="365"/>
      <c r="L11953" s="365"/>
    </row>
    <row r="11954" spans="2:12" ht="28.5">
      <c r="B11954" s="368"/>
      <c r="C11954" s="368"/>
      <c r="D11954" s="368"/>
      <c r="E11954" s="368"/>
      <c r="F11954" s="361" t="s">
        <v>14374</v>
      </c>
      <c r="G11954" s="361" t="s">
        <v>14373</v>
      </c>
      <c r="H11954" s="362"/>
      <c r="I11954" s="362"/>
      <c r="J11954" s="366"/>
      <c r="K11954" s="366"/>
      <c r="L11954" s="366"/>
    </row>
    <row r="11955" spans="2:12" ht="28.5">
      <c r="B11955" s="358" t="s">
        <v>20557</v>
      </c>
      <c r="C11955" s="358" t="s">
        <v>29259</v>
      </c>
      <c r="D11955" s="358" t="s">
        <v>20558</v>
      </c>
      <c r="E11955" s="358" t="s">
        <v>20559</v>
      </c>
      <c r="F11955" s="358" t="s">
        <v>14379</v>
      </c>
      <c r="G11955" s="358" t="s">
        <v>14380</v>
      </c>
      <c r="H11955" s="358" t="s">
        <v>14378</v>
      </c>
      <c r="I11955" s="358" t="s">
        <v>14380</v>
      </c>
      <c r="J11955" s="358"/>
      <c r="K11955" s="358"/>
      <c r="L11955" s="358"/>
    </row>
    <row r="11956" spans="2:12">
      <c r="B11956" s="367"/>
      <c r="C11956" s="367"/>
      <c r="D11956" s="367"/>
      <c r="E11956" s="367"/>
      <c r="F11956" s="360"/>
      <c r="G11956" s="360"/>
      <c r="H11956" s="360"/>
      <c r="I11956" s="360"/>
      <c r="J11956" s="365"/>
      <c r="K11956" s="365"/>
      <c r="L11956" s="365"/>
    </row>
    <row r="11957" spans="2:12">
      <c r="B11957" s="367"/>
      <c r="C11957" s="367"/>
      <c r="D11957" s="367"/>
      <c r="E11957" s="367"/>
      <c r="F11957" s="359" t="s">
        <v>14382</v>
      </c>
      <c r="G11957" s="359" t="s">
        <v>14383</v>
      </c>
      <c r="H11957" s="359" t="s">
        <v>14370</v>
      </c>
      <c r="I11957" s="359" t="s">
        <v>14383</v>
      </c>
      <c r="J11957" s="365"/>
      <c r="K11957" s="365"/>
      <c r="L11957" s="365"/>
    </row>
    <row r="11958" spans="2:12">
      <c r="B11958" s="367"/>
      <c r="C11958" s="367"/>
      <c r="D11958" s="367"/>
      <c r="E11958" s="367"/>
      <c r="F11958" s="360"/>
      <c r="G11958" s="360"/>
      <c r="H11958" s="360"/>
      <c r="I11958" s="360"/>
      <c r="J11958" s="365"/>
      <c r="K11958" s="365"/>
      <c r="L11958" s="365"/>
    </row>
    <row r="11959" spans="2:12" ht="28.5">
      <c r="B11959" s="367"/>
      <c r="C11959" s="367"/>
      <c r="D11959" s="367"/>
      <c r="E11959" s="367"/>
      <c r="F11959" s="359" t="s">
        <v>29049</v>
      </c>
      <c r="G11959" s="359" t="s">
        <v>14421</v>
      </c>
      <c r="H11959" s="359" t="s">
        <v>14332</v>
      </c>
      <c r="I11959" s="359" t="s">
        <v>14421</v>
      </c>
      <c r="J11959" s="365"/>
      <c r="K11959" s="365"/>
      <c r="L11959" s="365"/>
    </row>
    <row r="11960" spans="2:12">
      <c r="B11960" s="367"/>
      <c r="C11960" s="367"/>
      <c r="D11960" s="367"/>
      <c r="E11960" s="367"/>
      <c r="F11960" s="360"/>
      <c r="G11960" s="360"/>
      <c r="H11960" s="360"/>
      <c r="I11960" s="360"/>
      <c r="J11960" s="365"/>
      <c r="K11960" s="365"/>
      <c r="L11960" s="365"/>
    </row>
    <row r="11961" spans="2:12" ht="28.5">
      <c r="B11961" s="367"/>
      <c r="C11961" s="367"/>
      <c r="D11961" s="367"/>
      <c r="E11961" s="367"/>
      <c r="F11961" s="359" t="s">
        <v>14374</v>
      </c>
      <c r="G11961" s="359" t="s">
        <v>14372</v>
      </c>
      <c r="H11961" s="360"/>
      <c r="I11961" s="359" t="s">
        <v>14373</v>
      </c>
      <c r="J11961" s="365"/>
      <c r="K11961" s="365"/>
      <c r="L11961" s="365"/>
    </row>
    <row r="11962" spans="2:12">
      <c r="B11962" s="367"/>
      <c r="C11962" s="367"/>
      <c r="D11962" s="367"/>
      <c r="E11962" s="367"/>
      <c r="F11962" s="360"/>
      <c r="G11962" s="360"/>
      <c r="H11962" s="360"/>
      <c r="I11962" s="360"/>
      <c r="J11962" s="365"/>
      <c r="K11962" s="365"/>
      <c r="L11962" s="365"/>
    </row>
    <row r="11963" spans="2:12">
      <c r="B11963" s="368"/>
      <c r="C11963" s="368"/>
      <c r="D11963" s="368"/>
      <c r="E11963" s="368"/>
      <c r="F11963" s="362"/>
      <c r="G11963" s="361" t="s">
        <v>14373</v>
      </c>
      <c r="H11963" s="362"/>
      <c r="I11963" s="362"/>
      <c r="J11963" s="366"/>
      <c r="K11963" s="366"/>
      <c r="L11963" s="366"/>
    </row>
    <row r="11964" spans="2:12" ht="99.75">
      <c r="B11964" s="358" t="s">
        <v>20560</v>
      </c>
      <c r="C11964" s="358" t="s">
        <v>30213</v>
      </c>
      <c r="D11964" s="358" t="s">
        <v>20561</v>
      </c>
      <c r="E11964" s="358" t="s">
        <v>20562</v>
      </c>
      <c r="F11964" s="358" t="s">
        <v>14430</v>
      </c>
      <c r="G11964" s="358" t="s">
        <v>14431</v>
      </c>
      <c r="H11964" s="358" t="s">
        <v>14381</v>
      </c>
      <c r="I11964" s="358" t="s">
        <v>14431</v>
      </c>
      <c r="J11964" s="358"/>
      <c r="K11964" s="358"/>
      <c r="L11964" s="358" t="s">
        <v>14611</v>
      </c>
    </row>
    <row r="11965" spans="2:12">
      <c r="B11965" s="367"/>
      <c r="C11965" s="367"/>
      <c r="D11965" s="360"/>
      <c r="E11965" s="360"/>
      <c r="F11965" s="360"/>
      <c r="G11965" s="360"/>
      <c r="H11965" s="360"/>
      <c r="I11965" s="360"/>
      <c r="J11965" s="365"/>
      <c r="K11965" s="365"/>
      <c r="L11965" s="367"/>
    </row>
    <row r="11966" spans="2:12" ht="28.5">
      <c r="B11966" s="367"/>
      <c r="C11966" s="367"/>
      <c r="D11966" s="359" t="s">
        <v>20563</v>
      </c>
      <c r="E11966" s="359" t="s">
        <v>20564</v>
      </c>
      <c r="F11966" s="359" t="s">
        <v>14814</v>
      </c>
      <c r="G11966" s="359" t="s">
        <v>14815</v>
      </c>
      <c r="H11966" s="359" t="s">
        <v>14341</v>
      </c>
      <c r="I11966" s="359" t="s">
        <v>14815</v>
      </c>
      <c r="J11966" s="365"/>
      <c r="K11966" s="365"/>
      <c r="L11966" s="367"/>
    </row>
    <row r="11967" spans="2:12">
      <c r="B11967" s="367"/>
      <c r="C11967" s="367"/>
      <c r="D11967" s="360"/>
      <c r="E11967" s="360"/>
      <c r="F11967" s="360"/>
      <c r="G11967" s="360"/>
      <c r="H11967" s="360"/>
      <c r="I11967" s="360"/>
      <c r="J11967" s="365"/>
      <c r="K11967" s="365"/>
      <c r="L11967" s="367"/>
    </row>
    <row r="11968" spans="2:12" ht="28.5">
      <c r="B11968" s="367"/>
      <c r="C11968" s="367"/>
      <c r="D11968" s="359" t="s">
        <v>20565</v>
      </c>
      <c r="E11968" s="359" t="s">
        <v>20566</v>
      </c>
      <c r="F11968" s="359" t="s">
        <v>14391</v>
      </c>
      <c r="G11968" s="359" t="s">
        <v>14392</v>
      </c>
      <c r="H11968" s="359" t="s">
        <v>14332</v>
      </c>
      <c r="I11968" s="359" t="s">
        <v>14392</v>
      </c>
      <c r="J11968" s="365"/>
      <c r="K11968" s="365"/>
      <c r="L11968" s="367"/>
    </row>
    <row r="11969" spans="2:12">
      <c r="B11969" s="367"/>
      <c r="C11969" s="367"/>
      <c r="D11969" s="360"/>
      <c r="E11969" s="360"/>
      <c r="F11969" s="360"/>
      <c r="G11969" s="360"/>
      <c r="H11969" s="360"/>
      <c r="I11969" s="360"/>
      <c r="J11969" s="365"/>
      <c r="K11969" s="365"/>
      <c r="L11969" s="367"/>
    </row>
    <row r="11970" spans="2:12" ht="28.5">
      <c r="B11970" s="367"/>
      <c r="C11970" s="367"/>
      <c r="D11970" s="359" t="s">
        <v>20567</v>
      </c>
      <c r="E11970" s="359" t="s">
        <v>20568</v>
      </c>
      <c r="F11970" s="360"/>
      <c r="G11970" s="360"/>
      <c r="H11970" s="360"/>
      <c r="I11970" s="360"/>
      <c r="J11970" s="365"/>
      <c r="K11970" s="365"/>
      <c r="L11970" s="367"/>
    </row>
    <row r="11971" spans="2:12">
      <c r="B11971" s="367"/>
      <c r="C11971" s="367"/>
      <c r="D11971" s="360"/>
      <c r="E11971" s="360"/>
      <c r="F11971" s="360"/>
      <c r="G11971" s="360"/>
      <c r="H11971" s="360"/>
      <c r="I11971" s="360"/>
      <c r="J11971" s="365"/>
      <c r="K11971" s="365"/>
      <c r="L11971" s="367"/>
    </row>
    <row r="11972" spans="2:12" ht="28.5">
      <c r="B11972" s="367"/>
      <c r="C11972" s="367"/>
      <c r="D11972" s="359" t="s">
        <v>20569</v>
      </c>
      <c r="E11972" s="359" t="s">
        <v>20570</v>
      </c>
      <c r="F11972" s="360"/>
      <c r="G11972" s="360"/>
      <c r="H11972" s="360"/>
      <c r="I11972" s="360"/>
      <c r="J11972" s="365"/>
      <c r="K11972" s="365"/>
      <c r="L11972" s="367"/>
    </row>
    <row r="11973" spans="2:12">
      <c r="B11973" s="367"/>
      <c r="C11973" s="367"/>
      <c r="D11973" s="360"/>
      <c r="E11973" s="360"/>
      <c r="F11973" s="360"/>
      <c r="G11973" s="360"/>
      <c r="H11973" s="360"/>
      <c r="I11973" s="360"/>
      <c r="J11973" s="365"/>
      <c r="K11973" s="365"/>
      <c r="L11973" s="367"/>
    </row>
    <row r="11974" spans="2:12" ht="28.5">
      <c r="B11974" s="367"/>
      <c r="C11974" s="367"/>
      <c r="D11974" s="359" t="s">
        <v>20571</v>
      </c>
      <c r="E11974" s="359" t="s">
        <v>20572</v>
      </c>
      <c r="F11974" s="360"/>
      <c r="G11974" s="360"/>
      <c r="H11974" s="360"/>
      <c r="I11974" s="360"/>
      <c r="J11974" s="365"/>
      <c r="K11974" s="365"/>
      <c r="L11974" s="367"/>
    </row>
    <row r="11975" spans="2:12">
      <c r="B11975" s="367"/>
      <c r="C11975" s="367"/>
      <c r="D11975" s="360"/>
      <c r="E11975" s="360"/>
      <c r="F11975" s="360"/>
      <c r="G11975" s="360"/>
      <c r="H11975" s="360"/>
      <c r="I11975" s="360"/>
      <c r="J11975" s="365"/>
      <c r="K11975" s="365"/>
      <c r="L11975" s="367"/>
    </row>
    <row r="11976" spans="2:12" ht="28.5">
      <c r="B11976" s="368"/>
      <c r="C11976" s="368"/>
      <c r="D11976" s="361" t="s">
        <v>20573</v>
      </c>
      <c r="E11976" s="361" t="s">
        <v>20574</v>
      </c>
      <c r="F11976" s="362"/>
      <c r="G11976" s="362"/>
      <c r="H11976" s="362"/>
      <c r="I11976" s="362"/>
      <c r="J11976" s="366"/>
      <c r="K11976" s="366"/>
      <c r="L11976" s="368"/>
    </row>
    <row r="11977" spans="2:12" ht="57">
      <c r="B11977" s="358" t="s">
        <v>20575</v>
      </c>
      <c r="C11977" s="358" t="s">
        <v>29260</v>
      </c>
      <c r="D11977" s="358" t="s">
        <v>20576</v>
      </c>
      <c r="E11977" s="358" t="s">
        <v>20577</v>
      </c>
      <c r="F11977" s="358" t="s">
        <v>14430</v>
      </c>
      <c r="G11977" s="358" t="s">
        <v>14431</v>
      </c>
      <c r="H11977" s="358" t="s">
        <v>14381</v>
      </c>
      <c r="I11977" s="358" t="s">
        <v>14431</v>
      </c>
      <c r="J11977" s="358"/>
      <c r="K11977" s="358"/>
      <c r="L11977" s="358" t="s">
        <v>14611</v>
      </c>
    </row>
    <row r="11978" spans="2:12">
      <c r="B11978" s="367"/>
      <c r="C11978" s="367"/>
      <c r="D11978" s="360"/>
      <c r="E11978" s="360"/>
      <c r="F11978" s="360"/>
      <c r="G11978" s="360"/>
      <c r="H11978" s="360"/>
      <c r="I11978" s="360"/>
      <c r="J11978" s="365"/>
      <c r="K11978" s="365"/>
      <c r="L11978" s="367"/>
    </row>
    <row r="11979" spans="2:12" ht="28.5">
      <c r="B11979" s="367"/>
      <c r="C11979" s="367"/>
      <c r="D11979" s="359" t="s">
        <v>20578</v>
      </c>
      <c r="E11979" s="359" t="s">
        <v>20579</v>
      </c>
      <c r="F11979" s="359" t="s">
        <v>14814</v>
      </c>
      <c r="G11979" s="359" t="s">
        <v>14815</v>
      </c>
      <c r="H11979" s="359" t="s">
        <v>14341</v>
      </c>
      <c r="I11979" s="359" t="s">
        <v>14815</v>
      </c>
      <c r="J11979" s="365"/>
      <c r="K11979" s="365"/>
      <c r="L11979" s="367"/>
    </row>
    <row r="11980" spans="2:12">
      <c r="B11980" s="367"/>
      <c r="C11980" s="367"/>
      <c r="D11980" s="360"/>
      <c r="E11980" s="360"/>
      <c r="F11980" s="360"/>
      <c r="G11980" s="360"/>
      <c r="H11980" s="360"/>
      <c r="I11980" s="360"/>
      <c r="J11980" s="365"/>
      <c r="K11980" s="365"/>
      <c r="L11980" s="367"/>
    </row>
    <row r="11981" spans="2:12" ht="28.5">
      <c r="B11981" s="367"/>
      <c r="C11981" s="367"/>
      <c r="D11981" s="359" t="s">
        <v>20580</v>
      </c>
      <c r="E11981" s="359" t="s">
        <v>20581</v>
      </c>
      <c r="F11981" s="359" t="s">
        <v>14391</v>
      </c>
      <c r="G11981" s="359" t="s">
        <v>14392</v>
      </c>
      <c r="H11981" s="359" t="s">
        <v>14332</v>
      </c>
      <c r="I11981" s="359" t="s">
        <v>14392</v>
      </c>
      <c r="J11981" s="365"/>
      <c r="K11981" s="365"/>
      <c r="L11981" s="367"/>
    </row>
    <row r="11982" spans="2:12">
      <c r="B11982" s="367"/>
      <c r="C11982" s="367"/>
      <c r="D11982" s="360"/>
      <c r="E11982" s="360"/>
      <c r="F11982" s="360"/>
      <c r="G11982" s="360"/>
      <c r="H11982" s="360"/>
      <c r="I11982" s="360"/>
      <c r="J11982" s="365"/>
      <c r="K11982" s="365"/>
      <c r="L11982" s="367"/>
    </row>
    <row r="11983" spans="2:12" ht="28.5">
      <c r="B11983" s="368"/>
      <c r="C11983" s="368"/>
      <c r="D11983" s="361" t="s">
        <v>20582</v>
      </c>
      <c r="E11983" s="361" t="s">
        <v>20583</v>
      </c>
      <c r="F11983" s="362"/>
      <c r="G11983" s="362"/>
      <c r="H11983" s="362"/>
      <c r="I11983" s="362"/>
      <c r="J11983" s="366"/>
      <c r="K11983" s="366"/>
      <c r="L11983" s="368"/>
    </row>
    <row r="11984" spans="2:12">
      <c r="B11984" s="358" t="s">
        <v>20584</v>
      </c>
      <c r="C11984" s="358" t="s">
        <v>20585</v>
      </c>
      <c r="D11984" s="358" t="s">
        <v>20586</v>
      </c>
      <c r="E11984" s="358" t="s">
        <v>20587</v>
      </c>
      <c r="F11984" s="358" t="s">
        <v>14430</v>
      </c>
      <c r="G11984" s="358" t="s">
        <v>14431</v>
      </c>
      <c r="H11984" s="358" t="s">
        <v>14381</v>
      </c>
      <c r="I11984" s="358" t="s">
        <v>14431</v>
      </c>
      <c r="J11984" s="358"/>
      <c r="K11984" s="358"/>
      <c r="L11984" s="358"/>
    </row>
    <row r="11985" spans="2:12">
      <c r="B11985" s="367"/>
      <c r="C11985" s="367"/>
      <c r="D11985" s="367"/>
      <c r="E11985" s="367"/>
      <c r="F11985" s="360"/>
      <c r="G11985" s="360"/>
      <c r="H11985" s="360"/>
      <c r="I11985" s="360"/>
      <c r="J11985" s="365"/>
      <c r="K11985" s="365"/>
      <c r="L11985" s="365"/>
    </row>
    <row r="11986" spans="2:12">
      <c r="B11986" s="367"/>
      <c r="C11986" s="367"/>
      <c r="D11986" s="367"/>
      <c r="E11986" s="367"/>
      <c r="F11986" s="359" t="s">
        <v>14814</v>
      </c>
      <c r="G11986" s="359" t="s">
        <v>14815</v>
      </c>
      <c r="H11986" s="359" t="s">
        <v>14341</v>
      </c>
      <c r="I11986" s="359" t="s">
        <v>14815</v>
      </c>
      <c r="J11986" s="365"/>
      <c r="K11986" s="365"/>
      <c r="L11986" s="365"/>
    </row>
    <row r="11987" spans="2:12">
      <c r="B11987" s="367"/>
      <c r="C11987" s="367"/>
      <c r="D11987" s="367"/>
      <c r="E11987" s="367"/>
      <c r="F11987" s="360"/>
      <c r="G11987" s="360"/>
      <c r="H11987" s="360"/>
      <c r="I11987" s="360"/>
      <c r="J11987" s="365"/>
      <c r="K11987" s="365"/>
      <c r="L11987" s="365"/>
    </row>
    <row r="11988" spans="2:12">
      <c r="B11988" s="367"/>
      <c r="C11988" s="367"/>
      <c r="D11988" s="367"/>
      <c r="E11988" s="367"/>
      <c r="F11988" s="359" t="s">
        <v>14391</v>
      </c>
      <c r="G11988" s="359" t="s">
        <v>14392</v>
      </c>
      <c r="H11988" s="359" t="s">
        <v>14370</v>
      </c>
      <c r="I11988" s="359" t="s">
        <v>14392</v>
      </c>
      <c r="J11988" s="365"/>
      <c r="K11988" s="365"/>
      <c r="L11988" s="365"/>
    </row>
    <row r="11989" spans="2:12">
      <c r="B11989" s="367"/>
      <c r="C11989" s="367"/>
      <c r="D11989" s="367"/>
      <c r="E11989" s="367"/>
      <c r="F11989" s="360"/>
      <c r="G11989" s="360"/>
      <c r="H11989" s="360"/>
      <c r="I11989" s="360"/>
      <c r="J11989" s="365"/>
      <c r="K11989" s="365"/>
      <c r="L11989" s="365"/>
    </row>
    <row r="11990" spans="2:12">
      <c r="B11990" s="367"/>
      <c r="C11990" s="367"/>
      <c r="D11990" s="367"/>
      <c r="E11990" s="367"/>
      <c r="F11990" s="359" t="s">
        <v>14371</v>
      </c>
      <c r="G11990" s="359" t="s">
        <v>14372</v>
      </c>
      <c r="H11990" s="359" t="s">
        <v>14332</v>
      </c>
      <c r="I11990" s="359" t="s">
        <v>14373</v>
      </c>
      <c r="J11990" s="365"/>
      <c r="K11990" s="365"/>
      <c r="L11990" s="365"/>
    </row>
    <row r="11991" spans="2:12">
      <c r="B11991" s="367"/>
      <c r="C11991" s="367"/>
      <c r="D11991" s="367"/>
      <c r="E11991" s="367"/>
      <c r="F11991" s="360"/>
      <c r="G11991" s="360"/>
      <c r="H11991" s="360"/>
      <c r="I11991" s="360"/>
      <c r="J11991" s="365"/>
      <c r="K11991" s="365"/>
      <c r="L11991" s="365"/>
    </row>
    <row r="11992" spans="2:12" ht="28.5">
      <c r="B11992" s="368"/>
      <c r="C11992" s="368"/>
      <c r="D11992" s="368"/>
      <c r="E11992" s="368"/>
      <c r="F11992" s="361" t="s">
        <v>14374</v>
      </c>
      <c r="G11992" s="361" t="s">
        <v>14373</v>
      </c>
      <c r="H11992" s="362"/>
      <c r="I11992" s="362"/>
      <c r="J11992" s="366"/>
      <c r="K11992" s="366"/>
      <c r="L11992" s="366"/>
    </row>
    <row r="11993" spans="2:12" ht="57">
      <c r="B11993" s="358" t="s">
        <v>20588</v>
      </c>
      <c r="C11993" s="358" t="s">
        <v>30214</v>
      </c>
      <c r="D11993" s="358" t="s">
        <v>20589</v>
      </c>
      <c r="E11993" s="358" t="s">
        <v>20590</v>
      </c>
      <c r="F11993" s="358" t="s">
        <v>14472</v>
      </c>
      <c r="G11993" s="358" t="s">
        <v>14473</v>
      </c>
      <c r="H11993" s="358" t="s">
        <v>8356</v>
      </c>
      <c r="I11993" s="358" t="s">
        <v>14473</v>
      </c>
      <c r="J11993" s="358"/>
      <c r="K11993" s="358"/>
      <c r="L11993" s="358"/>
    </row>
    <row r="11994" spans="2:12">
      <c r="B11994" s="367"/>
      <c r="C11994" s="367"/>
      <c r="D11994" s="360"/>
      <c r="E11994" s="360"/>
      <c r="F11994" s="367"/>
      <c r="G11994" s="367"/>
      <c r="H11994" s="367"/>
      <c r="I11994" s="367"/>
      <c r="J11994" s="365"/>
      <c r="K11994" s="365"/>
      <c r="L11994" s="365"/>
    </row>
    <row r="11995" spans="2:12" ht="28.5">
      <c r="B11995" s="367"/>
      <c r="C11995" s="367"/>
      <c r="D11995" s="359" t="s">
        <v>20591</v>
      </c>
      <c r="E11995" s="359" t="s">
        <v>20592</v>
      </c>
      <c r="F11995" s="367"/>
      <c r="G11995" s="367"/>
      <c r="H11995" s="367"/>
      <c r="I11995" s="367"/>
      <c r="J11995" s="365"/>
      <c r="K11995" s="365"/>
      <c r="L11995" s="365"/>
    </row>
    <row r="11996" spans="2:12">
      <c r="B11996" s="367"/>
      <c r="C11996" s="367"/>
      <c r="D11996" s="360"/>
      <c r="E11996" s="360"/>
      <c r="F11996" s="367"/>
      <c r="G11996" s="367"/>
      <c r="H11996" s="367"/>
      <c r="I11996" s="367"/>
      <c r="J11996" s="365"/>
      <c r="K11996" s="365"/>
      <c r="L11996" s="365"/>
    </row>
    <row r="11997" spans="2:12" ht="28.5">
      <c r="B11997" s="368"/>
      <c r="C11997" s="368"/>
      <c r="D11997" s="361" t="s">
        <v>20593</v>
      </c>
      <c r="E11997" s="361" t="s">
        <v>20594</v>
      </c>
      <c r="F11997" s="368"/>
      <c r="G11997" s="368"/>
      <c r="H11997" s="368"/>
      <c r="I11997" s="368"/>
      <c r="J11997" s="366"/>
      <c r="K11997" s="366"/>
      <c r="L11997" s="366"/>
    </row>
    <row r="11998" spans="2:12" ht="42.75">
      <c r="B11998" s="358" t="s">
        <v>20595</v>
      </c>
      <c r="C11998" s="358" t="s">
        <v>20596</v>
      </c>
      <c r="D11998" s="358" t="s">
        <v>20597</v>
      </c>
      <c r="E11998" s="358" t="s">
        <v>20598</v>
      </c>
      <c r="F11998" s="358" t="s">
        <v>14386</v>
      </c>
      <c r="G11998" s="358" t="s">
        <v>14387</v>
      </c>
      <c r="H11998" s="358" t="s">
        <v>14367</v>
      </c>
      <c r="I11998" s="358" t="s">
        <v>14387</v>
      </c>
      <c r="J11998" s="358"/>
      <c r="K11998" s="358" t="s">
        <v>28685</v>
      </c>
      <c r="L11998" s="358"/>
    </row>
    <row r="11999" spans="2:12">
      <c r="B11999" s="367"/>
      <c r="C11999" s="367"/>
      <c r="D11999" s="367"/>
      <c r="E11999" s="367"/>
      <c r="F11999" s="360"/>
      <c r="G11999" s="360"/>
      <c r="H11999" s="360"/>
      <c r="I11999" s="360"/>
      <c r="J11999" s="365"/>
      <c r="K11999" s="367"/>
      <c r="L11999" s="365"/>
    </row>
    <row r="12000" spans="2:12">
      <c r="B12000" s="367"/>
      <c r="C12000" s="367"/>
      <c r="D12000" s="367"/>
      <c r="E12000" s="367"/>
      <c r="F12000" s="359" t="s">
        <v>14368</v>
      </c>
      <c r="G12000" s="359" t="s">
        <v>14388</v>
      </c>
      <c r="H12000" s="359" t="s">
        <v>14370</v>
      </c>
      <c r="I12000" s="359" t="s">
        <v>14388</v>
      </c>
      <c r="J12000" s="365"/>
      <c r="K12000" s="367"/>
      <c r="L12000" s="365"/>
    </row>
    <row r="12001" spans="2:12">
      <c r="B12001" s="367"/>
      <c r="C12001" s="367"/>
      <c r="D12001" s="367"/>
      <c r="E12001" s="367"/>
      <c r="F12001" s="360"/>
      <c r="G12001" s="360"/>
      <c r="H12001" s="360"/>
      <c r="I12001" s="360"/>
      <c r="J12001" s="365"/>
      <c r="K12001" s="367"/>
      <c r="L12001" s="365"/>
    </row>
    <row r="12002" spans="2:12">
      <c r="B12002" s="367"/>
      <c r="C12002" s="367"/>
      <c r="D12002" s="367"/>
      <c r="E12002" s="367"/>
      <c r="F12002" s="359" t="s">
        <v>14389</v>
      </c>
      <c r="G12002" s="359" t="s">
        <v>14390</v>
      </c>
      <c r="H12002" s="359" t="s">
        <v>14422</v>
      </c>
      <c r="I12002" s="359" t="s">
        <v>14390</v>
      </c>
      <c r="J12002" s="365"/>
      <c r="K12002" s="367"/>
      <c r="L12002" s="365"/>
    </row>
    <row r="12003" spans="2:12">
      <c r="B12003" s="367"/>
      <c r="C12003" s="367"/>
      <c r="D12003" s="367"/>
      <c r="E12003" s="367"/>
      <c r="F12003" s="360"/>
      <c r="G12003" s="360"/>
      <c r="H12003" s="360"/>
      <c r="I12003" s="360"/>
      <c r="J12003" s="365"/>
      <c r="K12003" s="367"/>
      <c r="L12003" s="365"/>
    </row>
    <row r="12004" spans="2:12">
      <c r="B12004" s="367"/>
      <c r="C12004" s="367"/>
      <c r="D12004" s="367"/>
      <c r="E12004" s="367"/>
      <c r="F12004" s="359" t="s">
        <v>14371</v>
      </c>
      <c r="G12004" s="359" t="s">
        <v>14372</v>
      </c>
      <c r="H12004" s="360"/>
      <c r="I12004" s="359" t="s">
        <v>14373</v>
      </c>
      <c r="J12004" s="365"/>
      <c r="K12004" s="367"/>
      <c r="L12004" s="365"/>
    </row>
    <row r="12005" spans="2:12">
      <c r="B12005" s="367"/>
      <c r="C12005" s="367"/>
      <c r="D12005" s="367"/>
      <c r="E12005" s="367"/>
      <c r="F12005" s="360"/>
      <c r="G12005" s="360"/>
      <c r="H12005" s="360"/>
      <c r="I12005" s="360"/>
      <c r="J12005" s="365"/>
      <c r="K12005" s="367"/>
      <c r="L12005" s="365"/>
    </row>
    <row r="12006" spans="2:12" ht="28.5">
      <c r="B12006" s="368"/>
      <c r="C12006" s="368"/>
      <c r="D12006" s="368"/>
      <c r="E12006" s="368"/>
      <c r="F12006" s="361" t="s">
        <v>14374</v>
      </c>
      <c r="G12006" s="361" t="s">
        <v>14373</v>
      </c>
      <c r="H12006" s="362"/>
      <c r="I12006" s="362"/>
      <c r="J12006" s="366"/>
      <c r="K12006" s="368"/>
      <c r="L12006" s="366"/>
    </row>
    <row r="12007" spans="2:12">
      <c r="B12007" s="358" t="s">
        <v>20599</v>
      </c>
      <c r="C12007" s="358" t="s">
        <v>20600</v>
      </c>
      <c r="D12007" s="358" t="s">
        <v>20601</v>
      </c>
      <c r="E12007" s="358" t="s">
        <v>20602</v>
      </c>
      <c r="F12007" s="358" t="s">
        <v>14505</v>
      </c>
      <c r="G12007" s="358" t="s">
        <v>14506</v>
      </c>
      <c r="H12007" s="358" t="s">
        <v>14328</v>
      </c>
      <c r="I12007" s="358" t="s">
        <v>14506</v>
      </c>
      <c r="J12007" s="358"/>
      <c r="K12007" s="358"/>
      <c r="L12007" s="358" t="s">
        <v>595</v>
      </c>
    </row>
    <row r="12008" spans="2:12">
      <c r="B12008" s="367"/>
      <c r="C12008" s="367"/>
      <c r="D12008" s="367"/>
      <c r="E12008" s="367"/>
      <c r="F12008" s="360"/>
      <c r="G12008" s="360"/>
      <c r="H12008" s="360"/>
      <c r="I12008" s="360"/>
      <c r="J12008" s="365"/>
      <c r="K12008" s="365"/>
      <c r="L12008" s="367"/>
    </row>
    <row r="12009" spans="2:12" ht="42.75">
      <c r="B12009" s="367"/>
      <c r="C12009" s="367"/>
      <c r="D12009" s="367"/>
      <c r="E12009" s="367"/>
      <c r="F12009" s="359" t="s">
        <v>28943</v>
      </c>
      <c r="G12009" s="359" t="s">
        <v>14459</v>
      </c>
      <c r="H12009" s="359" t="s">
        <v>14367</v>
      </c>
      <c r="I12009" s="359" t="s">
        <v>14459</v>
      </c>
      <c r="J12009" s="365"/>
      <c r="K12009" s="365"/>
      <c r="L12009" s="367"/>
    </row>
    <row r="12010" spans="2:12">
      <c r="B12010" s="367"/>
      <c r="C12010" s="367"/>
      <c r="D12010" s="367"/>
      <c r="E12010" s="367"/>
      <c r="F12010" s="360"/>
      <c r="G12010" s="360"/>
      <c r="H12010" s="360"/>
      <c r="I12010" s="360"/>
      <c r="J12010" s="365"/>
      <c r="K12010" s="365"/>
      <c r="L12010" s="367"/>
    </row>
    <row r="12011" spans="2:12">
      <c r="B12011" s="367"/>
      <c r="C12011" s="367"/>
      <c r="D12011" s="367"/>
      <c r="E12011" s="367"/>
      <c r="F12011" s="359" t="s">
        <v>14368</v>
      </c>
      <c r="G12011" s="359" t="s">
        <v>14421</v>
      </c>
      <c r="H12011" s="359" t="s">
        <v>14370</v>
      </c>
      <c r="I12011" s="359" t="s">
        <v>14421</v>
      </c>
      <c r="J12011" s="365"/>
      <c r="K12011" s="365"/>
      <c r="L12011" s="367"/>
    </row>
    <row r="12012" spans="2:12">
      <c r="B12012" s="367"/>
      <c r="C12012" s="367"/>
      <c r="D12012" s="367"/>
      <c r="E12012" s="367"/>
      <c r="F12012" s="360"/>
      <c r="G12012" s="360"/>
      <c r="H12012" s="360"/>
      <c r="I12012" s="360"/>
      <c r="J12012" s="365"/>
      <c r="K12012" s="365"/>
      <c r="L12012" s="367"/>
    </row>
    <row r="12013" spans="2:12">
      <c r="B12013" s="367"/>
      <c r="C12013" s="367"/>
      <c r="D12013" s="367"/>
      <c r="E12013" s="367"/>
      <c r="F12013" s="359" t="s">
        <v>14389</v>
      </c>
      <c r="G12013" s="359" t="s">
        <v>14429</v>
      </c>
      <c r="H12013" s="359" t="s">
        <v>14332</v>
      </c>
      <c r="I12013" s="359" t="s">
        <v>14429</v>
      </c>
      <c r="J12013" s="365"/>
      <c r="K12013" s="365"/>
      <c r="L12013" s="367"/>
    </row>
    <row r="12014" spans="2:12">
      <c r="B12014" s="367"/>
      <c r="C12014" s="367"/>
      <c r="D12014" s="367"/>
      <c r="E12014" s="367"/>
      <c r="F12014" s="360"/>
      <c r="G12014" s="360"/>
      <c r="H12014" s="360"/>
      <c r="I12014" s="360"/>
      <c r="J12014" s="365"/>
      <c r="K12014" s="365"/>
      <c r="L12014" s="367"/>
    </row>
    <row r="12015" spans="2:12">
      <c r="B12015" s="367"/>
      <c r="C12015" s="367"/>
      <c r="D12015" s="367"/>
      <c r="E12015" s="367"/>
      <c r="F12015" s="359" t="s">
        <v>14391</v>
      </c>
      <c r="G12015" s="359" t="s">
        <v>14388</v>
      </c>
      <c r="H12015" s="360"/>
      <c r="I12015" s="359" t="s">
        <v>14388</v>
      </c>
      <c r="J12015" s="365"/>
      <c r="K12015" s="365"/>
      <c r="L12015" s="367"/>
    </row>
    <row r="12016" spans="2:12">
      <c r="B12016" s="367"/>
      <c r="C12016" s="367"/>
      <c r="D12016" s="367"/>
      <c r="E12016" s="367"/>
      <c r="F12016" s="360"/>
      <c r="G12016" s="360"/>
      <c r="H12016" s="360"/>
      <c r="I12016" s="360"/>
      <c r="J12016" s="365"/>
      <c r="K12016" s="365"/>
      <c r="L12016" s="367"/>
    </row>
    <row r="12017" spans="2:12" ht="28.5">
      <c r="B12017" s="367"/>
      <c r="C12017" s="367"/>
      <c r="D12017" s="367"/>
      <c r="E12017" s="367"/>
      <c r="F12017" s="359" t="s">
        <v>14394</v>
      </c>
      <c r="G12017" s="359" t="s">
        <v>14390</v>
      </c>
      <c r="H12017" s="360"/>
      <c r="I12017" s="359" t="s">
        <v>14390</v>
      </c>
      <c r="J12017" s="365"/>
      <c r="K12017" s="365"/>
      <c r="L12017" s="367"/>
    </row>
    <row r="12018" spans="2:12">
      <c r="B12018" s="367"/>
      <c r="C12018" s="367"/>
      <c r="D12018" s="367"/>
      <c r="E12018" s="367"/>
      <c r="F12018" s="360"/>
      <c r="G12018" s="360"/>
      <c r="H12018" s="360"/>
      <c r="I12018" s="360"/>
      <c r="J12018" s="365"/>
      <c r="K12018" s="365"/>
      <c r="L12018" s="367"/>
    </row>
    <row r="12019" spans="2:12">
      <c r="B12019" s="367"/>
      <c r="C12019" s="367"/>
      <c r="D12019" s="367"/>
      <c r="E12019" s="367"/>
      <c r="F12019" s="360"/>
      <c r="G12019" s="359" t="s">
        <v>14392</v>
      </c>
      <c r="H12019" s="360"/>
      <c r="I12019" s="359" t="s">
        <v>14392</v>
      </c>
      <c r="J12019" s="365"/>
      <c r="K12019" s="365"/>
      <c r="L12019" s="367"/>
    </row>
    <row r="12020" spans="2:12">
      <c r="B12020" s="367"/>
      <c r="C12020" s="367"/>
      <c r="D12020" s="367"/>
      <c r="E12020" s="367"/>
      <c r="F12020" s="360"/>
      <c r="G12020" s="360"/>
      <c r="H12020" s="360"/>
      <c r="I12020" s="360"/>
      <c r="J12020" s="365"/>
      <c r="K12020" s="365"/>
      <c r="L12020" s="367"/>
    </row>
    <row r="12021" spans="2:12">
      <c r="B12021" s="368"/>
      <c r="C12021" s="368"/>
      <c r="D12021" s="368"/>
      <c r="E12021" s="368"/>
      <c r="F12021" s="362"/>
      <c r="G12021" s="361" t="s">
        <v>14395</v>
      </c>
      <c r="H12021" s="362"/>
      <c r="I12021" s="361" t="s">
        <v>14395</v>
      </c>
      <c r="J12021" s="366"/>
      <c r="K12021" s="366"/>
      <c r="L12021" s="368"/>
    </row>
    <row r="12022" spans="2:12" ht="28.5">
      <c r="B12022" s="358" t="s">
        <v>20603</v>
      </c>
      <c r="C12022" s="358" t="s">
        <v>29261</v>
      </c>
      <c r="D12022" s="358" t="s">
        <v>20604</v>
      </c>
      <c r="E12022" s="358" t="s">
        <v>20605</v>
      </c>
      <c r="F12022" s="358" t="s">
        <v>14418</v>
      </c>
      <c r="G12022" s="358" t="s">
        <v>14419</v>
      </c>
      <c r="H12022" s="358" t="s">
        <v>14328</v>
      </c>
      <c r="I12022" s="358" t="s">
        <v>14419</v>
      </c>
      <c r="J12022" s="358"/>
      <c r="K12022" s="358"/>
      <c r="L12022" s="358"/>
    </row>
    <row r="12023" spans="2:12">
      <c r="B12023" s="367"/>
      <c r="C12023" s="367"/>
      <c r="D12023" s="367"/>
      <c r="E12023" s="367"/>
      <c r="F12023" s="360"/>
      <c r="G12023" s="360"/>
      <c r="H12023" s="360"/>
      <c r="I12023" s="360"/>
      <c r="J12023" s="365"/>
      <c r="K12023" s="365"/>
      <c r="L12023" s="365"/>
    </row>
    <row r="12024" spans="2:12">
      <c r="B12024" s="367"/>
      <c r="C12024" s="367"/>
      <c r="D12024" s="367"/>
      <c r="E12024" s="367"/>
      <c r="F12024" s="359" t="s">
        <v>14382</v>
      </c>
      <c r="G12024" s="359" t="s">
        <v>14483</v>
      </c>
      <c r="H12024" s="359" t="s">
        <v>14378</v>
      </c>
      <c r="I12024" s="359" t="s">
        <v>14483</v>
      </c>
      <c r="J12024" s="365"/>
      <c r="K12024" s="365"/>
      <c r="L12024" s="365"/>
    </row>
    <row r="12025" spans="2:12">
      <c r="B12025" s="367"/>
      <c r="C12025" s="367"/>
      <c r="D12025" s="367"/>
      <c r="E12025" s="367"/>
      <c r="F12025" s="360"/>
      <c r="G12025" s="360"/>
      <c r="H12025" s="360"/>
      <c r="I12025" s="360"/>
      <c r="J12025" s="365"/>
      <c r="K12025" s="365"/>
      <c r="L12025" s="365"/>
    </row>
    <row r="12026" spans="2:12">
      <c r="B12026" s="367"/>
      <c r="C12026" s="367"/>
      <c r="D12026" s="367"/>
      <c r="E12026" s="367"/>
      <c r="F12026" s="359" t="s">
        <v>14420</v>
      </c>
      <c r="G12026" s="359" t="s">
        <v>14421</v>
      </c>
      <c r="H12026" s="359" t="s">
        <v>14370</v>
      </c>
      <c r="I12026" s="359" t="s">
        <v>14421</v>
      </c>
      <c r="J12026" s="365"/>
      <c r="K12026" s="365"/>
      <c r="L12026" s="365"/>
    </row>
    <row r="12027" spans="2:12">
      <c r="B12027" s="367"/>
      <c r="C12027" s="367"/>
      <c r="D12027" s="367"/>
      <c r="E12027" s="367"/>
      <c r="F12027" s="360"/>
      <c r="G12027" s="360"/>
      <c r="H12027" s="360"/>
      <c r="I12027" s="360"/>
      <c r="J12027" s="365"/>
      <c r="K12027" s="365"/>
      <c r="L12027" s="365"/>
    </row>
    <row r="12028" spans="2:12" ht="28.5">
      <c r="B12028" s="367"/>
      <c r="C12028" s="367"/>
      <c r="D12028" s="367"/>
      <c r="E12028" s="367"/>
      <c r="F12028" s="359" t="s">
        <v>29049</v>
      </c>
      <c r="G12028" s="359" t="s">
        <v>14429</v>
      </c>
      <c r="H12028" s="359" t="s">
        <v>14332</v>
      </c>
      <c r="I12028" s="359" t="s">
        <v>14429</v>
      </c>
      <c r="J12028" s="365"/>
      <c r="K12028" s="365"/>
      <c r="L12028" s="365"/>
    </row>
    <row r="12029" spans="2:12">
      <c r="B12029" s="367"/>
      <c r="C12029" s="367"/>
      <c r="D12029" s="367"/>
      <c r="E12029" s="367"/>
      <c r="F12029" s="360"/>
      <c r="G12029" s="360"/>
      <c r="H12029" s="360"/>
      <c r="I12029" s="360"/>
      <c r="J12029" s="365"/>
      <c r="K12029" s="365"/>
      <c r="L12029" s="365"/>
    </row>
    <row r="12030" spans="2:12">
      <c r="B12030" s="368"/>
      <c r="C12030" s="368"/>
      <c r="D12030" s="368"/>
      <c r="E12030" s="368"/>
      <c r="F12030" s="362"/>
      <c r="G12030" s="361" t="s">
        <v>14372</v>
      </c>
      <c r="H12030" s="362"/>
      <c r="I12030" s="361" t="s">
        <v>14372</v>
      </c>
      <c r="J12030" s="366"/>
      <c r="K12030" s="366"/>
      <c r="L12030" s="366"/>
    </row>
    <row r="12031" spans="2:12" ht="42.75">
      <c r="B12031" s="358" t="s">
        <v>20606</v>
      </c>
      <c r="C12031" s="358" t="s">
        <v>20607</v>
      </c>
      <c r="D12031" s="358" t="s">
        <v>20608</v>
      </c>
      <c r="E12031" s="358" t="s">
        <v>20609</v>
      </c>
      <c r="F12031" s="358" t="s">
        <v>14386</v>
      </c>
      <c r="G12031" s="358" t="s">
        <v>14387</v>
      </c>
      <c r="H12031" s="358" t="s">
        <v>14367</v>
      </c>
      <c r="I12031" s="358" t="s">
        <v>14387</v>
      </c>
      <c r="J12031" s="358"/>
      <c r="K12031" s="358" t="s">
        <v>28685</v>
      </c>
      <c r="L12031" s="358"/>
    </row>
    <row r="12032" spans="2:12">
      <c r="B12032" s="367"/>
      <c r="C12032" s="367"/>
      <c r="D12032" s="367"/>
      <c r="E12032" s="367"/>
      <c r="F12032" s="360"/>
      <c r="G12032" s="360"/>
      <c r="H12032" s="360"/>
      <c r="I12032" s="360"/>
      <c r="J12032" s="365"/>
      <c r="K12032" s="367"/>
      <c r="L12032" s="365"/>
    </row>
    <row r="12033" spans="2:12">
      <c r="B12033" s="367"/>
      <c r="C12033" s="367"/>
      <c r="D12033" s="367"/>
      <c r="E12033" s="367"/>
      <c r="F12033" s="359" t="s">
        <v>14368</v>
      </c>
      <c r="G12033" s="359" t="s">
        <v>14388</v>
      </c>
      <c r="H12033" s="359" t="s">
        <v>14370</v>
      </c>
      <c r="I12033" s="359" t="s">
        <v>14388</v>
      </c>
      <c r="J12033" s="365"/>
      <c r="K12033" s="367"/>
      <c r="L12033" s="365"/>
    </row>
    <row r="12034" spans="2:12">
      <c r="B12034" s="367"/>
      <c r="C12034" s="367"/>
      <c r="D12034" s="367"/>
      <c r="E12034" s="367"/>
      <c r="F12034" s="360"/>
      <c r="G12034" s="360"/>
      <c r="H12034" s="360"/>
      <c r="I12034" s="360"/>
      <c r="J12034" s="365"/>
      <c r="K12034" s="367"/>
      <c r="L12034" s="365"/>
    </row>
    <row r="12035" spans="2:12">
      <c r="B12035" s="367"/>
      <c r="C12035" s="367"/>
      <c r="D12035" s="367"/>
      <c r="E12035" s="367"/>
      <c r="F12035" s="359" t="s">
        <v>14389</v>
      </c>
      <c r="G12035" s="359" t="s">
        <v>14390</v>
      </c>
      <c r="H12035" s="359" t="s">
        <v>14422</v>
      </c>
      <c r="I12035" s="359" t="s">
        <v>14390</v>
      </c>
      <c r="J12035" s="365"/>
      <c r="K12035" s="367"/>
      <c r="L12035" s="365"/>
    </row>
    <row r="12036" spans="2:12">
      <c r="B12036" s="367"/>
      <c r="C12036" s="367"/>
      <c r="D12036" s="367"/>
      <c r="E12036" s="367"/>
      <c r="F12036" s="360"/>
      <c r="G12036" s="360"/>
      <c r="H12036" s="360"/>
      <c r="I12036" s="360"/>
      <c r="J12036" s="365"/>
      <c r="K12036" s="367"/>
      <c r="L12036" s="365"/>
    </row>
    <row r="12037" spans="2:12">
      <c r="B12037" s="367"/>
      <c r="C12037" s="367"/>
      <c r="D12037" s="367"/>
      <c r="E12037" s="367"/>
      <c r="F12037" s="359" t="s">
        <v>14371</v>
      </c>
      <c r="G12037" s="359" t="s">
        <v>14372</v>
      </c>
      <c r="H12037" s="360"/>
      <c r="I12037" s="359" t="s">
        <v>14373</v>
      </c>
      <c r="J12037" s="365"/>
      <c r="K12037" s="367"/>
      <c r="L12037" s="365"/>
    </row>
    <row r="12038" spans="2:12">
      <c r="B12038" s="367"/>
      <c r="C12038" s="367"/>
      <c r="D12038" s="367"/>
      <c r="E12038" s="367"/>
      <c r="F12038" s="360"/>
      <c r="G12038" s="360"/>
      <c r="H12038" s="360"/>
      <c r="I12038" s="360"/>
      <c r="J12038" s="365"/>
      <c r="K12038" s="367"/>
      <c r="L12038" s="365"/>
    </row>
    <row r="12039" spans="2:12" ht="28.5">
      <c r="B12039" s="368"/>
      <c r="C12039" s="368"/>
      <c r="D12039" s="368"/>
      <c r="E12039" s="368"/>
      <c r="F12039" s="361" t="s">
        <v>14374</v>
      </c>
      <c r="G12039" s="361" t="s">
        <v>14373</v>
      </c>
      <c r="H12039" s="362"/>
      <c r="I12039" s="362"/>
      <c r="J12039" s="366"/>
      <c r="K12039" s="368"/>
      <c r="L12039" s="366"/>
    </row>
    <row r="12040" spans="2:12" ht="28.5">
      <c r="B12040" s="358" t="s">
        <v>20610</v>
      </c>
      <c r="C12040" s="358" t="s">
        <v>30215</v>
      </c>
      <c r="D12040" s="358" t="s">
        <v>20611</v>
      </c>
      <c r="E12040" s="358" t="s">
        <v>20612</v>
      </c>
      <c r="F12040" s="358" t="s">
        <v>14420</v>
      </c>
      <c r="G12040" s="358" t="s">
        <v>14429</v>
      </c>
      <c r="H12040" s="358" t="s">
        <v>14367</v>
      </c>
      <c r="I12040" s="358" t="s">
        <v>14429</v>
      </c>
      <c r="J12040" s="358"/>
      <c r="K12040" s="358"/>
      <c r="L12040" s="358"/>
    </row>
    <row r="12041" spans="2:12">
      <c r="B12041" s="367"/>
      <c r="C12041" s="367"/>
      <c r="D12041" s="367"/>
      <c r="E12041" s="367"/>
      <c r="F12041" s="367"/>
      <c r="G12041" s="367"/>
      <c r="H12041" s="360"/>
      <c r="I12041" s="367"/>
      <c r="J12041" s="365"/>
      <c r="K12041" s="365"/>
      <c r="L12041" s="365"/>
    </row>
    <row r="12042" spans="2:12">
      <c r="B12042" s="368"/>
      <c r="C12042" s="368"/>
      <c r="D12042" s="368"/>
      <c r="E12042" s="368"/>
      <c r="F12042" s="368"/>
      <c r="G12042" s="368"/>
      <c r="H12042" s="361" t="s">
        <v>14422</v>
      </c>
      <c r="I12042" s="368"/>
      <c r="J12042" s="366"/>
      <c r="K12042" s="366"/>
      <c r="L12042" s="366"/>
    </row>
    <row r="12043" spans="2:12" ht="42.75">
      <c r="B12043" s="358" t="s">
        <v>20613</v>
      </c>
      <c r="C12043" s="358" t="s">
        <v>20614</v>
      </c>
      <c r="D12043" s="358" t="s">
        <v>20615</v>
      </c>
      <c r="E12043" s="358" t="s">
        <v>20616</v>
      </c>
      <c r="F12043" s="358" t="s">
        <v>14386</v>
      </c>
      <c r="G12043" s="358" t="s">
        <v>14387</v>
      </c>
      <c r="H12043" s="358" t="s">
        <v>14367</v>
      </c>
      <c r="I12043" s="358" t="s">
        <v>14387</v>
      </c>
      <c r="J12043" s="358"/>
      <c r="K12043" s="358" t="s">
        <v>28685</v>
      </c>
      <c r="L12043" s="358"/>
    </row>
    <row r="12044" spans="2:12">
      <c r="B12044" s="367"/>
      <c r="C12044" s="367"/>
      <c r="D12044" s="367"/>
      <c r="E12044" s="367"/>
      <c r="F12044" s="360"/>
      <c r="G12044" s="360"/>
      <c r="H12044" s="360"/>
      <c r="I12044" s="360"/>
      <c r="J12044" s="365"/>
      <c r="K12044" s="367"/>
      <c r="L12044" s="365"/>
    </row>
    <row r="12045" spans="2:12">
      <c r="B12045" s="367"/>
      <c r="C12045" s="367"/>
      <c r="D12045" s="367"/>
      <c r="E12045" s="367"/>
      <c r="F12045" s="359" t="s">
        <v>14368</v>
      </c>
      <c r="G12045" s="359" t="s">
        <v>14388</v>
      </c>
      <c r="H12045" s="359" t="s">
        <v>14370</v>
      </c>
      <c r="I12045" s="359" t="s">
        <v>14388</v>
      </c>
      <c r="J12045" s="365"/>
      <c r="K12045" s="367"/>
      <c r="L12045" s="365"/>
    </row>
    <row r="12046" spans="2:12">
      <c r="B12046" s="367"/>
      <c r="C12046" s="367"/>
      <c r="D12046" s="367"/>
      <c r="E12046" s="367"/>
      <c r="F12046" s="360"/>
      <c r="G12046" s="360"/>
      <c r="H12046" s="360"/>
      <c r="I12046" s="360"/>
      <c r="J12046" s="365"/>
      <c r="K12046" s="367"/>
      <c r="L12046" s="365"/>
    </row>
    <row r="12047" spans="2:12">
      <c r="B12047" s="367"/>
      <c r="C12047" s="367"/>
      <c r="D12047" s="367"/>
      <c r="E12047" s="367"/>
      <c r="F12047" s="359" t="s">
        <v>14389</v>
      </c>
      <c r="G12047" s="359" t="s">
        <v>14390</v>
      </c>
      <c r="H12047" s="359" t="s">
        <v>14422</v>
      </c>
      <c r="I12047" s="359" t="s">
        <v>14390</v>
      </c>
      <c r="J12047" s="365"/>
      <c r="K12047" s="367"/>
      <c r="L12047" s="365"/>
    </row>
    <row r="12048" spans="2:12">
      <c r="B12048" s="367"/>
      <c r="C12048" s="367"/>
      <c r="D12048" s="367"/>
      <c r="E12048" s="367"/>
      <c r="F12048" s="360"/>
      <c r="G12048" s="360"/>
      <c r="H12048" s="360"/>
      <c r="I12048" s="360"/>
      <c r="J12048" s="365"/>
      <c r="K12048" s="367"/>
      <c r="L12048" s="365"/>
    </row>
    <row r="12049" spans="2:12">
      <c r="B12049" s="367"/>
      <c r="C12049" s="367"/>
      <c r="D12049" s="367"/>
      <c r="E12049" s="367"/>
      <c r="F12049" s="359" t="s">
        <v>14391</v>
      </c>
      <c r="G12049" s="359" t="s">
        <v>14392</v>
      </c>
      <c r="H12049" s="360"/>
      <c r="I12049" s="359" t="s">
        <v>14392</v>
      </c>
      <c r="J12049" s="365"/>
      <c r="K12049" s="367"/>
      <c r="L12049" s="365"/>
    </row>
    <row r="12050" spans="2:12">
      <c r="B12050" s="367"/>
      <c r="C12050" s="367"/>
      <c r="D12050" s="367"/>
      <c r="E12050" s="367"/>
      <c r="F12050" s="360"/>
      <c r="G12050" s="360"/>
      <c r="H12050" s="360"/>
      <c r="I12050" s="360"/>
      <c r="J12050" s="365"/>
      <c r="K12050" s="367"/>
      <c r="L12050" s="365"/>
    </row>
    <row r="12051" spans="2:12" ht="28.5">
      <c r="B12051" s="368"/>
      <c r="C12051" s="368"/>
      <c r="D12051" s="368"/>
      <c r="E12051" s="368"/>
      <c r="F12051" s="361" t="s">
        <v>14394</v>
      </c>
      <c r="G12051" s="361" t="s">
        <v>14395</v>
      </c>
      <c r="H12051" s="362"/>
      <c r="I12051" s="361" t="s">
        <v>14395</v>
      </c>
      <c r="J12051" s="366"/>
      <c r="K12051" s="368"/>
      <c r="L12051" s="366"/>
    </row>
    <row r="12052" spans="2:12">
      <c r="B12052" s="358" t="s">
        <v>20617</v>
      </c>
      <c r="C12052" s="358" t="s">
        <v>27641</v>
      </c>
      <c r="D12052" s="358" t="s">
        <v>20618</v>
      </c>
      <c r="E12052" s="358" t="s">
        <v>20619</v>
      </c>
      <c r="F12052" s="358" t="s">
        <v>14386</v>
      </c>
      <c r="G12052" s="358" t="s">
        <v>14387</v>
      </c>
      <c r="H12052" s="358" t="s">
        <v>14367</v>
      </c>
      <c r="I12052" s="358" t="s">
        <v>14387</v>
      </c>
      <c r="J12052" s="358"/>
      <c r="K12052" s="358"/>
      <c r="L12052" s="358"/>
    </row>
    <row r="12053" spans="2:12">
      <c r="B12053" s="367"/>
      <c r="C12053" s="367"/>
      <c r="D12053" s="367"/>
      <c r="E12053" s="367"/>
      <c r="F12053" s="360"/>
      <c r="G12053" s="360"/>
      <c r="H12053" s="360"/>
      <c r="I12053" s="360"/>
      <c r="J12053" s="365"/>
      <c r="K12053" s="365"/>
      <c r="L12053" s="365"/>
    </row>
    <row r="12054" spans="2:12">
      <c r="B12054" s="368"/>
      <c r="C12054" s="368"/>
      <c r="D12054" s="368"/>
      <c r="E12054" s="368"/>
      <c r="F12054" s="361" t="s">
        <v>14391</v>
      </c>
      <c r="G12054" s="361" t="s">
        <v>14392</v>
      </c>
      <c r="H12054" s="361" t="s">
        <v>14422</v>
      </c>
      <c r="I12054" s="361" t="s">
        <v>14392</v>
      </c>
      <c r="J12054" s="366"/>
      <c r="K12054" s="366"/>
      <c r="L12054" s="366"/>
    </row>
    <row r="12055" spans="2:12">
      <c r="B12055" s="358" t="s">
        <v>13105</v>
      </c>
      <c r="C12055" s="358" t="s">
        <v>20620</v>
      </c>
      <c r="D12055" s="358" t="s">
        <v>13106</v>
      </c>
      <c r="E12055" s="358" t="s">
        <v>13107</v>
      </c>
      <c r="F12055" s="358" t="s">
        <v>14418</v>
      </c>
      <c r="G12055" s="358" t="s">
        <v>14419</v>
      </c>
      <c r="H12055" s="358" t="s">
        <v>14328</v>
      </c>
      <c r="I12055" s="358" t="s">
        <v>14419</v>
      </c>
      <c r="J12055" s="358"/>
      <c r="K12055" s="358"/>
      <c r="L12055" s="358"/>
    </row>
    <row r="12056" spans="2:12">
      <c r="B12056" s="367"/>
      <c r="C12056" s="367"/>
      <c r="D12056" s="367"/>
      <c r="E12056" s="367"/>
      <c r="F12056" s="360"/>
      <c r="G12056" s="360"/>
      <c r="H12056" s="360"/>
      <c r="I12056" s="360"/>
      <c r="J12056" s="365"/>
      <c r="K12056" s="365"/>
      <c r="L12056" s="365"/>
    </row>
    <row r="12057" spans="2:12" ht="28.5">
      <c r="B12057" s="367"/>
      <c r="C12057" s="367"/>
      <c r="D12057" s="367"/>
      <c r="E12057" s="367"/>
      <c r="F12057" s="359" t="s">
        <v>14424</v>
      </c>
      <c r="G12057" s="359" t="s">
        <v>28991</v>
      </c>
      <c r="H12057" s="359" t="s">
        <v>14381</v>
      </c>
      <c r="I12057" s="359" t="s">
        <v>28991</v>
      </c>
      <c r="J12057" s="365"/>
      <c r="K12057" s="365"/>
      <c r="L12057" s="365"/>
    </row>
    <row r="12058" spans="2:12">
      <c r="B12058" s="367"/>
      <c r="C12058" s="367"/>
      <c r="D12058" s="367"/>
      <c r="E12058" s="367"/>
      <c r="F12058" s="360"/>
      <c r="G12058" s="360"/>
      <c r="H12058" s="360"/>
      <c r="I12058" s="360"/>
      <c r="J12058" s="365"/>
      <c r="K12058" s="365"/>
      <c r="L12058" s="365"/>
    </row>
    <row r="12059" spans="2:12">
      <c r="B12059" s="367"/>
      <c r="C12059" s="367"/>
      <c r="D12059" s="367"/>
      <c r="E12059" s="367"/>
      <c r="F12059" s="359" t="s">
        <v>14368</v>
      </c>
      <c r="G12059" s="360"/>
      <c r="H12059" s="359" t="s">
        <v>14367</v>
      </c>
      <c r="I12059" s="360"/>
      <c r="J12059" s="365"/>
      <c r="K12059" s="365"/>
      <c r="L12059" s="365"/>
    </row>
    <row r="12060" spans="2:12">
      <c r="B12060" s="367"/>
      <c r="C12060" s="367"/>
      <c r="D12060" s="367"/>
      <c r="E12060" s="367"/>
      <c r="F12060" s="360"/>
      <c r="G12060" s="360"/>
      <c r="H12060" s="360"/>
      <c r="I12060" s="360"/>
      <c r="J12060" s="365"/>
      <c r="K12060" s="365"/>
      <c r="L12060" s="365"/>
    </row>
    <row r="12061" spans="2:12">
      <c r="B12061" s="368"/>
      <c r="C12061" s="368"/>
      <c r="D12061" s="368"/>
      <c r="E12061" s="368"/>
      <c r="F12061" s="362"/>
      <c r="G12061" s="362"/>
      <c r="H12061" s="361" t="s">
        <v>14332</v>
      </c>
      <c r="I12061" s="362"/>
      <c r="J12061" s="366"/>
      <c r="K12061" s="366"/>
      <c r="L12061" s="366"/>
    </row>
    <row r="12062" spans="2:12" ht="85.5">
      <c r="B12062" s="358" t="s">
        <v>20621</v>
      </c>
      <c r="C12062" s="358" t="s">
        <v>30216</v>
      </c>
      <c r="D12062" s="358" t="s">
        <v>20622</v>
      </c>
      <c r="E12062" s="358" t="s">
        <v>20623</v>
      </c>
      <c r="F12062" s="358" t="s">
        <v>14379</v>
      </c>
      <c r="G12062" s="358" t="s">
        <v>14380</v>
      </c>
      <c r="H12062" s="358" t="s">
        <v>14378</v>
      </c>
      <c r="I12062" s="358" t="s">
        <v>14380</v>
      </c>
      <c r="J12062" s="358"/>
      <c r="K12062" s="358" t="s">
        <v>20624</v>
      </c>
      <c r="L12062" s="358"/>
    </row>
    <row r="12063" spans="2:12">
      <c r="B12063" s="367"/>
      <c r="C12063" s="367"/>
      <c r="D12063" s="367"/>
      <c r="E12063" s="367"/>
      <c r="F12063" s="360"/>
      <c r="G12063" s="360"/>
      <c r="H12063" s="360"/>
      <c r="I12063" s="360"/>
      <c r="J12063" s="365"/>
      <c r="K12063" s="367"/>
      <c r="L12063" s="365"/>
    </row>
    <row r="12064" spans="2:12">
      <c r="B12064" s="367"/>
      <c r="C12064" s="367"/>
      <c r="D12064" s="367"/>
      <c r="E12064" s="367"/>
      <c r="F12064" s="359" t="s">
        <v>14382</v>
      </c>
      <c r="G12064" s="359" t="s">
        <v>14383</v>
      </c>
      <c r="H12064" s="359" t="s">
        <v>14370</v>
      </c>
      <c r="I12064" s="359" t="s">
        <v>14383</v>
      </c>
      <c r="J12064" s="365"/>
      <c r="K12064" s="367"/>
      <c r="L12064" s="365"/>
    </row>
    <row r="12065" spans="2:12">
      <c r="B12065" s="367"/>
      <c r="C12065" s="367"/>
      <c r="D12065" s="367"/>
      <c r="E12065" s="367"/>
      <c r="F12065" s="360"/>
      <c r="G12065" s="360"/>
      <c r="H12065" s="360"/>
      <c r="I12065" s="360"/>
      <c r="J12065" s="365"/>
      <c r="K12065" s="367"/>
      <c r="L12065" s="365"/>
    </row>
    <row r="12066" spans="2:12" ht="28.5">
      <c r="B12066" s="367"/>
      <c r="C12066" s="367"/>
      <c r="D12066" s="367"/>
      <c r="E12066" s="367"/>
      <c r="F12066" s="359" t="s">
        <v>29049</v>
      </c>
      <c r="G12066" s="359" t="s">
        <v>14421</v>
      </c>
      <c r="H12066" s="359" t="s">
        <v>14332</v>
      </c>
      <c r="I12066" s="359" t="s">
        <v>14421</v>
      </c>
      <c r="J12066" s="365"/>
      <c r="K12066" s="367"/>
      <c r="L12066" s="365"/>
    </row>
    <row r="12067" spans="2:12">
      <c r="B12067" s="367"/>
      <c r="C12067" s="367"/>
      <c r="D12067" s="367"/>
      <c r="E12067" s="367"/>
      <c r="F12067" s="360"/>
      <c r="G12067" s="360"/>
      <c r="H12067" s="360"/>
      <c r="I12067" s="360"/>
      <c r="J12067" s="365"/>
      <c r="K12067" s="367"/>
      <c r="L12067" s="365"/>
    </row>
    <row r="12068" spans="2:12" ht="28.5">
      <c r="B12068" s="367"/>
      <c r="C12068" s="367"/>
      <c r="D12068" s="367"/>
      <c r="E12068" s="367"/>
      <c r="F12068" s="359" t="s">
        <v>14374</v>
      </c>
      <c r="G12068" s="359" t="s">
        <v>14372</v>
      </c>
      <c r="H12068" s="360"/>
      <c r="I12068" s="359" t="s">
        <v>14373</v>
      </c>
      <c r="J12068" s="365"/>
      <c r="K12068" s="367"/>
      <c r="L12068" s="365"/>
    </row>
    <row r="12069" spans="2:12">
      <c r="B12069" s="367"/>
      <c r="C12069" s="367"/>
      <c r="D12069" s="367"/>
      <c r="E12069" s="367"/>
      <c r="F12069" s="360"/>
      <c r="G12069" s="360"/>
      <c r="H12069" s="360"/>
      <c r="I12069" s="360"/>
      <c r="J12069" s="365"/>
      <c r="K12069" s="367"/>
      <c r="L12069" s="365"/>
    </row>
    <row r="12070" spans="2:12">
      <c r="B12070" s="368"/>
      <c r="C12070" s="368"/>
      <c r="D12070" s="368"/>
      <c r="E12070" s="368"/>
      <c r="F12070" s="362"/>
      <c r="G12070" s="361" t="s">
        <v>14373</v>
      </c>
      <c r="H12070" s="362"/>
      <c r="I12070" s="362"/>
      <c r="J12070" s="366"/>
      <c r="K12070" s="368"/>
      <c r="L12070" s="366"/>
    </row>
    <row r="12071" spans="2:12" ht="42.75">
      <c r="B12071" s="358" t="s">
        <v>20625</v>
      </c>
      <c r="C12071" s="358" t="s">
        <v>29262</v>
      </c>
      <c r="D12071" s="358" t="s">
        <v>20626</v>
      </c>
      <c r="E12071" s="358" t="s">
        <v>1725</v>
      </c>
      <c r="F12071" s="358" t="s">
        <v>14379</v>
      </c>
      <c r="G12071" s="358" t="s">
        <v>14405</v>
      </c>
      <c r="H12071" s="358" t="s">
        <v>14378</v>
      </c>
      <c r="I12071" s="358" t="s">
        <v>14405</v>
      </c>
      <c r="J12071" s="358"/>
      <c r="K12071" s="358" t="s">
        <v>15298</v>
      </c>
      <c r="L12071" s="358"/>
    </row>
    <row r="12072" spans="2:12">
      <c r="B12072" s="367"/>
      <c r="C12072" s="367"/>
      <c r="D12072" s="367"/>
      <c r="E12072" s="367"/>
      <c r="F12072" s="360"/>
      <c r="G12072" s="360"/>
      <c r="H12072" s="360"/>
      <c r="I12072" s="360"/>
      <c r="J12072" s="365"/>
      <c r="K12072" s="367"/>
      <c r="L12072" s="365"/>
    </row>
    <row r="12073" spans="2:12" ht="28.5">
      <c r="B12073" s="367"/>
      <c r="C12073" s="367"/>
      <c r="D12073" s="367"/>
      <c r="E12073" s="367"/>
      <c r="F12073" s="359" t="s">
        <v>28568</v>
      </c>
      <c r="G12073" s="359" t="s">
        <v>14483</v>
      </c>
      <c r="H12073" s="359" t="s">
        <v>14370</v>
      </c>
      <c r="I12073" s="359" t="s">
        <v>14483</v>
      </c>
      <c r="J12073" s="365"/>
      <c r="K12073" s="367"/>
      <c r="L12073" s="365"/>
    </row>
    <row r="12074" spans="2:12">
      <c r="B12074" s="367"/>
      <c r="C12074" s="367"/>
      <c r="D12074" s="367"/>
      <c r="E12074" s="367"/>
      <c r="F12074" s="360"/>
      <c r="G12074" s="360"/>
      <c r="H12074" s="360"/>
      <c r="I12074" s="360"/>
      <c r="J12074" s="365"/>
      <c r="K12074" s="367"/>
      <c r="L12074" s="365"/>
    </row>
    <row r="12075" spans="2:12" ht="28.5">
      <c r="B12075" s="367"/>
      <c r="C12075" s="367"/>
      <c r="D12075" s="367"/>
      <c r="E12075" s="367"/>
      <c r="F12075" s="359" t="s">
        <v>14374</v>
      </c>
      <c r="G12075" s="359" t="s">
        <v>14372</v>
      </c>
      <c r="H12075" s="359" t="s">
        <v>14332</v>
      </c>
      <c r="I12075" s="359" t="s">
        <v>14373</v>
      </c>
      <c r="J12075" s="365"/>
      <c r="K12075" s="367"/>
      <c r="L12075" s="365"/>
    </row>
    <row r="12076" spans="2:12">
      <c r="B12076" s="367"/>
      <c r="C12076" s="367"/>
      <c r="D12076" s="367"/>
      <c r="E12076" s="367"/>
      <c r="F12076" s="360"/>
      <c r="G12076" s="360"/>
      <c r="H12076" s="360"/>
      <c r="I12076" s="360"/>
      <c r="J12076" s="365"/>
      <c r="K12076" s="367"/>
      <c r="L12076" s="365"/>
    </row>
    <row r="12077" spans="2:12">
      <c r="B12077" s="368"/>
      <c r="C12077" s="368"/>
      <c r="D12077" s="368"/>
      <c r="E12077" s="368"/>
      <c r="F12077" s="362"/>
      <c r="G12077" s="361" t="s">
        <v>14373</v>
      </c>
      <c r="H12077" s="362"/>
      <c r="I12077" s="362"/>
      <c r="J12077" s="366"/>
      <c r="K12077" s="368"/>
      <c r="L12077" s="366"/>
    </row>
    <row r="12078" spans="2:12" ht="42.75">
      <c r="B12078" s="358" t="s">
        <v>20627</v>
      </c>
      <c r="C12078" s="358" t="s">
        <v>29263</v>
      </c>
      <c r="D12078" s="358" t="s">
        <v>20626</v>
      </c>
      <c r="E12078" s="358" t="s">
        <v>1725</v>
      </c>
      <c r="F12078" s="358" t="s">
        <v>14379</v>
      </c>
      <c r="G12078" s="358" t="s">
        <v>14380</v>
      </c>
      <c r="H12078" s="358" t="s">
        <v>14378</v>
      </c>
      <c r="I12078" s="358" t="s">
        <v>14380</v>
      </c>
      <c r="J12078" s="358"/>
      <c r="K12078" s="358"/>
      <c r="L12078" s="358"/>
    </row>
    <row r="12079" spans="2:12">
      <c r="B12079" s="367"/>
      <c r="C12079" s="367"/>
      <c r="D12079" s="367"/>
      <c r="E12079" s="367"/>
      <c r="F12079" s="360"/>
      <c r="G12079" s="360"/>
      <c r="H12079" s="360"/>
      <c r="I12079" s="360"/>
      <c r="J12079" s="365"/>
      <c r="K12079" s="365"/>
      <c r="L12079" s="365"/>
    </row>
    <row r="12080" spans="2:12" ht="28.5">
      <c r="B12080" s="367"/>
      <c r="C12080" s="367"/>
      <c r="D12080" s="367"/>
      <c r="E12080" s="367"/>
      <c r="F12080" s="359" t="s">
        <v>28564</v>
      </c>
      <c r="G12080" s="359" t="s">
        <v>14405</v>
      </c>
      <c r="H12080" s="359" t="s">
        <v>14370</v>
      </c>
      <c r="I12080" s="359" t="s">
        <v>14405</v>
      </c>
      <c r="J12080" s="365"/>
      <c r="K12080" s="365"/>
      <c r="L12080" s="365"/>
    </row>
    <row r="12081" spans="2:12">
      <c r="B12081" s="367"/>
      <c r="C12081" s="367"/>
      <c r="D12081" s="367"/>
      <c r="E12081" s="367"/>
      <c r="F12081" s="360"/>
      <c r="G12081" s="360"/>
      <c r="H12081" s="360"/>
      <c r="I12081" s="360"/>
      <c r="J12081" s="365"/>
      <c r="K12081" s="365"/>
      <c r="L12081" s="365"/>
    </row>
    <row r="12082" spans="2:12" ht="28.5">
      <c r="B12082" s="367"/>
      <c r="C12082" s="367"/>
      <c r="D12082" s="367"/>
      <c r="E12082" s="367"/>
      <c r="F12082" s="359" t="s">
        <v>14374</v>
      </c>
      <c r="G12082" s="359" t="s">
        <v>14372</v>
      </c>
      <c r="H12082" s="359" t="s">
        <v>14332</v>
      </c>
      <c r="I12082" s="359" t="s">
        <v>14373</v>
      </c>
      <c r="J12082" s="365"/>
      <c r="K12082" s="365"/>
      <c r="L12082" s="365"/>
    </row>
    <row r="12083" spans="2:12">
      <c r="B12083" s="367"/>
      <c r="C12083" s="367"/>
      <c r="D12083" s="367"/>
      <c r="E12083" s="367"/>
      <c r="F12083" s="360"/>
      <c r="G12083" s="360"/>
      <c r="H12083" s="360"/>
      <c r="I12083" s="360"/>
      <c r="J12083" s="365"/>
      <c r="K12083" s="365"/>
      <c r="L12083" s="365"/>
    </row>
    <row r="12084" spans="2:12">
      <c r="B12084" s="368"/>
      <c r="C12084" s="368"/>
      <c r="D12084" s="368"/>
      <c r="E12084" s="368"/>
      <c r="F12084" s="362"/>
      <c r="G12084" s="361" t="s">
        <v>14373</v>
      </c>
      <c r="H12084" s="362"/>
      <c r="I12084" s="362"/>
      <c r="J12084" s="366"/>
      <c r="K12084" s="366"/>
      <c r="L12084" s="366"/>
    </row>
    <row r="12085" spans="2:12" ht="28.5">
      <c r="B12085" s="358" t="s">
        <v>20628</v>
      </c>
      <c r="C12085" s="358" t="s">
        <v>29264</v>
      </c>
      <c r="D12085" s="358" t="s">
        <v>8356</v>
      </c>
      <c r="E12085" s="358" t="s">
        <v>20629</v>
      </c>
      <c r="F12085" s="358" t="s">
        <v>14472</v>
      </c>
      <c r="G12085" s="358" t="s">
        <v>14473</v>
      </c>
      <c r="H12085" s="358" t="s">
        <v>8356</v>
      </c>
      <c r="I12085" s="358" t="s">
        <v>14473</v>
      </c>
      <c r="J12085" s="358"/>
      <c r="K12085" s="358"/>
      <c r="L12085" s="358"/>
    </row>
    <row r="12086" spans="2:12">
      <c r="B12086" s="368"/>
      <c r="C12086" s="368"/>
      <c r="D12086" s="368"/>
      <c r="E12086" s="368"/>
      <c r="F12086" s="368"/>
      <c r="G12086" s="368"/>
      <c r="H12086" s="368"/>
      <c r="I12086" s="368"/>
      <c r="J12086" s="366"/>
      <c r="K12086" s="366"/>
      <c r="L12086" s="366"/>
    </row>
    <row r="12087" spans="2:12" ht="42.75">
      <c r="B12087" s="358" t="s">
        <v>20630</v>
      </c>
      <c r="C12087" s="358" t="s">
        <v>30217</v>
      </c>
      <c r="D12087" s="358" t="s">
        <v>8356</v>
      </c>
      <c r="E12087" s="358" t="s">
        <v>20631</v>
      </c>
      <c r="F12087" s="358" t="s">
        <v>28568</v>
      </c>
      <c r="G12087" s="358" t="s">
        <v>14483</v>
      </c>
      <c r="H12087" s="358" t="s">
        <v>14378</v>
      </c>
      <c r="I12087" s="358" t="s">
        <v>14483</v>
      </c>
      <c r="J12087" s="358"/>
      <c r="K12087" s="358"/>
      <c r="L12087" s="358"/>
    </row>
    <row r="12088" spans="2:12">
      <c r="B12088" s="367"/>
      <c r="C12088" s="367"/>
      <c r="D12088" s="367"/>
      <c r="E12088" s="367"/>
      <c r="F12088" s="360"/>
      <c r="G12088" s="360"/>
      <c r="H12088" s="360"/>
      <c r="I12088" s="360"/>
      <c r="J12088" s="365"/>
      <c r="K12088" s="365"/>
      <c r="L12088" s="365"/>
    </row>
    <row r="12089" spans="2:12" ht="28.5">
      <c r="B12089" s="367"/>
      <c r="C12089" s="367"/>
      <c r="D12089" s="367"/>
      <c r="E12089" s="367"/>
      <c r="F12089" s="359" t="s">
        <v>14374</v>
      </c>
      <c r="G12089" s="359" t="s">
        <v>14372</v>
      </c>
      <c r="H12089" s="359" t="s">
        <v>14370</v>
      </c>
      <c r="I12089" s="359" t="s">
        <v>14373</v>
      </c>
      <c r="J12089" s="365"/>
      <c r="K12089" s="365"/>
      <c r="L12089" s="365"/>
    </row>
    <row r="12090" spans="2:12">
      <c r="B12090" s="367"/>
      <c r="C12090" s="367"/>
      <c r="D12090" s="367"/>
      <c r="E12090" s="367"/>
      <c r="F12090" s="360"/>
      <c r="G12090" s="360"/>
      <c r="H12090" s="360"/>
      <c r="I12090" s="360"/>
      <c r="J12090" s="365"/>
      <c r="K12090" s="365"/>
      <c r="L12090" s="365"/>
    </row>
    <row r="12091" spans="2:12">
      <c r="B12091" s="368"/>
      <c r="C12091" s="368"/>
      <c r="D12091" s="368"/>
      <c r="E12091" s="368"/>
      <c r="F12091" s="362"/>
      <c r="G12091" s="361" t="s">
        <v>14373</v>
      </c>
      <c r="H12091" s="361" t="s">
        <v>14332</v>
      </c>
      <c r="I12091" s="362"/>
      <c r="J12091" s="366"/>
      <c r="K12091" s="366"/>
      <c r="L12091" s="366"/>
    </row>
    <row r="12092" spans="2:12">
      <c r="B12092" s="358" t="s">
        <v>20632</v>
      </c>
      <c r="C12092" s="358" t="s">
        <v>20633</v>
      </c>
      <c r="D12092" s="358" t="s">
        <v>20634</v>
      </c>
      <c r="E12092" s="358" t="s">
        <v>20635</v>
      </c>
      <c r="F12092" s="358" t="s">
        <v>14505</v>
      </c>
      <c r="G12092" s="358" t="s">
        <v>14506</v>
      </c>
      <c r="H12092" s="358" t="s">
        <v>14328</v>
      </c>
      <c r="I12092" s="358" t="s">
        <v>14506</v>
      </c>
      <c r="J12092" s="358"/>
      <c r="K12092" s="358"/>
      <c r="L12092" s="358"/>
    </row>
    <row r="12093" spans="2:12">
      <c r="B12093" s="367"/>
      <c r="C12093" s="367"/>
      <c r="D12093" s="367"/>
      <c r="E12093" s="367"/>
      <c r="F12093" s="367"/>
      <c r="G12093" s="367"/>
      <c r="H12093" s="360"/>
      <c r="I12093" s="367"/>
      <c r="J12093" s="365"/>
      <c r="K12093" s="365"/>
      <c r="L12093" s="365"/>
    </row>
    <row r="12094" spans="2:12">
      <c r="B12094" s="368"/>
      <c r="C12094" s="368"/>
      <c r="D12094" s="368"/>
      <c r="E12094" s="368"/>
      <c r="F12094" s="368"/>
      <c r="G12094" s="368"/>
      <c r="H12094" s="361" t="s">
        <v>14332</v>
      </c>
      <c r="I12094" s="368"/>
      <c r="J12094" s="366"/>
      <c r="K12094" s="366"/>
      <c r="L12094" s="366"/>
    </row>
    <row r="12095" spans="2:12" ht="42.75">
      <c r="B12095" s="358" t="s">
        <v>20636</v>
      </c>
      <c r="C12095" s="358" t="s">
        <v>20637</v>
      </c>
      <c r="D12095" s="358" t="s">
        <v>20638</v>
      </c>
      <c r="E12095" s="358" t="s">
        <v>20639</v>
      </c>
      <c r="F12095" s="358" t="s">
        <v>14462</v>
      </c>
      <c r="G12095" s="358" t="s">
        <v>14463</v>
      </c>
      <c r="H12095" s="358" t="s">
        <v>8356</v>
      </c>
      <c r="I12095" s="358" t="s">
        <v>14463</v>
      </c>
      <c r="J12095" s="358"/>
      <c r="K12095" s="358"/>
      <c r="L12095" s="358"/>
    </row>
    <row r="12096" spans="2:12">
      <c r="B12096" s="368"/>
      <c r="C12096" s="368"/>
      <c r="D12096" s="368"/>
      <c r="E12096" s="368"/>
      <c r="F12096" s="368"/>
      <c r="G12096" s="368"/>
      <c r="H12096" s="368"/>
      <c r="I12096" s="368"/>
      <c r="J12096" s="366"/>
      <c r="K12096" s="366"/>
      <c r="L12096" s="366"/>
    </row>
    <row r="12097" spans="2:12" ht="28.5">
      <c r="B12097" s="358" t="s">
        <v>20640</v>
      </c>
      <c r="C12097" s="358" t="s">
        <v>27642</v>
      </c>
      <c r="D12097" s="358" t="s">
        <v>20641</v>
      </c>
      <c r="E12097" s="358" t="s">
        <v>20642</v>
      </c>
      <c r="F12097" s="358" t="s">
        <v>14430</v>
      </c>
      <c r="G12097" s="358" t="s">
        <v>14431</v>
      </c>
      <c r="H12097" s="358" t="s">
        <v>14341</v>
      </c>
      <c r="I12097" s="358" t="s">
        <v>14431</v>
      </c>
      <c r="J12097" s="358"/>
      <c r="K12097" s="358"/>
      <c r="L12097" s="358"/>
    </row>
    <row r="12098" spans="2:12">
      <c r="B12098" s="367"/>
      <c r="C12098" s="367"/>
      <c r="D12098" s="367"/>
      <c r="E12098" s="367"/>
      <c r="F12098" s="360"/>
      <c r="G12098" s="360"/>
      <c r="H12098" s="360"/>
      <c r="I12098" s="360"/>
      <c r="J12098" s="365"/>
      <c r="K12098" s="365"/>
      <c r="L12098" s="365"/>
    </row>
    <row r="12099" spans="2:12">
      <c r="B12099" s="367"/>
      <c r="C12099" s="367"/>
      <c r="D12099" s="367"/>
      <c r="E12099" s="367"/>
      <c r="F12099" s="359" t="s">
        <v>14391</v>
      </c>
      <c r="G12099" s="359" t="s">
        <v>14392</v>
      </c>
      <c r="H12099" s="359" t="s">
        <v>14367</v>
      </c>
      <c r="I12099" s="359" t="s">
        <v>14392</v>
      </c>
      <c r="J12099" s="365"/>
      <c r="K12099" s="365"/>
      <c r="L12099" s="365"/>
    </row>
    <row r="12100" spans="2:12">
      <c r="B12100" s="367"/>
      <c r="C12100" s="367"/>
      <c r="D12100" s="367"/>
      <c r="E12100" s="367"/>
      <c r="F12100" s="360"/>
      <c r="G12100" s="360"/>
      <c r="H12100" s="360"/>
      <c r="I12100" s="360"/>
      <c r="J12100" s="365"/>
      <c r="K12100" s="365"/>
      <c r="L12100" s="365"/>
    </row>
    <row r="12101" spans="2:12" ht="28.5">
      <c r="B12101" s="368"/>
      <c r="C12101" s="368"/>
      <c r="D12101" s="368"/>
      <c r="E12101" s="368"/>
      <c r="F12101" s="361" t="s">
        <v>14472</v>
      </c>
      <c r="G12101" s="361" t="s">
        <v>14473</v>
      </c>
      <c r="H12101" s="361" t="s">
        <v>14332</v>
      </c>
      <c r="I12101" s="361" t="s">
        <v>14473</v>
      </c>
      <c r="J12101" s="366"/>
      <c r="K12101" s="366"/>
      <c r="L12101" s="366"/>
    </row>
    <row r="12102" spans="2:12">
      <c r="B12102" s="358" t="s">
        <v>20643</v>
      </c>
      <c r="C12102" s="358" t="s">
        <v>20644</v>
      </c>
      <c r="D12102" s="358" t="s">
        <v>20645</v>
      </c>
      <c r="E12102" s="358" t="s">
        <v>20646</v>
      </c>
      <c r="F12102" s="358" t="s">
        <v>14430</v>
      </c>
      <c r="G12102" s="358" t="s">
        <v>14431</v>
      </c>
      <c r="H12102" s="358" t="s">
        <v>14341</v>
      </c>
      <c r="I12102" s="358" t="s">
        <v>14431</v>
      </c>
      <c r="J12102" s="358"/>
      <c r="K12102" s="358"/>
      <c r="L12102" s="358"/>
    </row>
    <row r="12103" spans="2:12">
      <c r="B12103" s="367"/>
      <c r="C12103" s="367"/>
      <c r="D12103" s="367"/>
      <c r="E12103" s="367"/>
      <c r="F12103" s="360"/>
      <c r="G12103" s="360"/>
      <c r="H12103" s="360"/>
      <c r="I12103" s="360"/>
      <c r="J12103" s="365"/>
      <c r="K12103" s="365"/>
      <c r="L12103" s="365"/>
    </row>
    <row r="12104" spans="2:12">
      <c r="B12104" s="367"/>
      <c r="C12104" s="367"/>
      <c r="D12104" s="367"/>
      <c r="E12104" s="367"/>
      <c r="F12104" s="359" t="s">
        <v>14391</v>
      </c>
      <c r="G12104" s="359" t="s">
        <v>14392</v>
      </c>
      <c r="H12104" s="359" t="s">
        <v>14367</v>
      </c>
      <c r="I12104" s="359" t="s">
        <v>14392</v>
      </c>
      <c r="J12104" s="365"/>
      <c r="K12104" s="365"/>
      <c r="L12104" s="365"/>
    </row>
    <row r="12105" spans="2:12">
      <c r="B12105" s="367"/>
      <c r="C12105" s="367"/>
      <c r="D12105" s="367"/>
      <c r="E12105" s="367"/>
      <c r="F12105" s="360"/>
      <c r="G12105" s="360"/>
      <c r="H12105" s="360"/>
      <c r="I12105" s="360"/>
      <c r="J12105" s="365"/>
      <c r="K12105" s="365"/>
      <c r="L12105" s="365"/>
    </row>
    <row r="12106" spans="2:12" ht="28.5">
      <c r="B12106" s="368"/>
      <c r="C12106" s="368"/>
      <c r="D12106" s="368"/>
      <c r="E12106" s="368"/>
      <c r="F12106" s="361" t="s">
        <v>14472</v>
      </c>
      <c r="G12106" s="361" t="s">
        <v>14473</v>
      </c>
      <c r="H12106" s="361" t="s">
        <v>14332</v>
      </c>
      <c r="I12106" s="361" t="s">
        <v>14473</v>
      </c>
      <c r="J12106" s="366"/>
      <c r="K12106" s="366"/>
      <c r="L12106" s="366"/>
    </row>
    <row r="12107" spans="2:12" ht="28.5">
      <c r="B12107" s="358" t="s">
        <v>20647</v>
      </c>
      <c r="C12107" s="358" t="s">
        <v>27643</v>
      </c>
      <c r="D12107" s="358" t="s">
        <v>20648</v>
      </c>
      <c r="E12107" s="358" t="s">
        <v>20649</v>
      </c>
      <c r="F12107" s="358" t="s">
        <v>14371</v>
      </c>
      <c r="G12107" s="358" t="s">
        <v>14372</v>
      </c>
      <c r="H12107" s="358" t="s">
        <v>14370</v>
      </c>
      <c r="I12107" s="358" t="s">
        <v>14373</v>
      </c>
      <c r="J12107" s="358"/>
      <c r="K12107" s="358"/>
      <c r="L12107" s="358"/>
    </row>
    <row r="12108" spans="2:12">
      <c r="B12108" s="367"/>
      <c r="C12108" s="367"/>
      <c r="D12108" s="367"/>
      <c r="E12108" s="367"/>
      <c r="F12108" s="360"/>
      <c r="G12108" s="360"/>
      <c r="H12108" s="360"/>
      <c r="I12108" s="367"/>
      <c r="J12108" s="365"/>
      <c r="K12108" s="365"/>
      <c r="L12108" s="365"/>
    </row>
    <row r="12109" spans="2:12" ht="28.5">
      <c r="B12109" s="368"/>
      <c r="C12109" s="368"/>
      <c r="D12109" s="368"/>
      <c r="E12109" s="368"/>
      <c r="F12109" s="361" t="s">
        <v>14374</v>
      </c>
      <c r="G12109" s="361" t="s">
        <v>14373</v>
      </c>
      <c r="H12109" s="361" t="s">
        <v>14422</v>
      </c>
      <c r="I12109" s="368"/>
      <c r="J12109" s="366"/>
      <c r="K12109" s="366"/>
      <c r="L12109" s="366"/>
    </row>
    <row r="12110" spans="2:12" ht="28.5">
      <c r="B12110" s="358" t="s">
        <v>20650</v>
      </c>
      <c r="C12110" s="358" t="s">
        <v>20651</v>
      </c>
      <c r="D12110" s="358" t="s">
        <v>20652</v>
      </c>
      <c r="E12110" s="358" t="s">
        <v>20653</v>
      </c>
      <c r="F12110" s="358" t="s">
        <v>14420</v>
      </c>
      <c r="G12110" s="358" t="s">
        <v>14429</v>
      </c>
      <c r="H12110" s="358" t="s">
        <v>14367</v>
      </c>
      <c r="I12110" s="358" t="s">
        <v>14429</v>
      </c>
      <c r="J12110" s="358"/>
      <c r="K12110" s="358"/>
      <c r="L12110" s="358"/>
    </row>
    <row r="12111" spans="2:12">
      <c r="B12111" s="367"/>
      <c r="C12111" s="367"/>
      <c r="D12111" s="367"/>
      <c r="E12111" s="367"/>
      <c r="F12111" s="360"/>
      <c r="G12111" s="360"/>
      <c r="H12111" s="360"/>
      <c r="I12111" s="360"/>
      <c r="J12111" s="365"/>
      <c r="K12111" s="365"/>
      <c r="L12111" s="365"/>
    </row>
    <row r="12112" spans="2:12" ht="28.5">
      <c r="B12112" s="368"/>
      <c r="C12112" s="368"/>
      <c r="D12112" s="368"/>
      <c r="E12112" s="368"/>
      <c r="F12112" s="361" t="s">
        <v>14472</v>
      </c>
      <c r="G12112" s="361" t="s">
        <v>14473</v>
      </c>
      <c r="H12112" s="361" t="s">
        <v>14422</v>
      </c>
      <c r="I12112" s="361" t="s">
        <v>14473</v>
      </c>
      <c r="J12112" s="366"/>
      <c r="K12112" s="366"/>
      <c r="L12112" s="366"/>
    </row>
    <row r="12113" spans="2:12" ht="42.75">
      <c r="B12113" s="358" t="s">
        <v>20654</v>
      </c>
      <c r="C12113" s="358" t="s">
        <v>30218</v>
      </c>
      <c r="D12113" s="358" t="s">
        <v>20655</v>
      </c>
      <c r="E12113" s="358" t="s">
        <v>8356</v>
      </c>
      <c r="F12113" s="358" t="s">
        <v>29265</v>
      </c>
      <c r="G12113" s="358" t="s">
        <v>15139</v>
      </c>
      <c r="H12113" s="358" t="s">
        <v>14328</v>
      </c>
      <c r="I12113" s="358" t="s">
        <v>15139</v>
      </c>
      <c r="J12113" s="358"/>
      <c r="K12113" s="358"/>
      <c r="L12113" s="358"/>
    </row>
    <row r="12114" spans="2:12">
      <c r="B12114" s="367"/>
      <c r="C12114" s="367"/>
      <c r="D12114" s="367"/>
      <c r="E12114" s="367"/>
      <c r="F12114" s="367"/>
      <c r="G12114" s="360"/>
      <c r="H12114" s="360"/>
      <c r="I12114" s="360"/>
      <c r="J12114" s="365"/>
      <c r="K12114" s="365"/>
      <c r="L12114" s="365"/>
    </row>
    <row r="12115" spans="2:12">
      <c r="B12115" s="367"/>
      <c r="C12115" s="367"/>
      <c r="D12115" s="367"/>
      <c r="E12115" s="367"/>
      <c r="F12115" s="367"/>
      <c r="G12115" s="359" t="s">
        <v>14395</v>
      </c>
      <c r="H12115" s="359" t="s">
        <v>14370</v>
      </c>
      <c r="I12115" s="359" t="s">
        <v>14395</v>
      </c>
      <c r="J12115" s="365"/>
      <c r="K12115" s="365"/>
      <c r="L12115" s="365"/>
    </row>
    <row r="12116" spans="2:12">
      <c r="B12116" s="367"/>
      <c r="C12116" s="367"/>
      <c r="D12116" s="367"/>
      <c r="E12116" s="367"/>
      <c r="F12116" s="367"/>
      <c r="G12116" s="360"/>
      <c r="H12116" s="360"/>
      <c r="I12116" s="360"/>
      <c r="J12116" s="365"/>
      <c r="K12116" s="365"/>
      <c r="L12116" s="365"/>
    </row>
    <row r="12117" spans="2:12">
      <c r="B12117" s="368"/>
      <c r="C12117" s="368"/>
      <c r="D12117" s="368"/>
      <c r="E12117" s="368"/>
      <c r="F12117" s="368"/>
      <c r="G12117" s="362"/>
      <c r="H12117" s="361" t="s">
        <v>14422</v>
      </c>
      <c r="I12117" s="362"/>
      <c r="J12117" s="366"/>
      <c r="K12117" s="366"/>
      <c r="L12117" s="366"/>
    </row>
    <row r="12118" spans="2:12">
      <c r="B12118" s="358" t="s">
        <v>20656</v>
      </c>
      <c r="C12118" s="358" t="s">
        <v>20657</v>
      </c>
      <c r="D12118" s="358" t="s">
        <v>20658</v>
      </c>
      <c r="E12118" s="358" t="s">
        <v>20659</v>
      </c>
      <c r="F12118" s="358" t="s">
        <v>14430</v>
      </c>
      <c r="G12118" s="358" t="s">
        <v>14431</v>
      </c>
      <c r="H12118" s="358" t="s">
        <v>14341</v>
      </c>
      <c r="I12118" s="358" t="s">
        <v>14431</v>
      </c>
      <c r="J12118" s="358"/>
      <c r="K12118" s="358"/>
      <c r="L12118" s="358"/>
    </row>
    <row r="12119" spans="2:12">
      <c r="B12119" s="367"/>
      <c r="C12119" s="367"/>
      <c r="D12119" s="367"/>
      <c r="E12119" s="367"/>
      <c r="F12119" s="367"/>
      <c r="G12119" s="367"/>
      <c r="H12119" s="360"/>
      <c r="I12119" s="367"/>
      <c r="J12119" s="365"/>
      <c r="K12119" s="365"/>
      <c r="L12119" s="365"/>
    </row>
    <row r="12120" spans="2:12">
      <c r="B12120" s="368"/>
      <c r="C12120" s="368"/>
      <c r="D12120" s="368"/>
      <c r="E12120" s="368"/>
      <c r="F12120" s="368"/>
      <c r="G12120" s="368"/>
      <c r="H12120" s="361" t="s">
        <v>14332</v>
      </c>
      <c r="I12120" s="368"/>
      <c r="J12120" s="366"/>
      <c r="K12120" s="366"/>
      <c r="L12120" s="366"/>
    </row>
    <row r="12121" spans="2:12">
      <c r="B12121" s="358" t="s">
        <v>20660</v>
      </c>
      <c r="C12121" s="358" t="s">
        <v>20661</v>
      </c>
      <c r="D12121" s="358" t="s">
        <v>20662</v>
      </c>
      <c r="E12121" s="358" t="s">
        <v>20663</v>
      </c>
      <c r="F12121" s="358" t="s">
        <v>14389</v>
      </c>
      <c r="G12121" s="358" t="s">
        <v>14390</v>
      </c>
      <c r="H12121" s="358" t="s">
        <v>14367</v>
      </c>
      <c r="I12121" s="358" t="s">
        <v>14390</v>
      </c>
      <c r="J12121" s="358"/>
      <c r="K12121" s="358"/>
      <c r="L12121" s="358"/>
    </row>
    <row r="12122" spans="2:12">
      <c r="B12122" s="367"/>
      <c r="C12122" s="367"/>
      <c r="D12122" s="367"/>
      <c r="E12122" s="367"/>
      <c r="F12122" s="360"/>
      <c r="G12122" s="360"/>
      <c r="H12122" s="360"/>
      <c r="I12122" s="360"/>
      <c r="J12122" s="365"/>
      <c r="K12122" s="365"/>
      <c r="L12122" s="365"/>
    </row>
    <row r="12123" spans="2:12" ht="28.5">
      <c r="B12123" s="368"/>
      <c r="C12123" s="368"/>
      <c r="D12123" s="368"/>
      <c r="E12123" s="368"/>
      <c r="F12123" s="361" t="s">
        <v>14472</v>
      </c>
      <c r="G12123" s="361" t="s">
        <v>14473</v>
      </c>
      <c r="H12123" s="361" t="s">
        <v>14422</v>
      </c>
      <c r="I12123" s="361" t="s">
        <v>14473</v>
      </c>
      <c r="J12123" s="366"/>
      <c r="K12123" s="366"/>
      <c r="L12123" s="366"/>
    </row>
    <row r="12124" spans="2:12" ht="28.5">
      <c r="B12124" s="358" t="s">
        <v>20664</v>
      </c>
      <c r="C12124" s="358" t="s">
        <v>30219</v>
      </c>
      <c r="D12124" s="358" t="s">
        <v>20665</v>
      </c>
      <c r="E12124" s="358" t="s">
        <v>20666</v>
      </c>
      <c r="F12124" s="358" t="s">
        <v>29049</v>
      </c>
      <c r="G12124" s="358" t="s">
        <v>14429</v>
      </c>
      <c r="H12124" s="358" t="s">
        <v>14367</v>
      </c>
      <c r="I12124" s="358" t="s">
        <v>14429</v>
      </c>
      <c r="J12124" s="358"/>
      <c r="K12124" s="358"/>
      <c r="L12124" s="358"/>
    </row>
    <row r="12125" spans="2:12">
      <c r="B12125" s="367"/>
      <c r="C12125" s="367"/>
      <c r="D12125" s="367"/>
      <c r="E12125" s="367"/>
      <c r="F12125" s="360"/>
      <c r="G12125" s="360"/>
      <c r="H12125" s="360"/>
      <c r="I12125" s="360"/>
      <c r="J12125" s="365"/>
      <c r="K12125" s="365"/>
      <c r="L12125" s="365"/>
    </row>
    <row r="12126" spans="2:12" ht="28.5">
      <c r="B12126" s="367"/>
      <c r="C12126" s="367"/>
      <c r="D12126" s="367"/>
      <c r="E12126" s="367"/>
      <c r="F12126" s="359" t="s">
        <v>14374</v>
      </c>
      <c r="G12126" s="359" t="s">
        <v>14372</v>
      </c>
      <c r="H12126" s="359" t="s">
        <v>14370</v>
      </c>
      <c r="I12126" s="359" t="s">
        <v>14373</v>
      </c>
      <c r="J12126" s="365"/>
      <c r="K12126" s="365"/>
      <c r="L12126" s="365"/>
    </row>
    <row r="12127" spans="2:12">
      <c r="B12127" s="367"/>
      <c r="C12127" s="367"/>
      <c r="D12127" s="367"/>
      <c r="E12127" s="367"/>
      <c r="F12127" s="360"/>
      <c r="G12127" s="360"/>
      <c r="H12127" s="360"/>
      <c r="I12127" s="360"/>
      <c r="J12127" s="365"/>
      <c r="K12127" s="365"/>
      <c r="L12127" s="365"/>
    </row>
    <row r="12128" spans="2:12">
      <c r="B12128" s="368"/>
      <c r="C12128" s="368"/>
      <c r="D12128" s="368"/>
      <c r="E12128" s="368"/>
      <c r="F12128" s="362"/>
      <c r="G12128" s="361" t="s">
        <v>14373</v>
      </c>
      <c r="H12128" s="361" t="s">
        <v>14422</v>
      </c>
      <c r="I12128" s="362"/>
      <c r="J12128" s="366"/>
      <c r="K12128" s="366"/>
      <c r="L12128" s="366"/>
    </row>
    <row r="12129" spans="2:12" ht="42.75">
      <c r="B12129" s="358" t="s">
        <v>20667</v>
      </c>
      <c r="C12129" s="358" t="s">
        <v>27644</v>
      </c>
      <c r="D12129" s="358" t="s">
        <v>20668</v>
      </c>
      <c r="E12129" s="358" t="s">
        <v>20669</v>
      </c>
      <c r="F12129" s="358" t="s">
        <v>14814</v>
      </c>
      <c r="G12129" s="358" t="s">
        <v>14815</v>
      </c>
      <c r="H12129" s="358" t="s">
        <v>14381</v>
      </c>
      <c r="I12129" s="358" t="s">
        <v>14815</v>
      </c>
      <c r="J12129" s="358"/>
      <c r="K12129" s="358"/>
      <c r="L12129" s="358"/>
    </row>
    <row r="12130" spans="2:12">
      <c r="B12130" s="367"/>
      <c r="C12130" s="367"/>
      <c r="D12130" s="367"/>
      <c r="E12130" s="367"/>
      <c r="F12130" s="360"/>
      <c r="G12130" s="360"/>
      <c r="H12130" s="360"/>
      <c r="I12130" s="360"/>
      <c r="J12130" s="365"/>
      <c r="K12130" s="365"/>
      <c r="L12130" s="365"/>
    </row>
    <row r="12131" spans="2:12">
      <c r="B12131" s="367"/>
      <c r="C12131" s="367"/>
      <c r="D12131" s="367"/>
      <c r="E12131" s="367"/>
      <c r="F12131" s="359" t="s">
        <v>14391</v>
      </c>
      <c r="G12131" s="359" t="s">
        <v>14392</v>
      </c>
      <c r="H12131" s="359" t="s">
        <v>14332</v>
      </c>
      <c r="I12131" s="359" t="s">
        <v>14392</v>
      </c>
      <c r="J12131" s="365"/>
      <c r="K12131" s="365"/>
      <c r="L12131" s="365"/>
    </row>
    <row r="12132" spans="2:12">
      <c r="B12132" s="367"/>
      <c r="C12132" s="367"/>
      <c r="D12132" s="367"/>
      <c r="E12132" s="367"/>
      <c r="F12132" s="360"/>
      <c r="G12132" s="360"/>
      <c r="H12132" s="360"/>
      <c r="I12132" s="360"/>
      <c r="J12132" s="365"/>
      <c r="K12132" s="365"/>
      <c r="L12132" s="365"/>
    </row>
    <row r="12133" spans="2:12" ht="28.5">
      <c r="B12133" s="368"/>
      <c r="C12133" s="368"/>
      <c r="D12133" s="368"/>
      <c r="E12133" s="368"/>
      <c r="F12133" s="361" t="s">
        <v>14472</v>
      </c>
      <c r="G12133" s="361" t="s">
        <v>14473</v>
      </c>
      <c r="H12133" s="362"/>
      <c r="I12133" s="361" t="s">
        <v>14473</v>
      </c>
      <c r="J12133" s="366"/>
      <c r="K12133" s="366"/>
      <c r="L12133" s="366"/>
    </row>
    <row r="12134" spans="2:12">
      <c r="B12134" s="358" t="s">
        <v>20670</v>
      </c>
      <c r="C12134" s="358" t="s">
        <v>27645</v>
      </c>
      <c r="D12134" s="358" t="s">
        <v>20671</v>
      </c>
      <c r="E12134" s="358" t="s">
        <v>20672</v>
      </c>
      <c r="F12134" s="358" t="s">
        <v>14386</v>
      </c>
      <c r="G12134" s="358" t="s">
        <v>14387</v>
      </c>
      <c r="H12134" s="358" t="s">
        <v>14367</v>
      </c>
      <c r="I12134" s="358" t="s">
        <v>14387</v>
      </c>
      <c r="J12134" s="358"/>
      <c r="K12134" s="358"/>
      <c r="L12134" s="358"/>
    </row>
    <row r="12135" spans="2:12">
      <c r="B12135" s="367"/>
      <c r="C12135" s="367"/>
      <c r="D12135" s="367"/>
      <c r="E12135" s="367"/>
      <c r="F12135" s="367"/>
      <c r="G12135" s="367"/>
      <c r="H12135" s="360"/>
      <c r="I12135" s="367"/>
      <c r="J12135" s="365"/>
      <c r="K12135" s="365"/>
      <c r="L12135" s="365"/>
    </row>
    <row r="12136" spans="2:12">
      <c r="B12136" s="368"/>
      <c r="C12136" s="368"/>
      <c r="D12136" s="368"/>
      <c r="E12136" s="368"/>
      <c r="F12136" s="368"/>
      <c r="G12136" s="368"/>
      <c r="H12136" s="361" t="s">
        <v>14422</v>
      </c>
      <c r="I12136" s="368"/>
      <c r="J12136" s="366"/>
      <c r="K12136" s="366"/>
      <c r="L12136" s="366"/>
    </row>
    <row r="12137" spans="2:12">
      <c r="B12137" s="358" t="s">
        <v>20673</v>
      </c>
      <c r="C12137" s="358" t="s">
        <v>27646</v>
      </c>
      <c r="D12137" s="358" t="s">
        <v>20674</v>
      </c>
      <c r="E12137" s="358" t="s">
        <v>20675</v>
      </c>
      <c r="F12137" s="358" t="s">
        <v>14430</v>
      </c>
      <c r="G12137" s="358" t="s">
        <v>14431</v>
      </c>
      <c r="H12137" s="358" t="s">
        <v>14341</v>
      </c>
      <c r="I12137" s="358" t="s">
        <v>14431</v>
      </c>
      <c r="J12137" s="358"/>
      <c r="K12137" s="358"/>
      <c r="L12137" s="358"/>
    </row>
    <row r="12138" spans="2:12">
      <c r="B12138" s="367"/>
      <c r="C12138" s="367"/>
      <c r="D12138" s="367"/>
      <c r="E12138" s="367"/>
      <c r="F12138" s="367"/>
      <c r="G12138" s="367"/>
      <c r="H12138" s="360"/>
      <c r="I12138" s="367"/>
      <c r="J12138" s="365"/>
      <c r="K12138" s="365"/>
      <c r="L12138" s="365"/>
    </row>
    <row r="12139" spans="2:12">
      <c r="B12139" s="368"/>
      <c r="C12139" s="368"/>
      <c r="D12139" s="368"/>
      <c r="E12139" s="368"/>
      <c r="F12139" s="368"/>
      <c r="G12139" s="368"/>
      <c r="H12139" s="361" t="s">
        <v>14332</v>
      </c>
      <c r="I12139" s="368"/>
      <c r="J12139" s="366"/>
      <c r="K12139" s="366"/>
      <c r="L12139" s="366"/>
    </row>
    <row r="12140" spans="2:12" ht="42.75">
      <c r="B12140" s="358" t="s">
        <v>20676</v>
      </c>
      <c r="C12140" s="358" t="s">
        <v>30220</v>
      </c>
      <c r="D12140" s="358" t="s">
        <v>20677</v>
      </c>
      <c r="E12140" s="358" t="s">
        <v>20678</v>
      </c>
      <c r="F12140" s="358" t="s">
        <v>14420</v>
      </c>
      <c r="G12140" s="358" t="s">
        <v>14421</v>
      </c>
      <c r="H12140" s="358" t="s">
        <v>14367</v>
      </c>
      <c r="I12140" s="358" t="s">
        <v>14421</v>
      </c>
      <c r="J12140" s="358"/>
      <c r="K12140" s="358"/>
      <c r="L12140" s="358"/>
    </row>
    <row r="12141" spans="2:12">
      <c r="B12141" s="367"/>
      <c r="C12141" s="367"/>
      <c r="D12141" s="367"/>
      <c r="E12141" s="367"/>
      <c r="F12141" s="367"/>
      <c r="G12141" s="367"/>
      <c r="H12141" s="360"/>
      <c r="I12141" s="367"/>
      <c r="J12141" s="365"/>
      <c r="K12141" s="365"/>
      <c r="L12141" s="365"/>
    </row>
    <row r="12142" spans="2:12">
      <c r="B12142" s="368"/>
      <c r="C12142" s="368"/>
      <c r="D12142" s="368"/>
      <c r="E12142" s="368"/>
      <c r="F12142" s="368"/>
      <c r="G12142" s="368"/>
      <c r="H12142" s="361" t="s">
        <v>14422</v>
      </c>
      <c r="I12142" s="368"/>
      <c r="J12142" s="366"/>
      <c r="K12142" s="366"/>
      <c r="L12142" s="366"/>
    </row>
    <row r="12143" spans="2:12" ht="28.5">
      <c r="B12143" s="358" t="s">
        <v>20679</v>
      </c>
      <c r="C12143" s="358" t="s">
        <v>20680</v>
      </c>
      <c r="D12143" s="358" t="s">
        <v>20681</v>
      </c>
      <c r="E12143" s="358" t="s">
        <v>20682</v>
      </c>
      <c r="F12143" s="358" t="s">
        <v>14386</v>
      </c>
      <c r="G12143" s="358" t="s">
        <v>14387</v>
      </c>
      <c r="H12143" s="358" t="s">
        <v>14367</v>
      </c>
      <c r="I12143" s="358" t="s">
        <v>14387</v>
      </c>
      <c r="J12143" s="358"/>
      <c r="K12143" s="358"/>
      <c r="L12143" s="358"/>
    </row>
    <row r="12144" spans="2:12">
      <c r="B12144" s="367"/>
      <c r="C12144" s="367"/>
      <c r="D12144" s="367"/>
      <c r="E12144" s="367"/>
      <c r="F12144" s="360"/>
      <c r="G12144" s="360"/>
      <c r="H12144" s="360"/>
      <c r="I12144" s="360"/>
      <c r="J12144" s="365"/>
      <c r="K12144" s="365"/>
      <c r="L12144" s="365"/>
    </row>
    <row r="12145" spans="2:12" ht="28.5">
      <c r="B12145" s="367"/>
      <c r="C12145" s="367"/>
      <c r="D12145" s="367"/>
      <c r="E12145" s="367"/>
      <c r="F12145" s="359" t="s">
        <v>14394</v>
      </c>
      <c r="G12145" s="359" t="s">
        <v>14395</v>
      </c>
      <c r="H12145" s="359" t="s">
        <v>14370</v>
      </c>
      <c r="I12145" s="359" t="s">
        <v>14395</v>
      </c>
      <c r="J12145" s="365"/>
      <c r="K12145" s="365"/>
      <c r="L12145" s="365"/>
    </row>
    <row r="12146" spans="2:12">
      <c r="B12146" s="367"/>
      <c r="C12146" s="367"/>
      <c r="D12146" s="367"/>
      <c r="E12146" s="367"/>
      <c r="F12146" s="360"/>
      <c r="G12146" s="360"/>
      <c r="H12146" s="360"/>
      <c r="I12146" s="360"/>
      <c r="J12146" s="365"/>
      <c r="K12146" s="365"/>
      <c r="L12146" s="365"/>
    </row>
    <row r="12147" spans="2:12">
      <c r="B12147" s="368"/>
      <c r="C12147" s="368"/>
      <c r="D12147" s="368"/>
      <c r="E12147" s="368"/>
      <c r="F12147" s="362"/>
      <c r="G12147" s="362"/>
      <c r="H12147" s="361" t="s">
        <v>14422</v>
      </c>
      <c r="I12147" s="362"/>
      <c r="J12147" s="366"/>
      <c r="K12147" s="366"/>
      <c r="L12147" s="366"/>
    </row>
    <row r="12148" spans="2:12" ht="71.25">
      <c r="B12148" s="358" t="s">
        <v>20683</v>
      </c>
      <c r="C12148" s="358" t="s">
        <v>30221</v>
      </c>
      <c r="D12148" s="358" t="s">
        <v>20684</v>
      </c>
      <c r="E12148" s="358" t="s">
        <v>20685</v>
      </c>
      <c r="F12148" s="358" t="s">
        <v>14371</v>
      </c>
      <c r="G12148" s="358" t="s">
        <v>14372</v>
      </c>
      <c r="H12148" s="358" t="s">
        <v>14370</v>
      </c>
      <c r="I12148" s="358" t="s">
        <v>14373</v>
      </c>
      <c r="J12148" s="358"/>
      <c r="K12148" s="358"/>
      <c r="L12148" s="358"/>
    </row>
    <row r="12149" spans="2:12">
      <c r="B12149" s="367"/>
      <c r="C12149" s="367"/>
      <c r="D12149" s="360"/>
      <c r="E12149" s="360"/>
      <c r="F12149" s="360"/>
      <c r="G12149" s="360"/>
      <c r="H12149" s="360"/>
      <c r="I12149" s="367"/>
      <c r="J12149" s="365"/>
      <c r="K12149" s="365"/>
      <c r="L12149" s="365"/>
    </row>
    <row r="12150" spans="2:12" ht="28.5">
      <c r="B12150" s="368"/>
      <c r="C12150" s="368"/>
      <c r="D12150" s="361" t="s">
        <v>28737</v>
      </c>
      <c r="E12150" s="361" t="s">
        <v>20686</v>
      </c>
      <c r="F12150" s="361" t="s">
        <v>14374</v>
      </c>
      <c r="G12150" s="361" t="s">
        <v>14373</v>
      </c>
      <c r="H12150" s="361" t="s">
        <v>14422</v>
      </c>
      <c r="I12150" s="368"/>
      <c r="J12150" s="366"/>
      <c r="K12150" s="366"/>
      <c r="L12150" s="366"/>
    </row>
    <row r="12151" spans="2:12" ht="42.75">
      <c r="B12151" s="358" t="s">
        <v>20687</v>
      </c>
      <c r="C12151" s="358" t="s">
        <v>20688</v>
      </c>
      <c r="D12151" s="358" t="s">
        <v>20689</v>
      </c>
      <c r="E12151" s="358" t="s">
        <v>8356</v>
      </c>
      <c r="F12151" s="358" t="s">
        <v>14472</v>
      </c>
      <c r="G12151" s="358" t="s">
        <v>14473</v>
      </c>
      <c r="H12151" s="358" t="s">
        <v>8356</v>
      </c>
      <c r="I12151" s="358" t="s">
        <v>14473</v>
      </c>
      <c r="J12151" s="358"/>
      <c r="K12151" s="358"/>
      <c r="L12151" s="358"/>
    </row>
    <row r="12152" spans="2:12">
      <c r="B12152" s="368"/>
      <c r="C12152" s="368"/>
      <c r="D12152" s="368"/>
      <c r="E12152" s="368"/>
      <c r="F12152" s="368"/>
      <c r="G12152" s="368"/>
      <c r="H12152" s="368"/>
      <c r="I12152" s="368"/>
      <c r="J12152" s="366"/>
      <c r="K12152" s="366"/>
      <c r="L12152" s="366"/>
    </row>
    <row r="12153" spans="2:12" ht="28.5">
      <c r="B12153" s="358" t="s">
        <v>20690</v>
      </c>
      <c r="C12153" s="358" t="s">
        <v>27647</v>
      </c>
      <c r="D12153" s="358" t="s">
        <v>20691</v>
      </c>
      <c r="E12153" s="358" t="s">
        <v>20692</v>
      </c>
      <c r="F12153" s="358" t="s">
        <v>14391</v>
      </c>
      <c r="G12153" s="358" t="s">
        <v>14392</v>
      </c>
      <c r="H12153" s="358" t="s">
        <v>14367</v>
      </c>
      <c r="I12153" s="358" t="s">
        <v>14392</v>
      </c>
      <c r="J12153" s="358"/>
      <c r="K12153" s="358"/>
      <c r="L12153" s="358"/>
    </row>
    <row r="12154" spans="2:12">
      <c r="B12154" s="367"/>
      <c r="C12154" s="367"/>
      <c r="D12154" s="367"/>
      <c r="E12154" s="367"/>
      <c r="F12154" s="360"/>
      <c r="G12154" s="360"/>
      <c r="H12154" s="360"/>
      <c r="I12154" s="360"/>
      <c r="J12154" s="365"/>
      <c r="K12154" s="365"/>
      <c r="L12154" s="365"/>
    </row>
    <row r="12155" spans="2:12" ht="28.5">
      <c r="B12155" s="367"/>
      <c r="C12155" s="367"/>
      <c r="D12155" s="367"/>
      <c r="E12155" s="367"/>
      <c r="F12155" s="359" t="s">
        <v>14394</v>
      </c>
      <c r="G12155" s="359" t="s">
        <v>14395</v>
      </c>
      <c r="H12155" s="359" t="s">
        <v>14370</v>
      </c>
      <c r="I12155" s="359" t="s">
        <v>14395</v>
      </c>
      <c r="J12155" s="365"/>
      <c r="K12155" s="365"/>
      <c r="L12155" s="365"/>
    </row>
    <row r="12156" spans="2:12">
      <c r="B12156" s="367"/>
      <c r="C12156" s="367"/>
      <c r="D12156" s="367"/>
      <c r="E12156" s="367"/>
      <c r="F12156" s="360"/>
      <c r="G12156" s="360"/>
      <c r="H12156" s="360"/>
      <c r="I12156" s="360"/>
      <c r="J12156" s="365"/>
      <c r="K12156" s="365"/>
      <c r="L12156" s="365"/>
    </row>
    <row r="12157" spans="2:12">
      <c r="B12157" s="368"/>
      <c r="C12157" s="368"/>
      <c r="D12157" s="368"/>
      <c r="E12157" s="368"/>
      <c r="F12157" s="362"/>
      <c r="G12157" s="362"/>
      <c r="H12157" s="361" t="s">
        <v>14422</v>
      </c>
      <c r="I12157" s="362"/>
      <c r="J12157" s="366"/>
      <c r="K12157" s="366"/>
      <c r="L12157" s="366"/>
    </row>
    <row r="12158" spans="2:12">
      <c r="B12158" s="358" t="s">
        <v>20693</v>
      </c>
      <c r="C12158" s="358" t="s">
        <v>20694</v>
      </c>
      <c r="D12158" s="358" t="s">
        <v>20695</v>
      </c>
      <c r="E12158" s="358" t="s">
        <v>20696</v>
      </c>
      <c r="F12158" s="358" t="s">
        <v>14391</v>
      </c>
      <c r="G12158" s="358" t="s">
        <v>14392</v>
      </c>
      <c r="H12158" s="358" t="s">
        <v>14367</v>
      </c>
      <c r="I12158" s="358" t="s">
        <v>14392</v>
      </c>
      <c r="J12158" s="358"/>
      <c r="K12158" s="358"/>
      <c r="L12158" s="358"/>
    </row>
    <row r="12159" spans="2:12">
      <c r="B12159" s="367"/>
      <c r="C12159" s="367"/>
      <c r="D12159" s="367"/>
      <c r="E12159" s="367"/>
      <c r="F12159" s="367"/>
      <c r="G12159" s="367"/>
      <c r="H12159" s="360"/>
      <c r="I12159" s="367"/>
      <c r="J12159" s="365"/>
      <c r="K12159" s="365"/>
      <c r="L12159" s="365"/>
    </row>
    <row r="12160" spans="2:12">
      <c r="B12160" s="368"/>
      <c r="C12160" s="368"/>
      <c r="D12160" s="368"/>
      <c r="E12160" s="368"/>
      <c r="F12160" s="368"/>
      <c r="G12160" s="368"/>
      <c r="H12160" s="361" t="s">
        <v>14422</v>
      </c>
      <c r="I12160" s="368"/>
      <c r="J12160" s="366"/>
      <c r="K12160" s="366"/>
      <c r="L12160" s="366"/>
    </row>
    <row r="12161" spans="2:12" ht="28.5">
      <c r="B12161" s="358" t="s">
        <v>20697</v>
      </c>
      <c r="C12161" s="358" t="s">
        <v>20698</v>
      </c>
      <c r="D12161" s="358" t="s">
        <v>20699</v>
      </c>
      <c r="E12161" s="358" t="s">
        <v>8356</v>
      </c>
      <c r="F12161" s="358" t="s">
        <v>14389</v>
      </c>
      <c r="G12161" s="358" t="s">
        <v>14390</v>
      </c>
      <c r="H12161" s="358" t="s">
        <v>14341</v>
      </c>
      <c r="I12161" s="358" t="s">
        <v>14390</v>
      </c>
      <c r="J12161" s="358"/>
      <c r="K12161" s="358"/>
      <c r="L12161" s="358"/>
    </row>
    <row r="12162" spans="2:12">
      <c r="B12162" s="367"/>
      <c r="C12162" s="367"/>
      <c r="D12162" s="367"/>
      <c r="E12162" s="367"/>
      <c r="F12162" s="360"/>
      <c r="G12162" s="360"/>
      <c r="H12162" s="360"/>
      <c r="I12162" s="360"/>
      <c r="J12162" s="365"/>
      <c r="K12162" s="365"/>
      <c r="L12162" s="365"/>
    </row>
    <row r="12163" spans="2:12">
      <c r="B12163" s="367"/>
      <c r="C12163" s="367"/>
      <c r="D12163" s="367"/>
      <c r="E12163" s="367"/>
      <c r="F12163" s="359" t="s">
        <v>14430</v>
      </c>
      <c r="G12163" s="359" t="s">
        <v>14431</v>
      </c>
      <c r="H12163" s="359" t="s">
        <v>14370</v>
      </c>
      <c r="I12163" s="359" t="s">
        <v>14431</v>
      </c>
      <c r="J12163" s="365"/>
      <c r="K12163" s="365"/>
      <c r="L12163" s="365"/>
    </row>
    <row r="12164" spans="2:12">
      <c r="B12164" s="367"/>
      <c r="C12164" s="367"/>
      <c r="D12164" s="367"/>
      <c r="E12164" s="367"/>
      <c r="F12164" s="360"/>
      <c r="G12164" s="360"/>
      <c r="H12164" s="360"/>
      <c r="I12164" s="360"/>
      <c r="J12164" s="365"/>
      <c r="K12164" s="365"/>
      <c r="L12164" s="365"/>
    </row>
    <row r="12165" spans="2:12">
      <c r="B12165" s="367"/>
      <c r="C12165" s="367"/>
      <c r="D12165" s="367"/>
      <c r="E12165" s="367"/>
      <c r="F12165" s="359" t="s">
        <v>14371</v>
      </c>
      <c r="G12165" s="359" t="s">
        <v>14372</v>
      </c>
      <c r="H12165" s="359" t="s">
        <v>14332</v>
      </c>
      <c r="I12165" s="359" t="s">
        <v>14373</v>
      </c>
      <c r="J12165" s="365"/>
      <c r="K12165" s="365"/>
      <c r="L12165" s="365"/>
    </row>
    <row r="12166" spans="2:12">
      <c r="B12166" s="367"/>
      <c r="C12166" s="367"/>
      <c r="D12166" s="367"/>
      <c r="E12166" s="367"/>
      <c r="F12166" s="360"/>
      <c r="G12166" s="360"/>
      <c r="H12166" s="360"/>
      <c r="I12166" s="360"/>
      <c r="J12166" s="365"/>
      <c r="K12166" s="365"/>
      <c r="L12166" s="365"/>
    </row>
    <row r="12167" spans="2:12" ht="28.5">
      <c r="B12167" s="368"/>
      <c r="C12167" s="368"/>
      <c r="D12167" s="368"/>
      <c r="E12167" s="368"/>
      <c r="F12167" s="361" t="s">
        <v>14374</v>
      </c>
      <c r="G12167" s="361" t="s">
        <v>14373</v>
      </c>
      <c r="H12167" s="362"/>
      <c r="I12167" s="362"/>
      <c r="J12167" s="366"/>
      <c r="K12167" s="366"/>
      <c r="L12167" s="366"/>
    </row>
    <row r="12168" spans="2:12" ht="28.5">
      <c r="B12168" s="358" t="s">
        <v>20700</v>
      </c>
      <c r="C12168" s="358" t="s">
        <v>29266</v>
      </c>
      <c r="D12168" s="358" t="s">
        <v>20701</v>
      </c>
      <c r="E12168" s="358" t="s">
        <v>8356</v>
      </c>
      <c r="F12168" s="358" t="s">
        <v>14420</v>
      </c>
      <c r="G12168" s="358" t="s">
        <v>14429</v>
      </c>
      <c r="H12168" s="358" t="s">
        <v>14341</v>
      </c>
      <c r="I12168" s="358" t="s">
        <v>14429</v>
      </c>
      <c r="J12168" s="358"/>
      <c r="K12168" s="358"/>
      <c r="L12168" s="358"/>
    </row>
    <row r="12169" spans="2:12">
      <c r="B12169" s="367"/>
      <c r="C12169" s="367"/>
      <c r="D12169" s="367"/>
      <c r="E12169" s="367"/>
      <c r="F12169" s="360"/>
      <c r="G12169" s="360"/>
      <c r="H12169" s="360"/>
      <c r="I12169" s="360"/>
      <c r="J12169" s="365"/>
      <c r="K12169" s="365"/>
      <c r="L12169" s="365"/>
    </row>
    <row r="12170" spans="2:12">
      <c r="B12170" s="367"/>
      <c r="C12170" s="367"/>
      <c r="D12170" s="367"/>
      <c r="E12170" s="367"/>
      <c r="F12170" s="359" t="s">
        <v>14430</v>
      </c>
      <c r="G12170" s="359" t="s">
        <v>14431</v>
      </c>
      <c r="H12170" s="359" t="s">
        <v>14367</v>
      </c>
      <c r="I12170" s="359" t="s">
        <v>14431</v>
      </c>
      <c r="J12170" s="365"/>
      <c r="K12170" s="365"/>
      <c r="L12170" s="365"/>
    </row>
    <row r="12171" spans="2:12">
      <c r="B12171" s="367"/>
      <c r="C12171" s="367"/>
      <c r="D12171" s="367"/>
      <c r="E12171" s="367"/>
      <c r="F12171" s="360"/>
      <c r="G12171" s="360"/>
      <c r="H12171" s="360"/>
      <c r="I12171" s="360"/>
      <c r="J12171" s="365"/>
      <c r="K12171" s="365"/>
      <c r="L12171" s="365"/>
    </row>
    <row r="12172" spans="2:12">
      <c r="B12172" s="367"/>
      <c r="C12172" s="367"/>
      <c r="D12172" s="367"/>
      <c r="E12172" s="367"/>
      <c r="F12172" s="359" t="s">
        <v>14391</v>
      </c>
      <c r="G12172" s="359" t="s">
        <v>14392</v>
      </c>
      <c r="H12172" s="359" t="s">
        <v>14370</v>
      </c>
      <c r="I12172" s="359" t="s">
        <v>14392</v>
      </c>
      <c r="J12172" s="365"/>
      <c r="K12172" s="365"/>
      <c r="L12172" s="365"/>
    </row>
    <row r="12173" spans="2:12">
      <c r="B12173" s="367"/>
      <c r="C12173" s="367"/>
      <c r="D12173" s="367"/>
      <c r="E12173" s="367"/>
      <c r="F12173" s="360"/>
      <c r="G12173" s="360"/>
      <c r="H12173" s="360"/>
      <c r="I12173" s="360"/>
      <c r="J12173" s="365"/>
      <c r="K12173" s="365"/>
      <c r="L12173" s="365"/>
    </row>
    <row r="12174" spans="2:12" ht="28.5">
      <c r="B12174" s="368"/>
      <c r="C12174" s="368"/>
      <c r="D12174" s="368"/>
      <c r="E12174" s="368"/>
      <c r="F12174" s="361" t="s">
        <v>14394</v>
      </c>
      <c r="G12174" s="361" t="s">
        <v>14395</v>
      </c>
      <c r="H12174" s="361" t="s">
        <v>14332</v>
      </c>
      <c r="I12174" s="361" t="s">
        <v>14395</v>
      </c>
      <c r="J12174" s="366"/>
      <c r="K12174" s="366"/>
      <c r="L12174" s="366"/>
    </row>
    <row r="12175" spans="2:12" ht="42.75">
      <c r="B12175" s="358" t="s">
        <v>20702</v>
      </c>
      <c r="C12175" s="358" t="s">
        <v>29267</v>
      </c>
      <c r="D12175" s="358" t="s">
        <v>20703</v>
      </c>
      <c r="E12175" s="358" t="s">
        <v>8356</v>
      </c>
      <c r="F12175" s="358" t="s">
        <v>14430</v>
      </c>
      <c r="G12175" s="358" t="s">
        <v>14431</v>
      </c>
      <c r="H12175" s="358" t="s">
        <v>14341</v>
      </c>
      <c r="I12175" s="358" t="s">
        <v>14431</v>
      </c>
      <c r="J12175" s="358"/>
      <c r="K12175" s="358"/>
      <c r="L12175" s="358"/>
    </row>
    <row r="12176" spans="2:12">
      <c r="B12176" s="367"/>
      <c r="C12176" s="367"/>
      <c r="D12176" s="367"/>
      <c r="E12176" s="367"/>
      <c r="F12176" s="360"/>
      <c r="G12176" s="360"/>
      <c r="H12176" s="360"/>
      <c r="I12176" s="360"/>
      <c r="J12176" s="365"/>
      <c r="K12176" s="365"/>
      <c r="L12176" s="365"/>
    </row>
    <row r="12177" spans="2:12">
      <c r="B12177" s="367"/>
      <c r="C12177" s="367"/>
      <c r="D12177" s="367"/>
      <c r="E12177" s="367"/>
      <c r="F12177" s="359" t="s">
        <v>14391</v>
      </c>
      <c r="G12177" s="359" t="s">
        <v>14392</v>
      </c>
      <c r="H12177" s="359" t="s">
        <v>14367</v>
      </c>
      <c r="I12177" s="359" t="s">
        <v>14392</v>
      </c>
      <c r="J12177" s="365"/>
      <c r="K12177" s="365"/>
      <c r="L12177" s="365"/>
    </row>
    <row r="12178" spans="2:12">
      <c r="B12178" s="367"/>
      <c r="C12178" s="367"/>
      <c r="D12178" s="367"/>
      <c r="E12178" s="367"/>
      <c r="F12178" s="360"/>
      <c r="G12178" s="360"/>
      <c r="H12178" s="360"/>
      <c r="I12178" s="360"/>
      <c r="J12178" s="365"/>
      <c r="K12178" s="365"/>
      <c r="L12178" s="365"/>
    </row>
    <row r="12179" spans="2:12" ht="28.5">
      <c r="B12179" s="368"/>
      <c r="C12179" s="368"/>
      <c r="D12179" s="368"/>
      <c r="E12179" s="368"/>
      <c r="F12179" s="361" t="s">
        <v>14472</v>
      </c>
      <c r="G12179" s="361" t="s">
        <v>14473</v>
      </c>
      <c r="H12179" s="361" t="s">
        <v>14332</v>
      </c>
      <c r="I12179" s="361" t="s">
        <v>14473</v>
      </c>
      <c r="J12179" s="366"/>
      <c r="K12179" s="366"/>
      <c r="L12179" s="366"/>
    </row>
    <row r="12180" spans="2:12" ht="42.75">
      <c r="B12180" s="358" t="s">
        <v>20704</v>
      </c>
      <c r="C12180" s="358" t="s">
        <v>30222</v>
      </c>
      <c r="D12180" s="358" t="s">
        <v>20705</v>
      </c>
      <c r="E12180" s="358" t="s">
        <v>8356</v>
      </c>
      <c r="F12180" s="358" t="s">
        <v>14391</v>
      </c>
      <c r="G12180" s="358" t="s">
        <v>14392</v>
      </c>
      <c r="H12180" s="358" t="s">
        <v>14367</v>
      </c>
      <c r="I12180" s="358" t="s">
        <v>14392</v>
      </c>
      <c r="J12180" s="358"/>
      <c r="K12180" s="358"/>
      <c r="L12180" s="358"/>
    </row>
    <row r="12181" spans="2:12">
      <c r="B12181" s="367"/>
      <c r="C12181" s="367"/>
      <c r="D12181" s="367"/>
      <c r="E12181" s="367"/>
      <c r="F12181" s="360"/>
      <c r="G12181" s="360"/>
      <c r="H12181" s="360"/>
      <c r="I12181" s="360"/>
      <c r="J12181" s="365"/>
      <c r="K12181" s="365"/>
      <c r="L12181" s="365"/>
    </row>
    <row r="12182" spans="2:12" ht="28.5">
      <c r="B12182" s="367"/>
      <c r="C12182" s="367"/>
      <c r="D12182" s="367"/>
      <c r="E12182" s="367"/>
      <c r="F12182" s="359" t="s">
        <v>14394</v>
      </c>
      <c r="G12182" s="359" t="s">
        <v>14395</v>
      </c>
      <c r="H12182" s="359" t="s">
        <v>14370</v>
      </c>
      <c r="I12182" s="359" t="s">
        <v>14395</v>
      </c>
      <c r="J12182" s="365"/>
      <c r="K12182" s="365"/>
      <c r="L12182" s="365"/>
    </row>
    <row r="12183" spans="2:12">
      <c r="B12183" s="367"/>
      <c r="C12183" s="367"/>
      <c r="D12183" s="367"/>
      <c r="E12183" s="367"/>
      <c r="F12183" s="360"/>
      <c r="G12183" s="360"/>
      <c r="H12183" s="360"/>
      <c r="I12183" s="360"/>
      <c r="J12183" s="365"/>
      <c r="K12183" s="365"/>
      <c r="L12183" s="365"/>
    </row>
    <row r="12184" spans="2:12">
      <c r="B12184" s="368"/>
      <c r="C12184" s="368"/>
      <c r="D12184" s="368"/>
      <c r="E12184" s="368"/>
      <c r="F12184" s="362"/>
      <c r="G12184" s="362"/>
      <c r="H12184" s="361" t="s">
        <v>14422</v>
      </c>
      <c r="I12184" s="362"/>
      <c r="J12184" s="366"/>
      <c r="K12184" s="366"/>
      <c r="L12184" s="366"/>
    </row>
    <row r="12185" spans="2:12">
      <c r="B12185" s="358" t="s">
        <v>20706</v>
      </c>
      <c r="C12185" s="358" t="s">
        <v>20707</v>
      </c>
      <c r="D12185" s="358" t="s">
        <v>20708</v>
      </c>
      <c r="E12185" s="358" t="s">
        <v>20709</v>
      </c>
      <c r="F12185" s="358" t="s">
        <v>14420</v>
      </c>
      <c r="G12185" s="358" t="s">
        <v>14429</v>
      </c>
      <c r="H12185" s="358" t="s">
        <v>14367</v>
      </c>
      <c r="I12185" s="358" t="s">
        <v>14429</v>
      </c>
      <c r="J12185" s="358"/>
      <c r="K12185" s="358"/>
      <c r="L12185" s="358"/>
    </row>
    <row r="12186" spans="2:12">
      <c r="B12186" s="367"/>
      <c r="C12186" s="367"/>
      <c r="D12186" s="367"/>
      <c r="E12186" s="367"/>
      <c r="F12186" s="360"/>
      <c r="G12186" s="360"/>
      <c r="H12186" s="360"/>
      <c r="I12186" s="360"/>
      <c r="J12186" s="365"/>
      <c r="K12186" s="365"/>
      <c r="L12186" s="365"/>
    </row>
    <row r="12187" spans="2:12">
      <c r="B12187" s="367"/>
      <c r="C12187" s="367"/>
      <c r="D12187" s="367"/>
      <c r="E12187" s="367"/>
      <c r="F12187" s="359" t="s">
        <v>14386</v>
      </c>
      <c r="G12187" s="359" t="s">
        <v>14387</v>
      </c>
      <c r="H12187" s="359" t="s">
        <v>14422</v>
      </c>
      <c r="I12187" s="359" t="s">
        <v>14387</v>
      </c>
      <c r="J12187" s="365"/>
      <c r="K12187" s="365"/>
      <c r="L12187" s="365"/>
    </row>
    <row r="12188" spans="2:12">
      <c r="B12188" s="367"/>
      <c r="C12188" s="367"/>
      <c r="D12188" s="367"/>
      <c r="E12188" s="367"/>
      <c r="F12188" s="360"/>
      <c r="G12188" s="360"/>
      <c r="H12188" s="360"/>
      <c r="I12188" s="360"/>
      <c r="J12188" s="365"/>
      <c r="K12188" s="365"/>
      <c r="L12188" s="365"/>
    </row>
    <row r="12189" spans="2:12">
      <c r="B12189" s="368"/>
      <c r="C12189" s="368"/>
      <c r="D12189" s="368"/>
      <c r="E12189" s="368"/>
      <c r="F12189" s="361" t="s">
        <v>14391</v>
      </c>
      <c r="G12189" s="361" t="s">
        <v>14392</v>
      </c>
      <c r="H12189" s="362"/>
      <c r="I12189" s="361" t="s">
        <v>14392</v>
      </c>
      <c r="J12189" s="366"/>
      <c r="K12189" s="366"/>
      <c r="L12189" s="366"/>
    </row>
    <row r="12190" spans="2:12" ht="42.75">
      <c r="B12190" s="358" t="s">
        <v>20710</v>
      </c>
      <c r="C12190" s="358" t="s">
        <v>27648</v>
      </c>
      <c r="D12190" s="358" t="s">
        <v>20711</v>
      </c>
      <c r="E12190" s="358" t="s">
        <v>20712</v>
      </c>
      <c r="F12190" s="358" t="s">
        <v>14394</v>
      </c>
      <c r="G12190" s="358" t="s">
        <v>14395</v>
      </c>
      <c r="H12190" s="358" t="s">
        <v>14370</v>
      </c>
      <c r="I12190" s="358" t="s">
        <v>14395</v>
      </c>
      <c r="J12190" s="358"/>
      <c r="K12190" s="358"/>
      <c r="L12190" s="358"/>
    </row>
    <row r="12191" spans="2:12">
      <c r="B12191" s="368"/>
      <c r="C12191" s="368"/>
      <c r="D12191" s="368"/>
      <c r="E12191" s="368"/>
      <c r="F12191" s="368"/>
      <c r="G12191" s="368"/>
      <c r="H12191" s="368"/>
      <c r="I12191" s="368"/>
      <c r="J12191" s="366"/>
      <c r="K12191" s="366"/>
      <c r="L12191" s="366"/>
    </row>
    <row r="12192" spans="2:12" ht="28.5">
      <c r="B12192" s="358" t="s">
        <v>20713</v>
      </c>
      <c r="C12192" s="358" t="s">
        <v>20714</v>
      </c>
      <c r="D12192" s="358" t="s">
        <v>20715</v>
      </c>
      <c r="E12192" s="358" t="s">
        <v>20716</v>
      </c>
      <c r="F12192" s="358" t="s">
        <v>14472</v>
      </c>
      <c r="G12192" s="358" t="s">
        <v>14473</v>
      </c>
      <c r="H12192" s="358" t="s">
        <v>8356</v>
      </c>
      <c r="I12192" s="358" t="s">
        <v>14473</v>
      </c>
      <c r="J12192" s="358"/>
      <c r="K12192" s="358"/>
      <c r="L12192" s="358"/>
    </row>
    <row r="12193" spans="2:12">
      <c r="B12193" s="368"/>
      <c r="C12193" s="368"/>
      <c r="D12193" s="368"/>
      <c r="E12193" s="368"/>
      <c r="F12193" s="368"/>
      <c r="G12193" s="368"/>
      <c r="H12193" s="368"/>
      <c r="I12193" s="368"/>
      <c r="J12193" s="366"/>
      <c r="K12193" s="366"/>
      <c r="L12193" s="366"/>
    </row>
    <row r="12194" spans="2:12" ht="28.5">
      <c r="B12194" s="358" t="s">
        <v>20717</v>
      </c>
      <c r="C12194" s="358" t="s">
        <v>27649</v>
      </c>
      <c r="D12194" s="358" t="s">
        <v>20718</v>
      </c>
      <c r="E12194" s="358" t="s">
        <v>20719</v>
      </c>
      <c r="F12194" s="358" t="s">
        <v>28938</v>
      </c>
      <c r="G12194" s="358" t="s">
        <v>14421</v>
      </c>
      <c r="H12194" s="358" t="s">
        <v>14341</v>
      </c>
      <c r="I12194" s="358" t="s">
        <v>14421</v>
      </c>
      <c r="J12194" s="358"/>
      <c r="K12194" s="358"/>
      <c r="L12194" s="358"/>
    </row>
    <row r="12195" spans="2:12">
      <c r="B12195" s="367"/>
      <c r="C12195" s="367"/>
      <c r="D12195" s="367"/>
      <c r="E12195" s="367"/>
      <c r="F12195" s="360"/>
      <c r="G12195" s="360"/>
      <c r="H12195" s="360"/>
      <c r="I12195" s="360"/>
      <c r="J12195" s="365"/>
      <c r="K12195" s="365"/>
      <c r="L12195" s="365"/>
    </row>
    <row r="12196" spans="2:12">
      <c r="B12196" s="367"/>
      <c r="C12196" s="367"/>
      <c r="D12196" s="367"/>
      <c r="E12196" s="367"/>
      <c r="F12196" s="359" t="s">
        <v>14389</v>
      </c>
      <c r="G12196" s="359" t="s">
        <v>14429</v>
      </c>
      <c r="H12196" s="359" t="s">
        <v>14367</v>
      </c>
      <c r="I12196" s="359" t="s">
        <v>14429</v>
      </c>
      <c r="J12196" s="365"/>
      <c r="K12196" s="365"/>
      <c r="L12196" s="365"/>
    </row>
    <row r="12197" spans="2:12">
      <c r="B12197" s="367"/>
      <c r="C12197" s="367"/>
      <c r="D12197" s="367"/>
      <c r="E12197" s="367"/>
      <c r="F12197" s="360"/>
      <c r="G12197" s="360"/>
      <c r="H12197" s="360"/>
      <c r="I12197" s="360"/>
      <c r="J12197" s="365"/>
      <c r="K12197" s="365"/>
      <c r="L12197" s="365"/>
    </row>
    <row r="12198" spans="2:12">
      <c r="B12198" s="367"/>
      <c r="C12198" s="367"/>
      <c r="D12198" s="367"/>
      <c r="E12198" s="367"/>
      <c r="F12198" s="359" t="s">
        <v>14430</v>
      </c>
      <c r="G12198" s="359" t="s">
        <v>14390</v>
      </c>
      <c r="H12198" s="359" t="s">
        <v>14370</v>
      </c>
      <c r="I12198" s="359" t="s">
        <v>14390</v>
      </c>
      <c r="J12198" s="365"/>
      <c r="K12198" s="365"/>
      <c r="L12198" s="365"/>
    </row>
    <row r="12199" spans="2:12">
      <c r="B12199" s="367"/>
      <c r="C12199" s="367"/>
      <c r="D12199" s="367"/>
      <c r="E12199" s="367"/>
      <c r="F12199" s="360"/>
      <c r="G12199" s="360"/>
      <c r="H12199" s="360"/>
      <c r="I12199" s="360"/>
      <c r="J12199" s="365"/>
      <c r="K12199" s="365"/>
      <c r="L12199" s="365"/>
    </row>
    <row r="12200" spans="2:12">
      <c r="B12200" s="367"/>
      <c r="C12200" s="367"/>
      <c r="D12200" s="367"/>
      <c r="E12200" s="367"/>
      <c r="F12200" s="359" t="s">
        <v>14391</v>
      </c>
      <c r="G12200" s="359" t="s">
        <v>14431</v>
      </c>
      <c r="H12200" s="359" t="s">
        <v>14332</v>
      </c>
      <c r="I12200" s="359" t="s">
        <v>14431</v>
      </c>
      <c r="J12200" s="365"/>
      <c r="K12200" s="365"/>
      <c r="L12200" s="365"/>
    </row>
    <row r="12201" spans="2:12">
      <c r="B12201" s="367"/>
      <c r="C12201" s="367"/>
      <c r="D12201" s="367"/>
      <c r="E12201" s="367"/>
      <c r="F12201" s="360"/>
      <c r="G12201" s="360"/>
      <c r="H12201" s="360"/>
      <c r="I12201" s="360"/>
      <c r="J12201" s="365"/>
      <c r="K12201" s="365"/>
      <c r="L12201" s="365"/>
    </row>
    <row r="12202" spans="2:12">
      <c r="B12202" s="367"/>
      <c r="C12202" s="367"/>
      <c r="D12202" s="367"/>
      <c r="E12202" s="367"/>
      <c r="F12202" s="359" t="s">
        <v>14371</v>
      </c>
      <c r="G12202" s="359" t="s">
        <v>14392</v>
      </c>
      <c r="H12202" s="360"/>
      <c r="I12202" s="359" t="s">
        <v>14392</v>
      </c>
      <c r="J12202" s="365"/>
      <c r="K12202" s="365"/>
      <c r="L12202" s="365"/>
    </row>
    <row r="12203" spans="2:12">
      <c r="B12203" s="367"/>
      <c r="C12203" s="367"/>
      <c r="D12203" s="367"/>
      <c r="E12203" s="367"/>
      <c r="F12203" s="360"/>
      <c r="G12203" s="360"/>
      <c r="H12203" s="360"/>
      <c r="I12203" s="360"/>
      <c r="J12203" s="365"/>
      <c r="K12203" s="365"/>
      <c r="L12203" s="365"/>
    </row>
    <row r="12204" spans="2:12" ht="28.5">
      <c r="B12204" s="367"/>
      <c r="C12204" s="367"/>
      <c r="D12204" s="367"/>
      <c r="E12204" s="367"/>
      <c r="F12204" s="359" t="s">
        <v>14374</v>
      </c>
      <c r="G12204" s="359" t="s">
        <v>14372</v>
      </c>
      <c r="H12204" s="360"/>
      <c r="I12204" s="359" t="s">
        <v>14373</v>
      </c>
      <c r="J12204" s="365"/>
      <c r="K12204" s="365"/>
      <c r="L12204" s="365"/>
    </row>
    <row r="12205" spans="2:12">
      <c r="B12205" s="367"/>
      <c r="C12205" s="367"/>
      <c r="D12205" s="367"/>
      <c r="E12205" s="367"/>
      <c r="F12205" s="360"/>
      <c r="G12205" s="360"/>
      <c r="H12205" s="360"/>
      <c r="I12205" s="360"/>
      <c r="J12205" s="365"/>
      <c r="K12205" s="365"/>
      <c r="L12205" s="365"/>
    </row>
    <row r="12206" spans="2:12">
      <c r="B12206" s="368"/>
      <c r="C12206" s="368"/>
      <c r="D12206" s="368"/>
      <c r="E12206" s="368"/>
      <c r="F12206" s="362"/>
      <c r="G12206" s="361" t="s">
        <v>14373</v>
      </c>
      <c r="H12206" s="362"/>
      <c r="I12206" s="362"/>
      <c r="J12206" s="366"/>
      <c r="K12206" s="366"/>
      <c r="L12206" s="366"/>
    </row>
    <row r="12207" spans="2:12" ht="99.75">
      <c r="B12207" s="358" t="s">
        <v>20720</v>
      </c>
      <c r="C12207" s="358" t="s">
        <v>29268</v>
      </c>
      <c r="D12207" s="358" t="s">
        <v>20721</v>
      </c>
      <c r="E12207" s="358" t="s">
        <v>20722</v>
      </c>
      <c r="F12207" s="358" t="s">
        <v>14394</v>
      </c>
      <c r="G12207" s="358" t="s">
        <v>14395</v>
      </c>
      <c r="H12207" s="358" t="s">
        <v>14370</v>
      </c>
      <c r="I12207" s="358" t="s">
        <v>14395</v>
      </c>
      <c r="J12207" s="358"/>
      <c r="K12207" s="358"/>
      <c r="L12207" s="358"/>
    </row>
    <row r="12208" spans="2:12">
      <c r="B12208" s="368"/>
      <c r="C12208" s="368"/>
      <c r="D12208" s="368"/>
      <c r="E12208" s="368"/>
      <c r="F12208" s="368"/>
      <c r="G12208" s="368"/>
      <c r="H12208" s="368"/>
      <c r="I12208" s="368"/>
      <c r="J12208" s="366"/>
      <c r="K12208" s="366"/>
      <c r="L12208" s="366"/>
    </row>
    <row r="12209" spans="2:12" ht="85.5">
      <c r="B12209" s="358" t="s">
        <v>20723</v>
      </c>
      <c r="C12209" s="358" t="s">
        <v>29269</v>
      </c>
      <c r="D12209" s="358" t="s">
        <v>20724</v>
      </c>
      <c r="E12209" s="358" t="s">
        <v>8356</v>
      </c>
      <c r="F12209" s="358" t="s">
        <v>14391</v>
      </c>
      <c r="G12209" s="358" t="s">
        <v>14392</v>
      </c>
      <c r="H12209" s="358" t="s">
        <v>14367</v>
      </c>
      <c r="I12209" s="358"/>
      <c r="J12209" s="358"/>
      <c r="K12209" s="358"/>
      <c r="L12209" s="358"/>
    </row>
    <row r="12210" spans="2:12">
      <c r="B12210" s="367"/>
      <c r="C12210" s="367"/>
      <c r="D12210" s="367"/>
      <c r="E12210" s="367"/>
      <c r="F12210" s="367"/>
      <c r="G12210" s="367"/>
      <c r="H12210" s="360"/>
      <c r="I12210" s="365"/>
      <c r="J12210" s="365"/>
      <c r="K12210" s="365"/>
      <c r="L12210" s="365"/>
    </row>
    <row r="12211" spans="2:12">
      <c r="B12211" s="368"/>
      <c r="C12211" s="368"/>
      <c r="D12211" s="368"/>
      <c r="E12211" s="368"/>
      <c r="F12211" s="368"/>
      <c r="G12211" s="368"/>
      <c r="H12211" s="361" t="s">
        <v>14422</v>
      </c>
      <c r="I12211" s="366"/>
      <c r="J12211" s="366"/>
      <c r="K12211" s="366"/>
      <c r="L12211" s="366"/>
    </row>
    <row r="12212" spans="2:12" ht="57">
      <c r="B12212" s="358" t="s">
        <v>20725</v>
      </c>
      <c r="C12212" s="358" t="s">
        <v>20726</v>
      </c>
      <c r="D12212" s="358" t="s">
        <v>20727</v>
      </c>
      <c r="E12212" s="358" t="s">
        <v>20728</v>
      </c>
      <c r="F12212" s="358" t="s">
        <v>14391</v>
      </c>
      <c r="G12212" s="358" t="s">
        <v>14392</v>
      </c>
      <c r="H12212" s="358" t="s">
        <v>14367</v>
      </c>
      <c r="I12212" s="358" t="s">
        <v>14392</v>
      </c>
      <c r="J12212" s="358"/>
      <c r="K12212" s="358"/>
      <c r="L12212" s="358"/>
    </row>
    <row r="12213" spans="2:12">
      <c r="B12213" s="367"/>
      <c r="C12213" s="367"/>
      <c r="D12213" s="367"/>
      <c r="E12213" s="367"/>
      <c r="F12213" s="360"/>
      <c r="G12213" s="360"/>
      <c r="H12213" s="360"/>
      <c r="I12213" s="360"/>
      <c r="J12213" s="365"/>
      <c r="K12213" s="365"/>
      <c r="L12213" s="365"/>
    </row>
    <row r="12214" spans="2:12" ht="28.5">
      <c r="B12214" s="368"/>
      <c r="C12214" s="368"/>
      <c r="D12214" s="368"/>
      <c r="E12214" s="368"/>
      <c r="F12214" s="361" t="s">
        <v>14472</v>
      </c>
      <c r="G12214" s="361" t="s">
        <v>14473</v>
      </c>
      <c r="H12214" s="361" t="s">
        <v>14422</v>
      </c>
      <c r="I12214" s="361" t="s">
        <v>14473</v>
      </c>
      <c r="J12214" s="366"/>
      <c r="K12214" s="366"/>
      <c r="L12214" s="366"/>
    </row>
    <row r="12215" spans="2:12" ht="28.5">
      <c r="B12215" s="358" t="s">
        <v>20729</v>
      </c>
      <c r="C12215" s="358" t="s">
        <v>27650</v>
      </c>
      <c r="D12215" s="358" t="s">
        <v>20730</v>
      </c>
      <c r="E12215" s="358" t="s">
        <v>8356</v>
      </c>
      <c r="F12215" s="358" t="s">
        <v>14472</v>
      </c>
      <c r="G12215" s="358" t="s">
        <v>14473</v>
      </c>
      <c r="H12215" s="358" t="s">
        <v>8356</v>
      </c>
      <c r="I12215" s="358" t="s">
        <v>14473</v>
      </c>
      <c r="J12215" s="358"/>
      <c r="K12215" s="358"/>
      <c r="L12215" s="358"/>
    </row>
    <row r="12216" spans="2:12">
      <c r="B12216" s="368"/>
      <c r="C12216" s="368"/>
      <c r="D12216" s="368"/>
      <c r="E12216" s="368"/>
      <c r="F12216" s="368"/>
      <c r="G12216" s="368"/>
      <c r="H12216" s="368"/>
      <c r="I12216" s="368"/>
      <c r="J12216" s="366"/>
      <c r="K12216" s="366"/>
      <c r="L12216" s="366"/>
    </row>
    <row r="12217" spans="2:12" ht="114">
      <c r="B12217" s="358" t="s">
        <v>20731</v>
      </c>
      <c r="C12217" s="358" t="s">
        <v>30223</v>
      </c>
      <c r="D12217" s="358" t="s">
        <v>20732</v>
      </c>
      <c r="E12217" s="358" t="s">
        <v>20733</v>
      </c>
      <c r="F12217" s="358" t="s">
        <v>14386</v>
      </c>
      <c r="G12217" s="358" t="s">
        <v>14387</v>
      </c>
      <c r="H12217" s="358" t="s">
        <v>14367</v>
      </c>
      <c r="I12217" s="358" t="s">
        <v>14387</v>
      </c>
      <c r="J12217" s="358"/>
      <c r="K12217" s="358"/>
      <c r="L12217" s="358"/>
    </row>
    <row r="12218" spans="2:12">
      <c r="B12218" s="367"/>
      <c r="C12218" s="367"/>
      <c r="D12218" s="367"/>
      <c r="E12218" s="367"/>
      <c r="F12218" s="360"/>
      <c r="G12218" s="360"/>
      <c r="H12218" s="360"/>
      <c r="I12218" s="360"/>
      <c r="J12218" s="365"/>
      <c r="K12218" s="365"/>
      <c r="L12218" s="365"/>
    </row>
    <row r="12219" spans="2:12">
      <c r="B12219" s="367"/>
      <c r="C12219" s="367"/>
      <c r="D12219" s="367"/>
      <c r="E12219" s="367"/>
      <c r="F12219" s="359" t="s">
        <v>14391</v>
      </c>
      <c r="G12219" s="359" t="s">
        <v>14392</v>
      </c>
      <c r="H12219" s="359" t="s">
        <v>14422</v>
      </c>
      <c r="I12219" s="359" t="s">
        <v>14392</v>
      </c>
      <c r="J12219" s="365"/>
      <c r="K12219" s="365"/>
      <c r="L12219" s="365"/>
    </row>
    <row r="12220" spans="2:12">
      <c r="B12220" s="367"/>
      <c r="C12220" s="367"/>
      <c r="D12220" s="367"/>
      <c r="E12220" s="367"/>
      <c r="F12220" s="360"/>
      <c r="G12220" s="360"/>
      <c r="H12220" s="360"/>
      <c r="I12220" s="360"/>
      <c r="J12220" s="365"/>
      <c r="K12220" s="365"/>
      <c r="L12220" s="365"/>
    </row>
    <row r="12221" spans="2:12" ht="28.5">
      <c r="B12221" s="368"/>
      <c r="C12221" s="368"/>
      <c r="D12221" s="368"/>
      <c r="E12221" s="368"/>
      <c r="F12221" s="361" t="s">
        <v>14472</v>
      </c>
      <c r="G12221" s="361" t="s">
        <v>14473</v>
      </c>
      <c r="H12221" s="362"/>
      <c r="I12221" s="361" t="s">
        <v>14473</v>
      </c>
      <c r="J12221" s="366"/>
      <c r="K12221" s="366"/>
      <c r="L12221" s="366"/>
    </row>
    <row r="12222" spans="2:12" ht="42.75">
      <c r="B12222" s="358" t="s">
        <v>20734</v>
      </c>
      <c r="C12222" s="358" t="s">
        <v>20735</v>
      </c>
      <c r="D12222" s="358" t="s">
        <v>20736</v>
      </c>
      <c r="E12222" s="358" t="s">
        <v>20737</v>
      </c>
      <c r="F12222" s="358" t="s">
        <v>14462</v>
      </c>
      <c r="G12222" s="358" t="s">
        <v>14463</v>
      </c>
      <c r="H12222" s="358" t="s">
        <v>8356</v>
      </c>
      <c r="I12222" s="358" t="s">
        <v>14463</v>
      </c>
      <c r="J12222" s="358"/>
      <c r="K12222" s="358"/>
      <c r="L12222" s="358"/>
    </row>
    <row r="12223" spans="2:12">
      <c r="B12223" s="368"/>
      <c r="C12223" s="368"/>
      <c r="D12223" s="368"/>
      <c r="E12223" s="368"/>
      <c r="F12223" s="368"/>
      <c r="G12223" s="368"/>
      <c r="H12223" s="368"/>
      <c r="I12223" s="368"/>
      <c r="J12223" s="366"/>
      <c r="K12223" s="366"/>
      <c r="L12223" s="366"/>
    </row>
    <row r="12224" spans="2:12" ht="71.25">
      <c r="B12224" s="358" t="s">
        <v>20738</v>
      </c>
      <c r="C12224" s="358" t="s">
        <v>30224</v>
      </c>
      <c r="D12224" s="358" t="s">
        <v>20739</v>
      </c>
      <c r="E12224" s="358" t="s">
        <v>8356</v>
      </c>
      <c r="F12224" s="358" t="s">
        <v>14389</v>
      </c>
      <c r="G12224" s="358" t="s">
        <v>14390</v>
      </c>
      <c r="H12224" s="358" t="s">
        <v>14367</v>
      </c>
      <c r="I12224" s="358" t="s">
        <v>14390</v>
      </c>
      <c r="J12224" s="358"/>
      <c r="K12224" s="358"/>
      <c r="L12224" s="358"/>
    </row>
    <row r="12225" spans="2:12">
      <c r="B12225" s="367"/>
      <c r="C12225" s="367"/>
      <c r="D12225" s="367"/>
      <c r="E12225" s="367"/>
      <c r="F12225" s="360"/>
      <c r="G12225" s="360"/>
      <c r="H12225" s="360"/>
      <c r="I12225" s="360"/>
      <c r="J12225" s="365"/>
      <c r="K12225" s="365"/>
      <c r="L12225" s="365"/>
    </row>
    <row r="12226" spans="2:12">
      <c r="B12226" s="367"/>
      <c r="C12226" s="367"/>
      <c r="D12226" s="367"/>
      <c r="E12226" s="367"/>
      <c r="F12226" s="359" t="s">
        <v>14391</v>
      </c>
      <c r="G12226" s="359" t="s">
        <v>14392</v>
      </c>
      <c r="H12226" s="359" t="s">
        <v>14370</v>
      </c>
      <c r="I12226" s="359" t="s">
        <v>14392</v>
      </c>
      <c r="J12226" s="365"/>
      <c r="K12226" s="365"/>
      <c r="L12226" s="365"/>
    </row>
    <row r="12227" spans="2:12">
      <c r="B12227" s="367"/>
      <c r="C12227" s="367"/>
      <c r="D12227" s="367"/>
      <c r="E12227" s="367"/>
      <c r="F12227" s="360"/>
      <c r="G12227" s="360"/>
      <c r="H12227" s="360"/>
      <c r="I12227" s="360"/>
      <c r="J12227" s="365"/>
      <c r="K12227" s="365"/>
      <c r="L12227" s="365"/>
    </row>
    <row r="12228" spans="2:12">
      <c r="B12228" s="367"/>
      <c r="C12228" s="367"/>
      <c r="D12228" s="367"/>
      <c r="E12228" s="367"/>
      <c r="F12228" s="359" t="s">
        <v>14371</v>
      </c>
      <c r="G12228" s="359" t="s">
        <v>14372</v>
      </c>
      <c r="H12228" s="359" t="s">
        <v>14422</v>
      </c>
      <c r="I12228" s="359" t="s">
        <v>14373</v>
      </c>
      <c r="J12228" s="365"/>
      <c r="K12228" s="365"/>
      <c r="L12228" s="365"/>
    </row>
    <row r="12229" spans="2:12">
      <c r="B12229" s="367"/>
      <c r="C12229" s="367"/>
      <c r="D12229" s="367"/>
      <c r="E12229" s="367"/>
      <c r="F12229" s="360"/>
      <c r="G12229" s="360"/>
      <c r="H12229" s="360"/>
      <c r="I12229" s="360"/>
      <c r="J12229" s="365"/>
      <c r="K12229" s="365"/>
      <c r="L12229" s="365"/>
    </row>
    <row r="12230" spans="2:12" ht="28.5">
      <c r="B12230" s="368"/>
      <c r="C12230" s="368"/>
      <c r="D12230" s="368"/>
      <c r="E12230" s="368"/>
      <c r="F12230" s="361" t="s">
        <v>14374</v>
      </c>
      <c r="G12230" s="361" t="s">
        <v>14373</v>
      </c>
      <c r="H12230" s="362"/>
      <c r="I12230" s="362"/>
      <c r="J12230" s="366"/>
      <c r="K12230" s="366"/>
      <c r="L12230" s="366"/>
    </row>
    <row r="12231" spans="2:12" ht="28.5">
      <c r="B12231" s="358" t="s">
        <v>20740</v>
      </c>
      <c r="C12231" s="358" t="s">
        <v>27651</v>
      </c>
      <c r="D12231" s="358" t="s">
        <v>20741</v>
      </c>
      <c r="E12231" s="358" t="s">
        <v>20742</v>
      </c>
      <c r="F12231" s="358" t="s">
        <v>14462</v>
      </c>
      <c r="G12231" s="358" t="s">
        <v>14463</v>
      </c>
      <c r="H12231" s="358" t="s">
        <v>8356</v>
      </c>
      <c r="I12231" s="358" t="s">
        <v>14463</v>
      </c>
      <c r="J12231" s="358"/>
      <c r="K12231" s="358"/>
      <c r="L12231" s="358"/>
    </row>
    <row r="12232" spans="2:12">
      <c r="B12232" s="368"/>
      <c r="C12232" s="368"/>
      <c r="D12232" s="368"/>
      <c r="E12232" s="368"/>
      <c r="F12232" s="368"/>
      <c r="G12232" s="368"/>
      <c r="H12232" s="368"/>
      <c r="I12232" s="368"/>
      <c r="J12232" s="366"/>
      <c r="K12232" s="366"/>
      <c r="L12232" s="366"/>
    </row>
    <row r="12233" spans="2:12" ht="42.75">
      <c r="B12233" s="358" t="s">
        <v>20743</v>
      </c>
      <c r="C12233" s="358" t="s">
        <v>30225</v>
      </c>
      <c r="D12233" s="358" t="s">
        <v>20744</v>
      </c>
      <c r="E12233" s="358" t="s">
        <v>8356</v>
      </c>
      <c r="F12233" s="358" t="s">
        <v>14389</v>
      </c>
      <c r="G12233" s="358" t="s">
        <v>14390</v>
      </c>
      <c r="H12233" s="358" t="s">
        <v>14341</v>
      </c>
      <c r="I12233" s="358" t="s">
        <v>14390</v>
      </c>
      <c r="J12233" s="358"/>
      <c r="K12233" s="358"/>
      <c r="L12233" s="358"/>
    </row>
    <row r="12234" spans="2:12">
      <c r="B12234" s="367"/>
      <c r="C12234" s="367"/>
      <c r="D12234" s="367"/>
      <c r="E12234" s="367"/>
      <c r="F12234" s="360"/>
      <c r="G12234" s="360"/>
      <c r="H12234" s="360"/>
      <c r="I12234" s="360"/>
      <c r="J12234" s="365"/>
      <c r="K12234" s="365"/>
      <c r="L12234" s="365"/>
    </row>
    <row r="12235" spans="2:12">
      <c r="B12235" s="367"/>
      <c r="C12235" s="367"/>
      <c r="D12235" s="367"/>
      <c r="E12235" s="367"/>
      <c r="F12235" s="359" t="s">
        <v>14430</v>
      </c>
      <c r="G12235" s="359" t="s">
        <v>14431</v>
      </c>
      <c r="H12235" s="359" t="s">
        <v>14370</v>
      </c>
      <c r="I12235" s="359" t="s">
        <v>14431</v>
      </c>
      <c r="J12235" s="365"/>
      <c r="K12235" s="365"/>
      <c r="L12235" s="365"/>
    </row>
    <row r="12236" spans="2:12">
      <c r="B12236" s="367"/>
      <c r="C12236" s="367"/>
      <c r="D12236" s="367"/>
      <c r="E12236" s="367"/>
      <c r="F12236" s="360"/>
      <c r="G12236" s="360"/>
      <c r="H12236" s="360"/>
      <c r="I12236" s="360"/>
      <c r="J12236" s="365"/>
      <c r="K12236" s="365"/>
      <c r="L12236" s="365"/>
    </row>
    <row r="12237" spans="2:12">
      <c r="B12237" s="367"/>
      <c r="C12237" s="367"/>
      <c r="D12237" s="367"/>
      <c r="E12237" s="367"/>
      <c r="F12237" s="359" t="s">
        <v>14371</v>
      </c>
      <c r="G12237" s="359" t="s">
        <v>14372</v>
      </c>
      <c r="H12237" s="359" t="s">
        <v>14332</v>
      </c>
      <c r="I12237" s="359" t="s">
        <v>14373</v>
      </c>
      <c r="J12237" s="365"/>
      <c r="K12237" s="365"/>
      <c r="L12237" s="365"/>
    </row>
    <row r="12238" spans="2:12">
      <c r="B12238" s="367"/>
      <c r="C12238" s="367"/>
      <c r="D12238" s="367"/>
      <c r="E12238" s="367"/>
      <c r="F12238" s="360"/>
      <c r="G12238" s="360"/>
      <c r="H12238" s="360"/>
      <c r="I12238" s="360"/>
      <c r="J12238" s="365"/>
      <c r="K12238" s="365"/>
      <c r="L12238" s="365"/>
    </row>
    <row r="12239" spans="2:12" ht="28.5">
      <c r="B12239" s="368"/>
      <c r="C12239" s="368"/>
      <c r="D12239" s="368"/>
      <c r="E12239" s="368"/>
      <c r="F12239" s="361" t="s">
        <v>14374</v>
      </c>
      <c r="G12239" s="361" t="s">
        <v>14373</v>
      </c>
      <c r="H12239" s="362"/>
      <c r="I12239" s="362"/>
      <c r="J12239" s="366"/>
      <c r="K12239" s="366"/>
      <c r="L12239" s="366"/>
    </row>
    <row r="12240" spans="2:12" ht="57">
      <c r="B12240" s="358" t="s">
        <v>20745</v>
      </c>
      <c r="C12240" s="358" t="s">
        <v>30226</v>
      </c>
      <c r="D12240" s="358" t="s">
        <v>20746</v>
      </c>
      <c r="E12240" s="358" t="s">
        <v>8356</v>
      </c>
      <c r="F12240" s="358" t="s">
        <v>14430</v>
      </c>
      <c r="G12240" s="358" t="s">
        <v>14431</v>
      </c>
      <c r="H12240" s="358" t="s">
        <v>14341</v>
      </c>
      <c r="I12240" s="358" t="s">
        <v>14431</v>
      </c>
      <c r="J12240" s="358"/>
      <c r="K12240" s="358"/>
      <c r="L12240" s="358"/>
    </row>
    <row r="12241" spans="2:12">
      <c r="B12241" s="367"/>
      <c r="C12241" s="367"/>
      <c r="D12241" s="367"/>
      <c r="E12241" s="367"/>
      <c r="F12241" s="360"/>
      <c r="G12241" s="360"/>
      <c r="H12241" s="360"/>
      <c r="I12241" s="360"/>
      <c r="J12241" s="365"/>
      <c r="K12241" s="365"/>
      <c r="L12241" s="365"/>
    </row>
    <row r="12242" spans="2:12">
      <c r="B12242" s="367"/>
      <c r="C12242" s="367"/>
      <c r="D12242" s="367"/>
      <c r="E12242" s="367"/>
      <c r="F12242" s="359" t="s">
        <v>14391</v>
      </c>
      <c r="G12242" s="359" t="s">
        <v>14392</v>
      </c>
      <c r="H12242" s="359" t="s">
        <v>14367</v>
      </c>
      <c r="I12242" s="359" t="s">
        <v>14392</v>
      </c>
      <c r="J12242" s="365"/>
      <c r="K12242" s="365"/>
      <c r="L12242" s="365"/>
    </row>
    <row r="12243" spans="2:12">
      <c r="B12243" s="367"/>
      <c r="C12243" s="367"/>
      <c r="D12243" s="367"/>
      <c r="E12243" s="367"/>
      <c r="F12243" s="360"/>
      <c r="G12243" s="360"/>
      <c r="H12243" s="360"/>
      <c r="I12243" s="360"/>
      <c r="J12243" s="365"/>
      <c r="K12243" s="365"/>
      <c r="L12243" s="365"/>
    </row>
    <row r="12244" spans="2:12" ht="28.5">
      <c r="B12244" s="367"/>
      <c r="C12244" s="367"/>
      <c r="D12244" s="367"/>
      <c r="E12244" s="367"/>
      <c r="F12244" s="359" t="s">
        <v>14394</v>
      </c>
      <c r="G12244" s="359" t="s">
        <v>14395</v>
      </c>
      <c r="H12244" s="359" t="s">
        <v>14370</v>
      </c>
      <c r="I12244" s="359" t="s">
        <v>14395</v>
      </c>
      <c r="J12244" s="365"/>
      <c r="K12244" s="365"/>
      <c r="L12244" s="365"/>
    </row>
    <row r="12245" spans="2:12">
      <c r="B12245" s="367"/>
      <c r="C12245" s="367"/>
      <c r="D12245" s="367"/>
      <c r="E12245" s="367"/>
      <c r="F12245" s="360"/>
      <c r="G12245" s="360"/>
      <c r="H12245" s="360"/>
      <c r="I12245" s="360"/>
      <c r="J12245" s="365"/>
      <c r="K12245" s="365"/>
      <c r="L12245" s="365"/>
    </row>
    <row r="12246" spans="2:12">
      <c r="B12246" s="368"/>
      <c r="C12246" s="368"/>
      <c r="D12246" s="368"/>
      <c r="E12246" s="368"/>
      <c r="F12246" s="362"/>
      <c r="G12246" s="362"/>
      <c r="H12246" s="361" t="s">
        <v>14332</v>
      </c>
      <c r="I12246" s="362"/>
      <c r="J12246" s="366"/>
      <c r="K12246" s="366"/>
      <c r="L12246" s="366"/>
    </row>
    <row r="12247" spans="2:12">
      <c r="B12247" s="358" t="s">
        <v>20747</v>
      </c>
      <c r="C12247" s="358" t="s">
        <v>20748</v>
      </c>
      <c r="D12247" s="358" t="s">
        <v>20749</v>
      </c>
      <c r="E12247" s="358" t="s">
        <v>8356</v>
      </c>
      <c r="F12247" s="358" t="s">
        <v>14391</v>
      </c>
      <c r="G12247" s="358" t="s">
        <v>14392</v>
      </c>
      <c r="H12247" s="358" t="s">
        <v>14367</v>
      </c>
      <c r="I12247" s="358" t="s">
        <v>14392</v>
      </c>
      <c r="J12247" s="358"/>
      <c r="K12247" s="358"/>
      <c r="L12247" s="358"/>
    </row>
    <row r="12248" spans="2:12">
      <c r="B12248" s="367"/>
      <c r="C12248" s="367"/>
      <c r="D12248" s="367"/>
      <c r="E12248" s="367"/>
      <c r="F12248" s="367"/>
      <c r="G12248" s="367"/>
      <c r="H12248" s="360"/>
      <c r="I12248" s="367"/>
      <c r="J12248" s="365"/>
      <c r="K12248" s="365"/>
      <c r="L12248" s="365"/>
    </row>
    <row r="12249" spans="2:12">
      <c r="B12249" s="368"/>
      <c r="C12249" s="368"/>
      <c r="D12249" s="368"/>
      <c r="E12249" s="368"/>
      <c r="F12249" s="368"/>
      <c r="G12249" s="368"/>
      <c r="H12249" s="361" t="s">
        <v>14422</v>
      </c>
      <c r="I12249" s="368"/>
      <c r="J12249" s="366"/>
      <c r="K12249" s="366"/>
      <c r="L12249" s="366"/>
    </row>
    <row r="12250" spans="2:12" ht="42.75">
      <c r="B12250" s="358" t="s">
        <v>20750</v>
      </c>
      <c r="C12250" s="358" t="s">
        <v>29270</v>
      </c>
      <c r="D12250" s="358" t="s">
        <v>20751</v>
      </c>
      <c r="E12250" s="358" t="s">
        <v>8356</v>
      </c>
      <c r="F12250" s="358" t="s">
        <v>14391</v>
      </c>
      <c r="G12250" s="358" t="s">
        <v>14392</v>
      </c>
      <c r="H12250" s="358" t="s">
        <v>14367</v>
      </c>
      <c r="I12250" s="358" t="s">
        <v>14392</v>
      </c>
      <c r="J12250" s="358"/>
      <c r="K12250" s="358"/>
      <c r="L12250" s="358"/>
    </row>
    <row r="12251" spans="2:12">
      <c r="B12251" s="367"/>
      <c r="C12251" s="367"/>
      <c r="D12251" s="367"/>
      <c r="E12251" s="367"/>
      <c r="F12251" s="360"/>
      <c r="G12251" s="360"/>
      <c r="H12251" s="360"/>
      <c r="I12251" s="360"/>
      <c r="J12251" s="365"/>
      <c r="K12251" s="365"/>
      <c r="L12251" s="365"/>
    </row>
    <row r="12252" spans="2:12" ht="28.5">
      <c r="B12252" s="367"/>
      <c r="C12252" s="367"/>
      <c r="D12252" s="367"/>
      <c r="E12252" s="367"/>
      <c r="F12252" s="359" t="s">
        <v>14394</v>
      </c>
      <c r="G12252" s="359" t="s">
        <v>14395</v>
      </c>
      <c r="H12252" s="359" t="s">
        <v>14370</v>
      </c>
      <c r="I12252" s="359" t="s">
        <v>14395</v>
      </c>
      <c r="J12252" s="365"/>
      <c r="K12252" s="365"/>
      <c r="L12252" s="365"/>
    </row>
    <row r="12253" spans="2:12">
      <c r="B12253" s="367"/>
      <c r="C12253" s="367"/>
      <c r="D12253" s="367"/>
      <c r="E12253" s="367"/>
      <c r="F12253" s="360"/>
      <c r="G12253" s="360"/>
      <c r="H12253" s="360"/>
      <c r="I12253" s="360"/>
      <c r="J12253" s="365"/>
      <c r="K12253" s="365"/>
      <c r="L12253" s="365"/>
    </row>
    <row r="12254" spans="2:12">
      <c r="B12254" s="368"/>
      <c r="C12254" s="368"/>
      <c r="D12254" s="368"/>
      <c r="E12254" s="368"/>
      <c r="F12254" s="362"/>
      <c r="G12254" s="362"/>
      <c r="H12254" s="361" t="s">
        <v>14422</v>
      </c>
      <c r="I12254" s="362"/>
      <c r="J12254" s="366"/>
      <c r="K12254" s="366"/>
      <c r="L12254" s="366"/>
    </row>
    <row r="12255" spans="2:12" ht="28.5">
      <c r="B12255" s="358" t="s">
        <v>20752</v>
      </c>
      <c r="C12255" s="358" t="s">
        <v>20753</v>
      </c>
      <c r="D12255" s="358" t="s">
        <v>20754</v>
      </c>
      <c r="E12255" s="358" t="s">
        <v>8356</v>
      </c>
      <c r="F12255" s="358" t="s">
        <v>14462</v>
      </c>
      <c r="G12255" s="358" t="s">
        <v>14463</v>
      </c>
      <c r="H12255" s="358" t="s">
        <v>8356</v>
      </c>
      <c r="I12255" s="358" t="s">
        <v>14463</v>
      </c>
      <c r="J12255" s="358"/>
      <c r="K12255" s="358"/>
      <c r="L12255" s="358"/>
    </row>
    <row r="12256" spans="2:12">
      <c r="B12256" s="368"/>
      <c r="C12256" s="368"/>
      <c r="D12256" s="368"/>
      <c r="E12256" s="368"/>
      <c r="F12256" s="368"/>
      <c r="G12256" s="368"/>
      <c r="H12256" s="368"/>
      <c r="I12256" s="368"/>
      <c r="J12256" s="366"/>
      <c r="K12256" s="366"/>
      <c r="L12256" s="366"/>
    </row>
    <row r="12257" spans="2:12" ht="28.5">
      <c r="B12257" s="358" t="s">
        <v>20755</v>
      </c>
      <c r="C12257" s="358" t="s">
        <v>30227</v>
      </c>
      <c r="D12257" s="358" t="s">
        <v>20756</v>
      </c>
      <c r="E12257" s="358" t="s">
        <v>20757</v>
      </c>
      <c r="F12257" s="358" t="s">
        <v>14430</v>
      </c>
      <c r="G12257" s="358" t="s">
        <v>14431</v>
      </c>
      <c r="H12257" s="358" t="s">
        <v>14341</v>
      </c>
      <c r="I12257" s="358" t="s">
        <v>14431</v>
      </c>
      <c r="J12257" s="358"/>
      <c r="K12257" s="358"/>
      <c r="L12257" s="358"/>
    </row>
    <row r="12258" spans="2:12">
      <c r="B12258" s="367"/>
      <c r="C12258" s="367"/>
      <c r="D12258" s="367"/>
      <c r="E12258" s="367"/>
      <c r="F12258" s="367"/>
      <c r="G12258" s="367"/>
      <c r="H12258" s="360"/>
      <c r="I12258" s="367"/>
      <c r="J12258" s="365"/>
      <c r="K12258" s="365"/>
      <c r="L12258" s="365"/>
    </row>
    <row r="12259" spans="2:12">
      <c r="B12259" s="368"/>
      <c r="C12259" s="368"/>
      <c r="D12259" s="368"/>
      <c r="E12259" s="368"/>
      <c r="F12259" s="368"/>
      <c r="G12259" s="368"/>
      <c r="H12259" s="361" t="s">
        <v>14332</v>
      </c>
      <c r="I12259" s="368"/>
      <c r="J12259" s="366"/>
      <c r="K12259" s="366"/>
      <c r="L12259" s="366"/>
    </row>
    <row r="12260" spans="2:12" ht="28.5">
      <c r="B12260" s="358" t="s">
        <v>20758</v>
      </c>
      <c r="C12260" s="358" t="s">
        <v>20759</v>
      </c>
      <c r="D12260" s="358" t="s">
        <v>20760</v>
      </c>
      <c r="E12260" s="358" t="s">
        <v>8356</v>
      </c>
      <c r="F12260" s="358" t="s">
        <v>14391</v>
      </c>
      <c r="G12260" s="358" t="s">
        <v>14392</v>
      </c>
      <c r="H12260" s="358" t="s">
        <v>14367</v>
      </c>
      <c r="I12260" s="358" t="s">
        <v>14392</v>
      </c>
      <c r="J12260" s="358"/>
      <c r="K12260" s="358"/>
      <c r="L12260" s="358"/>
    </row>
    <row r="12261" spans="2:12">
      <c r="B12261" s="367"/>
      <c r="C12261" s="367"/>
      <c r="D12261" s="367"/>
      <c r="E12261" s="367"/>
      <c r="F12261" s="367"/>
      <c r="G12261" s="367"/>
      <c r="H12261" s="360"/>
      <c r="I12261" s="367"/>
      <c r="J12261" s="365"/>
      <c r="K12261" s="365"/>
      <c r="L12261" s="365"/>
    </row>
    <row r="12262" spans="2:12">
      <c r="B12262" s="368"/>
      <c r="C12262" s="368"/>
      <c r="D12262" s="368"/>
      <c r="E12262" s="368"/>
      <c r="F12262" s="368"/>
      <c r="G12262" s="368"/>
      <c r="H12262" s="361" t="s">
        <v>14422</v>
      </c>
      <c r="I12262" s="368"/>
      <c r="J12262" s="366"/>
      <c r="K12262" s="366"/>
      <c r="L12262" s="366"/>
    </row>
    <row r="12263" spans="2:12">
      <c r="B12263" s="358" t="s">
        <v>20761</v>
      </c>
      <c r="C12263" s="358" t="s">
        <v>20762</v>
      </c>
      <c r="D12263" s="358" t="s">
        <v>20763</v>
      </c>
      <c r="E12263" s="358" t="s">
        <v>20764</v>
      </c>
      <c r="F12263" s="358" t="s">
        <v>14420</v>
      </c>
      <c r="G12263" s="358" t="s">
        <v>14429</v>
      </c>
      <c r="H12263" s="358" t="s">
        <v>14367</v>
      </c>
      <c r="I12263" s="358" t="s">
        <v>14429</v>
      </c>
      <c r="J12263" s="358"/>
      <c r="K12263" s="358"/>
      <c r="L12263" s="358"/>
    </row>
    <row r="12264" spans="2:12">
      <c r="B12264" s="367"/>
      <c r="C12264" s="367"/>
      <c r="D12264" s="367"/>
      <c r="E12264" s="367"/>
      <c r="F12264" s="360"/>
      <c r="G12264" s="360"/>
      <c r="H12264" s="360"/>
      <c r="I12264" s="360"/>
      <c r="J12264" s="365"/>
      <c r="K12264" s="365"/>
      <c r="L12264" s="365"/>
    </row>
    <row r="12265" spans="2:12">
      <c r="B12265" s="367"/>
      <c r="C12265" s="367"/>
      <c r="D12265" s="367"/>
      <c r="E12265" s="367"/>
      <c r="F12265" s="359" t="s">
        <v>14391</v>
      </c>
      <c r="G12265" s="359" t="s">
        <v>14392</v>
      </c>
      <c r="H12265" s="359" t="s">
        <v>14370</v>
      </c>
      <c r="I12265" s="359" t="s">
        <v>14392</v>
      </c>
      <c r="J12265" s="365"/>
      <c r="K12265" s="365"/>
      <c r="L12265" s="365"/>
    </row>
    <row r="12266" spans="2:12">
      <c r="B12266" s="367"/>
      <c r="C12266" s="367"/>
      <c r="D12266" s="367"/>
      <c r="E12266" s="367"/>
      <c r="F12266" s="360"/>
      <c r="G12266" s="360"/>
      <c r="H12266" s="360"/>
      <c r="I12266" s="360"/>
      <c r="J12266" s="365"/>
      <c r="K12266" s="365"/>
      <c r="L12266" s="365"/>
    </row>
    <row r="12267" spans="2:12">
      <c r="B12267" s="367"/>
      <c r="C12267" s="367"/>
      <c r="D12267" s="367"/>
      <c r="E12267" s="367"/>
      <c r="F12267" s="359" t="s">
        <v>14371</v>
      </c>
      <c r="G12267" s="359" t="s">
        <v>14372</v>
      </c>
      <c r="H12267" s="359" t="s">
        <v>14422</v>
      </c>
      <c r="I12267" s="359" t="s">
        <v>14373</v>
      </c>
      <c r="J12267" s="365"/>
      <c r="K12267" s="365"/>
      <c r="L12267" s="365"/>
    </row>
    <row r="12268" spans="2:12">
      <c r="B12268" s="367"/>
      <c r="C12268" s="367"/>
      <c r="D12268" s="367"/>
      <c r="E12268" s="367"/>
      <c r="F12268" s="360"/>
      <c r="G12268" s="360"/>
      <c r="H12268" s="360"/>
      <c r="I12268" s="360"/>
      <c r="J12268" s="365"/>
      <c r="K12268" s="365"/>
      <c r="L12268" s="365"/>
    </row>
    <row r="12269" spans="2:12" ht="28.5">
      <c r="B12269" s="368"/>
      <c r="C12269" s="368"/>
      <c r="D12269" s="368"/>
      <c r="E12269" s="368"/>
      <c r="F12269" s="361" t="s">
        <v>14374</v>
      </c>
      <c r="G12269" s="361" t="s">
        <v>14373</v>
      </c>
      <c r="H12269" s="362"/>
      <c r="I12269" s="362"/>
      <c r="J12269" s="366"/>
      <c r="K12269" s="366"/>
      <c r="L12269" s="366"/>
    </row>
    <row r="12270" spans="2:12" ht="85.5">
      <c r="B12270" s="358" t="s">
        <v>20765</v>
      </c>
      <c r="C12270" s="358" t="s">
        <v>30228</v>
      </c>
      <c r="D12270" s="358" t="s">
        <v>20766</v>
      </c>
      <c r="E12270" s="358" t="s">
        <v>8356</v>
      </c>
      <c r="F12270" s="358" t="s">
        <v>14430</v>
      </c>
      <c r="G12270" s="358" t="s">
        <v>14431</v>
      </c>
      <c r="H12270" s="358" t="s">
        <v>14341</v>
      </c>
      <c r="I12270" s="358" t="s">
        <v>14431</v>
      </c>
      <c r="J12270" s="358"/>
      <c r="K12270" s="358"/>
      <c r="L12270" s="358"/>
    </row>
    <row r="12271" spans="2:12">
      <c r="B12271" s="367"/>
      <c r="C12271" s="367"/>
      <c r="D12271" s="367"/>
      <c r="E12271" s="367"/>
      <c r="F12271" s="360"/>
      <c r="G12271" s="360"/>
      <c r="H12271" s="360"/>
      <c r="I12271" s="360"/>
      <c r="J12271" s="365"/>
      <c r="K12271" s="365"/>
      <c r="L12271" s="365"/>
    </row>
    <row r="12272" spans="2:12">
      <c r="B12272" s="367"/>
      <c r="C12272" s="367"/>
      <c r="D12272" s="367"/>
      <c r="E12272" s="367"/>
      <c r="F12272" s="359" t="s">
        <v>14391</v>
      </c>
      <c r="G12272" s="359" t="s">
        <v>14392</v>
      </c>
      <c r="H12272" s="359" t="s">
        <v>14367</v>
      </c>
      <c r="I12272" s="359" t="s">
        <v>14392</v>
      </c>
      <c r="J12272" s="365"/>
      <c r="K12272" s="365"/>
      <c r="L12272" s="365"/>
    </row>
    <row r="12273" spans="2:12">
      <c r="B12273" s="367"/>
      <c r="C12273" s="367"/>
      <c r="D12273" s="367"/>
      <c r="E12273" s="367"/>
      <c r="F12273" s="360"/>
      <c r="G12273" s="360"/>
      <c r="H12273" s="360"/>
      <c r="I12273" s="360"/>
      <c r="J12273" s="365"/>
      <c r="K12273" s="365"/>
      <c r="L12273" s="365"/>
    </row>
    <row r="12274" spans="2:12">
      <c r="B12274" s="368"/>
      <c r="C12274" s="368"/>
      <c r="D12274" s="368"/>
      <c r="E12274" s="368"/>
      <c r="F12274" s="362"/>
      <c r="G12274" s="362"/>
      <c r="H12274" s="361" t="s">
        <v>14332</v>
      </c>
      <c r="I12274" s="362"/>
      <c r="J12274" s="366"/>
      <c r="K12274" s="366"/>
      <c r="L12274" s="366"/>
    </row>
    <row r="12275" spans="2:12" ht="28.5">
      <c r="B12275" s="358" t="s">
        <v>20767</v>
      </c>
      <c r="C12275" s="358" t="s">
        <v>29271</v>
      </c>
      <c r="D12275" s="358" t="s">
        <v>20768</v>
      </c>
      <c r="E12275" s="358" t="s">
        <v>8356</v>
      </c>
      <c r="F12275" s="358" t="s">
        <v>14391</v>
      </c>
      <c r="G12275" s="358" t="s">
        <v>14392</v>
      </c>
      <c r="H12275" s="358" t="s">
        <v>14367</v>
      </c>
      <c r="I12275" s="358" t="s">
        <v>14392</v>
      </c>
      <c r="J12275" s="358"/>
      <c r="K12275" s="358"/>
      <c r="L12275" s="358"/>
    </row>
    <row r="12276" spans="2:12">
      <c r="B12276" s="367"/>
      <c r="C12276" s="367"/>
      <c r="D12276" s="367"/>
      <c r="E12276" s="367"/>
      <c r="F12276" s="360"/>
      <c r="G12276" s="360"/>
      <c r="H12276" s="360"/>
      <c r="I12276" s="360"/>
      <c r="J12276" s="365"/>
      <c r="K12276" s="365"/>
      <c r="L12276" s="365"/>
    </row>
    <row r="12277" spans="2:12" ht="28.5">
      <c r="B12277" s="367"/>
      <c r="C12277" s="367"/>
      <c r="D12277" s="367"/>
      <c r="E12277" s="367"/>
      <c r="F12277" s="359" t="s">
        <v>14394</v>
      </c>
      <c r="G12277" s="359" t="s">
        <v>14395</v>
      </c>
      <c r="H12277" s="359" t="s">
        <v>14370</v>
      </c>
      <c r="I12277" s="359" t="s">
        <v>14395</v>
      </c>
      <c r="J12277" s="365"/>
      <c r="K12277" s="365"/>
      <c r="L12277" s="365"/>
    </row>
    <row r="12278" spans="2:12">
      <c r="B12278" s="367"/>
      <c r="C12278" s="367"/>
      <c r="D12278" s="367"/>
      <c r="E12278" s="367"/>
      <c r="F12278" s="360"/>
      <c r="G12278" s="360"/>
      <c r="H12278" s="360"/>
      <c r="I12278" s="360"/>
      <c r="J12278" s="365"/>
      <c r="K12278" s="365"/>
      <c r="L12278" s="365"/>
    </row>
    <row r="12279" spans="2:12">
      <c r="B12279" s="368"/>
      <c r="C12279" s="368"/>
      <c r="D12279" s="368"/>
      <c r="E12279" s="368"/>
      <c r="F12279" s="362"/>
      <c r="G12279" s="362"/>
      <c r="H12279" s="361" t="s">
        <v>14422</v>
      </c>
      <c r="I12279" s="362"/>
      <c r="J12279" s="366"/>
      <c r="K12279" s="366"/>
      <c r="L12279" s="366"/>
    </row>
    <row r="12280" spans="2:12" ht="28.5">
      <c r="B12280" s="358" t="s">
        <v>20769</v>
      </c>
      <c r="C12280" s="358" t="s">
        <v>29272</v>
      </c>
      <c r="D12280" s="358" t="s">
        <v>20770</v>
      </c>
      <c r="E12280" s="358" t="s">
        <v>8356</v>
      </c>
      <c r="F12280" s="358" t="s">
        <v>14389</v>
      </c>
      <c r="G12280" s="358" t="s">
        <v>14390</v>
      </c>
      <c r="H12280" s="358" t="s">
        <v>14341</v>
      </c>
      <c r="I12280" s="358" t="s">
        <v>14390</v>
      </c>
      <c r="J12280" s="358"/>
      <c r="K12280" s="358"/>
      <c r="L12280" s="358"/>
    </row>
    <row r="12281" spans="2:12">
      <c r="B12281" s="367"/>
      <c r="C12281" s="367"/>
      <c r="D12281" s="367"/>
      <c r="E12281" s="367"/>
      <c r="F12281" s="360"/>
      <c r="G12281" s="360"/>
      <c r="H12281" s="360"/>
      <c r="I12281" s="360"/>
      <c r="J12281" s="365"/>
      <c r="K12281" s="365"/>
      <c r="L12281" s="365"/>
    </row>
    <row r="12282" spans="2:12">
      <c r="B12282" s="367"/>
      <c r="C12282" s="367"/>
      <c r="D12282" s="367"/>
      <c r="E12282" s="367"/>
      <c r="F12282" s="359" t="s">
        <v>14430</v>
      </c>
      <c r="G12282" s="359" t="s">
        <v>14431</v>
      </c>
      <c r="H12282" s="359" t="s">
        <v>14367</v>
      </c>
      <c r="I12282" s="359" t="s">
        <v>14431</v>
      </c>
      <c r="J12282" s="365"/>
      <c r="K12282" s="365"/>
      <c r="L12282" s="365"/>
    </row>
    <row r="12283" spans="2:12">
      <c r="B12283" s="367"/>
      <c r="C12283" s="367"/>
      <c r="D12283" s="367"/>
      <c r="E12283" s="367"/>
      <c r="F12283" s="360"/>
      <c r="G12283" s="360"/>
      <c r="H12283" s="360"/>
      <c r="I12283" s="360"/>
      <c r="J12283" s="365"/>
      <c r="K12283" s="365"/>
      <c r="L12283" s="365"/>
    </row>
    <row r="12284" spans="2:12">
      <c r="B12284" s="367"/>
      <c r="C12284" s="367"/>
      <c r="D12284" s="367"/>
      <c r="E12284" s="367"/>
      <c r="F12284" s="359" t="s">
        <v>14391</v>
      </c>
      <c r="G12284" s="359" t="s">
        <v>14392</v>
      </c>
      <c r="H12284" s="359" t="s">
        <v>14370</v>
      </c>
      <c r="I12284" s="359" t="s">
        <v>14392</v>
      </c>
      <c r="J12284" s="365"/>
      <c r="K12284" s="365"/>
      <c r="L12284" s="365"/>
    </row>
    <row r="12285" spans="2:12">
      <c r="B12285" s="367"/>
      <c r="C12285" s="367"/>
      <c r="D12285" s="367"/>
      <c r="E12285" s="367"/>
      <c r="F12285" s="360"/>
      <c r="G12285" s="360"/>
      <c r="H12285" s="360"/>
      <c r="I12285" s="360"/>
      <c r="J12285" s="365"/>
      <c r="K12285" s="365"/>
      <c r="L12285" s="365"/>
    </row>
    <row r="12286" spans="2:12" ht="28.5">
      <c r="B12286" s="368"/>
      <c r="C12286" s="368"/>
      <c r="D12286" s="368"/>
      <c r="E12286" s="368"/>
      <c r="F12286" s="361" t="s">
        <v>14394</v>
      </c>
      <c r="G12286" s="361" t="s">
        <v>14395</v>
      </c>
      <c r="H12286" s="361" t="s">
        <v>14332</v>
      </c>
      <c r="I12286" s="361" t="s">
        <v>14395</v>
      </c>
      <c r="J12286" s="366"/>
      <c r="K12286" s="366"/>
      <c r="L12286" s="366"/>
    </row>
    <row r="12287" spans="2:12" ht="28.5">
      <c r="B12287" s="358" t="s">
        <v>20771</v>
      </c>
      <c r="C12287" s="358" t="s">
        <v>20772</v>
      </c>
      <c r="D12287" s="358" t="s">
        <v>20773</v>
      </c>
      <c r="E12287" s="358" t="s">
        <v>20774</v>
      </c>
      <c r="F12287" s="358" t="s">
        <v>14507</v>
      </c>
      <c r="G12287" s="358" t="s">
        <v>29273</v>
      </c>
      <c r="H12287" s="358" t="s">
        <v>14381</v>
      </c>
      <c r="I12287" s="358" t="s">
        <v>29273</v>
      </c>
      <c r="J12287" s="358"/>
      <c r="K12287" s="358"/>
      <c r="L12287" s="358"/>
    </row>
    <row r="12288" spans="2:12">
      <c r="B12288" s="367"/>
      <c r="C12288" s="367"/>
      <c r="D12288" s="367"/>
      <c r="E12288" s="367"/>
      <c r="F12288" s="360"/>
      <c r="G12288" s="367"/>
      <c r="H12288" s="360"/>
      <c r="I12288" s="367"/>
      <c r="J12288" s="365"/>
      <c r="K12288" s="365"/>
      <c r="L12288" s="365"/>
    </row>
    <row r="12289" spans="2:12" ht="28.5">
      <c r="B12289" s="368"/>
      <c r="C12289" s="368"/>
      <c r="D12289" s="368"/>
      <c r="E12289" s="368"/>
      <c r="F12289" s="361" t="s">
        <v>14472</v>
      </c>
      <c r="G12289" s="368"/>
      <c r="H12289" s="361" t="s">
        <v>14422</v>
      </c>
      <c r="I12289" s="368"/>
      <c r="J12289" s="366"/>
      <c r="K12289" s="366"/>
      <c r="L12289" s="366"/>
    </row>
    <row r="12290" spans="2:12" ht="28.5">
      <c r="B12290" s="358" t="s">
        <v>13109</v>
      </c>
      <c r="C12290" s="358" t="s">
        <v>30229</v>
      </c>
      <c r="D12290" s="358" t="s">
        <v>13110</v>
      </c>
      <c r="E12290" s="358" t="s">
        <v>13111</v>
      </c>
      <c r="F12290" s="358" t="s">
        <v>14424</v>
      </c>
      <c r="G12290" s="358" t="s">
        <v>29274</v>
      </c>
      <c r="H12290" s="358" t="s">
        <v>14381</v>
      </c>
      <c r="I12290" s="358" t="s">
        <v>29275</v>
      </c>
      <c r="J12290" s="358"/>
      <c r="K12290" s="358"/>
      <c r="L12290" s="358"/>
    </row>
    <row r="12291" spans="2:12">
      <c r="B12291" s="367"/>
      <c r="C12291" s="367"/>
      <c r="D12291" s="367"/>
      <c r="E12291" s="367"/>
      <c r="F12291" s="360"/>
      <c r="G12291" s="360"/>
      <c r="H12291" s="360"/>
      <c r="I12291" s="367"/>
      <c r="J12291" s="365"/>
      <c r="K12291" s="365"/>
      <c r="L12291" s="365"/>
    </row>
    <row r="12292" spans="2:12">
      <c r="B12292" s="367"/>
      <c r="C12292" s="367"/>
      <c r="D12292" s="367"/>
      <c r="E12292" s="367"/>
      <c r="F12292" s="359" t="s">
        <v>14371</v>
      </c>
      <c r="G12292" s="359" t="s">
        <v>14373</v>
      </c>
      <c r="H12292" s="359" t="s">
        <v>14370</v>
      </c>
      <c r="I12292" s="367"/>
      <c r="J12292" s="365"/>
      <c r="K12292" s="365"/>
      <c r="L12292" s="365"/>
    </row>
    <row r="12293" spans="2:12">
      <c r="B12293" s="367"/>
      <c r="C12293" s="367"/>
      <c r="D12293" s="367"/>
      <c r="E12293" s="367"/>
      <c r="F12293" s="360"/>
      <c r="G12293" s="360"/>
      <c r="H12293" s="360"/>
      <c r="I12293" s="367"/>
      <c r="J12293" s="365"/>
      <c r="K12293" s="365"/>
      <c r="L12293" s="365"/>
    </row>
    <row r="12294" spans="2:12" ht="28.5">
      <c r="B12294" s="368"/>
      <c r="C12294" s="368"/>
      <c r="D12294" s="368"/>
      <c r="E12294" s="368"/>
      <c r="F12294" s="361" t="s">
        <v>14374</v>
      </c>
      <c r="G12294" s="362"/>
      <c r="H12294" s="361" t="s">
        <v>14332</v>
      </c>
      <c r="I12294" s="368"/>
      <c r="J12294" s="366"/>
      <c r="K12294" s="366"/>
      <c r="L12294" s="366"/>
    </row>
    <row r="12295" spans="2:12" ht="28.5">
      <c r="B12295" s="358" t="s">
        <v>20775</v>
      </c>
      <c r="C12295" s="358" t="s">
        <v>30230</v>
      </c>
      <c r="D12295" s="358" t="s">
        <v>8356</v>
      </c>
      <c r="E12295" s="358" t="s">
        <v>20776</v>
      </c>
      <c r="F12295" s="358" t="s">
        <v>14507</v>
      </c>
      <c r="G12295" s="358" t="s">
        <v>29276</v>
      </c>
      <c r="H12295" s="358" t="s">
        <v>14381</v>
      </c>
      <c r="I12295" s="358" t="s">
        <v>29277</v>
      </c>
      <c r="J12295" s="358"/>
      <c r="K12295" s="358"/>
      <c r="L12295" s="358"/>
    </row>
    <row r="12296" spans="2:12">
      <c r="B12296" s="367"/>
      <c r="C12296" s="367"/>
      <c r="D12296" s="367"/>
      <c r="E12296" s="367"/>
      <c r="F12296" s="360"/>
      <c r="G12296" s="360"/>
      <c r="H12296" s="360"/>
      <c r="I12296" s="367"/>
      <c r="J12296" s="365"/>
      <c r="K12296" s="365"/>
      <c r="L12296" s="365"/>
    </row>
    <row r="12297" spans="2:12">
      <c r="B12297" s="367"/>
      <c r="C12297" s="367"/>
      <c r="D12297" s="367"/>
      <c r="E12297" s="367"/>
      <c r="F12297" s="359" t="s">
        <v>14371</v>
      </c>
      <c r="G12297" s="359" t="s">
        <v>14373</v>
      </c>
      <c r="H12297" s="359" t="s">
        <v>14370</v>
      </c>
      <c r="I12297" s="367"/>
      <c r="J12297" s="365"/>
      <c r="K12297" s="365"/>
      <c r="L12297" s="365"/>
    </row>
    <row r="12298" spans="2:12">
      <c r="B12298" s="367"/>
      <c r="C12298" s="367"/>
      <c r="D12298" s="367"/>
      <c r="E12298" s="367"/>
      <c r="F12298" s="360"/>
      <c r="G12298" s="360"/>
      <c r="H12298" s="360"/>
      <c r="I12298" s="367"/>
      <c r="J12298" s="365"/>
      <c r="K12298" s="365"/>
      <c r="L12298" s="365"/>
    </row>
    <row r="12299" spans="2:12" ht="28.5">
      <c r="B12299" s="368"/>
      <c r="C12299" s="368"/>
      <c r="D12299" s="368"/>
      <c r="E12299" s="368"/>
      <c r="F12299" s="361" t="s">
        <v>14374</v>
      </c>
      <c r="G12299" s="362"/>
      <c r="H12299" s="361" t="s">
        <v>14422</v>
      </c>
      <c r="I12299" s="368"/>
      <c r="J12299" s="366"/>
      <c r="K12299" s="366"/>
      <c r="L12299" s="366"/>
    </row>
    <row r="12300" spans="2:12" ht="28.5">
      <c r="B12300" s="358" t="s">
        <v>20777</v>
      </c>
      <c r="C12300" s="358" t="s">
        <v>30231</v>
      </c>
      <c r="D12300" s="358" t="s">
        <v>20778</v>
      </c>
      <c r="E12300" s="358" t="s">
        <v>20779</v>
      </c>
      <c r="F12300" s="358" t="s">
        <v>14443</v>
      </c>
      <c r="G12300" s="358" t="s">
        <v>14444</v>
      </c>
      <c r="H12300" s="358" t="s">
        <v>14381</v>
      </c>
      <c r="I12300" s="358" t="s">
        <v>14444</v>
      </c>
      <c r="J12300" s="358"/>
      <c r="K12300" s="358"/>
      <c r="L12300" s="358"/>
    </row>
    <row r="12301" spans="2:12">
      <c r="B12301" s="367"/>
      <c r="C12301" s="367"/>
      <c r="D12301" s="367"/>
      <c r="E12301" s="367"/>
      <c r="F12301" s="360"/>
      <c r="G12301" s="360"/>
      <c r="H12301" s="360"/>
      <c r="I12301" s="360"/>
      <c r="J12301" s="365"/>
      <c r="K12301" s="365"/>
      <c r="L12301" s="365"/>
    </row>
    <row r="12302" spans="2:12" ht="28.5">
      <c r="B12302" s="367"/>
      <c r="C12302" s="367"/>
      <c r="D12302" s="367"/>
      <c r="E12302" s="367"/>
      <c r="F12302" s="359" t="s">
        <v>14394</v>
      </c>
      <c r="G12302" s="359" t="s">
        <v>14395</v>
      </c>
      <c r="H12302" s="359" t="s">
        <v>14370</v>
      </c>
      <c r="I12302" s="359" t="s">
        <v>14395</v>
      </c>
      <c r="J12302" s="365"/>
      <c r="K12302" s="365"/>
      <c r="L12302" s="365"/>
    </row>
    <row r="12303" spans="2:12">
      <c r="B12303" s="367"/>
      <c r="C12303" s="367"/>
      <c r="D12303" s="367"/>
      <c r="E12303" s="367"/>
      <c r="F12303" s="360"/>
      <c r="G12303" s="360"/>
      <c r="H12303" s="360"/>
      <c r="I12303" s="360"/>
      <c r="J12303" s="365"/>
      <c r="K12303" s="365"/>
      <c r="L12303" s="365"/>
    </row>
    <row r="12304" spans="2:12">
      <c r="B12304" s="368"/>
      <c r="C12304" s="368"/>
      <c r="D12304" s="368"/>
      <c r="E12304" s="368"/>
      <c r="F12304" s="362"/>
      <c r="G12304" s="362"/>
      <c r="H12304" s="361" t="s">
        <v>14422</v>
      </c>
      <c r="I12304" s="362"/>
      <c r="J12304" s="366"/>
      <c r="K12304" s="366"/>
      <c r="L12304" s="366"/>
    </row>
    <row r="12305" spans="2:12" ht="28.5">
      <c r="B12305" s="358" t="s">
        <v>13113</v>
      </c>
      <c r="C12305" s="358" t="s">
        <v>30232</v>
      </c>
      <c r="D12305" s="358" t="s">
        <v>13114</v>
      </c>
      <c r="E12305" s="358" t="s">
        <v>13115</v>
      </c>
      <c r="F12305" s="358" t="s">
        <v>14443</v>
      </c>
      <c r="G12305" s="358" t="s">
        <v>14444</v>
      </c>
      <c r="H12305" s="358" t="s">
        <v>14381</v>
      </c>
      <c r="I12305" s="358" t="s">
        <v>14444</v>
      </c>
      <c r="J12305" s="358"/>
      <c r="K12305" s="358"/>
      <c r="L12305" s="358"/>
    </row>
    <row r="12306" spans="2:12">
      <c r="B12306" s="367"/>
      <c r="C12306" s="367"/>
      <c r="D12306" s="367"/>
      <c r="E12306" s="367"/>
      <c r="F12306" s="360"/>
      <c r="G12306" s="360"/>
      <c r="H12306" s="360"/>
      <c r="I12306" s="360"/>
      <c r="J12306" s="365"/>
      <c r="K12306" s="365"/>
      <c r="L12306" s="365"/>
    </row>
    <row r="12307" spans="2:12" ht="28.5">
      <c r="B12307" s="367"/>
      <c r="C12307" s="367"/>
      <c r="D12307" s="367"/>
      <c r="E12307" s="367"/>
      <c r="F12307" s="359" t="s">
        <v>14424</v>
      </c>
      <c r="G12307" s="359" t="s">
        <v>28866</v>
      </c>
      <c r="H12307" s="359" t="s">
        <v>14367</v>
      </c>
      <c r="I12307" s="359" t="s">
        <v>28866</v>
      </c>
      <c r="J12307" s="365"/>
      <c r="K12307" s="365"/>
      <c r="L12307" s="365"/>
    </row>
    <row r="12308" spans="2:12">
      <c r="B12308" s="367"/>
      <c r="C12308" s="367"/>
      <c r="D12308" s="367"/>
      <c r="E12308" s="367"/>
      <c r="F12308" s="360"/>
      <c r="G12308" s="360"/>
      <c r="H12308" s="360"/>
      <c r="I12308" s="360"/>
      <c r="J12308" s="365"/>
      <c r="K12308" s="365"/>
      <c r="L12308" s="365"/>
    </row>
    <row r="12309" spans="2:12">
      <c r="B12309" s="367"/>
      <c r="C12309" s="367"/>
      <c r="D12309" s="367"/>
      <c r="E12309" s="367"/>
      <c r="F12309" s="359" t="s">
        <v>14391</v>
      </c>
      <c r="G12309" s="359" t="s">
        <v>14395</v>
      </c>
      <c r="H12309" s="359" t="s">
        <v>14370</v>
      </c>
      <c r="I12309" s="359" t="s">
        <v>14395</v>
      </c>
      <c r="J12309" s="365"/>
      <c r="K12309" s="365"/>
      <c r="L12309" s="365"/>
    </row>
    <row r="12310" spans="2:12">
      <c r="B12310" s="367"/>
      <c r="C12310" s="367"/>
      <c r="D12310" s="367"/>
      <c r="E12310" s="367"/>
      <c r="F12310" s="360"/>
      <c r="G12310" s="360"/>
      <c r="H12310" s="360"/>
      <c r="I12310" s="360"/>
      <c r="J12310" s="365"/>
      <c r="K12310" s="365"/>
      <c r="L12310" s="365"/>
    </row>
    <row r="12311" spans="2:12" ht="28.5">
      <c r="B12311" s="368"/>
      <c r="C12311" s="368"/>
      <c r="D12311" s="368"/>
      <c r="E12311" s="368"/>
      <c r="F12311" s="361" t="s">
        <v>14394</v>
      </c>
      <c r="G12311" s="362"/>
      <c r="H12311" s="361" t="s">
        <v>14332</v>
      </c>
      <c r="I12311" s="362"/>
      <c r="J12311" s="366"/>
      <c r="K12311" s="366"/>
      <c r="L12311" s="366"/>
    </row>
    <row r="12312" spans="2:12">
      <c r="B12312" s="358" t="s">
        <v>20780</v>
      </c>
      <c r="C12312" s="358" t="s">
        <v>20781</v>
      </c>
      <c r="D12312" s="358" t="s">
        <v>8356</v>
      </c>
      <c r="E12312" s="358" t="s">
        <v>8356</v>
      </c>
      <c r="F12312" s="358" t="s">
        <v>14420</v>
      </c>
      <c r="G12312" s="358" t="s">
        <v>14429</v>
      </c>
      <c r="H12312" s="358" t="s">
        <v>14367</v>
      </c>
      <c r="I12312" s="358" t="s">
        <v>14429</v>
      </c>
      <c r="J12312" s="358"/>
      <c r="K12312" s="358"/>
      <c r="L12312" s="358" t="s">
        <v>9491</v>
      </c>
    </row>
    <row r="12313" spans="2:12">
      <c r="B12313" s="367"/>
      <c r="C12313" s="367"/>
      <c r="D12313" s="367"/>
      <c r="E12313" s="367"/>
      <c r="F12313" s="360"/>
      <c r="G12313" s="360"/>
      <c r="H12313" s="360"/>
      <c r="I12313" s="360"/>
      <c r="J12313" s="365"/>
      <c r="K12313" s="365"/>
      <c r="L12313" s="367"/>
    </row>
    <row r="12314" spans="2:12">
      <c r="B12314" s="367"/>
      <c r="C12314" s="367"/>
      <c r="D12314" s="367"/>
      <c r="E12314" s="367"/>
      <c r="F12314" s="359" t="s">
        <v>14391</v>
      </c>
      <c r="G12314" s="359" t="s">
        <v>14392</v>
      </c>
      <c r="H12314" s="359" t="s">
        <v>14370</v>
      </c>
      <c r="I12314" s="359" t="s">
        <v>14392</v>
      </c>
      <c r="J12314" s="365"/>
      <c r="K12314" s="365"/>
      <c r="L12314" s="367"/>
    </row>
    <row r="12315" spans="2:12">
      <c r="B12315" s="367"/>
      <c r="C12315" s="367"/>
      <c r="D12315" s="367"/>
      <c r="E12315" s="367"/>
      <c r="F12315" s="360"/>
      <c r="G12315" s="360"/>
      <c r="H12315" s="360"/>
      <c r="I12315" s="360"/>
      <c r="J12315" s="365"/>
      <c r="K12315" s="365"/>
      <c r="L12315" s="367"/>
    </row>
    <row r="12316" spans="2:12">
      <c r="B12316" s="367"/>
      <c r="C12316" s="367"/>
      <c r="D12316" s="367"/>
      <c r="E12316" s="367"/>
      <c r="F12316" s="359" t="s">
        <v>14371</v>
      </c>
      <c r="G12316" s="359" t="s">
        <v>14372</v>
      </c>
      <c r="H12316" s="359" t="s">
        <v>14422</v>
      </c>
      <c r="I12316" s="359" t="s">
        <v>14373</v>
      </c>
      <c r="J12316" s="365"/>
      <c r="K12316" s="365"/>
      <c r="L12316" s="367"/>
    </row>
    <row r="12317" spans="2:12">
      <c r="B12317" s="367"/>
      <c r="C12317" s="367"/>
      <c r="D12317" s="367"/>
      <c r="E12317" s="367"/>
      <c r="F12317" s="360"/>
      <c r="G12317" s="360"/>
      <c r="H12317" s="360"/>
      <c r="I12317" s="360"/>
      <c r="J12317" s="365"/>
      <c r="K12317" s="365"/>
      <c r="L12317" s="367"/>
    </row>
    <row r="12318" spans="2:12" ht="28.5">
      <c r="B12318" s="368"/>
      <c r="C12318" s="368"/>
      <c r="D12318" s="368"/>
      <c r="E12318" s="368"/>
      <c r="F12318" s="361" t="s">
        <v>14374</v>
      </c>
      <c r="G12318" s="361" t="s">
        <v>14373</v>
      </c>
      <c r="H12318" s="362"/>
      <c r="I12318" s="362"/>
      <c r="J12318" s="366"/>
      <c r="K12318" s="366"/>
      <c r="L12318" s="368"/>
    </row>
    <row r="12319" spans="2:12" ht="42.75">
      <c r="B12319" s="358" t="s">
        <v>20782</v>
      </c>
      <c r="C12319" s="358" t="s">
        <v>30233</v>
      </c>
      <c r="D12319" s="358" t="s">
        <v>8356</v>
      </c>
      <c r="E12319" s="358" t="s">
        <v>20783</v>
      </c>
      <c r="F12319" s="358" t="s">
        <v>14371</v>
      </c>
      <c r="G12319" s="358" t="s">
        <v>14372</v>
      </c>
      <c r="H12319" s="358" t="s">
        <v>14370</v>
      </c>
      <c r="I12319" s="358" t="s">
        <v>14373</v>
      </c>
      <c r="J12319" s="358"/>
      <c r="K12319" s="358"/>
      <c r="L12319" s="358"/>
    </row>
    <row r="12320" spans="2:12">
      <c r="B12320" s="367"/>
      <c r="C12320" s="367"/>
      <c r="D12320" s="367"/>
      <c r="E12320" s="367"/>
      <c r="F12320" s="360"/>
      <c r="G12320" s="360"/>
      <c r="H12320" s="360"/>
      <c r="I12320" s="367"/>
      <c r="J12320" s="365"/>
      <c r="K12320" s="365"/>
      <c r="L12320" s="365"/>
    </row>
    <row r="12321" spans="2:12" ht="28.5">
      <c r="B12321" s="368"/>
      <c r="C12321" s="368"/>
      <c r="D12321" s="368"/>
      <c r="E12321" s="368"/>
      <c r="F12321" s="361" t="s">
        <v>14374</v>
      </c>
      <c r="G12321" s="361" t="s">
        <v>14373</v>
      </c>
      <c r="H12321" s="361" t="s">
        <v>14422</v>
      </c>
      <c r="I12321" s="368"/>
      <c r="J12321" s="366"/>
      <c r="K12321" s="366"/>
      <c r="L12321" s="366"/>
    </row>
    <row r="12322" spans="2:12" ht="28.5">
      <c r="B12322" s="358" t="s">
        <v>20784</v>
      </c>
      <c r="C12322" s="358" t="s">
        <v>30234</v>
      </c>
      <c r="D12322" s="358" t="s">
        <v>8356</v>
      </c>
      <c r="E12322" s="358" t="s">
        <v>20785</v>
      </c>
      <c r="F12322" s="358" t="s">
        <v>14443</v>
      </c>
      <c r="G12322" s="358" t="s">
        <v>14444</v>
      </c>
      <c r="H12322" s="358" t="s">
        <v>14381</v>
      </c>
      <c r="I12322" s="358" t="s">
        <v>14444</v>
      </c>
      <c r="J12322" s="358"/>
      <c r="K12322" s="358"/>
      <c r="L12322" s="358"/>
    </row>
    <row r="12323" spans="2:12">
      <c r="B12323" s="367"/>
      <c r="C12323" s="367"/>
      <c r="D12323" s="367"/>
      <c r="E12323" s="367"/>
      <c r="F12323" s="360"/>
      <c r="G12323" s="360"/>
      <c r="H12323" s="360"/>
      <c r="I12323" s="360"/>
      <c r="J12323" s="365"/>
      <c r="K12323" s="365"/>
      <c r="L12323" s="365"/>
    </row>
    <row r="12324" spans="2:12">
      <c r="B12324" s="367"/>
      <c r="C12324" s="367"/>
      <c r="D12324" s="367"/>
      <c r="E12324" s="367"/>
      <c r="F12324" s="359" t="s">
        <v>14371</v>
      </c>
      <c r="G12324" s="359" t="s">
        <v>14372</v>
      </c>
      <c r="H12324" s="359" t="s">
        <v>14370</v>
      </c>
      <c r="I12324" s="359" t="s">
        <v>14373</v>
      </c>
      <c r="J12324" s="365"/>
      <c r="K12324" s="365"/>
      <c r="L12324" s="365"/>
    </row>
    <row r="12325" spans="2:12">
      <c r="B12325" s="367"/>
      <c r="C12325" s="367"/>
      <c r="D12325" s="367"/>
      <c r="E12325" s="367"/>
      <c r="F12325" s="360"/>
      <c r="G12325" s="360"/>
      <c r="H12325" s="360"/>
      <c r="I12325" s="360"/>
      <c r="J12325" s="365"/>
      <c r="K12325" s="365"/>
      <c r="L12325" s="365"/>
    </row>
    <row r="12326" spans="2:12" ht="28.5">
      <c r="B12326" s="368"/>
      <c r="C12326" s="368"/>
      <c r="D12326" s="368"/>
      <c r="E12326" s="368"/>
      <c r="F12326" s="361" t="s">
        <v>14374</v>
      </c>
      <c r="G12326" s="361" t="s">
        <v>14373</v>
      </c>
      <c r="H12326" s="361" t="s">
        <v>14422</v>
      </c>
      <c r="I12326" s="362"/>
      <c r="J12326" s="366"/>
      <c r="K12326" s="366"/>
      <c r="L12326" s="366"/>
    </row>
    <row r="12327" spans="2:12" ht="28.5">
      <c r="B12327" s="358" t="s">
        <v>20786</v>
      </c>
      <c r="C12327" s="358" t="s">
        <v>30235</v>
      </c>
      <c r="D12327" s="358" t="s">
        <v>20787</v>
      </c>
      <c r="E12327" s="358" t="s">
        <v>20788</v>
      </c>
      <c r="F12327" s="358" t="s">
        <v>14394</v>
      </c>
      <c r="G12327" s="358" t="s">
        <v>14395</v>
      </c>
      <c r="H12327" s="358" t="s">
        <v>14370</v>
      </c>
      <c r="I12327" s="358" t="s">
        <v>14395</v>
      </c>
      <c r="J12327" s="358"/>
      <c r="K12327" s="358"/>
      <c r="L12327" s="358"/>
    </row>
    <row r="12328" spans="2:12">
      <c r="B12328" s="368"/>
      <c r="C12328" s="368"/>
      <c r="D12328" s="368"/>
      <c r="E12328" s="368"/>
      <c r="F12328" s="368"/>
      <c r="G12328" s="368"/>
      <c r="H12328" s="368"/>
      <c r="I12328" s="368"/>
      <c r="J12328" s="366"/>
      <c r="K12328" s="366"/>
      <c r="L12328" s="366"/>
    </row>
    <row r="12329" spans="2:12" ht="42.75">
      <c r="B12329" s="358" t="s">
        <v>13116</v>
      </c>
      <c r="C12329" s="358" t="s">
        <v>20789</v>
      </c>
      <c r="D12329" s="358" t="s">
        <v>272</v>
      </c>
      <c r="E12329" s="358" t="s">
        <v>273</v>
      </c>
      <c r="F12329" s="358" t="s">
        <v>14424</v>
      </c>
      <c r="G12329" s="358" t="s">
        <v>29278</v>
      </c>
      <c r="H12329" s="358" t="s">
        <v>14381</v>
      </c>
      <c r="I12329" s="358" t="s">
        <v>29278</v>
      </c>
      <c r="J12329" s="358"/>
      <c r="K12329" s="358" t="s">
        <v>28582</v>
      </c>
      <c r="L12329" s="358"/>
    </row>
    <row r="12330" spans="2:12">
      <c r="B12330" s="367"/>
      <c r="C12330" s="367"/>
      <c r="D12330" s="367"/>
      <c r="E12330" s="367"/>
      <c r="F12330" s="360"/>
      <c r="G12330" s="360"/>
      <c r="H12330" s="360"/>
      <c r="I12330" s="360"/>
      <c r="J12330" s="365"/>
      <c r="K12330" s="367"/>
      <c r="L12330" s="365"/>
    </row>
    <row r="12331" spans="2:12">
      <c r="B12331" s="367"/>
      <c r="C12331" s="367"/>
      <c r="D12331" s="367"/>
      <c r="E12331" s="367"/>
      <c r="F12331" s="359" t="s">
        <v>14420</v>
      </c>
      <c r="G12331" s="359" t="s">
        <v>14340</v>
      </c>
      <c r="H12331" s="359" t="s">
        <v>14341</v>
      </c>
      <c r="I12331" s="359" t="s">
        <v>14340</v>
      </c>
      <c r="J12331" s="365"/>
      <c r="K12331" s="367"/>
      <c r="L12331" s="365"/>
    </row>
    <row r="12332" spans="2:12">
      <c r="B12332" s="367"/>
      <c r="C12332" s="367"/>
      <c r="D12332" s="367"/>
      <c r="E12332" s="367"/>
      <c r="F12332" s="360"/>
      <c r="G12332" s="360"/>
      <c r="H12332" s="360"/>
      <c r="I12332" s="360"/>
      <c r="J12332" s="365"/>
      <c r="K12332" s="367"/>
      <c r="L12332" s="365"/>
    </row>
    <row r="12333" spans="2:12">
      <c r="B12333" s="367"/>
      <c r="C12333" s="367"/>
      <c r="D12333" s="367"/>
      <c r="E12333" s="367"/>
      <c r="F12333" s="359" t="s">
        <v>14356</v>
      </c>
      <c r="G12333" s="360"/>
      <c r="H12333" s="359" t="s">
        <v>14367</v>
      </c>
      <c r="I12333" s="360"/>
      <c r="J12333" s="365"/>
      <c r="K12333" s="367"/>
      <c r="L12333" s="365"/>
    </row>
    <row r="12334" spans="2:12">
      <c r="B12334" s="367"/>
      <c r="C12334" s="367"/>
      <c r="D12334" s="367"/>
      <c r="E12334" s="367"/>
      <c r="F12334" s="360"/>
      <c r="G12334" s="360"/>
      <c r="H12334" s="360"/>
      <c r="I12334" s="360"/>
      <c r="J12334" s="365"/>
      <c r="K12334" s="367"/>
      <c r="L12334" s="365"/>
    </row>
    <row r="12335" spans="2:12">
      <c r="B12335" s="368"/>
      <c r="C12335" s="368"/>
      <c r="D12335" s="368"/>
      <c r="E12335" s="368"/>
      <c r="F12335" s="362"/>
      <c r="G12335" s="362"/>
      <c r="H12335" s="361" t="s">
        <v>14332</v>
      </c>
      <c r="I12335" s="362"/>
      <c r="J12335" s="366"/>
      <c r="K12335" s="368"/>
      <c r="L12335" s="366"/>
    </row>
    <row r="12336" spans="2:12" ht="42.75">
      <c r="B12336" s="358" t="s">
        <v>20790</v>
      </c>
      <c r="C12336" s="358" t="s">
        <v>20791</v>
      </c>
      <c r="D12336" s="358" t="s">
        <v>20792</v>
      </c>
      <c r="E12336" s="358" t="s">
        <v>20793</v>
      </c>
      <c r="F12336" s="358" t="s">
        <v>29171</v>
      </c>
      <c r="G12336" s="358" t="s">
        <v>14380</v>
      </c>
      <c r="H12336" s="358" t="s">
        <v>14378</v>
      </c>
      <c r="I12336" s="358" t="s">
        <v>14380</v>
      </c>
      <c r="J12336" s="358"/>
      <c r="K12336" s="358" t="s">
        <v>28582</v>
      </c>
      <c r="L12336" s="358"/>
    </row>
    <row r="12337" spans="2:12">
      <c r="B12337" s="367"/>
      <c r="C12337" s="367"/>
      <c r="D12337" s="367"/>
      <c r="E12337" s="367"/>
      <c r="F12337" s="360"/>
      <c r="G12337" s="360"/>
      <c r="H12337" s="360"/>
      <c r="I12337" s="360"/>
      <c r="J12337" s="365"/>
      <c r="K12337" s="367"/>
      <c r="L12337" s="365"/>
    </row>
    <row r="12338" spans="2:12">
      <c r="B12338" s="367"/>
      <c r="C12338" s="367"/>
      <c r="D12338" s="367"/>
      <c r="E12338" s="367"/>
      <c r="F12338" s="359" t="s">
        <v>14356</v>
      </c>
      <c r="G12338" s="359" t="s">
        <v>14429</v>
      </c>
      <c r="H12338" s="359" t="s">
        <v>14378</v>
      </c>
      <c r="I12338" s="359" t="s">
        <v>14429</v>
      </c>
      <c r="J12338" s="365"/>
      <c r="K12338" s="367"/>
      <c r="L12338" s="365"/>
    </row>
    <row r="12339" spans="2:12">
      <c r="B12339" s="367"/>
      <c r="C12339" s="367"/>
      <c r="D12339" s="367"/>
      <c r="E12339" s="367"/>
      <c r="F12339" s="360"/>
      <c r="G12339" s="360"/>
      <c r="H12339" s="360"/>
      <c r="I12339" s="360"/>
      <c r="J12339" s="365"/>
      <c r="K12339" s="367"/>
      <c r="L12339" s="365"/>
    </row>
    <row r="12340" spans="2:12">
      <c r="B12340" s="368"/>
      <c r="C12340" s="368"/>
      <c r="D12340" s="368"/>
      <c r="E12340" s="368"/>
      <c r="F12340" s="362"/>
      <c r="G12340" s="361" t="s">
        <v>14340</v>
      </c>
      <c r="H12340" s="361" t="s">
        <v>14332</v>
      </c>
      <c r="I12340" s="361" t="s">
        <v>14340</v>
      </c>
      <c r="J12340" s="366"/>
      <c r="K12340" s="368"/>
      <c r="L12340" s="366"/>
    </row>
    <row r="12341" spans="2:12" ht="28.5">
      <c r="B12341" s="358" t="s">
        <v>20794</v>
      </c>
      <c r="C12341" s="358" t="s">
        <v>29279</v>
      </c>
      <c r="D12341" s="358" t="s">
        <v>20795</v>
      </c>
      <c r="E12341" s="358" t="s">
        <v>20796</v>
      </c>
      <c r="F12341" s="358" t="s">
        <v>14394</v>
      </c>
      <c r="G12341" s="358" t="s">
        <v>14395</v>
      </c>
      <c r="H12341" s="358" t="s">
        <v>14370</v>
      </c>
      <c r="I12341" s="358" t="s">
        <v>14395</v>
      </c>
      <c r="J12341" s="358"/>
      <c r="K12341" s="358"/>
      <c r="L12341" s="358"/>
    </row>
    <row r="12342" spans="2:12">
      <c r="B12342" s="368"/>
      <c r="C12342" s="368"/>
      <c r="D12342" s="368"/>
      <c r="E12342" s="368"/>
      <c r="F12342" s="368"/>
      <c r="G12342" s="368"/>
      <c r="H12342" s="368"/>
      <c r="I12342" s="368"/>
      <c r="J12342" s="366"/>
      <c r="K12342" s="366"/>
      <c r="L12342" s="366"/>
    </row>
    <row r="12343" spans="2:12">
      <c r="B12343" s="358" t="s">
        <v>20797</v>
      </c>
      <c r="C12343" s="358" t="s">
        <v>30236</v>
      </c>
      <c r="D12343" s="358" t="s">
        <v>20798</v>
      </c>
      <c r="E12343" s="358" t="s">
        <v>20799</v>
      </c>
      <c r="F12343" s="358" t="s">
        <v>14430</v>
      </c>
      <c r="G12343" s="358" t="s">
        <v>14431</v>
      </c>
      <c r="H12343" s="358" t="s">
        <v>14341</v>
      </c>
      <c r="I12343" s="358" t="s">
        <v>14431</v>
      </c>
      <c r="J12343" s="358"/>
      <c r="K12343" s="358"/>
      <c r="L12343" s="358"/>
    </row>
    <row r="12344" spans="2:12">
      <c r="B12344" s="367"/>
      <c r="C12344" s="367"/>
      <c r="D12344" s="367"/>
      <c r="E12344" s="367"/>
      <c r="F12344" s="360"/>
      <c r="G12344" s="360"/>
      <c r="H12344" s="360"/>
      <c r="I12344" s="360"/>
      <c r="J12344" s="365"/>
      <c r="K12344" s="365"/>
      <c r="L12344" s="365"/>
    </row>
    <row r="12345" spans="2:12" ht="28.5">
      <c r="B12345" s="367"/>
      <c r="C12345" s="367"/>
      <c r="D12345" s="367"/>
      <c r="E12345" s="367"/>
      <c r="F12345" s="359" t="s">
        <v>14394</v>
      </c>
      <c r="G12345" s="359" t="s">
        <v>14395</v>
      </c>
      <c r="H12345" s="359" t="s">
        <v>14370</v>
      </c>
      <c r="I12345" s="359" t="s">
        <v>14395</v>
      </c>
      <c r="J12345" s="365"/>
      <c r="K12345" s="365"/>
      <c r="L12345" s="365"/>
    </row>
    <row r="12346" spans="2:12">
      <c r="B12346" s="367"/>
      <c r="C12346" s="367"/>
      <c r="D12346" s="367"/>
      <c r="E12346" s="367"/>
      <c r="F12346" s="360"/>
      <c r="G12346" s="360"/>
      <c r="H12346" s="360"/>
      <c r="I12346" s="360"/>
      <c r="J12346" s="365"/>
      <c r="K12346" s="365"/>
      <c r="L12346" s="365"/>
    </row>
    <row r="12347" spans="2:12">
      <c r="B12347" s="368"/>
      <c r="C12347" s="368"/>
      <c r="D12347" s="368"/>
      <c r="E12347" s="368"/>
      <c r="F12347" s="362"/>
      <c r="G12347" s="362"/>
      <c r="H12347" s="361" t="s">
        <v>14332</v>
      </c>
      <c r="I12347" s="362"/>
      <c r="J12347" s="366"/>
      <c r="K12347" s="366"/>
      <c r="L12347" s="366"/>
    </row>
    <row r="12348" spans="2:12">
      <c r="B12348" s="358" t="s">
        <v>20800</v>
      </c>
      <c r="C12348" s="358" t="s">
        <v>29280</v>
      </c>
      <c r="D12348" s="358" t="s">
        <v>8356</v>
      </c>
      <c r="E12348" s="358" t="s">
        <v>20801</v>
      </c>
      <c r="F12348" s="358" t="s">
        <v>14420</v>
      </c>
      <c r="G12348" s="358" t="s">
        <v>14429</v>
      </c>
      <c r="H12348" s="358" t="s">
        <v>14367</v>
      </c>
      <c r="I12348" s="358" t="s">
        <v>14429</v>
      </c>
      <c r="J12348" s="358"/>
      <c r="K12348" s="358"/>
      <c r="L12348" s="358"/>
    </row>
    <row r="12349" spans="2:12">
      <c r="B12349" s="367"/>
      <c r="C12349" s="367"/>
      <c r="D12349" s="367"/>
      <c r="E12349" s="367"/>
      <c r="F12349" s="360"/>
      <c r="G12349" s="360"/>
      <c r="H12349" s="360"/>
      <c r="I12349" s="360"/>
      <c r="J12349" s="365"/>
      <c r="K12349" s="365"/>
      <c r="L12349" s="365"/>
    </row>
    <row r="12350" spans="2:12" ht="28.5">
      <c r="B12350" s="367"/>
      <c r="C12350" s="367"/>
      <c r="D12350" s="367"/>
      <c r="E12350" s="367"/>
      <c r="F12350" s="359" t="s">
        <v>14394</v>
      </c>
      <c r="G12350" s="359" t="s">
        <v>14395</v>
      </c>
      <c r="H12350" s="359" t="s">
        <v>14370</v>
      </c>
      <c r="I12350" s="359" t="s">
        <v>14395</v>
      </c>
      <c r="J12350" s="365"/>
      <c r="K12350" s="365"/>
      <c r="L12350" s="365"/>
    </row>
    <row r="12351" spans="2:12">
      <c r="B12351" s="367"/>
      <c r="C12351" s="367"/>
      <c r="D12351" s="367"/>
      <c r="E12351" s="367"/>
      <c r="F12351" s="360"/>
      <c r="G12351" s="360"/>
      <c r="H12351" s="360"/>
      <c r="I12351" s="360"/>
      <c r="J12351" s="365"/>
      <c r="K12351" s="365"/>
      <c r="L12351" s="365"/>
    </row>
    <row r="12352" spans="2:12">
      <c r="B12352" s="368"/>
      <c r="C12352" s="368"/>
      <c r="D12352" s="368"/>
      <c r="E12352" s="368"/>
      <c r="F12352" s="362"/>
      <c r="G12352" s="362"/>
      <c r="H12352" s="361" t="s">
        <v>14422</v>
      </c>
      <c r="I12352" s="362"/>
      <c r="J12352" s="366"/>
      <c r="K12352" s="366"/>
      <c r="L12352" s="366"/>
    </row>
    <row r="12353" spans="2:12" ht="28.5">
      <c r="B12353" s="358" t="s">
        <v>13118</v>
      </c>
      <c r="C12353" s="358" t="s">
        <v>29281</v>
      </c>
      <c r="D12353" s="358" t="s">
        <v>544</v>
      </c>
      <c r="E12353" s="358" t="s">
        <v>545</v>
      </c>
      <c r="F12353" s="358" t="s">
        <v>14424</v>
      </c>
      <c r="G12353" s="358" t="s">
        <v>14425</v>
      </c>
      <c r="H12353" s="358" t="s">
        <v>14381</v>
      </c>
      <c r="I12353" s="358" t="s">
        <v>14425</v>
      </c>
      <c r="J12353" s="358"/>
      <c r="K12353" s="358"/>
      <c r="L12353" s="358"/>
    </row>
    <row r="12354" spans="2:12">
      <c r="B12354" s="367"/>
      <c r="C12354" s="367"/>
      <c r="D12354" s="367"/>
      <c r="E12354" s="367"/>
      <c r="F12354" s="367"/>
      <c r="G12354" s="367"/>
      <c r="H12354" s="360"/>
      <c r="I12354" s="367"/>
      <c r="J12354" s="365"/>
      <c r="K12354" s="365"/>
      <c r="L12354" s="365"/>
    </row>
    <row r="12355" spans="2:12">
      <c r="B12355" s="368"/>
      <c r="C12355" s="368"/>
      <c r="D12355" s="368"/>
      <c r="E12355" s="368"/>
      <c r="F12355" s="368"/>
      <c r="G12355" s="368"/>
      <c r="H12355" s="361" t="s">
        <v>14332</v>
      </c>
      <c r="I12355" s="368"/>
      <c r="J12355" s="366"/>
      <c r="K12355" s="366"/>
      <c r="L12355" s="366"/>
    </row>
    <row r="12356" spans="2:12">
      <c r="B12356" s="358" t="s">
        <v>13120</v>
      </c>
      <c r="C12356" s="358" t="s">
        <v>29282</v>
      </c>
      <c r="D12356" s="358" t="s">
        <v>559</v>
      </c>
      <c r="E12356" s="358" t="s">
        <v>560</v>
      </c>
      <c r="F12356" s="358" t="s">
        <v>14424</v>
      </c>
      <c r="G12356" s="358" t="s">
        <v>14481</v>
      </c>
      <c r="H12356" s="358" t="s">
        <v>14381</v>
      </c>
      <c r="I12356" s="358" t="s">
        <v>14481</v>
      </c>
      <c r="J12356" s="358"/>
      <c r="K12356" s="358"/>
      <c r="L12356" s="358"/>
    </row>
    <row r="12357" spans="2:12">
      <c r="B12357" s="367"/>
      <c r="C12357" s="367"/>
      <c r="D12357" s="367"/>
      <c r="E12357" s="367"/>
      <c r="F12357" s="360"/>
      <c r="G12357" s="360"/>
      <c r="H12357" s="360"/>
      <c r="I12357" s="360"/>
      <c r="J12357" s="365"/>
      <c r="K12357" s="365"/>
      <c r="L12357" s="365"/>
    </row>
    <row r="12358" spans="2:12">
      <c r="B12358" s="367"/>
      <c r="C12358" s="367"/>
      <c r="D12358" s="367"/>
      <c r="E12358" s="367"/>
      <c r="F12358" s="359" t="s">
        <v>14371</v>
      </c>
      <c r="G12358" s="359" t="s">
        <v>14372</v>
      </c>
      <c r="H12358" s="359" t="s">
        <v>14370</v>
      </c>
      <c r="I12358" s="359" t="s">
        <v>14372</v>
      </c>
      <c r="J12358" s="365"/>
      <c r="K12358" s="365"/>
      <c r="L12358" s="365"/>
    </row>
    <row r="12359" spans="2:12">
      <c r="B12359" s="367"/>
      <c r="C12359" s="367"/>
      <c r="D12359" s="367"/>
      <c r="E12359" s="367"/>
      <c r="F12359" s="360"/>
      <c r="G12359" s="360"/>
      <c r="H12359" s="360"/>
      <c r="I12359" s="360"/>
      <c r="J12359" s="365"/>
      <c r="K12359" s="365"/>
      <c r="L12359" s="365"/>
    </row>
    <row r="12360" spans="2:12">
      <c r="B12360" s="368"/>
      <c r="C12360" s="368"/>
      <c r="D12360" s="368"/>
      <c r="E12360" s="368"/>
      <c r="F12360" s="362"/>
      <c r="G12360" s="362"/>
      <c r="H12360" s="361" t="s">
        <v>14332</v>
      </c>
      <c r="I12360" s="362"/>
      <c r="J12360" s="366"/>
      <c r="K12360" s="366"/>
      <c r="L12360" s="366"/>
    </row>
    <row r="12361" spans="2:12" ht="42.75">
      <c r="B12361" s="358" t="s">
        <v>20802</v>
      </c>
      <c r="C12361" s="358" t="s">
        <v>30237</v>
      </c>
      <c r="D12361" s="358" t="s">
        <v>20803</v>
      </c>
      <c r="E12361" s="358" t="s">
        <v>1736</v>
      </c>
      <c r="F12361" s="358" t="s">
        <v>14382</v>
      </c>
      <c r="G12361" s="358" t="s">
        <v>14483</v>
      </c>
      <c r="H12361" s="358" t="s">
        <v>14378</v>
      </c>
      <c r="I12361" s="358" t="s">
        <v>14483</v>
      </c>
      <c r="J12361" s="358"/>
      <c r="K12361" s="358" t="s">
        <v>20804</v>
      </c>
      <c r="L12361" s="358"/>
    </row>
    <row r="12362" spans="2:12">
      <c r="B12362" s="367"/>
      <c r="C12362" s="367"/>
      <c r="D12362" s="367"/>
      <c r="E12362" s="367"/>
      <c r="F12362" s="360"/>
      <c r="G12362" s="360"/>
      <c r="H12362" s="360"/>
      <c r="I12362" s="360"/>
      <c r="J12362" s="365"/>
      <c r="K12362" s="367"/>
      <c r="L12362" s="365"/>
    </row>
    <row r="12363" spans="2:12" ht="28.5">
      <c r="B12363" s="367"/>
      <c r="C12363" s="367"/>
      <c r="D12363" s="367"/>
      <c r="E12363" s="367"/>
      <c r="F12363" s="359" t="s">
        <v>28568</v>
      </c>
      <c r="G12363" s="359" t="s">
        <v>14383</v>
      </c>
      <c r="H12363" s="359" t="s">
        <v>14370</v>
      </c>
      <c r="I12363" s="359" t="s">
        <v>14383</v>
      </c>
      <c r="J12363" s="365"/>
      <c r="K12363" s="367"/>
      <c r="L12363" s="365"/>
    </row>
    <row r="12364" spans="2:12">
      <c r="B12364" s="367"/>
      <c r="C12364" s="367"/>
      <c r="D12364" s="367"/>
      <c r="E12364" s="367"/>
      <c r="F12364" s="360"/>
      <c r="G12364" s="360"/>
      <c r="H12364" s="360"/>
      <c r="I12364" s="360"/>
      <c r="J12364" s="365"/>
      <c r="K12364" s="367"/>
      <c r="L12364" s="365"/>
    </row>
    <row r="12365" spans="2:12" ht="28.5">
      <c r="B12365" s="367"/>
      <c r="C12365" s="367"/>
      <c r="D12365" s="367"/>
      <c r="E12365" s="367"/>
      <c r="F12365" s="359" t="s">
        <v>14374</v>
      </c>
      <c r="G12365" s="359" t="s">
        <v>14372</v>
      </c>
      <c r="H12365" s="359" t="s">
        <v>14332</v>
      </c>
      <c r="I12365" s="359" t="s">
        <v>14373</v>
      </c>
      <c r="J12365" s="365"/>
      <c r="K12365" s="367"/>
      <c r="L12365" s="365"/>
    </row>
    <row r="12366" spans="2:12">
      <c r="B12366" s="367"/>
      <c r="C12366" s="367"/>
      <c r="D12366" s="367"/>
      <c r="E12366" s="367"/>
      <c r="F12366" s="360"/>
      <c r="G12366" s="360"/>
      <c r="H12366" s="360"/>
      <c r="I12366" s="360"/>
      <c r="J12366" s="365"/>
      <c r="K12366" s="367"/>
      <c r="L12366" s="365"/>
    </row>
    <row r="12367" spans="2:12">
      <c r="B12367" s="368"/>
      <c r="C12367" s="368"/>
      <c r="D12367" s="368"/>
      <c r="E12367" s="368"/>
      <c r="F12367" s="362"/>
      <c r="G12367" s="361" t="s">
        <v>14373</v>
      </c>
      <c r="H12367" s="362"/>
      <c r="I12367" s="362"/>
      <c r="J12367" s="366"/>
      <c r="K12367" s="368"/>
      <c r="L12367" s="366"/>
    </row>
    <row r="12368" spans="2:12">
      <c r="B12368" s="358" t="s">
        <v>20805</v>
      </c>
      <c r="C12368" s="358" t="s">
        <v>20806</v>
      </c>
      <c r="D12368" s="358" t="s">
        <v>20807</v>
      </c>
      <c r="E12368" s="358" t="s">
        <v>20808</v>
      </c>
      <c r="F12368" s="358" t="s">
        <v>14391</v>
      </c>
      <c r="G12368" s="358" t="s">
        <v>14392</v>
      </c>
      <c r="H12368" s="358" t="s">
        <v>14367</v>
      </c>
      <c r="I12368" s="358" t="s">
        <v>14392</v>
      </c>
      <c r="J12368" s="358"/>
      <c r="K12368" s="358"/>
      <c r="L12368" s="358"/>
    </row>
    <row r="12369" spans="2:12">
      <c r="B12369" s="367"/>
      <c r="C12369" s="367"/>
      <c r="D12369" s="367"/>
      <c r="E12369" s="367"/>
      <c r="F12369" s="360"/>
      <c r="G12369" s="360"/>
      <c r="H12369" s="360"/>
      <c r="I12369" s="360"/>
      <c r="J12369" s="365"/>
      <c r="K12369" s="365"/>
      <c r="L12369" s="365"/>
    </row>
    <row r="12370" spans="2:12">
      <c r="B12370" s="367"/>
      <c r="C12370" s="367"/>
      <c r="D12370" s="367"/>
      <c r="E12370" s="367"/>
      <c r="F12370" s="359" t="s">
        <v>14371</v>
      </c>
      <c r="G12370" s="359" t="s">
        <v>14372</v>
      </c>
      <c r="H12370" s="359" t="s">
        <v>14370</v>
      </c>
      <c r="I12370" s="359" t="s">
        <v>14373</v>
      </c>
      <c r="J12370" s="365"/>
      <c r="K12370" s="365"/>
      <c r="L12370" s="365"/>
    </row>
    <row r="12371" spans="2:12">
      <c r="B12371" s="367"/>
      <c r="C12371" s="367"/>
      <c r="D12371" s="367"/>
      <c r="E12371" s="367"/>
      <c r="F12371" s="360"/>
      <c r="G12371" s="360"/>
      <c r="H12371" s="360"/>
      <c r="I12371" s="360"/>
      <c r="J12371" s="365"/>
      <c r="K12371" s="365"/>
      <c r="L12371" s="365"/>
    </row>
    <row r="12372" spans="2:12" ht="28.5">
      <c r="B12372" s="368"/>
      <c r="C12372" s="368"/>
      <c r="D12372" s="368"/>
      <c r="E12372" s="368"/>
      <c r="F12372" s="361" t="s">
        <v>14374</v>
      </c>
      <c r="G12372" s="361" t="s">
        <v>14373</v>
      </c>
      <c r="H12372" s="361" t="s">
        <v>14422</v>
      </c>
      <c r="I12372" s="362"/>
      <c r="J12372" s="366"/>
      <c r="K12372" s="366"/>
      <c r="L12372" s="366"/>
    </row>
    <row r="12373" spans="2:12">
      <c r="B12373" s="358" t="s">
        <v>20809</v>
      </c>
      <c r="C12373" s="358" t="s">
        <v>27652</v>
      </c>
      <c r="D12373" s="358" t="s">
        <v>20810</v>
      </c>
      <c r="E12373" s="358" t="s">
        <v>20811</v>
      </c>
      <c r="F12373" s="358" t="s">
        <v>14418</v>
      </c>
      <c r="G12373" s="358" t="s">
        <v>14419</v>
      </c>
      <c r="H12373" s="358" t="s">
        <v>14328</v>
      </c>
      <c r="I12373" s="358" t="s">
        <v>14419</v>
      </c>
      <c r="J12373" s="358"/>
      <c r="K12373" s="358"/>
      <c r="L12373" s="358"/>
    </row>
    <row r="12374" spans="2:12">
      <c r="B12374" s="367"/>
      <c r="C12374" s="367"/>
      <c r="D12374" s="367"/>
      <c r="E12374" s="367"/>
      <c r="F12374" s="360"/>
      <c r="G12374" s="360"/>
      <c r="H12374" s="360"/>
      <c r="I12374" s="360"/>
      <c r="J12374" s="365"/>
      <c r="K12374" s="365"/>
      <c r="L12374" s="365"/>
    </row>
    <row r="12375" spans="2:12" ht="28.5">
      <c r="B12375" s="367"/>
      <c r="C12375" s="367"/>
      <c r="D12375" s="367"/>
      <c r="E12375" s="367"/>
      <c r="F12375" s="359" t="s">
        <v>14460</v>
      </c>
      <c r="G12375" s="359" t="s">
        <v>28648</v>
      </c>
      <c r="H12375" s="359" t="s">
        <v>14381</v>
      </c>
      <c r="I12375" s="359" t="s">
        <v>28648</v>
      </c>
      <c r="J12375" s="365"/>
      <c r="K12375" s="365"/>
      <c r="L12375" s="365"/>
    </row>
    <row r="12376" spans="2:12">
      <c r="B12376" s="367"/>
      <c r="C12376" s="367"/>
      <c r="D12376" s="367"/>
      <c r="E12376" s="367"/>
      <c r="F12376" s="360"/>
      <c r="G12376" s="360"/>
      <c r="H12376" s="360"/>
      <c r="I12376" s="360"/>
      <c r="J12376" s="365"/>
      <c r="K12376" s="365"/>
      <c r="L12376" s="365"/>
    </row>
    <row r="12377" spans="2:12">
      <c r="B12377" s="368"/>
      <c r="C12377" s="368"/>
      <c r="D12377" s="368"/>
      <c r="E12377" s="368"/>
      <c r="F12377" s="361" t="s">
        <v>14386</v>
      </c>
      <c r="G12377" s="362"/>
      <c r="H12377" s="361" t="s">
        <v>14422</v>
      </c>
      <c r="I12377" s="362"/>
      <c r="J12377" s="366"/>
      <c r="K12377" s="366"/>
      <c r="L12377" s="366"/>
    </row>
    <row r="12378" spans="2:12">
      <c r="B12378" s="358" t="s">
        <v>20812</v>
      </c>
      <c r="C12378" s="358" t="s">
        <v>20813</v>
      </c>
      <c r="D12378" s="358" t="s">
        <v>20814</v>
      </c>
      <c r="E12378" s="358" t="s">
        <v>20815</v>
      </c>
      <c r="F12378" s="358" t="s">
        <v>14420</v>
      </c>
      <c r="G12378" s="358" t="s">
        <v>14429</v>
      </c>
      <c r="H12378" s="358" t="s">
        <v>14367</v>
      </c>
      <c r="I12378" s="358" t="s">
        <v>14429</v>
      </c>
      <c r="J12378" s="358"/>
      <c r="K12378" s="358"/>
      <c r="L12378" s="358"/>
    </row>
    <row r="12379" spans="2:12">
      <c r="B12379" s="367"/>
      <c r="C12379" s="367"/>
      <c r="D12379" s="367"/>
      <c r="E12379" s="367"/>
      <c r="F12379" s="360"/>
      <c r="G12379" s="360"/>
      <c r="H12379" s="360"/>
      <c r="I12379" s="360"/>
      <c r="J12379" s="365"/>
      <c r="K12379" s="365"/>
      <c r="L12379" s="365"/>
    </row>
    <row r="12380" spans="2:12" ht="28.5">
      <c r="B12380" s="367"/>
      <c r="C12380" s="367"/>
      <c r="D12380" s="367"/>
      <c r="E12380" s="367"/>
      <c r="F12380" s="359" t="s">
        <v>14394</v>
      </c>
      <c r="G12380" s="359" t="s">
        <v>14395</v>
      </c>
      <c r="H12380" s="359" t="s">
        <v>14370</v>
      </c>
      <c r="I12380" s="359" t="s">
        <v>14395</v>
      </c>
      <c r="J12380" s="365"/>
      <c r="K12380" s="365"/>
      <c r="L12380" s="365"/>
    </row>
    <row r="12381" spans="2:12">
      <c r="B12381" s="367"/>
      <c r="C12381" s="367"/>
      <c r="D12381" s="367"/>
      <c r="E12381" s="367"/>
      <c r="F12381" s="360"/>
      <c r="G12381" s="360"/>
      <c r="H12381" s="360"/>
      <c r="I12381" s="360"/>
      <c r="J12381" s="365"/>
      <c r="K12381" s="365"/>
      <c r="L12381" s="365"/>
    </row>
    <row r="12382" spans="2:12">
      <c r="B12382" s="368"/>
      <c r="C12382" s="368"/>
      <c r="D12382" s="368"/>
      <c r="E12382" s="368"/>
      <c r="F12382" s="362"/>
      <c r="G12382" s="362"/>
      <c r="H12382" s="361" t="s">
        <v>14422</v>
      </c>
      <c r="I12382" s="362"/>
      <c r="J12382" s="366"/>
      <c r="K12382" s="366"/>
      <c r="L12382" s="366"/>
    </row>
    <row r="12383" spans="2:12" ht="28.5">
      <c r="B12383" s="358" t="s">
        <v>20816</v>
      </c>
      <c r="C12383" s="358" t="s">
        <v>27653</v>
      </c>
      <c r="D12383" s="358" t="s">
        <v>20817</v>
      </c>
      <c r="E12383" s="358" t="s">
        <v>20818</v>
      </c>
      <c r="F12383" s="358" t="s">
        <v>14462</v>
      </c>
      <c r="G12383" s="358" t="s">
        <v>14463</v>
      </c>
      <c r="H12383" s="358" t="s">
        <v>8356</v>
      </c>
      <c r="I12383" s="358" t="s">
        <v>14463</v>
      </c>
      <c r="J12383" s="358"/>
      <c r="K12383" s="358"/>
      <c r="L12383" s="358"/>
    </row>
    <row r="12384" spans="2:12">
      <c r="B12384" s="368"/>
      <c r="C12384" s="368"/>
      <c r="D12384" s="368"/>
      <c r="E12384" s="368"/>
      <c r="F12384" s="368"/>
      <c r="G12384" s="368"/>
      <c r="H12384" s="368"/>
      <c r="I12384" s="368"/>
      <c r="J12384" s="366"/>
      <c r="K12384" s="366"/>
      <c r="L12384" s="366"/>
    </row>
    <row r="12385" spans="2:12" ht="42.75">
      <c r="B12385" s="358" t="s">
        <v>20819</v>
      </c>
      <c r="C12385" s="358" t="s">
        <v>30238</v>
      </c>
      <c r="D12385" s="358" t="s">
        <v>20820</v>
      </c>
      <c r="E12385" s="358" t="s">
        <v>8356</v>
      </c>
      <c r="F12385" s="358" t="s">
        <v>14462</v>
      </c>
      <c r="G12385" s="358" t="s">
        <v>14463</v>
      </c>
      <c r="H12385" s="358" t="s">
        <v>8356</v>
      </c>
      <c r="I12385" s="358" t="s">
        <v>14463</v>
      </c>
      <c r="J12385" s="358"/>
      <c r="K12385" s="358"/>
      <c r="L12385" s="358"/>
    </row>
    <row r="12386" spans="2:12">
      <c r="B12386" s="368"/>
      <c r="C12386" s="368"/>
      <c r="D12386" s="368"/>
      <c r="E12386" s="368"/>
      <c r="F12386" s="368"/>
      <c r="G12386" s="368"/>
      <c r="H12386" s="368"/>
      <c r="I12386" s="368"/>
      <c r="J12386" s="366"/>
      <c r="K12386" s="366"/>
      <c r="L12386" s="366"/>
    </row>
    <row r="12387" spans="2:12" ht="28.5">
      <c r="B12387" s="358" t="s">
        <v>20821</v>
      </c>
      <c r="C12387" s="358" t="s">
        <v>27654</v>
      </c>
      <c r="D12387" s="358" t="s">
        <v>20822</v>
      </c>
      <c r="E12387" s="358" t="s">
        <v>20823</v>
      </c>
      <c r="F12387" s="358" t="s">
        <v>28938</v>
      </c>
      <c r="G12387" s="358" t="s">
        <v>14421</v>
      </c>
      <c r="H12387" s="358" t="s">
        <v>14341</v>
      </c>
      <c r="I12387" s="358" t="s">
        <v>14421</v>
      </c>
      <c r="J12387" s="358"/>
      <c r="K12387" s="358"/>
      <c r="L12387" s="358"/>
    </row>
    <row r="12388" spans="2:12">
      <c r="B12388" s="367"/>
      <c r="C12388" s="367"/>
      <c r="D12388" s="367"/>
      <c r="E12388" s="367"/>
      <c r="F12388" s="360"/>
      <c r="G12388" s="360"/>
      <c r="H12388" s="360"/>
      <c r="I12388" s="360"/>
      <c r="J12388" s="365"/>
      <c r="K12388" s="365"/>
      <c r="L12388" s="365"/>
    </row>
    <row r="12389" spans="2:12">
      <c r="B12389" s="367"/>
      <c r="C12389" s="367"/>
      <c r="D12389" s="367"/>
      <c r="E12389" s="367"/>
      <c r="F12389" s="359" t="s">
        <v>14339</v>
      </c>
      <c r="G12389" s="359" t="s">
        <v>14429</v>
      </c>
      <c r="H12389" s="359" t="s">
        <v>14367</v>
      </c>
      <c r="I12389" s="359" t="s">
        <v>14429</v>
      </c>
      <c r="J12389" s="365"/>
      <c r="K12389" s="365"/>
      <c r="L12389" s="365"/>
    </row>
    <row r="12390" spans="2:12">
      <c r="B12390" s="367"/>
      <c r="C12390" s="367"/>
      <c r="D12390" s="367"/>
      <c r="E12390" s="367"/>
      <c r="F12390" s="360"/>
      <c r="G12390" s="360"/>
      <c r="H12390" s="360"/>
      <c r="I12390" s="360"/>
      <c r="J12390" s="365"/>
      <c r="K12390" s="365"/>
      <c r="L12390" s="365"/>
    </row>
    <row r="12391" spans="2:12">
      <c r="B12391" s="368"/>
      <c r="C12391" s="368"/>
      <c r="D12391" s="368"/>
      <c r="E12391" s="368"/>
      <c r="F12391" s="362"/>
      <c r="G12391" s="361" t="s">
        <v>14340</v>
      </c>
      <c r="H12391" s="361" t="s">
        <v>14332</v>
      </c>
      <c r="I12391" s="361" t="s">
        <v>14340</v>
      </c>
      <c r="J12391" s="366"/>
      <c r="K12391" s="366"/>
      <c r="L12391" s="366"/>
    </row>
    <row r="12392" spans="2:12" ht="42.75">
      <c r="B12392" s="358" t="s">
        <v>20824</v>
      </c>
      <c r="C12392" s="358" t="s">
        <v>29283</v>
      </c>
      <c r="D12392" s="358" t="s">
        <v>20825</v>
      </c>
      <c r="E12392" s="358" t="s">
        <v>20826</v>
      </c>
      <c r="F12392" s="358" t="s">
        <v>14430</v>
      </c>
      <c r="G12392" s="358" t="s">
        <v>14431</v>
      </c>
      <c r="H12392" s="358" t="s">
        <v>14341</v>
      </c>
      <c r="I12392" s="358" t="s">
        <v>14431</v>
      </c>
      <c r="J12392" s="358"/>
      <c r="K12392" s="358"/>
      <c r="L12392" s="358"/>
    </row>
    <row r="12393" spans="2:12">
      <c r="B12393" s="367"/>
      <c r="C12393" s="367"/>
      <c r="D12393" s="367"/>
      <c r="E12393" s="367"/>
      <c r="F12393" s="360"/>
      <c r="G12393" s="360"/>
      <c r="H12393" s="360"/>
      <c r="I12393" s="360"/>
      <c r="J12393" s="365"/>
      <c r="K12393" s="365"/>
      <c r="L12393" s="365"/>
    </row>
    <row r="12394" spans="2:12" ht="28.5">
      <c r="B12394" s="367"/>
      <c r="C12394" s="367"/>
      <c r="D12394" s="367"/>
      <c r="E12394" s="367"/>
      <c r="F12394" s="359" t="s">
        <v>14394</v>
      </c>
      <c r="G12394" s="359" t="s">
        <v>14395</v>
      </c>
      <c r="H12394" s="359" t="s">
        <v>14370</v>
      </c>
      <c r="I12394" s="359" t="s">
        <v>14395</v>
      </c>
      <c r="J12394" s="365"/>
      <c r="K12394" s="365"/>
      <c r="L12394" s="365"/>
    </row>
    <row r="12395" spans="2:12">
      <c r="B12395" s="367"/>
      <c r="C12395" s="367"/>
      <c r="D12395" s="367"/>
      <c r="E12395" s="367"/>
      <c r="F12395" s="360"/>
      <c r="G12395" s="360"/>
      <c r="H12395" s="360"/>
      <c r="I12395" s="360"/>
      <c r="J12395" s="365"/>
      <c r="K12395" s="365"/>
      <c r="L12395" s="365"/>
    </row>
    <row r="12396" spans="2:12">
      <c r="B12396" s="368"/>
      <c r="C12396" s="368"/>
      <c r="D12396" s="368"/>
      <c r="E12396" s="368"/>
      <c r="F12396" s="362"/>
      <c r="G12396" s="362"/>
      <c r="H12396" s="361" t="s">
        <v>14332</v>
      </c>
      <c r="I12396" s="362"/>
      <c r="J12396" s="366"/>
      <c r="K12396" s="366"/>
      <c r="L12396" s="366"/>
    </row>
    <row r="12397" spans="2:12">
      <c r="B12397" s="358" t="s">
        <v>20827</v>
      </c>
      <c r="C12397" s="358" t="s">
        <v>20828</v>
      </c>
      <c r="D12397" s="358" t="s">
        <v>20829</v>
      </c>
      <c r="E12397" s="358" t="s">
        <v>20830</v>
      </c>
      <c r="F12397" s="358" t="s">
        <v>14420</v>
      </c>
      <c r="G12397" s="358" t="s">
        <v>14429</v>
      </c>
      <c r="H12397" s="358" t="s">
        <v>14367</v>
      </c>
      <c r="I12397" s="358" t="s">
        <v>14429</v>
      </c>
      <c r="J12397" s="358"/>
      <c r="K12397" s="358"/>
      <c r="L12397" s="358"/>
    </row>
    <row r="12398" spans="2:12">
      <c r="B12398" s="367"/>
      <c r="C12398" s="367"/>
      <c r="D12398" s="367"/>
      <c r="E12398" s="367"/>
      <c r="F12398" s="360"/>
      <c r="G12398" s="360"/>
      <c r="H12398" s="360"/>
      <c r="I12398" s="360"/>
      <c r="J12398" s="365"/>
      <c r="K12398" s="365"/>
      <c r="L12398" s="365"/>
    </row>
    <row r="12399" spans="2:12" ht="28.5">
      <c r="B12399" s="367"/>
      <c r="C12399" s="367"/>
      <c r="D12399" s="367"/>
      <c r="E12399" s="367"/>
      <c r="F12399" s="359" t="s">
        <v>14394</v>
      </c>
      <c r="G12399" s="359" t="s">
        <v>14395</v>
      </c>
      <c r="H12399" s="359" t="s">
        <v>14370</v>
      </c>
      <c r="I12399" s="359" t="s">
        <v>14395</v>
      </c>
      <c r="J12399" s="365"/>
      <c r="K12399" s="365"/>
      <c r="L12399" s="365"/>
    </row>
    <row r="12400" spans="2:12">
      <c r="B12400" s="367"/>
      <c r="C12400" s="367"/>
      <c r="D12400" s="367"/>
      <c r="E12400" s="367"/>
      <c r="F12400" s="360"/>
      <c r="G12400" s="360"/>
      <c r="H12400" s="360"/>
      <c r="I12400" s="360"/>
      <c r="J12400" s="365"/>
      <c r="K12400" s="365"/>
      <c r="L12400" s="365"/>
    </row>
    <row r="12401" spans="2:12">
      <c r="B12401" s="368"/>
      <c r="C12401" s="368"/>
      <c r="D12401" s="368"/>
      <c r="E12401" s="368"/>
      <c r="F12401" s="362"/>
      <c r="G12401" s="362"/>
      <c r="H12401" s="361" t="s">
        <v>14422</v>
      </c>
      <c r="I12401" s="362"/>
      <c r="J12401" s="366"/>
      <c r="K12401" s="366"/>
      <c r="L12401" s="366"/>
    </row>
    <row r="12402" spans="2:12">
      <c r="B12402" s="358" t="s">
        <v>20831</v>
      </c>
      <c r="C12402" s="358" t="s">
        <v>20832</v>
      </c>
      <c r="D12402" s="358" t="s">
        <v>20833</v>
      </c>
      <c r="E12402" s="358" t="s">
        <v>20834</v>
      </c>
      <c r="F12402" s="358" t="s">
        <v>14389</v>
      </c>
      <c r="G12402" s="358" t="s">
        <v>14390</v>
      </c>
      <c r="H12402" s="358" t="s">
        <v>14341</v>
      </c>
      <c r="I12402" s="358" t="s">
        <v>14390</v>
      </c>
      <c r="J12402" s="358"/>
      <c r="K12402" s="358"/>
      <c r="L12402" s="358"/>
    </row>
    <row r="12403" spans="2:12">
      <c r="B12403" s="367"/>
      <c r="C12403" s="367"/>
      <c r="D12403" s="367"/>
      <c r="E12403" s="367"/>
      <c r="F12403" s="360"/>
      <c r="G12403" s="360"/>
      <c r="H12403" s="360"/>
      <c r="I12403" s="360"/>
      <c r="J12403" s="365"/>
      <c r="K12403" s="365"/>
      <c r="L12403" s="365"/>
    </row>
    <row r="12404" spans="2:12">
      <c r="B12404" s="367"/>
      <c r="C12404" s="367"/>
      <c r="D12404" s="367"/>
      <c r="E12404" s="367"/>
      <c r="F12404" s="359" t="s">
        <v>14430</v>
      </c>
      <c r="G12404" s="359" t="s">
        <v>14431</v>
      </c>
      <c r="H12404" s="359" t="s">
        <v>14367</v>
      </c>
      <c r="I12404" s="359" t="s">
        <v>14431</v>
      </c>
      <c r="J12404" s="365"/>
      <c r="K12404" s="365"/>
      <c r="L12404" s="365"/>
    </row>
    <row r="12405" spans="2:12">
      <c r="B12405" s="367"/>
      <c r="C12405" s="367"/>
      <c r="D12405" s="367"/>
      <c r="E12405" s="367"/>
      <c r="F12405" s="360"/>
      <c r="G12405" s="360"/>
      <c r="H12405" s="360"/>
      <c r="I12405" s="360"/>
      <c r="J12405" s="365"/>
      <c r="K12405" s="365"/>
      <c r="L12405" s="365"/>
    </row>
    <row r="12406" spans="2:12">
      <c r="B12406" s="367"/>
      <c r="C12406" s="367"/>
      <c r="D12406" s="367"/>
      <c r="E12406" s="367"/>
      <c r="F12406" s="359" t="s">
        <v>14391</v>
      </c>
      <c r="G12406" s="359" t="s">
        <v>14392</v>
      </c>
      <c r="H12406" s="359" t="s">
        <v>14370</v>
      </c>
      <c r="I12406" s="359" t="s">
        <v>14392</v>
      </c>
      <c r="J12406" s="365"/>
      <c r="K12406" s="365"/>
      <c r="L12406" s="365"/>
    </row>
    <row r="12407" spans="2:12">
      <c r="B12407" s="367"/>
      <c r="C12407" s="367"/>
      <c r="D12407" s="367"/>
      <c r="E12407" s="367"/>
      <c r="F12407" s="360"/>
      <c r="G12407" s="360"/>
      <c r="H12407" s="360"/>
      <c r="I12407" s="360"/>
      <c r="J12407" s="365"/>
      <c r="K12407" s="365"/>
      <c r="L12407" s="365"/>
    </row>
    <row r="12408" spans="2:12">
      <c r="B12408" s="367"/>
      <c r="C12408" s="367"/>
      <c r="D12408" s="367"/>
      <c r="E12408" s="367"/>
      <c r="F12408" s="359" t="s">
        <v>14371</v>
      </c>
      <c r="G12408" s="359" t="s">
        <v>14372</v>
      </c>
      <c r="H12408" s="359" t="s">
        <v>14332</v>
      </c>
      <c r="I12408" s="359" t="s">
        <v>14373</v>
      </c>
      <c r="J12408" s="365"/>
      <c r="K12408" s="365"/>
      <c r="L12408" s="365"/>
    </row>
    <row r="12409" spans="2:12">
      <c r="B12409" s="367"/>
      <c r="C12409" s="367"/>
      <c r="D12409" s="367"/>
      <c r="E12409" s="367"/>
      <c r="F12409" s="360"/>
      <c r="G12409" s="360"/>
      <c r="H12409" s="360"/>
      <c r="I12409" s="360"/>
      <c r="J12409" s="365"/>
      <c r="K12409" s="365"/>
      <c r="L12409" s="365"/>
    </row>
    <row r="12410" spans="2:12" ht="28.5">
      <c r="B12410" s="368"/>
      <c r="C12410" s="368"/>
      <c r="D12410" s="368"/>
      <c r="E12410" s="368"/>
      <c r="F12410" s="361" t="s">
        <v>14374</v>
      </c>
      <c r="G12410" s="361" t="s">
        <v>14373</v>
      </c>
      <c r="H12410" s="362"/>
      <c r="I12410" s="362"/>
      <c r="J12410" s="366"/>
      <c r="K12410" s="366"/>
      <c r="L12410" s="366"/>
    </row>
    <row r="12411" spans="2:12" ht="42.75">
      <c r="B12411" s="358" t="s">
        <v>20835</v>
      </c>
      <c r="C12411" s="358" t="s">
        <v>30239</v>
      </c>
      <c r="D12411" s="358" t="s">
        <v>20836</v>
      </c>
      <c r="E12411" s="358" t="s">
        <v>8356</v>
      </c>
      <c r="F12411" s="358" t="s">
        <v>14391</v>
      </c>
      <c r="G12411" s="358" t="s">
        <v>14392</v>
      </c>
      <c r="H12411" s="358" t="s">
        <v>14367</v>
      </c>
      <c r="I12411" s="358" t="s">
        <v>14392</v>
      </c>
      <c r="J12411" s="358"/>
      <c r="K12411" s="358"/>
      <c r="L12411" s="358"/>
    </row>
    <row r="12412" spans="2:12">
      <c r="B12412" s="367"/>
      <c r="C12412" s="367"/>
      <c r="D12412" s="367"/>
      <c r="E12412" s="367"/>
      <c r="F12412" s="367"/>
      <c r="G12412" s="367"/>
      <c r="H12412" s="360"/>
      <c r="I12412" s="367"/>
      <c r="J12412" s="365"/>
      <c r="K12412" s="365"/>
      <c r="L12412" s="365"/>
    </row>
    <row r="12413" spans="2:12">
      <c r="B12413" s="368"/>
      <c r="C12413" s="368"/>
      <c r="D12413" s="368"/>
      <c r="E12413" s="368"/>
      <c r="F12413" s="368"/>
      <c r="G12413" s="368"/>
      <c r="H12413" s="361" t="s">
        <v>14422</v>
      </c>
      <c r="I12413" s="368"/>
      <c r="J12413" s="366"/>
      <c r="K12413" s="366"/>
      <c r="L12413" s="366"/>
    </row>
    <row r="12414" spans="2:12" ht="42.75">
      <c r="B12414" s="358" t="s">
        <v>20837</v>
      </c>
      <c r="C12414" s="358" t="s">
        <v>27655</v>
      </c>
      <c r="D12414" s="358" t="s">
        <v>20838</v>
      </c>
      <c r="E12414" s="358" t="s">
        <v>20839</v>
      </c>
      <c r="F12414" s="358" t="s">
        <v>14507</v>
      </c>
      <c r="G12414" s="358" t="s">
        <v>29284</v>
      </c>
      <c r="H12414" s="358" t="s">
        <v>14381</v>
      </c>
      <c r="I12414" s="358" t="s">
        <v>29284</v>
      </c>
      <c r="J12414" s="358"/>
      <c r="K12414" s="358"/>
      <c r="L12414" s="358"/>
    </row>
    <row r="12415" spans="2:12">
      <c r="B12415" s="367"/>
      <c r="C12415" s="367"/>
      <c r="D12415" s="367"/>
      <c r="E12415" s="367"/>
      <c r="F12415" s="360"/>
      <c r="G12415" s="367"/>
      <c r="H12415" s="360"/>
      <c r="I12415" s="367"/>
      <c r="J12415" s="365"/>
      <c r="K12415" s="365"/>
      <c r="L12415" s="365"/>
    </row>
    <row r="12416" spans="2:12">
      <c r="B12416" s="367"/>
      <c r="C12416" s="367"/>
      <c r="D12416" s="367"/>
      <c r="E12416" s="367"/>
      <c r="F12416" s="359" t="s">
        <v>14460</v>
      </c>
      <c r="G12416" s="367"/>
      <c r="H12416" s="359" t="s">
        <v>14367</v>
      </c>
      <c r="I12416" s="367"/>
      <c r="J12416" s="365"/>
      <c r="K12416" s="365"/>
      <c r="L12416" s="365"/>
    </row>
    <row r="12417" spans="2:12">
      <c r="B12417" s="367"/>
      <c r="C12417" s="367"/>
      <c r="D12417" s="367"/>
      <c r="E12417" s="367"/>
      <c r="F12417" s="360"/>
      <c r="G12417" s="367"/>
      <c r="H12417" s="360"/>
      <c r="I12417" s="367"/>
      <c r="J12417" s="365"/>
      <c r="K12417" s="365"/>
      <c r="L12417" s="365"/>
    </row>
    <row r="12418" spans="2:12">
      <c r="B12418" s="368"/>
      <c r="C12418" s="368"/>
      <c r="D12418" s="368"/>
      <c r="E12418" s="368"/>
      <c r="F12418" s="361" t="s">
        <v>14391</v>
      </c>
      <c r="G12418" s="368"/>
      <c r="H12418" s="361" t="s">
        <v>14422</v>
      </c>
      <c r="I12418" s="368"/>
      <c r="J12418" s="366"/>
      <c r="K12418" s="366"/>
      <c r="L12418" s="366"/>
    </row>
    <row r="12419" spans="2:12" ht="71.25">
      <c r="B12419" s="358" t="s">
        <v>29285</v>
      </c>
      <c r="C12419" s="358" t="s">
        <v>29286</v>
      </c>
      <c r="D12419" s="358" t="s">
        <v>29287</v>
      </c>
      <c r="E12419" s="358" t="s">
        <v>8356</v>
      </c>
      <c r="F12419" s="358" t="s">
        <v>14462</v>
      </c>
      <c r="G12419" s="358" t="s">
        <v>14463</v>
      </c>
      <c r="H12419" s="358" t="s">
        <v>8356</v>
      </c>
      <c r="I12419" s="358" t="s">
        <v>14463</v>
      </c>
      <c r="J12419" s="358"/>
      <c r="K12419" s="358"/>
      <c r="L12419" s="358"/>
    </row>
    <row r="12420" spans="2:12">
      <c r="B12420" s="368"/>
      <c r="C12420" s="368"/>
      <c r="D12420" s="368"/>
      <c r="E12420" s="368"/>
      <c r="F12420" s="368"/>
      <c r="G12420" s="368"/>
      <c r="H12420" s="368"/>
      <c r="I12420" s="368"/>
      <c r="J12420" s="366"/>
      <c r="K12420" s="366"/>
      <c r="L12420" s="366"/>
    </row>
    <row r="12421" spans="2:12">
      <c r="B12421" s="358" t="s">
        <v>20840</v>
      </c>
      <c r="C12421" s="358" t="s">
        <v>20841</v>
      </c>
      <c r="D12421" s="358" t="s">
        <v>20842</v>
      </c>
      <c r="E12421" s="358" t="s">
        <v>20843</v>
      </c>
      <c r="F12421" s="358" t="s">
        <v>14418</v>
      </c>
      <c r="G12421" s="358" t="s">
        <v>14419</v>
      </c>
      <c r="H12421" s="358" t="s">
        <v>14328</v>
      </c>
      <c r="I12421" s="358" t="s">
        <v>14419</v>
      </c>
      <c r="J12421" s="358"/>
      <c r="K12421" s="358"/>
      <c r="L12421" s="358"/>
    </row>
    <row r="12422" spans="2:12">
      <c r="B12422" s="367"/>
      <c r="C12422" s="367"/>
      <c r="D12422" s="367"/>
      <c r="E12422" s="367"/>
      <c r="F12422" s="360"/>
      <c r="G12422" s="360"/>
      <c r="H12422" s="360"/>
      <c r="I12422" s="360"/>
      <c r="J12422" s="365"/>
      <c r="K12422" s="365"/>
      <c r="L12422" s="365"/>
    </row>
    <row r="12423" spans="2:12" ht="28.5">
      <c r="B12423" s="367"/>
      <c r="C12423" s="367"/>
      <c r="D12423" s="367"/>
      <c r="E12423" s="367"/>
      <c r="F12423" s="359" t="s">
        <v>28955</v>
      </c>
      <c r="G12423" s="359" t="s">
        <v>14483</v>
      </c>
      <c r="H12423" s="359" t="s">
        <v>14378</v>
      </c>
      <c r="I12423" s="359" t="s">
        <v>14483</v>
      </c>
      <c r="J12423" s="365"/>
      <c r="K12423" s="365"/>
      <c r="L12423" s="365"/>
    </row>
    <row r="12424" spans="2:12">
      <c r="B12424" s="367"/>
      <c r="C12424" s="367"/>
      <c r="D12424" s="367"/>
      <c r="E12424" s="367"/>
      <c r="F12424" s="360"/>
      <c r="G12424" s="360"/>
      <c r="H12424" s="360"/>
      <c r="I12424" s="360"/>
      <c r="J12424" s="365"/>
      <c r="K12424" s="365"/>
      <c r="L12424" s="365"/>
    </row>
    <row r="12425" spans="2:12">
      <c r="B12425" s="367"/>
      <c r="C12425" s="367"/>
      <c r="D12425" s="367"/>
      <c r="E12425" s="367"/>
      <c r="F12425" s="359" t="s">
        <v>14460</v>
      </c>
      <c r="G12425" s="359" t="s">
        <v>14429</v>
      </c>
      <c r="H12425" s="359" t="s">
        <v>14381</v>
      </c>
      <c r="I12425" s="359" t="s">
        <v>14429</v>
      </c>
      <c r="J12425" s="365"/>
      <c r="K12425" s="365"/>
      <c r="L12425" s="365"/>
    </row>
    <row r="12426" spans="2:12">
      <c r="B12426" s="367"/>
      <c r="C12426" s="367"/>
      <c r="D12426" s="367"/>
      <c r="E12426" s="367"/>
      <c r="F12426" s="360"/>
      <c r="G12426" s="360"/>
      <c r="H12426" s="360"/>
      <c r="I12426" s="360"/>
      <c r="J12426" s="365"/>
      <c r="K12426" s="365"/>
      <c r="L12426" s="365"/>
    </row>
    <row r="12427" spans="2:12" ht="28.5">
      <c r="B12427" s="367"/>
      <c r="C12427" s="367"/>
      <c r="D12427" s="367"/>
      <c r="E12427" s="367"/>
      <c r="F12427" s="359" t="s">
        <v>14430</v>
      </c>
      <c r="G12427" s="359" t="s">
        <v>28649</v>
      </c>
      <c r="H12427" s="359" t="s">
        <v>14341</v>
      </c>
      <c r="I12427" s="359" t="s">
        <v>28649</v>
      </c>
      <c r="J12427" s="365"/>
      <c r="K12427" s="365"/>
      <c r="L12427" s="365"/>
    </row>
    <row r="12428" spans="2:12">
      <c r="B12428" s="367"/>
      <c r="C12428" s="367"/>
      <c r="D12428" s="367"/>
      <c r="E12428" s="367"/>
      <c r="F12428" s="360"/>
      <c r="G12428" s="360"/>
      <c r="H12428" s="360"/>
      <c r="I12428" s="360"/>
      <c r="J12428" s="365"/>
      <c r="K12428" s="365"/>
      <c r="L12428" s="365"/>
    </row>
    <row r="12429" spans="2:12">
      <c r="B12429" s="368"/>
      <c r="C12429" s="368"/>
      <c r="D12429" s="368"/>
      <c r="E12429" s="368"/>
      <c r="F12429" s="361" t="s">
        <v>14391</v>
      </c>
      <c r="G12429" s="361" t="s">
        <v>14392</v>
      </c>
      <c r="H12429" s="361" t="s">
        <v>14332</v>
      </c>
      <c r="I12429" s="361" t="s">
        <v>14392</v>
      </c>
      <c r="J12429" s="366"/>
      <c r="K12429" s="366"/>
      <c r="L12429" s="366"/>
    </row>
    <row r="12430" spans="2:12" ht="42.75">
      <c r="B12430" s="358" t="s">
        <v>20844</v>
      </c>
      <c r="C12430" s="358" t="s">
        <v>30240</v>
      </c>
      <c r="D12430" s="358" t="s">
        <v>20845</v>
      </c>
      <c r="E12430" s="358" t="s">
        <v>8356</v>
      </c>
      <c r="F12430" s="358" t="s">
        <v>28964</v>
      </c>
      <c r="G12430" s="358" t="s">
        <v>14429</v>
      </c>
      <c r="H12430" s="358" t="s">
        <v>14381</v>
      </c>
      <c r="I12430" s="358" t="s">
        <v>14429</v>
      </c>
      <c r="J12430" s="358"/>
      <c r="K12430" s="358"/>
      <c r="L12430" s="358"/>
    </row>
    <row r="12431" spans="2:12">
      <c r="B12431" s="367"/>
      <c r="C12431" s="367"/>
      <c r="D12431" s="367"/>
      <c r="E12431" s="367"/>
      <c r="F12431" s="360"/>
      <c r="G12431" s="360"/>
      <c r="H12431" s="360"/>
      <c r="I12431" s="360"/>
      <c r="J12431" s="365"/>
      <c r="K12431" s="365"/>
      <c r="L12431" s="365"/>
    </row>
    <row r="12432" spans="2:12" ht="28.5">
      <c r="B12432" s="367"/>
      <c r="C12432" s="367"/>
      <c r="D12432" s="367"/>
      <c r="E12432" s="367"/>
      <c r="F12432" s="359" t="s">
        <v>29063</v>
      </c>
      <c r="G12432" s="359" t="s">
        <v>28647</v>
      </c>
      <c r="H12432" s="359" t="s">
        <v>14341</v>
      </c>
      <c r="I12432" s="359" t="s">
        <v>28647</v>
      </c>
      <c r="J12432" s="365"/>
      <c r="K12432" s="365"/>
      <c r="L12432" s="365"/>
    </row>
    <row r="12433" spans="2:12">
      <c r="B12433" s="367"/>
      <c r="C12433" s="367"/>
      <c r="D12433" s="367"/>
      <c r="E12433" s="367"/>
      <c r="F12433" s="360"/>
      <c r="G12433" s="360"/>
      <c r="H12433" s="360"/>
      <c r="I12433" s="360"/>
      <c r="J12433" s="365"/>
      <c r="K12433" s="365"/>
      <c r="L12433" s="365"/>
    </row>
    <row r="12434" spans="2:12" ht="28.5">
      <c r="B12434" s="367"/>
      <c r="C12434" s="367"/>
      <c r="D12434" s="367"/>
      <c r="E12434" s="367"/>
      <c r="F12434" s="359" t="s">
        <v>14374</v>
      </c>
      <c r="G12434" s="359" t="s">
        <v>14372</v>
      </c>
      <c r="H12434" s="359" t="s">
        <v>14367</v>
      </c>
      <c r="I12434" s="359" t="s">
        <v>14373</v>
      </c>
      <c r="J12434" s="365"/>
      <c r="K12434" s="365"/>
      <c r="L12434" s="365"/>
    </row>
    <row r="12435" spans="2:12">
      <c r="B12435" s="367"/>
      <c r="C12435" s="367"/>
      <c r="D12435" s="367"/>
      <c r="E12435" s="367"/>
      <c r="F12435" s="360"/>
      <c r="G12435" s="360"/>
      <c r="H12435" s="360"/>
      <c r="I12435" s="360"/>
      <c r="J12435" s="365"/>
      <c r="K12435" s="365"/>
      <c r="L12435" s="365"/>
    </row>
    <row r="12436" spans="2:12">
      <c r="B12436" s="367"/>
      <c r="C12436" s="367"/>
      <c r="D12436" s="367"/>
      <c r="E12436" s="367"/>
      <c r="F12436" s="360"/>
      <c r="G12436" s="359" t="s">
        <v>14373</v>
      </c>
      <c r="H12436" s="359" t="s">
        <v>14370</v>
      </c>
      <c r="I12436" s="360"/>
      <c r="J12436" s="365"/>
      <c r="K12436" s="365"/>
      <c r="L12436" s="365"/>
    </row>
    <row r="12437" spans="2:12">
      <c r="B12437" s="367"/>
      <c r="C12437" s="367"/>
      <c r="D12437" s="367"/>
      <c r="E12437" s="367"/>
      <c r="F12437" s="360"/>
      <c r="G12437" s="360"/>
      <c r="H12437" s="360"/>
      <c r="I12437" s="360"/>
      <c r="J12437" s="365"/>
      <c r="K12437" s="365"/>
      <c r="L12437" s="365"/>
    </row>
    <row r="12438" spans="2:12">
      <c r="B12438" s="368"/>
      <c r="C12438" s="368"/>
      <c r="D12438" s="368"/>
      <c r="E12438" s="368"/>
      <c r="F12438" s="362"/>
      <c r="G12438" s="362"/>
      <c r="H12438" s="361" t="s">
        <v>14332</v>
      </c>
      <c r="I12438" s="362"/>
      <c r="J12438" s="366"/>
      <c r="K12438" s="366"/>
      <c r="L12438" s="366"/>
    </row>
    <row r="12439" spans="2:12" ht="28.5">
      <c r="B12439" s="358" t="s">
        <v>20846</v>
      </c>
      <c r="C12439" s="358" t="s">
        <v>20847</v>
      </c>
      <c r="D12439" s="358" t="s">
        <v>20848</v>
      </c>
      <c r="E12439" s="358" t="s">
        <v>20849</v>
      </c>
      <c r="F12439" s="358" t="s">
        <v>14391</v>
      </c>
      <c r="G12439" s="358" t="s">
        <v>14392</v>
      </c>
      <c r="H12439" s="358" t="s">
        <v>14367</v>
      </c>
      <c r="I12439" s="358" t="s">
        <v>14392</v>
      </c>
      <c r="J12439" s="358"/>
      <c r="K12439" s="358"/>
      <c r="L12439" s="358"/>
    </row>
    <row r="12440" spans="2:12">
      <c r="B12440" s="367"/>
      <c r="C12440" s="367"/>
      <c r="D12440" s="367"/>
      <c r="E12440" s="367"/>
      <c r="F12440" s="360"/>
      <c r="G12440" s="360"/>
      <c r="H12440" s="360"/>
      <c r="I12440" s="360"/>
      <c r="J12440" s="365"/>
      <c r="K12440" s="365"/>
      <c r="L12440" s="365"/>
    </row>
    <row r="12441" spans="2:12" ht="28.5">
      <c r="B12441" s="368"/>
      <c r="C12441" s="368"/>
      <c r="D12441" s="368"/>
      <c r="E12441" s="368"/>
      <c r="F12441" s="361" t="s">
        <v>14472</v>
      </c>
      <c r="G12441" s="361" t="s">
        <v>14473</v>
      </c>
      <c r="H12441" s="361" t="s">
        <v>14422</v>
      </c>
      <c r="I12441" s="361" t="s">
        <v>14473</v>
      </c>
      <c r="J12441" s="366"/>
      <c r="K12441" s="366"/>
      <c r="L12441" s="366"/>
    </row>
    <row r="12442" spans="2:12" ht="28.5">
      <c r="B12442" s="358" t="s">
        <v>20850</v>
      </c>
      <c r="C12442" s="358" t="s">
        <v>27656</v>
      </c>
      <c r="D12442" s="358" t="s">
        <v>20851</v>
      </c>
      <c r="E12442" s="358" t="s">
        <v>20852</v>
      </c>
      <c r="F12442" s="358" t="s">
        <v>29049</v>
      </c>
      <c r="G12442" s="358" t="s">
        <v>14429</v>
      </c>
      <c r="H12442" s="358" t="s">
        <v>14367</v>
      </c>
      <c r="I12442" s="358" t="s">
        <v>14429</v>
      </c>
      <c r="J12442" s="358"/>
      <c r="K12442" s="358"/>
      <c r="L12442" s="358"/>
    </row>
    <row r="12443" spans="2:12">
      <c r="B12443" s="367"/>
      <c r="C12443" s="367"/>
      <c r="D12443" s="367"/>
      <c r="E12443" s="367"/>
      <c r="F12443" s="360"/>
      <c r="G12443" s="360"/>
      <c r="H12443" s="360"/>
      <c r="I12443" s="360"/>
      <c r="J12443" s="365"/>
      <c r="K12443" s="365"/>
      <c r="L12443" s="365"/>
    </row>
    <row r="12444" spans="2:12" ht="28.5">
      <c r="B12444" s="367"/>
      <c r="C12444" s="367"/>
      <c r="D12444" s="367"/>
      <c r="E12444" s="367"/>
      <c r="F12444" s="359" t="s">
        <v>14374</v>
      </c>
      <c r="G12444" s="359" t="s">
        <v>14372</v>
      </c>
      <c r="H12444" s="359" t="s">
        <v>14370</v>
      </c>
      <c r="I12444" s="359" t="s">
        <v>14373</v>
      </c>
      <c r="J12444" s="365"/>
      <c r="K12444" s="365"/>
      <c r="L12444" s="365"/>
    </row>
    <row r="12445" spans="2:12">
      <c r="B12445" s="367"/>
      <c r="C12445" s="367"/>
      <c r="D12445" s="367"/>
      <c r="E12445" s="367"/>
      <c r="F12445" s="360"/>
      <c r="G12445" s="360"/>
      <c r="H12445" s="360"/>
      <c r="I12445" s="360"/>
      <c r="J12445" s="365"/>
      <c r="K12445" s="365"/>
      <c r="L12445" s="365"/>
    </row>
    <row r="12446" spans="2:12">
      <c r="B12446" s="368"/>
      <c r="C12446" s="368"/>
      <c r="D12446" s="368"/>
      <c r="E12446" s="368"/>
      <c r="F12446" s="362"/>
      <c r="G12446" s="361" t="s">
        <v>14373</v>
      </c>
      <c r="H12446" s="361" t="s">
        <v>14422</v>
      </c>
      <c r="I12446" s="362"/>
      <c r="J12446" s="366"/>
      <c r="K12446" s="366"/>
      <c r="L12446" s="366"/>
    </row>
    <row r="12447" spans="2:12" ht="28.5">
      <c r="B12447" s="358" t="s">
        <v>20853</v>
      </c>
      <c r="C12447" s="358" t="s">
        <v>27657</v>
      </c>
      <c r="D12447" s="358" t="s">
        <v>20854</v>
      </c>
      <c r="E12447" s="358" t="s">
        <v>20855</v>
      </c>
      <c r="F12447" s="358" t="s">
        <v>14389</v>
      </c>
      <c r="G12447" s="358" t="s">
        <v>14390</v>
      </c>
      <c r="H12447" s="358" t="s">
        <v>14367</v>
      </c>
      <c r="I12447" s="358" t="s">
        <v>14390</v>
      </c>
      <c r="J12447" s="358"/>
      <c r="K12447" s="358"/>
      <c r="L12447" s="358"/>
    </row>
    <row r="12448" spans="2:12">
      <c r="B12448" s="367"/>
      <c r="C12448" s="367"/>
      <c r="D12448" s="367"/>
      <c r="E12448" s="367"/>
      <c r="F12448" s="360"/>
      <c r="G12448" s="360"/>
      <c r="H12448" s="360"/>
      <c r="I12448" s="360"/>
      <c r="J12448" s="365"/>
      <c r="K12448" s="365"/>
      <c r="L12448" s="365"/>
    </row>
    <row r="12449" spans="2:12">
      <c r="B12449" s="367"/>
      <c r="C12449" s="367"/>
      <c r="D12449" s="367"/>
      <c r="E12449" s="367"/>
      <c r="F12449" s="359" t="s">
        <v>14391</v>
      </c>
      <c r="G12449" s="359" t="s">
        <v>14392</v>
      </c>
      <c r="H12449" s="359" t="s">
        <v>14370</v>
      </c>
      <c r="I12449" s="359" t="s">
        <v>14392</v>
      </c>
      <c r="J12449" s="365"/>
      <c r="K12449" s="365"/>
      <c r="L12449" s="365"/>
    </row>
    <row r="12450" spans="2:12">
      <c r="B12450" s="367"/>
      <c r="C12450" s="367"/>
      <c r="D12450" s="367"/>
      <c r="E12450" s="367"/>
      <c r="F12450" s="360"/>
      <c r="G12450" s="360"/>
      <c r="H12450" s="360"/>
      <c r="I12450" s="360"/>
      <c r="J12450" s="365"/>
      <c r="K12450" s="365"/>
      <c r="L12450" s="365"/>
    </row>
    <row r="12451" spans="2:12" ht="28.5">
      <c r="B12451" s="368"/>
      <c r="C12451" s="368"/>
      <c r="D12451" s="368"/>
      <c r="E12451" s="368"/>
      <c r="F12451" s="361" t="s">
        <v>14394</v>
      </c>
      <c r="G12451" s="361" t="s">
        <v>14395</v>
      </c>
      <c r="H12451" s="361" t="s">
        <v>14422</v>
      </c>
      <c r="I12451" s="361" t="s">
        <v>14395</v>
      </c>
      <c r="J12451" s="366"/>
      <c r="K12451" s="366"/>
      <c r="L12451" s="366"/>
    </row>
    <row r="12452" spans="2:12" ht="28.5">
      <c r="B12452" s="358" t="s">
        <v>20856</v>
      </c>
      <c r="C12452" s="358" t="s">
        <v>27658</v>
      </c>
      <c r="D12452" s="358" t="s">
        <v>20857</v>
      </c>
      <c r="E12452" s="358" t="s">
        <v>20858</v>
      </c>
      <c r="F12452" s="358" t="s">
        <v>14418</v>
      </c>
      <c r="G12452" s="358" t="s">
        <v>14419</v>
      </c>
      <c r="H12452" s="358" t="s">
        <v>14328</v>
      </c>
      <c r="I12452" s="358" t="s">
        <v>14419</v>
      </c>
      <c r="J12452" s="358"/>
      <c r="K12452" s="358"/>
      <c r="L12452" s="358"/>
    </row>
    <row r="12453" spans="2:12">
      <c r="B12453" s="367"/>
      <c r="C12453" s="367"/>
      <c r="D12453" s="367"/>
      <c r="E12453" s="367"/>
      <c r="F12453" s="360"/>
      <c r="G12453" s="360"/>
      <c r="H12453" s="360"/>
      <c r="I12453" s="360"/>
      <c r="J12453" s="365"/>
      <c r="K12453" s="365"/>
      <c r="L12453" s="365"/>
    </row>
    <row r="12454" spans="2:12">
      <c r="B12454" s="367"/>
      <c r="C12454" s="367"/>
      <c r="D12454" s="367"/>
      <c r="E12454" s="367"/>
      <c r="F12454" s="359" t="s">
        <v>14420</v>
      </c>
      <c r="G12454" s="359" t="s">
        <v>14429</v>
      </c>
      <c r="H12454" s="359" t="s">
        <v>14341</v>
      </c>
      <c r="I12454" s="359" t="s">
        <v>14429</v>
      </c>
      <c r="J12454" s="365"/>
      <c r="K12454" s="365"/>
      <c r="L12454" s="365"/>
    </row>
    <row r="12455" spans="2:12">
      <c r="B12455" s="367"/>
      <c r="C12455" s="367"/>
      <c r="D12455" s="367"/>
      <c r="E12455" s="367"/>
      <c r="F12455" s="360"/>
      <c r="G12455" s="360"/>
      <c r="H12455" s="360"/>
      <c r="I12455" s="360"/>
      <c r="J12455" s="365"/>
      <c r="K12455" s="365"/>
      <c r="L12455" s="365"/>
    </row>
    <row r="12456" spans="2:12">
      <c r="B12456" s="367"/>
      <c r="C12456" s="367"/>
      <c r="D12456" s="367"/>
      <c r="E12456" s="367"/>
      <c r="F12456" s="359" t="s">
        <v>14389</v>
      </c>
      <c r="G12456" s="359" t="s">
        <v>14390</v>
      </c>
      <c r="H12456" s="359" t="s">
        <v>14367</v>
      </c>
      <c r="I12456" s="359" t="s">
        <v>14390</v>
      </c>
      <c r="J12456" s="365"/>
      <c r="K12456" s="365"/>
      <c r="L12456" s="365"/>
    </row>
    <row r="12457" spans="2:12">
      <c r="B12457" s="367"/>
      <c r="C12457" s="367"/>
      <c r="D12457" s="367"/>
      <c r="E12457" s="367"/>
      <c r="F12457" s="360"/>
      <c r="G12457" s="360"/>
      <c r="H12457" s="360"/>
      <c r="I12457" s="360"/>
      <c r="J12457" s="365"/>
      <c r="K12457" s="365"/>
      <c r="L12457" s="365"/>
    </row>
    <row r="12458" spans="2:12">
      <c r="B12458" s="367"/>
      <c r="C12458" s="367"/>
      <c r="D12458" s="367"/>
      <c r="E12458" s="367"/>
      <c r="F12458" s="359" t="s">
        <v>14430</v>
      </c>
      <c r="G12458" s="359" t="s">
        <v>14431</v>
      </c>
      <c r="H12458" s="359" t="s">
        <v>14370</v>
      </c>
      <c r="I12458" s="359" t="s">
        <v>14431</v>
      </c>
      <c r="J12458" s="365"/>
      <c r="K12458" s="365"/>
      <c r="L12458" s="365"/>
    </row>
    <row r="12459" spans="2:12">
      <c r="B12459" s="367"/>
      <c r="C12459" s="367"/>
      <c r="D12459" s="367"/>
      <c r="E12459" s="367"/>
      <c r="F12459" s="360"/>
      <c r="G12459" s="360"/>
      <c r="H12459" s="360"/>
      <c r="I12459" s="360"/>
      <c r="J12459" s="365"/>
      <c r="K12459" s="365"/>
      <c r="L12459" s="365"/>
    </row>
    <row r="12460" spans="2:12" ht="28.5">
      <c r="B12460" s="368"/>
      <c r="C12460" s="368"/>
      <c r="D12460" s="368"/>
      <c r="E12460" s="368"/>
      <c r="F12460" s="361" t="s">
        <v>14394</v>
      </c>
      <c r="G12460" s="361" t="s">
        <v>14395</v>
      </c>
      <c r="H12460" s="361" t="s">
        <v>14332</v>
      </c>
      <c r="I12460" s="361" t="s">
        <v>14395</v>
      </c>
      <c r="J12460" s="366"/>
      <c r="K12460" s="366"/>
      <c r="L12460" s="366"/>
    </row>
    <row r="12461" spans="2:12">
      <c r="B12461" s="358" t="s">
        <v>20859</v>
      </c>
      <c r="C12461" s="358" t="s">
        <v>20860</v>
      </c>
      <c r="D12461" s="358" t="s">
        <v>20861</v>
      </c>
      <c r="E12461" s="358" t="s">
        <v>20862</v>
      </c>
      <c r="F12461" s="358" t="s">
        <v>14386</v>
      </c>
      <c r="G12461" s="358" t="s">
        <v>14387</v>
      </c>
      <c r="H12461" s="358" t="s">
        <v>14367</v>
      </c>
      <c r="I12461" s="358" t="s">
        <v>14387</v>
      </c>
      <c r="J12461" s="358"/>
      <c r="K12461" s="358"/>
      <c r="L12461" s="358"/>
    </row>
    <row r="12462" spans="2:12">
      <c r="B12462" s="367"/>
      <c r="C12462" s="367"/>
      <c r="D12462" s="367"/>
      <c r="E12462" s="367"/>
      <c r="F12462" s="360"/>
      <c r="G12462" s="360"/>
      <c r="H12462" s="360"/>
      <c r="I12462" s="360"/>
      <c r="J12462" s="365"/>
      <c r="K12462" s="365"/>
      <c r="L12462" s="365"/>
    </row>
    <row r="12463" spans="2:12">
      <c r="B12463" s="368"/>
      <c r="C12463" s="368"/>
      <c r="D12463" s="368"/>
      <c r="E12463" s="368"/>
      <c r="F12463" s="361" t="s">
        <v>14389</v>
      </c>
      <c r="G12463" s="361" t="s">
        <v>14390</v>
      </c>
      <c r="H12463" s="361" t="s">
        <v>14422</v>
      </c>
      <c r="I12463" s="361" t="s">
        <v>14390</v>
      </c>
      <c r="J12463" s="366"/>
      <c r="K12463" s="366"/>
      <c r="L12463" s="366"/>
    </row>
    <row r="12464" spans="2:12">
      <c r="B12464" s="358" t="s">
        <v>20863</v>
      </c>
      <c r="C12464" s="358" t="s">
        <v>20864</v>
      </c>
      <c r="D12464" s="358" t="s">
        <v>20865</v>
      </c>
      <c r="E12464" s="358" t="s">
        <v>20866</v>
      </c>
      <c r="F12464" s="358" t="s">
        <v>14420</v>
      </c>
      <c r="G12464" s="358" t="s">
        <v>14429</v>
      </c>
      <c r="H12464" s="358" t="s">
        <v>14341</v>
      </c>
      <c r="I12464" s="358" t="s">
        <v>14429</v>
      </c>
      <c r="J12464" s="358"/>
      <c r="K12464" s="358"/>
      <c r="L12464" s="358"/>
    </row>
    <row r="12465" spans="2:12">
      <c r="B12465" s="367"/>
      <c r="C12465" s="367"/>
      <c r="D12465" s="367"/>
      <c r="E12465" s="367"/>
      <c r="F12465" s="360"/>
      <c r="G12465" s="360"/>
      <c r="H12465" s="360"/>
      <c r="I12465" s="360"/>
      <c r="J12465" s="365"/>
      <c r="K12465" s="365"/>
      <c r="L12465" s="365"/>
    </row>
    <row r="12466" spans="2:12">
      <c r="B12466" s="367"/>
      <c r="C12466" s="367"/>
      <c r="D12466" s="367"/>
      <c r="E12466" s="367"/>
      <c r="F12466" s="359" t="s">
        <v>14356</v>
      </c>
      <c r="G12466" s="359" t="s">
        <v>14340</v>
      </c>
      <c r="H12466" s="359" t="s">
        <v>14367</v>
      </c>
      <c r="I12466" s="359" t="s">
        <v>14340</v>
      </c>
      <c r="J12466" s="365"/>
      <c r="K12466" s="365"/>
      <c r="L12466" s="365"/>
    </row>
    <row r="12467" spans="2:12">
      <c r="B12467" s="367"/>
      <c r="C12467" s="367"/>
      <c r="D12467" s="367"/>
      <c r="E12467" s="367"/>
      <c r="F12467" s="360"/>
      <c r="G12467" s="360"/>
      <c r="H12467" s="360"/>
      <c r="I12467" s="360"/>
      <c r="J12467" s="365"/>
      <c r="K12467" s="365"/>
      <c r="L12467" s="365"/>
    </row>
    <row r="12468" spans="2:12">
      <c r="B12468" s="368"/>
      <c r="C12468" s="368"/>
      <c r="D12468" s="368"/>
      <c r="E12468" s="368"/>
      <c r="F12468" s="361" t="s">
        <v>14391</v>
      </c>
      <c r="G12468" s="361" t="s">
        <v>14392</v>
      </c>
      <c r="H12468" s="361" t="s">
        <v>14332</v>
      </c>
      <c r="I12468" s="361" t="s">
        <v>14392</v>
      </c>
      <c r="J12468" s="366"/>
      <c r="K12468" s="366"/>
      <c r="L12468" s="366"/>
    </row>
    <row r="12469" spans="2:12" ht="28.5">
      <c r="B12469" s="358" t="s">
        <v>20867</v>
      </c>
      <c r="C12469" s="358" t="s">
        <v>20868</v>
      </c>
      <c r="D12469" s="358" t="s">
        <v>20869</v>
      </c>
      <c r="E12469" s="358" t="s">
        <v>8356</v>
      </c>
      <c r="F12469" s="358" t="s">
        <v>14394</v>
      </c>
      <c r="G12469" s="358" t="s">
        <v>14395</v>
      </c>
      <c r="H12469" s="358" t="s">
        <v>14370</v>
      </c>
      <c r="I12469" s="358" t="s">
        <v>14395</v>
      </c>
      <c r="J12469" s="358"/>
      <c r="K12469" s="358"/>
      <c r="L12469" s="358"/>
    </row>
    <row r="12470" spans="2:12">
      <c r="B12470" s="368"/>
      <c r="C12470" s="368"/>
      <c r="D12470" s="368"/>
      <c r="E12470" s="368"/>
      <c r="F12470" s="368"/>
      <c r="G12470" s="368"/>
      <c r="H12470" s="368"/>
      <c r="I12470" s="368"/>
      <c r="J12470" s="366"/>
      <c r="K12470" s="366"/>
      <c r="L12470" s="366"/>
    </row>
    <row r="12471" spans="2:12">
      <c r="B12471" s="358" t="s">
        <v>20870</v>
      </c>
      <c r="C12471" s="358" t="s">
        <v>27659</v>
      </c>
      <c r="D12471" s="358" t="s">
        <v>20871</v>
      </c>
      <c r="E12471" s="358" t="s">
        <v>20872</v>
      </c>
      <c r="F12471" s="358" t="s">
        <v>14430</v>
      </c>
      <c r="G12471" s="358" t="s">
        <v>14431</v>
      </c>
      <c r="H12471" s="358" t="s">
        <v>14341</v>
      </c>
      <c r="I12471" s="358" t="s">
        <v>14431</v>
      </c>
      <c r="J12471" s="358"/>
      <c r="K12471" s="358"/>
      <c r="L12471" s="358"/>
    </row>
    <row r="12472" spans="2:12">
      <c r="B12472" s="367"/>
      <c r="C12472" s="367"/>
      <c r="D12472" s="367"/>
      <c r="E12472" s="367"/>
      <c r="F12472" s="360"/>
      <c r="G12472" s="360"/>
      <c r="H12472" s="360"/>
      <c r="I12472" s="360"/>
      <c r="J12472" s="365"/>
      <c r="K12472" s="365"/>
      <c r="L12472" s="365"/>
    </row>
    <row r="12473" spans="2:12">
      <c r="B12473" s="367"/>
      <c r="C12473" s="367"/>
      <c r="D12473" s="367"/>
      <c r="E12473" s="367"/>
      <c r="F12473" s="359" t="s">
        <v>14371</v>
      </c>
      <c r="G12473" s="359" t="s">
        <v>14372</v>
      </c>
      <c r="H12473" s="359" t="s">
        <v>14370</v>
      </c>
      <c r="I12473" s="359" t="s">
        <v>14373</v>
      </c>
      <c r="J12473" s="365"/>
      <c r="K12473" s="365"/>
      <c r="L12473" s="365"/>
    </row>
    <row r="12474" spans="2:12">
      <c r="B12474" s="367"/>
      <c r="C12474" s="367"/>
      <c r="D12474" s="367"/>
      <c r="E12474" s="367"/>
      <c r="F12474" s="360"/>
      <c r="G12474" s="360"/>
      <c r="H12474" s="360"/>
      <c r="I12474" s="360"/>
      <c r="J12474" s="365"/>
      <c r="K12474" s="365"/>
      <c r="L12474" s="365"/>
    </row>
    <row r="12475" spans="2:12" ht="28.5">
      <c r="B12475" s="368"/>
      <c r="C12475" s="368"/>
      <c r="D12475" s="368"/>
      <c r="E12475" s="368"/>
      <c r="F12475" s="361" t="s">
        <v>14374</v>
      </c>
      <c r="G12475" s="361" t="s">
        <v>14373</v>
      </c>
      <c r="H12475" s="361" t="s">
        <v>14332</v>
      </c>
      <c r="I12475" s="362"/>
      <c r="J12475" s="366"/>
      <c r="K12475" s="366"/>
      <c r="L12475" s="366"/>
    </row>
    <row r="12476" spans="2:12">
      <c r="B12476" s="358" t="s">
        <v>20873</v>
      </c>
      <c r="C12476" s="358" t="s">
        <v>20874</v>
      </c>
      <c r="D12476" s="358" t="s">
        <v>20875</v>
      </c>
      <c r="E12476" s="358" t="s">
        <v>20876</v>
      </c>
      <c r="F12476" s="358" t="s">
        <v>14391</v>
      </c>
      <c r="G12476" s="358" t="s">
        <v>14392</v>
      </c>
      <c r="H12476" s="358" t="s">
        <v>14367</v>
      </c>
      <c r="I12476" s="358" t="s">
        <v>14392</v>
      </c>
      <c r="J12476" s="358"/>
      <c r="K12476" s="358"/>
      <c r="L12476" s="358"/>
    </row>
    <row r="12477" spans="2:12">
      <c r="B12477" s="367"/>
      <c r="C12477" s="367"/>
      <c r="D12477" s="367"/>
      <c r="E12477" s="367"/>
      <c r="F12477" s="360"/>
      <c r="G12477" s="360"/>
      <c r="H12477" s="360"/>
      <c r="I12477" s="360"/>
      <c r="J12477" s="365"/>
      <c r="K12477" s="365"/>
      <c r="L12477" s="365"/>
    </row>
    <row r="12478" spans="2:12" ht="28.5">
      <c r="B12478" s="367"/>
      <c r="C12478" s="367"/>
      <c r="D12478" s="367"/>
      <c r="E12478" s="367"/>
      <c r="F12478" s="359" t="s">
        <v>14394</v>
      </c>
      <c r="G12478" s="359" t="s">
        <v>14395</v>
      </c>
      <c r="H12478" s="359" t="s">
        <v>14370</v>
      </c>
      <c r="I12478" s="359" t="s">
        <v>14395</v>
      </c>
      <c r="J12478" s="365"/>
      <c r="K12478" s="365"/>
      <c r="L12478" s="365"/>
    </row>
    <row r="12479" spans="2:12">
      <c r="B12479" s="367"/>
      <c r="C12479" s="367"/>
      <c r="D12479" s="367"/>
      <c r="E12479" s="367"/>
      <c r="F12479" s="360"/>
      <c r="G12479" s="360"/>
      <c r="H12479" s="360"/>
      <c r="I12479" s="360"/>
      <c r="J12479" s="365"/>
      <c r="K12479" s="365"/>
      <c r="L12479" s="365"/>
    </row>
    <row r="12480" spans="2:12">
      <c r="B12480" s="368"/>
      <c r="C12480" s="368"/>
      <c r="D12480" s="368"/>
      <c r="E12480" s="368"/>
      <c r="F12480" s="362"/>
      <c r="G12480" s="362"/>
      <c r="H12480" s="361" t="s">
        <v>14422</v>
      </c>
      <c r="I12480" s="362"/>
      <c r="J12480" s="366"/>
      <c r="K12480" s="366"/>
      <c r="L12480" s="366"/>
    </row>
    <row r="12481" spans="2:12" ht="28.5">
      <c r="B12481" s="358" t="s">
        <v>20877</v>
      </c>
      <c r="C12481" s="358" t="s">
        <v>27660</v>
      </c>
      <c r="D12481" s="358" t="s">
        <v>20878</v>
      </c>
      <c r="E12481" s="358" t="s">
        <v>8356</v>
      </c>
      <c r="F12481" s="358" t="s">
        <v>14462</v>
      </c>
      <c r="G12481" s="358" t="s">
        <v>14463</v>
      </c>
      <c r="H12481" s="358" t="s">
        <v>8356</v>
      </c>
      <c r="I12481" s="358" t="s">
        <v>14463</v>
      </c>
      <c r="J12481" s="358"/>
      <c r="K12481" s="358"/>
      <c r="L12481" s="358"/>
    </row>
    <row r="12482" spans="2:12">
      <c r="B12482" s="368"/>
      <c r="C12482" s="368"/>
      <c r="D12482" s="368"/>
      <c r="E12482" s="368"/>
      <c r="F12482" s="368"/>
      <c r="G12482" s="368"/>
      <c r="H12482" s="368"/>
      <c r="I12482" s="368"/>
      <c r="J12482" s="366"/>
      <c r="K12482" s="366"/>
      <c r="L12482" s="366"/>
    </row>
    <row r="12483" spans="2:12" ht="85.5">
      <c r="B12483" s="358" t="s">
        <v>20879</v>
      </c>
      <c r="C12483" s="358" t="s">
        <v>30241</v>
      </c>
      <c r="D12483" s="358" t="s">
        <v>20880</v>
      </c>
      <c r="E12483" s="358" t="s">
        <v>8356</v>
      </c>
      <c r="F12483" s="358" t="s">
        <v>14460</v>
      </c>
      <c r="G12483" s="358" t="s">
        <v>14519</v>
      </c>
      <c r="H12483" s="358" t="s">
        <v>14381</v>
      </c>
      <c r="I12483" s="358" t="s">
        <v>14519</v>
      </c>
      <c r="J12483" s="358"/>
      <c r="K12483" s="358"/>
      <c r="L12483" s="358"/>
    </row>
    <row r="12484" spans="2:12">
      <c r="B12484" s="367"/>
      <c r="C12484" s="367"/>
      <c r="D12484" s="367"/>
      <c r="E12484" s="367"/>
      <c r="F12484" s="367"/>
      <c r="G12484" s="367"/>
      <c r="H12484" s="360"/>
      <c r="I12484" s="367"/>
      <c r="J12484" s="365"/>
      <c r="K12484" s="365"/>
      <c r="L12484" s="365"/>
    </row>
    <row r="12485" spans="2:12">
      <c r="B12485" s="368"/>
      <c r="C12485" s="368"/>
      <c r="D12485" s="368"/>
      <c r="E12485" s="368"/>
      <c r="F12485" s="368"/>
      <c r="G12485" s="368"/>
      <c r="H12485" s="361" t="s">
        <v>14422</v>
      </c>
      <c r="I12485" s="368"/>
      <c r="J12485" s="366"/>
      <c r="K12485" s="366"/>
      <c r="L12485" s="366"/>
    </row>
    <row r="12486" spans="2:12">
      <c r="B12486" s="358" t="s">
        <v>20881</v>
      </c>
      <c r="C12486" s="358" t="s">
        <v>27661</v>
      </c>
      <c r="D12486" s="358" t="s">
        <v>20882</v>
      </c>
      <c r="E12486" s="358" t="s">
        <v>20883</v>
      </c>
      <c r="F12486" s="358" t="s">
        <v>14420</v>
      </c>
      <c r="G12486" s="358" t="s">
        <v>14429</v>
      </c>
      <c r="H12486" s="358" t="s">
        <v>14341</v>
      </c>
      <c r="I12486" s="358" t="s">
        <v>14429</v>
      </c>
      <c r="J12486" s="358"/>
      <c r="K12486" s="358"/>
      <c r="L12486" s="358"/>
    </row>
    <row r="12487" spans="2:12">
      <c r="B12487" s="367"/>
      <c r="C12487" s="367"/>
      <c r="D12487" s="367"/>
      <c r="E12487" s="367"/>
      <c r="F12487" s="360"/>
      <c r="G12487" s="360"/>
      <c r="H12487" s="360"/>
      <c r="I12487" s="360"/>
      <c r="J12487" s="365"/>
      <c r="K12487" s="365"/>
      <c r="L12487" s="365"/>
    </row>
    <row r="12488" spans="2:12">
      <c r="B12488" s="367"/>
      <c r="C12488" s="367"/>
      <c r="D12488" s="367"/>
      <c r="E12488" s="367"/>
      <c r="F12488" s="359" t="s">
        <v>14389</v>
      </c>
      <c r="G12488" s="359" t="s">
        <v>14390</v>
      </c>
      <c r="H12488" s="359" t="s">
        <v>14367</v>
      </c>
      <c r="I12488" s="359" t="s">
        <v>14390</v>
      </c>
      <c r="J12488" s="365"/>
      <c r="K12488" s="365"/>
      <c r="L12488" s="365"/>
    </row>
    <row r="12489" spans="2:12">
      <c r="B12489" s="367"/>
      <c r="C12489" s="367"/>
      <c r="D12489" s="367"/>
      <c r="E12489" s="367"/>
      <c r="F12489" s="360"/>
      <c r="G12489" s="360"/>
      <c r="H12489" s="360"/>
      <c r="I12489" s="360"/>
      <c r="J12489" s="365"/>
      <c r="K12489" s="365"/>
      <c r="L12489" s="365"/>
    </row>
    <row r="12490" spans="2:12">
      <c r="B12490" s="367"/>
      <c r="C12490" s="367"/>
      <c r="D12490" s="367"/>
      <c r="E12490" s="367"/>
      <c r="F12490" s="359" t="s">
        <v>14430</v>
      </c>
      <c r="G12490" s="359" t="s">
        <v>14431</v>
      </c>
      <c r="H12490" s="359" t="s">
        <v>14332</v>
      </c>
      <c r="I12490" s="359" t="s">
        <v>14431</v>
      </c>
      <c r="J12490" s="365"/>
      <c r="K12490" s="365"/>
      <c r="L12490" s="365"/>
    </row>
    <row r="12491" spans="2:12">
      <c r="B12491" s="367"/>
      <c r="C12491" s="367"/>
      <c r="D12491" s="367"/>
      <c r="E12491" s="367"/>
      <c r="F12491" s="360"/>
      <c r="G12491" s="360"/>
      <c r="H12491" s="360"/>
      <c r="I12491" s="360"/>
      <c r="J12491" s="365"/>
      <c r="K12491" s="365"/>
      <c r="L12491" s="365"/>
    </row>
    <row r="12492" spans="2:12">
      <c r="B12492" s="368"/>
      <c r="C12492" s="368"/>
      <c r="D12492" s="368"/>
      <c r="E12492" s="368"/>
      <c r="F12492" s="361" t="s">
        <v>14391</v>
      </c>
      <c r="G12492" s="361" t="s">
        <v>14392</v>
      </c>
      <c r="H12492" s="362"/>
      <c r="I12492" s="361" t="s">
        <v>14392</v>
      </c>
      <c r="J12492" s="366"/>
      <c r="K12492" s="366"/>
      <c r="L12492" s="366"/>
    </row>
    <row r="12493" spans="2:12" ht="28.5">
      <c r="B12493" s="358" t="s">
        <v>20884</v>
      </c>
      <c r="C12493" s="358" t="s">
        <v>20885</v>
      </c>
      <c r="D12493" s="358" t="s">
        <v>20886</v>
      </c>
      <c r="E12493" s="358" t="s">
        <v>20887</v>
      </c>
      <c r="F12493" s="358" t="s">
        <v>14462</v>
      </c>
      <c r="G12493" s="358" t="s">
        <v>14463</v>
      </c>
      <c r="H12493" s="358" t="s">
        <v>8356</v>
      </c>
      <c r="I12493" s="358" t="s">
        <v>14463</v>
      </c>
      <c r="J12493" s="358"/>
      <c r="K12493" s="358"/>
      <c r="L12493" s="358"/>
    </row>
    <row r="12494" spans="2:12">
      <c r="B12494" s="368"/>
      <c r="C12494" s="368"/>
      <c r="D12494" s="368"/>
      <c r="E12494" s="368"/>
      <c r="F12494" s="368"/>
      <c r="G12494" s="368"/>
      <c r="H12494" s="368"/>
      <c r="I12494" s="368"/>
      <c r="J12494" s="366"/>
      <c r="K12494" s="366"/>
      <c r="L12494" s="366"/>
    </row>
    <row r="12495" spans="2:12">
      <c r="B12495" s="358" t="s">
        <v>20888</v>
      </c>
      <c r="C12495" s="358" t="s">
        <v>27662</v>
      </c>
      <c r="D12495" s="358" t="s">
        <v>20889</v>
      </c>
      <c r="E12495" s="358" t="s">
        <v>20890</v>
      </c>
      <c r="F12495" s="358" t="s">
        <v>14420</v>
      </c>
      <c r="G12495" s="358" t="s">
        <v>14429</v>
      </c>
      <c r="H12495" s="358" t="s">
        <v>14341</v>
      </c>
      <c r="I12495" s="358" t="s">
        <v>14429</v>
      </c>
      <c r="J12495" s="358"/>
      <c r="K12495" s="358"/>
      <c r="L12495" s="358"/>
    </row>
    <row r="12496" spans="2:12">
      <c r="B12496" s="367"/>
      <c r="C12496" s="367"/>
      <c r="D12496" s="367"/>
      <c r="E12496" s="367"/>
      <c r="F12496" s="360"/>
      <c r="G12496" s="360"/>
      <c r="H12496" s="360"/>
      <c r="I12496" s="360"/>
      <c r="J12496" s="365"/>
      <c r="K12496" s="365"/>
      <c r="L12496" s="365"/>
    </row>
    <row r="12497" spans="2:12">
      <c r="B12497" s="367"/>
      <c r="C12497" s="367"/>
      <c r="D12497" s="367"/>
      <c r="E12497" s="367"/>
      <c r="F12497" s="359" t="s">
        <v>14389</v>
      </c>
      <c r="G12497" s="359" t="s">
        <v>14390</v>
      </c>
      <c r="H12497" s="359" t="s">
        <v>14367</v>
      </c>
      <c r="I12497" s="359" t="s">
        <v>14390</v>
      </c>
      <c r="J12497" s="365"/>
      <c r="K12497" s="365"/>
      <c r="L12497" s="365"/>
    </row>
    <row r="12498" spans="2:12">
      <c r="B12498" s="367"/>
      <c r="C12498" s="367"/>
      <c r="D12498" s="367"/>
      <c r="E12498" s="367"/>
      <c r="F12498" s="360"/>
      <c r="G12498" s="360"/>
      <c r="H12498" s="360"/>
      <c r="I12498" s="360"/>
      <c r="J12498" s="365"/>
      <c r="K12498" s="365"/>
      <c r="L12498" s="365"/>
    </row>
    <row r="12499" spans="2:12">
      <c r="B12499" s="367"/>
      <c r="C12499" s="367"/>
      <c r="D12499" s="367"/>
      <c r="E12499" s="367"/>
      <c r="F12499" s="359" t="s">
        <v>14430</v>
      </c>
      <c r="G12499" s="359" t="s">
        <v>14431</v>
      </c>
      <c r="H12499" s="359" t="s">
        <v>14332</v>
      </c>
      <c r="I12499" s="359" t="s">
        <v>14431</v>
      </c>
      <c r="J12499" s="365"/>
      <c r="K12499" s="365"/>
      <c r="L12499" s="365"/>
    </row>
    <row r="12500" spans="2:12">
      <c r="B12500" s="367"/>
      <c r="C12500" s="367"/>
      <c r="D12500" s="367"/>
      <c r="E12500" s="367"/>
      <c r="F12500" s="360"/>
      <c r="G12500" s="360"/>
      <c r="H12500" s="360"/>
      <c r="I12500" s="360"/>
      <c r="J12500" s="365"/>
      <c r="K12500" s="365"/>
      <c r="L12500" s="365"/>
    </row>
    <row r="12501" spans="2:12">
      <c r="B12501" s="368"/>
      <c r="C12501" s="368"/>
      <c r="D12501" s="368"/>
      <c r="E12501" s="368"/>
      <c r="F12501" s="361" t="s">
        <v>14391</v>
      </c>
      <c r="G12501" s="361" t="s">
        <v>14392</v>
      </c>
      <c r="H12501" s="362"/>
      <c r="I12501" s="361" t="s">
        <v>14392</v>
      </c>
      <c r="J12501" s="366"/>
      <c r="K12501" s="366"/>
      <c r="L12501" s="366"/>
    </row>
    <row r="12502" spans="2:12" ht="28.5">
      <c r="B12502" s="358" t="s">
        <v>20891</v>
      </c>
      <c r="C12502" s="358" t="s">
        <v>27663</v>
      </c>
      <c r="D12502" s="358" t="s">
        <v>20892</v>
      </c>
      <c r="E12502" s="358" t="s">
        <v>8356</v>
      </c>
      <c r="F12502" s="358" t="s">
        <v>14420</v>
      </c>
      <c r="G12502" s="358" t="s">
        <v>14429</v>
      </c>
      <c r="H12502" s="358" t="s">
        <v>14341</v>
      </c>
      <c r="I12502" s="358" t="s">
        <v>14429</v>
      </c>
      <c r="J12502" s="358"/>
      <c r="K12502" s="358"/>
      <c r="L12502" s="358"/>
    </row>
    <row r="12503" spans="2:12">
      <c r="B12503" s="367"/>
      <c r="C12503" s="367"/>
      <c r="D12503" s="367"/>
      <c r="E12503" s="367"/>
      <c r="F12503" s="360"/>
      <c r="G12503" s="360"/>
      <c r="H12503" s="360"/>
      <c r="I12503" s="360"/>
      <c r="J12503" s="365"/>
      <c r="K12503" s="365"/>
      <c r="L12503" s="365"/>
    </row>
    <row r="12504" spans="2:12">
      <c r="B12504" s="367"/>
      <c r="C12504" s="367"/>
      <c r="D12504" s="367"/>
      <c r="E12504" s="367"/>
      <c r="F12504" s="359" t="s">
        <v>14389</v>
      </c>
      <c r="G12504" s="359" t="s">
        <v>14390</v>
      </c>
      <c r="H12504" s="359" t="s">
        <v>14367</v>
      </c>
      <c r="I12504" s="359" t="s">
        <v>14390</v>
      </c>
      <c r="J12504" s="365"/>
      <c r="K12504" s="365"/>
      <c r="L12504" s="365"/>
    </row>
    <row r="12505" spans="2:12">
      <c r="B12505" s="367"/>
      <c r="C12505" s="367"/>
      <c r="D12505" s="367"/>
      <c r="E12505" s="367"/>
      <c r="F12505" s="360"/>
      <c r="G12505" s="360"/>
      <c r="H12505" s="360"/>
      <c r="I12505" s="360"/>
      <c r="J12505" s="365"/>
      <c r="K12505" s="365"/>
      <c r="L12505" s="365"/>
    </row>
    <row r="12506" spans="2:12">
      <c r="B12506" s="367"/>
      <c r="C12506" s="367"/>
      <c r="D12506" s="367"/>
      <c r="E12506" s="367"/>
      <c r="F12506" s="359" t="s">
        <v>14430</v>
      </c>
      <c r="G12506" s="359" t="s">
        <v>14431</v>
      </c>
      <c r="H12506" s="359" t="s">
        <v>14332</v>
      </c>
      <c r="I12506" s="359" t="s">
        <v>14431</v>
      </c>
      <c r="J12506" s="365"/>
      <c r="K12506" s="365"/>
      <c r="L12506" s="365"/>
    </row>
    <row r="12507" spans="2:12">
      <c r="B12507" s="367"/>
      <c r="C12507" s="367"/>
      <c r="D12507" s="367"/>
      <c r="E12507" s="367"/>
      <c r="F12507" s="360"/>
      <c r="G12507" s="360"/>
      <c r="H12507" s="360"/>
      <c r="I12507" s="360"/>
      <c r="J12507" s="365"/>
      <c r="K12507" s="365"/>
      <c r="L12507" s="365"/>
    </row>
    <row r="12508" spans="2:12">
      <c r="B12508" s="368"/>
      <c r="C12508" s="368"/>
      <c r="D12508" s="368"/>
      <c r="E12508" s="368"/>
      <c r="F12508" s="361" t="s">
        <v>14391</v>
      </c>
      <c r="G12508" s="361" t="s">
        <v>14392</v>
      </c>
      <c r="H12508" s="362"/>
      <c r="I12508" s="361" t="s">
        <v>14392</v>
      </c>
      <c r="J12508" s="366"/>
      <c r="K12508" s="366"/>
      <c r="L12508" s="366"/>
    </row>
    <row r="12509" spans="2:12" ht="28.5">
      <c r="B12509" s="358" t="s">
        <v>20893</v>
      </c>
      <c r="C12509" s="358" t="s">
        <v>29288</v>
      </c>
      <c r="D12509" s="358" t="s">
        <v>20894</v>
      </c>
      <c r="E12509" s="358" t="s">
        <v>8356</v>
      </c>
      <c r="F12509" s="358" t="s">
        <v>14472</v>
      </c>
      <c r="G12509" s="358" t="s">
        <v>14473</v>
      </c>
      <c r="H12509" s="358"/>
      <c r="I12509" s="358" t="s">
        <v>14473</v>
      </c>
      <c r="J12509" s="358"/>
      <c r="K12509" s="358"/>
      <c r="L12509" s="358"/>
    </row>
    <row r="12510" spans="2:12">
      <c r="B12510" s="368"/>
      <c r="C12510" s="368"/>
      <c r="D12510" s="368"/>
      <c r="E12510" s="368"/>
      <c r="F12510" s="368"/>
      <c r="G12510" s="368"/>
      <c r="H12510" s="366"/>
      <c r="I12510" s="368"/>
      <c r="J12510" s="366"/>
      <c r="K12510" s="366"/>
      <c r="L12510" s="366"/>
    </row>
    <row r="12511" spans="2:12" ht="28.5">
      <c r="B12511" s="358" t="s">
        <v>20895</v>
      </c>
      <c r="C12511" s="358" t="s">
        <v>20896</v>
      </c>
      <c r="D12511" s="358" t="s">
        <v>20897</v>
      </c>
      <c r="E12511" s="358" t="s">
        <v>20898</v>
      </c>
      <c r="F12511" s="358" t="s">
        <v>14391</v>
      </c>
      <c r="G12511" s="358" t="s">
        <v>14392</v>
      </c>
      <c r="H12511" s="358" t="s">
        <v>14367</v>
      </c>
      <c r="I12511" s="358" t="s">
        <v>14392</v>
      </c>
      <c r="J12511" s="358"/>
      <c r="K12511" s="358"/>
      <c r="L12511" s="358"/>
    </row>
    <row r="12512" spans="2:12">
      <c r="B12512" s="367"/>
      <c r="C12512" s="367"/>
      <c r="D12512" s="367"/>
      <c r="E12512" s="367"/>
      <c r="F12512" s="360"/>
      <c r="G12512" s="360"/>
      <c r="H12512" s="360"/>
      <c r="I12512" s="360"/>
      <c r="J12512" s="365"/>
      <c r="K12512" s="365"/>
      <c r="L12512" s="365"/>
    </row>
    <row r="12513" spans="2:12" ht="28.5">
      <c r="B12513" s="368"/>
      <c r="C12513" s="368"/>
      <c r="D12513" s="368"/>
      <c r="E12513" s="368"/>
      <c r="F12513" s="361" t="s">
        <v>14472</v>
      </c>
      <c r="G12513" s="361" t="s">
        <v>14473</v>
      </c>
      <c r="H12513" s="361" t="s">
        <v>14422</v>
      </c>
      <c r="I12513" s="361" t="s">
        <v>14473</v>
      </c>
      <c r="J12513" s="366"/>
      <c r="K12513" s="366"/>
      <c r="L12513" s="366"/>
    </row>
    <row r="12514" spans="2:12" ht="28.5">
      <c r="B12514" s="358" t="s">
        <v>20899</v>
      </c>
      <c r="C12514" s="358" t="s">
        <v>27664</v>
      </c>
      <c r="D12514" s="358" t="s">
        <v>20900</v>
      </c>
      <c r="E12514" s="358" t="s">
        <v>20901</v>
      </c>
      <c r="F12514" s="358" t="s">
        <v>14394</v>
      </c>
      <c r="G12514" s="358" t="s">
        <v>14395</v>
      </c>
      <c r="H12514" s="358" t="s">
        <v>14370</v>
      </c>
      <c r="I12514" s="358" t="s">
        <v>14395</v>
      </c>
      <c r="J12514" s="358"/>
      <c r="K12514" s="358"/>
      <c r="L12514" s="358"/>
    </row>
    <row r="12515" spans="2:12">
      <c r="B12515" s="368"/>
      <c r="C12515" s="368"/>
      <c r="D12515" s="368"/>
      <c r="E12515" s="368"/>
      <c r="F12515" s="368"/>
      <c r="G12515" s="368"/>
      <c r="H12515" s="368"/>
      <c r="I12515" s="368"/>
      <c r="J12515" s="366"/>
      <c r="K12515" s="366"/>
      <c r="L12515" s="366"/>
    </row>
    <row r="12516" spans="2:12" ht="28.5">
      <c r="B12516" s="358" t="s">
        <v>20902</v>
      </c>
      <c r="C12516" s="358" t="s">
        <v>20903</v>
      </c>
      <c r="D12516" s="358" t="s">
        <v>20904</v>
      </c>
      <c r="E12516" s="358" t="s">
        <v>20905</v>
      </c>
      <c r="F12516" s="358" t="s">
        <v>14472</v>
      </c>
      <c r="G12516" s="358" t="s">
        <v>14473</v>
      </c>
      <c r="H12516" s="358" t="s">
        <v>8356</v>
      </c>
      <c r="I12516" s="358" t="s">
        <v>14473</v>
      </c>
      <c r="J12516" s="358"/>
      <c r="K12516" s="358"/>
      <c r="L12516" s="358"/>
    </row>
    <row r="12517" spans="2:12">
      <c r="B12517" s="368"/>
      <c r="C12517" s="368"/>
      <c r="D12517" s="368"/>
      <c r="E12517" s="368"/>
      <c r="F12517" s="368"/>
      <c r="G12517" s="368"/>
      <c r="H12517" s="368"/>
      <c r="I12517" s="368"/>
      <c r="J12517" s="366"/>
      <c r="K12517" s="366"/>
      <c r="L12517" s="366"/>
    </row>
    <row r="12518" spans="2:12" ht="42.75">
      <c r="B12518" s="358" t="s">
        <v>20906</v>
      </c>
      <c r="C12518" s="358" t="s">
        <v>30242</v>
      </c>
      <c r="D12518" s="358" t="s">
        <v>20907</v>
      </c>
      <c r="E12518" s="358" t="s">
        <v>20908</v>
      </c>
      <c r="F12518" s="358" t="s">
        <v>14389</v>
      </c>
      <c r="G12518" s="358" t="s">
        <v>14390</v>
      </c>
      <c r="H12518" s="358" t="s">
        <v>14367</v>
      </c>
      <c r="I12518" s="358" t="s">
        <v>14390</v>
      </c>
      <c r="J12518" s="358"/>
      <c r="K12518" s="358"/>
      <c r="L12518" s="358"/>
    </row>
    <row r="12519" spans="2:12">
      <c r="B12519" s="367"/>
      <c r="C12519" s="367"/>
      <c r="D12519" s="367"/>
      <c r="E12519" s="367"/>
      <c r="F12519" s="360"/>
      <c r="G12519" s="360"/>
      <c r="H12519" s="360"/>
      <c r="I12519" s="360"/>
      <c r="J12519" s="365"/>
      <c r="K12519" s="365"/>
      <c r="L12519" s="365"/>
    </row>
    <row r="12520" spans="2:12" ht="28.5">
      <c r="B12520" s="367"/>
      <c r="C12520" s="367"/>
      <c r="D12520" s="367"/>
      <c r="E12520" s="367"/>
      <c r="F12520" s="359" t="s">
        <v>14394</v>
      </c>
      <c r="G12520" s="359" t="s">
        <v>14395</v>
      </c>
      <c r="H12520" s="359" t="s">
        <v>14370</v>
      </c>
      <c r="I12520" s="359" t="s">
        <v>14395</v>
      </c>
      <c r="J12520" s="365"/>
      <c r="K12520" s="365"/>
      <c r="L12520" s="365"/>
    </row>
    <row r="12521" spans="2:12">
      <c r="B12521" s="367"/>
      <c r="C12521" s="367"/>
      <c r="D12521" s="367"/>
      <c r="E12521" s="367"/>
      <c r="F12521" s="360"/>
      <c r="G12521" s="360"/>
      <c r="H12521" s="360"/>
      <c r="I12521" s="360"/>
      <c r="J12521" s="365"/>
      <c r="K12521" s="365"/>
      <c r="L12521" s="365"/>
    </row>
    <row r="12522" spans="2:12">
      <c r="B12522" s="368"/>
      <c r="C12522" s="368"/>
      <c r="D12522" s="368"/>
      <c r="E12522" s="368"/>
      <c r="F12522" s="362"/>
      <c r="G12522" s="362"/>
      <c r="H12522" s="361" t="s">
        <v>14422</v>
      </c>
      <c r="I12522" s="362"/>
      <c r="J12522" s="366"/>
      <c r="K12522" s="366"/>
      <c r="L12522" s="366"/>
    </row>
    <row r="12523" spans="2:12" ht="28.5">
      <c r="B12523" s="358" t="s">
        <v>20909</v>
      </c>
      <c r="C12523" s="358" t="s">
        <v>20910</v>
      </c>
      <c r="D12523" s="358" t="s">
        <v>20911</v>
      </c>
      <c r="E12523" s="358" t="s">
        <v>20912</v>
      </c>
      <c r="F12523" s="358" t="s">
        <v>14394</v>
      </c>
      <c r="G12523" s="358" t="s">
        <v>14395</v>
      </c>
      <c r="H12523" s="358" t="s">
        <v>14370</v>
      </c>
      <c r="I12523" s="358" t="s">
        <v>14395</v>
      </c>
      <c r="J12523" s="358"/>
      <c r="K12523" s="358"/>
      <c r="L12523" s="358"/>
    </row>
    <row r="12524" spans="2:12">
      <c r="B12524" s="368"/>
      <c r="C12524" s="368"/>
      <c r="D12524" s="368"/>
      <c r="E12524" s="368"/>
      <c r="F12524" s="368"/>
      <c r="G12524" s="368"/>
      <c r="H12524" s="368"/>
      <c r="I12524" s="368"/>
      <c r="J12524" s="366"/>
      <c r="K12524" s="366"/>
      <c r="L12524" s="366"/>
    </row>
    <row r="12525" spans="2:12">
      <c r="B12525" s="358" t="s">
        <v>20913</v>
      </c>
      <c r="C12525" s="358" t="s">
        <v>27665</v>
      </c>
      <c r="D12525" s="358" t="s">
        <v>20914</v>
      </c>
      <c r="E12525" s="358" t="s">
        <v>20915</v>
      </c>
      <c r="F12525" s="358" t="s">
        <v>14391</v>
      </c>
      <c r="G12525" s="358" t="s">
        <v>14392</v>
      </c>
      <c r="H12525" s="358" t="s">
        <v>14367</v>
      </c>
      <c r="I12525" s="358" t="s">
        <v>14392</v>
      </c>
      <c r="J12525" s="358"/>
      <c r="K12525" s="358"/>
      <c r="L12525" s="358"/>
    </row>
    <row r="12526" spans="2:12">
      <c r="B12526" s="367"/>
      <c r="C12526" s="367"/>
      <c r="D12526" s="367"/>
      <c r="E12526" s="367"/>
      <c r="F12526" s="360"/>
      <c r="G12526" s="360"/>
      <c r="H12526" s="360"/>
      <c r="I12526" s="360"/>
      <c r="J12526" s="365"/>
      <c r="K12526" s="365"/>
      <c r="L12526" s="365"/>
    </row>
    <row r="12527" spans="2:12">
      <c r="B12527" s="367"/>
      <c r="C12527" s="367"/>
      <c r="D12527" s="367"/>
      <c r="E12527" s="367"/>
      <c r="F12527" s="359" t="s">
        <v>14371</v>
      </c>
      <c r="G12527" s="359" t="s">
        <v>14372</v>
      </c>
      <c r="H12527" s="359" t="s">
        <v>14370</v>
      </c>
      <c r="I12527" s="359" t="s">
        <v>14373</v>
      </c>
      <c r="J12527" s="365"/>
      <c r="K12527" s="365"/>
      <c r="L12527" s="365"/>
    </row>
    <row r="12528" spans="2:12">
      <c r="B12528" s="367"/>
      <c r="C12528" s="367"/>
      <c r="D12528" s="367"/>
      <c r="E12528" s="367"/>
      <c r="F12528" s="360"/>
      <c r="G12528" s="360"/>
      <c r="H12528" s="360"/>
      <c r="I12528" s="360"/>
      <c r="J12528" s="365"/>
      <c r="K12528" s="365"/>
      <c r="L12528" s="365"/>
    </row>
    <row r="12529" spans="2:12" ht="28.5">
      <c r="B12529" s="368"/>
      <c r="C12529" s="368"/>
      <c r="D12529" s="368"/>
      <c r="E12529" s="368"/>
      <c r="F12529" s="361" t="s">
        <v>14374</v>
      </c>
      <c r="G12529" s="361" t="s">
        <v>14373</v>
      </c>
      <c r="H12529" s="361" t="s">
        <v>14422</v>
      </c>
      <c r="I12529" s="362"/>
      <c r="J12529" s="366"/>
      <c r="K12529" s="366"/>
      <c r="L12529" s="366"/>
    </row>
    <row r="12530" spans="2:12">
      <c r="B12530" s="358" t="s">
        <v>20916</v>
      </c>
      <c r="C12530" s="358" t="s">
        <v>27666</v>
      </c>
      <c r="D12530" s="358" t="s">
        <v>20917</v>
      </c>
      <c r="E12530" s="358" t="s">
        <v>8356</v>
      </c>
      <c r="F12530" s="358" t="s">
        <v>14389</v>
      </c>
      <c r="G12530" s="358" t="s">
        <v>14390</v>
      </c>
      <c r="H12530" s="358" t="s">
        <v>14367</v>
      </c>
      <c r="I12530" s="358" t="s">
        <v>14390</v>
      </c>
      <c r="J12530" s="358"/>
      <c r="K12530" s="358"/>
      <c r="L12530" s="358"/>
    </row>
    <row r="12531" spans="2:12">
      <c r="B12531" s="367"/>
      <c r="C12531" s="367"/>
      <c r="D12531" s="367"/>
      <c r="E12531" s="367"/>
      <c r="F12531" s="360"/>
      <c r="G12531" s="360"/>
      <c r="H12531" s="360"/>
      <c r="I12531" s="360"/>
      <c r="J12531" s="365"/>
      <c r="K12531" s="365"/>
      <c r="L12531" s="365"/>
    </row>
    <row r="12532" spans="2:12" ht="28.5">
      <c r="B12532" s="367"/>
      <c r="C12532" s="367"/>
      <c r="D12532" s="367"/>
      <c r="E12532" s="367"/>
      <c r="F12532" s="359" t="s">
        <v>14394</v>
      </c>
      <c r="G12532" s="359" t="s">
        <v>14395</v>
      </c>
      <c r="H12532" s="359" t="s">
        <v>14370</v>
      </c>
      <c r="I12532" s="359" t="s">
        <v>14395</v>
      </c>
      <c r="J12532" s="365"/>
      <c r="K12532" s="365"/>
      <c r="L12532" s="365"/>
    </row>
    <row r="12533" spans="2:12">
      <c r="B12533" s="367"/>
      <c r="C12533" s="367"/>
      <c r="D12533" s="367"/>
      <c r="E12533" s="367"/>
      <c r="F12533" s="360"/>
      <c r="G12533" s="360"/>
      <c r="H12533" s="360"/>
      <c r="I12533" s="360"/>
      <c r="J12533" s="365"/>
      <c r="K12533" s="365"/>
      <c r="L12533" s="365"/>
    </row>
    <row r="12534" spans="2:12">
      <c r="B12534" s="368"/>
      <c r="C12534" s="368"/>
      <c r="D12534" s="368"/>
      <c r="E12534" s="368"/>
      <c r="F12534" s="362"/>
      <c r="G12534" s="362"/>
      <c r="H12534" s="361" t="s">
        <v>14422</v>
      </c>
      <c r="I12534" s="362"/>
      <c r="J12534" s="366"/>
      <c r="K12534" s="366"/>
      <c r="L12534" s="366"/>
    </row>
    <row r="12535" spans="2:12" ht="42.75">
      <c r="B12535" s="358" t="s">
        <v>20918</v>
      </c>
      <c r="C12535" s="358" t="s">
        <v>30243</v>
      </c>
      <c r="D12535" s="358" t="s">
        <v>20919</v>
      </c>
      <c r="E12535" s="358" t="s">
        <v>20920</v>
      </c>
      <c r="F12535" s="358" t="s">
        <v>14391</v>
      </c>
      <c r="G12535" s="358" t="s">
        <v>14392</v>
      </c>
      <c r="H12535" s="358" t="s">
        <v>14367</v>
      </c>
      <c r="I12535" s="358" t="s">
        <v>14392</v>
      </c>
      <c r="J12535" s="358"/>
      <c r="K12535" s="358"/>
      <c r="L12535" s="358"/>
    </row>
    <row r="12536" spans="2:12">
      <c r="B12536" s="367"/>
      <c r="C12536" s="367"/>
      <c r="D12536" s="367"/>
      <c r="E12536" s="367"/>
      <c r="F12536" s="367"/>
      <c r="G12536" s="367"/>
      <c r="H12536" s="360"/>
      <c r="I12536" s="367"/>
      <c r="J12536" s="365"/>
      <c r="K12536" s="365"/>
      <c r="L12536" s="365"/>
    </row>
    <row r="12537" spans="2:12">
      <c r="B12537" s="368"/>
      <c r="C12537" s="368"/>
      <c r="D12537" s="368"/>
      <c r="E12537" s="368"/>
      <c r="F12537" s="368"/>
      <c r="G12537" s="368"/>
      <c r="H12537" s="361" t="s">
        <v>14422</v>
      </c>
      <c r="I12537" s="368"/>
      <c r="J12537" s="366"/>
      <c r="K12537" s="366"/>
      <c r="L12537" s="366"/>
    </row>
    <row r="12538" spans="2:12" ht="28.5">
      <c r="B12538" s="358" t="s">
        <v>20921</v>
      </c>
      <c r="C12538" s="358" t="s">
        <v>27667</v>
      </c>
      <c r="D12538" s="358" t="s">
        <v>20922</v>
      </c>
      <c r="E12538" s="358" t="s">
        <v>20923</v>
      </c>
      <c r="F12538" s="358" t="s">
        <v>14814</v>
      </c>
      <c r="G12538" s="358" t="s">
        <v>14815</v>
      </c>
      <c r="H12538" s="358" t="s">
        <v>14381</v>
      </c>
      <c r="I12538" s="358" t="s">
        <v>14815</v>
      </c>
      <c r="J12538" s="358"/>
      <c r="K12538" s="358"/>
      <c r="L12538" s="358"/>
    </row>
    <row r="12539" spans="2:12">
      <c r="B12539" s="367"/>
      <c r="C12539" s="367"/>
      <c r="D12539" s="367"/>
      <c r="E12539" s="367"/>
      <c r="F12539" s="367"/>
      <c r="G12539" s="367"/>
      <c r="H12539" s="360"/>
      <c r="I12539" s="367"/>
      <c r="J12539" s="365"/>
      <c r="K12539" s="365"/>
      <c r="L12539" s="365"/>
    </row>
    <row r="12540" spans="2:12">
      <c r="B12540" s="368"/>
      <c r="C12540" s="368"/>
      <c r="D12540" s="368"/>
      <c r="E12540" s="368"/>
      <c r="F12540" s="368"/>
      <c r="G12540" s="368"/>
      <c r="H12540" s="361" t="s">
        <v>14332</v>
      </c>
      <c r="I12540" s="368"/>
      <c r="J12540" s="366"/>
      <c r="K12540" s="366"/>
      <c r="L12540" s="366"/>
    </row>
    <row r="12541" spans="2:12" ht="42.75">
      <c r="B12541" s="358" t="s">
        <v>20924</v>
      </c>
      <c r="C12541" s="358" t="s">
        <v>27668</v>
      </c>
      <c r="D12541" s="358" t="s">
        <v>20925</v>
      </c>
      <c r="E12541" s="358" t="s">
        <v>20926</v>
      </c>
      <c r="F12541" s="358" t="s">
        <v>14814</v>
      </c>
      <c r="G12541" s="358" t="s">
        <v>14815</v>
      </c>
      <c r="H12541" s="358" t="s">
        <v>14381</v>
      </c>
      <c r="I12541" s="358" t="s">
        <v>14815</v>
      </c>
      <c r="J12541" s="358"/>
      <c r="K12541" s="358"/>
      <c r="L12541" s="358"/>
    </row>
    <row r="12542" spans="2:12">
      <c r="B12542" s="367"/>
      <c r="C12542" s="367"/>
      <c r="D12542" s="367"/>
      <c r="E12542" s="367"/>
      <c r="F12542" s="367"/>
      <c r="G12542" s="367"/>
      <c r="H12542" s="360"/>
      <c r="I12542" s="367"/>
      <c r="J12542" s="365"/>
      <c r="K12542" s="365"/>
      <c r="L12542" s="365"/>
    </row>
    <row r="12543" spans="2:12">
      <c r="B12543" s="368"/>
      <c r="C12543" s="368"/>
      <c r="D12543" s="368"/>
      <c r="E12543" s="368"/>
      <c r="F12543" s="368"/>
      <c r="G12543" s="368"/>
      <c r="H12543" s="361" t="s">
        <v>14332</v>
      </c>
      <c r="I12543" s="368"/>
      <c r="J12543" s="366"/>
      <c r="K12543" s="366"/>
      <c r="L12543" s="366"/>
    </row>
    <row r="12544" spans="2:12">
      <c r="B12544" s="358" t="s">
        <v>20927</v>
      </c>
      <c r="C12544" s="358" t="s">
        <v>20928</v>
      </c>
      <c r="D12544" s="358" t="s">
        <v>20929</v>
      </c>
      <c r="E12544" s="358" t="s">
        <v>20930</v>
      </c>
      <c r="F12544" s="358" t="s">
        <v>14391</v>
      </c>
      <c r="G12544" s="358" t="s">
        <v>14392</v>
      </c>
      <c r="H12544" s="358" t="s">
        <v>14367</v>
      </c>
      <c r="I12544" s="358" t="s">
        <v>14392</v>
      </c>
      <c r="J12544" s="358"/>
      <c r="K12544" s="358"/>
      <c r="L12544" s="358"/>
    </row>
    <row r="12545" spans="2:12">
      <c r="B12545" s="367"/>
      <c r="C12545" s="367"/>
      <c r="D12545" s="367"/>
      <c r="E12545" s="367"/>
      <c r="F12545" s="367"/>
      <c r="G12545" s="367"/>
      <c r="H12545" s="360"/>
      <c r="I12545" s="367"/>
      <c r="J12545" s="365"/>
      <c r="K12545" s="365"/>
      <c r="L12545" s="365"/>
    </row>
    <row r="12546" spans="2:12">
      <c r="B12546" s="368"/>
      <c r="C12546" s="368"/>
      <c r="D12546" s="368"/>
      <c r="E12546" s="368"/>
      <c r="F12546" s="368"/>
      <c r="G12546" s="368"/>
      <c r="H12546" s="361" t="s">
        <v>14422</v>
      </c>
      <c r="I12546" s="368"/>
      <c r="J12546" s="366"/>
      <c r="K12546" s="366"/>
      <c r="L12546" s="366"/>
    </row>
    <row r="12547" spans="2:12">
      <c r="B12547" s="358" t="s">
        <v>20931</v>
      </c>
      <c r="C12547" s="358" t="s">
        <v>27669</v>
      </c>
      <c r="D12547" s="358" t="s">
        <v>20932</v>
      </c>
      <c r="E12547" s="358" t="s">
        <v>20933</v>
      </c>
      <c r="F12547" s="358" t="s">
        <v>14430</v>
      </c>
      <c r="G12547" s="358" t="s">
        <v>14431</v>
      </c>
      <c r="H12547" s="358" t="s">
        <v>14341</v>
      </c>
      <c r="I12547" s="358" t="s">
        <v>14431</v>
      </c>
      <c r="J12547" s="358"/>
      <c r="K12547" s="358"/>
      <c r="L12547" s="358"/>
    </row>
    <row r="12548" spans="2:12">
      <c r="B12548" s="367"/>
      <c r="C12548" s="367"/>
      <c r="D12548" s="367"/>
      <c r="E12548" s="367"/>
      <c r="F12548" s="360"/>
      <c r="G12548" s="360"/>
      <c r="H12548" s="360"/>
      <c r="I12548" s="360"/>
      <c r="J12548" s="365"/>
      <c r="K12548" s="365"/>
      <c r="L12548" s="365"/>
    </row>
    <row r="12549" spans="2:12" ht="28.5">
      <c r="B12549" s="368"/>
      <c r="C12549" s="368"/>
      <c r="D12549" s="368"/>
      <c r="E12549" s="368"/>
      <c r="F12549" s="361" t="s">
        <v>14472</v>
      </c>
      <c r="G12549" s="361" t="s">
        <v>14473</v>
      </c>
      <c r="H12549" s="361" t="s">
        <v>14332</v>
      </c>
      <c r="I12549" s="361" t="s">
        <v>14473</v>
      </c>
      <c r="J12549" s="366"/>
      <c r="K12549" s="366"/>
      <c r="L12549" s="366"/>
    </row>
    <row r="12550" spans="2:12" ht="171">
      <c r="B12550" s="358" t="s">
        <v>20934</v>
      </c>
      <c r="C12550" s="358" t="s">
        <v>29289</v>
      </c>
      <c r="D12550" s="358" t="s">
        <v>20935</v>
      </c>
      <c r="E12550" s="358" t="s">
        <v>8356</v>
      </c>
      <c r="F12550" s="358" t="s">
        <v>14389</v>
      </c>
      <c r="G12550" s="358" t="s">
        <v>14390</v>
      </c>
      <c r="H12550" s="358" t="s">
        <v>14341</v>
      </c>
      <c r="I12550" s="358" t="s">
        <v>14390</v>
      </c>
      <c r="J12550" s="358"/>
      <c r="K12550" s="358"/>
      <c r="L12550" s="358"/>
    </row>
    <row r="12551" spans="2:12">
      <c r="B12551" s="367"/>
      <c r="C12551" s="367"/>
      <c r="D12551" s="367"/>
      <c r="E12551" s="367"/>
      <c r="F12551" s="360"/>
      <c r="G12551" s="360"/>
      <c r="H12551" s="360"/>
      <c r="I12551" s="360"/>
      <c r="J12551" s="365"/>
      <c r="K12551" s="365"/>
      <c r="L12551" s="365"/>
    </row>
    <row r="12552" spans="2:12">
      <c r="B12552" s="367"/>
      <c r="C12552" s="367"/>
      <c r="D12552" s="367"/>
      <c r="E12552" s="367"/>
      <c r="F12552" s="359" t="s">
        <v>14430</v>
      </c>
      <c r="G12552" s="359" t="s">
        <v>14431</v>
      </c>
      <c r="H12552" s="359" t="s">
        <v>14370</v>
      </c>
      <c r="I12552" s="359" t="s">
        <v>14431</v>
      </c>
      <c r="J12552" s="365"/>
      <c r="K12552" s="365"/>
      <c r="L12552" s="365"/>
    </row>
    <row r="12553" spans="2:12">
      <c r="B12553" s="367"/>
      <c r="C12553" s="367"/>
      <c r="D12553" s="367"/>
      <c r="E12553" s="367"/>
      <c r="F12553" s="360"/>
      <c r="G12553" s="360"/>
      <c r="H12553" s="360"/>
      <c r="I12553" s="360"/>
      <c r="J12553" s="365"/>
      <c r="K12553" s="365"/>
      <c r="L12553" s="365"/>
    </row>
    <row r="12554" spans="2:12" ht="28.5">
      <c r="B12554" s="368"/>
      <c r="C12554" s="368"/>
      <c r="D12554" s="368"/>
      <c r="E12554" s="368"/>
      <c r="F12554" s="361" t="s">
        <v>14394</v>
      </c>
      <c r="G12554" s="361" t="s">
        <v>14395</v>
      </c>
      <c r="H12554" s="361" t="s">
        <v>14332</v>
      </c>
      <c r="I12554" s="361" t="s">
        <v>14395</v>
      </c>
      <c r="J12554" s="366"/>
      <c r="K12554" s="366"/>
      <c r="L12554" s="366"/>
    </row>
    <row r="12555" spans="2:12">
      <c r="B12555" s="358" t="s">
        <v>20936</v>
      </c>
      <c r="C12555" s="358" t="s">
        <v>20937</v>
      </c>
      <c r="D12555" s="358" t="s">
        <v>20938</v>
      </c>
      <c r="E12555" s="358" t="s">
        <v>20939</v>
      </c>
      <c r="F12555" s="358" t="s">
        <v>14391</v>
      </c>
      <c r="G12555" s="358" t="s">
        <v>14392</v>
      </c>
      <c r="H12555" s="358" t="s">
        <v>14367</v>
      </c>
      <c r="I12555" s="358" t="s">
        <v>14392</v>
      </c>
      <c r="J12555" s="358"/>
      <c r="K12555" s="358"/>
      <c r="L12555" s="358"/>
    </row>
    <row r="12556" spans="2:12">
      <c r="B12556" s="367"/>
      <c r="C12556" s="367"/>
      <c r="D12556" s="367"/>
      <c r="E12556" s="367"/>
      <c r="F12556" s="367"/>
      <c r="G12556" s="367"/>
      <c r="H12556" s="360"/>
      <c r="I12556" s="367"/>
      <c r="J12556" s="365"/>
      <c r="K12556" s="365"/>
      <c r="L12556" s="365"/>
    </row>
    <row r="12557" spans="2:12">
      <c r="B12557" s="368"/>
      <c r="C12557" s="368"/>
      <c r="D12557" s="368"/>
      <c r="E12557" s="368"/>
      <c r="F12557" s="368"/>
      <c r="G12557" s="368"/>
      <c r="H12557" s="361" t="s">
        <v>14422</v>
      </c>
      <c r="I12557" s="368"/>
      <c r="J12557" s="366"/>
      <c r="K12557" s="366"/>
      <c r="L12557" s="366"/>
    </row>
    <row r="12558" spans="2:12" ht="28.5">
      <c r="B12558" s="358" t="s">
        <v>20940</v>
      </c>
      <c r="C12558" s="358" t="s">
        <v>20941</v>
      </c>
      <c r="D12558" s="358" t="s">
        <v>20942</v>
      </c>
      <c r="E12558" s="358" t="s">
        <v>20943</v>
      </c>
      <c r="F12558" s="358" t="s">
        <v>14462</v>
      </c>
      <c r="G12558" s="358" t="s">
        <v>14463</v>
      </c>
      <c r="H12558" s="358"/>
      <c r="I12558" s="358" t="s">
        <v>14463</v>
      </c>
      <c r="J12558" s="358"/>
      <c r="K12558" s="358"/>
      <c r="L12558" s="358"/>
    </row>
    <row r="12559" spans="2:12">
      <c r="B12559" s="368"/>
      <c r="C12559" s="368"/>
      <c r="D12559" s="368"/>
      <c r="E12559" s="368"/>
      <c r="F12559" s="368"/>
      <c r="G12559" s="368"/>
      <c r="H12559" s="366"/>
      <c r="I12559" s="368"/>
      <c r="J12559" s="366"/>
      <c r="K12559" s="366"/>
      <c r="L12559" s="366"/>
    </row>
    <row r="12560" spans="2:12" ht="28.5">
      <c r="B12560" s="358" t="s">
        <v>20944</v>
      </c>
      <c r="C12560" s="358" t="s">
        <v>27670</v>
      </c>
      <c r="D12560" s="358" t="s">
        <v>20945</v>
      </c>
      <c r="E12560" s="358" t="s">
        <v>20946</v>
      </c>
      <c r="F12560" s="358" t="s">
        <v>14420</v>
      </c>
      <c r="G12560" s="358" t="s">
        <v>14429</v>
      </c>
      <c r="H12560" s="358" t="s">
        <v>14341</v>
      </c>
      <c r="I12560" s="358" t="s">
        <v>14429</v>
      </c>
      <c r="J12560" s="358"/>
      <c r="K12560" s="358"/>
      <c r="L12560" s="358"/>
    </row>
    <row r="12561" spans="2:12">
      <c r="B12561" s="367"/>
      <c r="C12561" s="367"/>
      <c r="D12561" s="367"/>
      <c r="E12561" s="367"/>
      <c r="F12561" s="360"/>
      <c r="G12561" s="360"/>
      <c r="H12561" s="360"/>
      <c r="I12561" s="360"/>
      <c r="J12561" s="365"/>
      <c r="K12561" s="365"/>
      <c r="L12561" s="365"/>
    </row>
    <row r="12562" spans="2:12">
      <c r="B12562" s="367"/>
      <c r="C12562" s="367"/>
      <c r="D12562" s="367"/>
      <c r="E12562" s="367"/>
      <c r="F12562" s="359" t="s">
        <v>14356</v>
      </c>
      <c r="G12562" s="359" t="s">
        <v>14340</v>
      </c>
      <c r="H12562" s="359" t="s">
        <v>14367</v>
      </c>
      <c r="I12562" s="359" t="s">
        <v>14340</v>
      </c>
      <c r="J12562" s="365"/>
      <c r="K12562" s="365"/>
      <c r="L12562" s="365"/>
    </row>
    <row r="12563" spans="2:12">
      <c r="B12563" s="367"/>
      <c r="C12563" s="367"/>
      <c r="D12563" s="367"/>
      <c r="E12563" s="367"/>
      <c r="F12563" s="360"/>
      <c r="G12563" s="360"/>
      <c r="H12563" s="360"/>
      <c r="I12563" s="360"/>
      <c r="J12563" s="365"/>
      <c r="K12563" s="365"/>
      <c r="L12563" s="365"/>
    </row>
    <row r="12564" spans="2:12">
      <c r="B12564" s="368"/>
      <c r="C12564" s="368"/>
      <c r="D12564" s="368"/>
      <c r="E12564" s="368"/>
      <c r="F12564" s="361" t="s">
        <v>14391</v>
      </c>
      <c r="G12564" s="361" t="s">
        <v>14392</v>
      </c>
      <c r="H12564" s="361" t="s">
        <v>14332</v>
      </c>
      <c r="I12564" s="361" t="s">
        <v>14392</v>
      </c>
      <c r="J12564" s="366"/>
      <c r="K12564" s="366"/>
      <c r="L12564" s="366"/>
    </row>
    <row r="12565" spans="2:12">
      <c r="B12565" s="358" t="s">
        <v>20947</v>
      </c>
      <c r="C12565" s="358" t="s">
        <v>20948</v>
      </c>
      <c r="D12565" s="358" t="s">
        <v>20949</v>
      </c>
      <c r="E12565" s="358" t="s">
        <v>20950</v>
      </c>
      <c r="F12565" s="358" t="s">
        <v>14356</v>
      </c>
      <c r="G12565" s="358" t="s">
        <v>14340</v>
      </c>
      <c r="H12565" s="358" t="s">
        <v>14341</v>
      </c>
      <c r="I12565" s="358" t="s">
        <v>14340</v>
      </c>
      <c r="J12565" s="358"/>
      <c r="K12565" s="358"/>
      <c r="L12565" s="358"/>
    </row>
    <row r="12566" spans="2:12">
      <c r="B12566" s="367"/>
      <c r="C12566" s="367"/>
      <c r="D12566" s="367"/>
      <c r="E12566" s="367"/>
      <c r="F12566" s="360"/>
      <c r="G12566" s="360"/>
      <c r="H12566" s="360"/>
      <c r="I12566" s="360"/>
      <c r="J12566" s="365"/>
      <c r="K12566" s="365"/>
      <c r="L12566" s="365"/>
    </row>
    <row r="12567" spans="2:12">
      <c r="B12567" s="367"/>
      <c r="C12567" s="367"/>
      <c r="D12567" s="367"/>
      <c r="E12567" s="367"/>
      <c r="F12567" s="359" t="s">
        <v>14391</v>
      </c>
      <c r="G12567" s="359" t="s">
        <v>14392</v>
      </c>
      <c r="H12567" s="359" t="s">
        <v>14367</v>
      </c>
      <c r="I12567" s="359" t="s">
        <v>14392</v>
      </c>
      <c r="J12567" s="365"/>
      <c r="K12567" s="365"/>
      <c r="L12567" s="365"/>
    </row>
    <row r="12568" spans="2:12">
      <c r="B12568" s="367"/>
      <c r="C12568" s="367"/>
      <c r="D12568" s="367"/>
      <c r="E12568" s="367"/>
      <c r="F12568" s="360"/>
      <c r="G12568" s="360"/>
      <c r="H12568" s="360"/>
      <c r="I12568" s="360"/>
      <c r="J12568" s="365"/>
      <c r="K12568" s="365"/>
      <c r="L12568" s="365"/>
    </row>
    <row r="12569" spans="2:12">
      <c r="B12569" s="368"/>
      <c r="C12569" s="368"/>
      <c r="D12569" s="368"/>
      <c r="E12569" s="368"/>
      <c r="F12569" s="362"/>
      <c r="G12569" s="362"/>
      <c r="H12569" s="361" t="s">
        <v>14332</v>
      </c>
      <c r="I12569" s="362"/>
      <c r="J12569" s="366"/>
      <c r="K12569" s="366"/>
      <c r="L12569" s="366"/>
    </row>
    <row r="12570" spans="2:12" ht="28.5">
      <c r="B12570" s="358" t="s">
        <v>20951</v>
      </c>
      <c r="C12570" s="358" t="s">
        <v>30244</v>
      </c>
      <c r="D12570" s="358" t="s">
        <v>20952</v>
      </c>
      <c r="E12570" s="358" t="s">
        <v>20953</v>
      </c>
      <c r="F12570" s="358" t="s">
        <v>14420</v>
      </c>
      <c r="G12570" s="358" t="s">
        <v>14429</v>
      </c>
      <c r="H12570" s="358" t="s">
        <v>14367</v>
      </c>
      <c r="I12570" s="358" t="s">
        <v>14429</v>
      </c>
      <c r="J12570" s="358"/>
      <c r="K12570" s="358"/>
      <c r="L12570" s="358"/>
    </row>
    <row r="12571" spans="2:12">
      <c r="B12571" s="367"/>
      <c r="C12571" s="367"/>
      <c r="D12571" s="367"/>
      <c r="E12571" s="367"/>
      <c r="F12571" s="367"/>
      <c r="G12571" s="367"/>
      <c r="H12571" s="360"/>
      <c r="I12571" s="367"/>
      <c r="J12571" s="365"/>
      <c r="K12571" s="365"/>
      <c r="L12571" s="365"/>
    </row>
    <row r="12572" spans="2:12">
      <c r="B12572" s="368"/>
      <c r="C12572" s="368"/>
      <c r="D12572" s="368"/>
      <c r="E12572" s="368"/>
      <c r="F12572" s="368"/>
      <c r="G12572" s="368"/>
      <c r="H12572" s="361" t="s">
        <v>14422</v>
      </c>
      <c r="I12572" s="368"/>
      <c r="J12572" s="366"/>
      <c r="K12572" s="366"/>
      <c r="L12572" s="366"/>
    </row>
    <row r="12573" spans="2:12" ht="28.5">
      <c r="B12573" s="358" t="s">
        <v>20954</v>
      </c>
      <c r="C12573" s="358" t="s">
        <v>27671</v>
      </c>
      <c r="D12573" s="358" t="s">
        <v>20955</v>
      </c>
      <c r="E12573" s="358" t="s">
        <v>20956</v>
      </c>
      <c r="F12573" s="358" t="s">
        <v>14382</v>
      </c>
      <c r="G12573" s="358" t="s">
        <v>14483</v>
      </c>
      <c r="H12573" s="358" t="s">
        <v>14378</v>
      </c>
      <c r="I12573" s="358" t="s">
        <v>14483</v>
      </c>
      <c r="J12573" s="358"/>
      <c r="K12573" s="358"/>
      <c r="L12573" s="358"/>
    </row>
    <row r="12574" spans="2:12">
      <c r="B12574" s="367"/>
      <c r="C12574" s="367"/>
      <c r="D12574" s="367"/>
      <c r="E12574" s="367"/>
      <c r="F12574" s="360"/>
      <c r="G12574" s="360"/>
      <c r="H12574" s="360"/>
      <c r="I12574" s="360"/>
      <c r="J12574" s="365"/>
      <c r="K12574" s="365"/>
      <c r="L12574" s="365"/>
    </row>
    <row r="12575" spans="2:12" ht="28.5">
      <c r="B12575" s="367"/>
      <c r="C12575" s="367"/>
      <c r="D12575" s="367"/>
      <c r="E12575" s="367"/>
      <c r="F12575" s="359" t="s">
        <v>28568</v>
      </c>
      <c r="G12575" s="359" t="s">
        <v>14383</v>
      </c>
      <c r="H12575" s="359" t="s">
        <v>14370</v>
      </c>
      <c r="I12575" s="359" t="s">
        <v>14383</v>
      </c>
      <c r="J12575" s="365"/>
      <c r="K12575" s="365"/>
      <c r="L12575" s="365"/>
    </row>
    <row r="12576" spans="2:12">
      <c r="B12576" s="367"/>
      <c r="C12576" s="367"/>
      <c r="D12576" s="367"/>
      <c r="E12576" s="367"/>
      <c r="F12576" s="360"/>
      <c r="G12576" s="360"/>
      <c r="H12576" s="360"/>
      <c r="I12576" s="360"/>
      <c r="J12576" s="365"/>
      <c r="K12576" s="365"/>
      <c r="L12576" s="365"/>
    </row>
    <row r="12577" spans="2:12" ht="28.5">
      <c r="B12577" s="367"/>
      <c r="C12577" s="367"/>
      <c r="D12577" s="367"/>
      <c r="E12577" s="367"/>
      <c r="F12577" s="359" t="s">
        <v>14374</v>
      </c>
      <c r="G12577" s="359" t="s">
        <v>14372</v>
      </c>
      <c r="H12577" s="359" t="s">
        <v>14332</v>
      </c>
      <c r="I12577" s="359" t="s">
        <v>14373</v>
      </c>
      <c r="J12577" s="365"/>
      <c r="K12577" s="365"/>
      <c r="L12577" s="365"/>
    </row>
    <row r="12578" spans="2:12">
      <c r="B12578" s="367"/>
      <c r="C12578" s="367"/>
      <c r="D12578" s="367"/>
      <c r="E12578" s="367"/>
      <c r="F12578" s="360"/>
      <c r="G12578" s="360"/>
      <c r="H12578" s="360"/>
      <c r="I12578" s="360"/>
      <c r="J12578" s="365"/>
      <c r="K12578" s="365"/>
      <c r="L12578" s="365"/>
    </row>
    <row r="12579" spans="2:12">
      <c r="B12579" s="368"/>
      <c r="C12579" s="368"/>
      <c r="D12579" s="368"/>
      <c r="E12579" s="368"/>
      <c r="F12579" s="362"/>
      <c r="G12579" s="361" t="s">
        <v>14373</v>
      </c>
      <c r="H12579" s="362"/>
      <c r="I12579" s="362"/>
      <c r="J12579" s="366"/>
      <c r="K12579" s="366"/>
      <c r="L12579" s="366"/>
    </row>
    <row r="12580" spans="2:12" ht="42.75">
      <c r="B12580" s="358" t="s">
        <v>20957</v>
      </c>
      <c r="C12580" s="358" t="s">
        <v>30245</v>
      </c>
      <c r="D12580" s="358" t="s">
        <v>20958</v>
      </c>
      <c r="E12580" s="358" t="s">
        <v>20959</v>
      </c>
      <c r="F12580" s="358" t="s">
        <v>14420</v>
      </c>
      <c r="G12580" s="358" t="s">
        <v>14429</v>
      </c>
      <c r="H12580" s="358" t="s">
        <v>14341</v>
      </c>
      <c r="I12580" s="358" t="s">
        <v>14429</v>
      </c>
      <c r="J12580" s="358"/>
      <c r="K12580" s="358"/>
      <c r="L12580" s="358"/>
    </row>
    <row r="12581" spans="2:12">
      <c r="B12581" s="367"/>
      <c r="C12581" s="367"/>
      <c r="D12581" s="367"/>
      <c r="E12581" s="367"/>
      <c r="F12581" s="360"/>
      <c r="G12581" s="360"/>
      <c r="H12581" s="360"/>
      <c r="I12581" s="360"/>
      <c r="J12581" s="365"/>
      <c r="K12581" s="365"/>
      <c r="L12581" s="365"/>
    </row>
    <row r="12582" spans="2:12">
      <c r="B12582" s="367"/>
      <c r="C12582" s="367"/>
      <c r="D12582" s="367"/>
      <c r="E12582" s="367"/>
      <c r="F12582" s="359" t="s">
        <v>14389</v>
      </c>
      <c r="G12582" s="359" t="s">
        <v>14390</v>
      </c>
      <c r="H12582" s="359" t="s">
        <v>14367</v>
      </c>
      <c r="I12582" s="359" t="s">
        <v>14390</v>
      </c>
      <c r="J12582" s="365"/>
      <c r="K12582" s="365"/>
      <c r="L12582" s="365"/>
    </row>
    <row r="12583" spans="2:12">
      <c r="B12583" s="367"/>
      <c r="C12583" s="367"/>
      <c r="D12583" s="367"/>
      <c r="E12583" s="367"/>
      <c r="F12583" s="360"/>
      <c r="G12583" s="360"/>
      <c r="H12583" s="360"/>
      <c r="I12583" s="360"/>
      <c r="J12583" s="365"/>
      <c r="K12583" s="365"/>
      <c r="L12583" s="365"/>
    </row>
    <row r="12584" spans="2:12">
      <c r="B12584" s="367"/>
      <c r="C12584" s="367"/>
      <c r="D12584" s="367"/>
      <c r="E12584" s="367"/>
      <c r="F12584" s="359" t="s">
        <v>14430</v>
      </c>
      <c r="G12584" s="359" t="s">
        <v>14431</v>
      </c>
      <c r="H12584" s="359" t="s">
        <v>14332</v>
      </c>
      <c r="I12584" s="359" t="s">
        <v>14431</v>
      </c>
      <c r="J12584" s="365"/>
      <c r="K12584" s="365"/>
      <c r="L12584" s="365"/>
    </row>
    <row r="12585" spans="2:12">
      <c r="B12585" s="367"/>
      <c r="C12585" s="367"/>
      <c r="D12585" s="367"/>
      <c r="E12585" s="367"/>
      <c r="F12585" s="360"/>
      <c r="G12585" s="360"/>
      <c r="H12585" s="360"/>
      <c r="I12585" s="360"/>
      <c r="J12585" s="365"/>
      <c r="K12585" s="365"/>
      <c r="L12585" s="365"/>
    </row>
    <row r="12586" spans="2:12">
      <c r="B12586" s="368"/>
      <c r="C12586" s="368"/>
      <c r="D12586" s="368"/>
      <c r="E12586" s="368"/>
      <c r="F12586" s="361" t="s">
        <v>14391</v>
      </c>
      <c r="G12586" s="361" t="s">
        <v>14392</v>
      </c>
      <c r="H12586" s="362"/>
      <c r="I12586" s="361" t="s">
        <v>14392</v>
      </c>
      <c r="J12586" s="366"/>
      <c r="K12586" s="366"/>
      <c r="L12586" s="366"/>
    </row>
    <row r="12587" spans="2:12" ht="42.75">
      <c r="B12587" s="358" t="s">
        <v>20960</v>
      </c>
      <c r="C12587" s="358" t="s">
        <v>20961</v>
      </c>
      <c r="D12587" s="358" t="s">
        <v>20962</v>
      </c>
      <c r="E12587" s="358" t="s">
        <v>20963</v>
      </c>
      <c r="F12587" s="358" t="s">
        <v>14371</v>
      </c>
      <c r="G12587" s="358" t="s">
        <v>14372</v>
      </c>
      <c r="H12587" s="358" t="s">
        <v>14370</v>
      </c>
      <c r="I12587" s="358" t="s">
        <v>14373</v>
      </c>
      <c r="J12587" s="358"/>
      <c r="K12587" s="358"/>
      <c r="L12587" s="358"/>
    </row>
    <row r="12588" spans="2:12">
      <c r="B12588" s="367"/>
      <c r="C12588" s="367"/>
      <c r="D12588" s="367"/>
      <c r="E12588" s="367"/>
      <c r="F12588" s="360"/>
      <c r="G12588" s="360"/>
      <c r="H12588" s="360"/>
      <c r="I12588" s="367"/>
      <c r="J12588" s="365"/>
      <c r="K12588" s="365"/>
      <c r="L12588" s="365"/>
    </row>
    <row r="12589" spans="2:12" ht="28.5">
      <c r="B12589" s="368"/>
      <c r="C12589" s="368"/>
      <c r="D12589" s="368"/>
      <c r="E12589" s="368"/>
      <c r="F12589" s="361" t="s">
        <v>14374</v>
      </c>
      <c r="G12589" s="361" t="s">
        <v>14373</v>
      </c>
      <c r="H12589" s="361" t="s">
        <v>14422</v>
      </c>
      <c r="I12589" s="368"/>
      <c r="J12589" s="366"/>
      <c r="K12589" s="366"/>
      <c r="L12589" s="366"/>
    </row>
    <row r="12590" spans="2:12" ht="42.75">
      <c r="B12590" s="358" t="s">
        <v>20964</v>
      </c>
      <c r="C12590" s="358" t="s">
        <v>29290</v>
      </c>
      <c r="D12590" s="358" t="s">
        <v>20965</v>
      </c>
      <c r="E12590" s="358" t="s">
        <v>20966</v>
      </c>
      <c r="F12590" s="358" t="s">
        <v>14462</v>
      </c>
      <c r="G12590" s="358" t="s">
        <v>14463</v>
      </c>
      <c r="H12590" s="358" t="s">
        <v>8356</v>
      </c>
      <c r="I12590" s="358" t="s">
        <v>14463</v>
      </c>
      <c r="J12590" s="358"/>
      <c r="K12590" s="358"/>
      <c r="L12590" s="358"/>
    </row>
    <row r="12591" spans="2:12">
      <c r="B12591" s="368"/>
      <c r="C12591" s="368"/>
      <c r="D12591" s="368"/>
      <c r="E12591" s="368"/>
      <c r="F12591" s="368"/>
      <c r="G12591" s="368"/>
      <c r="H12591" s="368"/>
      <c r="I12591" s="368"/>
      <c r="J12591" s="366"/>
      <c r="K12591" s="366"/>
      <c r="L12591" s="366"/>
    </row>
    <row r="12592" spans="2:12" ht="28.5">
      <c r="B12592" s="358" t="s">
        <v>20967</v>
      </c>
      <c r="C12592" s="358" t="s">
        <v>29291</v>
      </c>
      <c r="D12592" s="358" t="s">
        <v>20968</v>
      </c>
      <c r="E12592" s="358" t="s">
        <v>8356</v>
      </c>
      <c r="F12592" s="358" t="s">
        <v>14472</v>
      </c>
      <c r="G12592" s="358" t="s">
        <v>14473</v>
      </c>
      <c r="H12592" s="358" t="s">
        <v>8356</v>
      </c>
      <c r="I12592" s="358" t="s">
        <v>14473</v>
      </c>
      <c r="J12592" s="358"/>
      <c r="K12592" s="358"/>
      <c r="L12592" s="358"/>
    </row>
    <row r="12593" spans="2:12">
      <c r="B12593" s="368"/>
      <c r="C12593" s="368"/>
      <c r="D12593" s="368"/>
      <c r="E12593" s="368"/>
      <c r="F12593" s="368"/>
      <c r="G12593" s="368"/>
      <c r="H12593" s="368"/>
      <c r="I12593" s="368"/>
      <c r="J12593" s="366"/>
      <c r="K12593" s="366"/>
      <c r="L12593" s="366"/>
    </row>
    <row r="12594" spans="2:12">
      <c r="B12594" s="354" t="s">
        <v>28574</v>
      </c>
      <c r="C12594" s="369"/>
      <c r="D12594" s="369"/>
      <c r="E12594" s="369"/>
      <c r="F12594" s="369"/>
      <c r="G12594" s="369"/>
      <c r="H12594" s="369"/>
      <c r="I12594" s="369"/>
      <c r="J12594" s="369"/>
      <c r="K12594" s="369"/>
      <c r="L12594" s="370"/>
    </row>
    <row r="12595" spans="2:12" ht="28.5">
      <c r="B12595" s="358" t="s">
        <v>13122</v>
      </c>
      <c r="C12595" s="358" t="s">
        <v>28395</v>
      </c>
      <c r="D12595" s="358" t="s">
        <v>13123</v>
      </c>
      <c r="E12595" s="358" t="s">
        <v>28396</v>
      </c>
      <c r="F12595" s="358" t="s">
        <v>14443</v>
      </c>
      <c r="G12595" s="358" t="s">
        <v>14444</v>
      </c>
      <c r="H12595" s="358" t="s">
        <v>14381</v>
      </c>
      <c r="I12595" s="358" t="s">
        <v>14444</v>
      </c>
      <c r="J12595" s="358"/>
      <c r="K12595" s="358" t="s">
        <v>14863</v>
      </c>
      <c r="L12595" s="358"/>
    </row>
    <row r="12596" spans="2:12">
      <c r="B12596" s="367"/>
      <c r="C12596" s="367"/>
      <c r="D12596" s="367"/>
      <c r="E12596" s="367"/>
      <c r="F12596" s="360"/>
      <c r="G12596" s="360"/>
      <c r="H12596" s="360"/>
      <c r="I12596" s="360"/>
      <c r="J12596" s="365"/>
      <c r="K12596" s="360"/>
      <c r="L12596" s="365"/>
    </row>
    <row r="12597" spans="2:12">
      <c r="B12597" s="367"/>
      <c r="C12597" s="367"/>
      <c r="D12597" s="367"/>
      <c r="E12597" s="367"/>
      <c r="F12597" s="359" t="s">
        <v>14507</v>
      </c>
      <c r="G12597" s="359" t="s">
        <v>14508</v>
      </c>
      <c r="H12597" s="359" t="s">
        <v>14367</v>
      </c>
      <c r="I12597" s="359" t="s">
        <v>14508</v>
      </c>
      <c r="J12597" s="365"/>
      <c r="K12597" s="359" t="s">
        <v>14863</v>
      </c>
      <c r="L12597" s="365"/>
    </row>
    <row r="12598" spans="2:12">
      <c r="B12598" s="367"/>
      <c r="C12598" s="367"/>
      <c r="D12598" s="367"/>
      <c r="E12598" s="367"/>
      <c r="F12598" s="360"/>
      <c r="G12598" s="360"/>
      <c r="H12598" s="360"/>
      <c r="I12598" s="360"/>
      <c r="J12598" s="365"/>
      <c r="K12598" s="360"/>
      <c r="L12598" s="365"/>
    </row>
    <row r="12599" spans="2:12">
      <c r="B12599" s="367"/>
      <c r="C12599" s="367"/>
      <c r="D12599" s="367"/>
      <c r="E12599" s="367"/>
      <c r="F12599" s="359" t="s">
        <v>15089</v>
      </c>
      <c r="G12599" s="359" t="s">
        <v>14429</v>
      </c>
      <c r="H12599" s="359" t="s">
        <v>14370</v>
      </c>
      <c r="I12599" s="359" t="s">
        <v>14429</v>
      </c>
      <c r="J12599" s="365"/>
      <c r="K12599" s="360"/>
      <c r="L12599" s="365"/>
    </row>
    <row r="12600" spans="2:12">
      <c r="B12600" s="367"/>
      <c r="C12600" s="367"/>
      <c r="D12600" s="367"/>
      <c r="E12600" s="367"/>
      <c r="F12600" s="360"/>
      <c r="G12600" s="360"/>
      <c r="H12600" s="360"/>
      <c r="I12600" s="360"/>
      <c r="J12600" s="365"/>
      <c r="K12600" s="360"/>
      <c r="L12600" s="365"/>
    </row>
    <row r="12601" spans="2:12">
      <c r="B12601" s="367"/>
      <c r="C12601" s="367"/>
      <c r="D12601" s="367"/>
      <c r="E12601" s="367"/>
      <c r="F12601" s="359" t="s">
        <v>16919</v>
      </c>
      <c r="G12601" s="359" t="s">
        <v>17203</v>
      </c>
      <c r="H12601" s="359" t="s">
        <v>14422</v>
      </c>
      <c r="I12601" s="359" t="s">
        <v>17203</v>
      </c>
      <c r="J12601" s="365"/>
      <c r="K12601" s="360"/>
      <c r="L12601" s="365"/>
    </row>
    <row r="12602" spans="2:12">
      <c r="B12602" s="367"/>
      <c r="C12602" s="367"/>
      <c r="D12602" s="367"/>
      <c r="E12602" s="367"/>
      <c r="F12602" s="360"/>
      <c r="G12602" s="360"/>
      <c r="H12602" s="360"/>
      <c r="I12602" s="360"/>
      <c r="J12602" s="365"/>
      <c r="K12602" s="360"/>
      <c r="L12602" s="365"/>
    </row>
    <row r="12603" spans="2:12">
      <c r="B12603" s="367"/>
      <c r="C12603" s="367"/>
      <c r="D12603" s="367"/>
      <c r="E12603" s="367"/>
      <c r="F12603" s="359" t="s">
        <v>14371</v>
      </c>
      <c r="G12603" s="359" t="s">
        <v>14372</v>
      </c>
      <c r="H12603" s="360"/>
      <c r="I12603" s="359" t="s">
        <v>14373</v>
      </c>
      <c r="J12603" s="365"/>
      <c r="K12603" s="360"/>
      <c r="L12603" s="365"/>
    </row>
    <row r="12604" spans="2:12">
      <c r="B12604" s="367"/>
      <c r="C12604" s="367"/>
      <c r="D12604" s="367"/>
      <c r="E12604" s="367"/>
      <c r="F12604" s="360"/>
      <c r="G12604" s="360"/>
      <c r="H12604" s="360"/>
      <c r="I12604" s="360"/>
      <c r="J12604" s="365"/>
      <c r="K12604" s="360"/>
      <c r="L12604" s="365"/>
    </row>
    <row r="12605" spans="2:12" ht="28.5">
      <c r="B12605" s="368"/>
      <c r="C12605" s="368"/>
      <c r="D12605" s="368"/>
      <c r="E12605" s="368"/>
      <c r="F12605" s="361" t="s">
        <v>14374</v>
      </c>
      <c r="G12605" s="361" t="s">
        <v>14373</v>
      </c>
      <c r="H12605" s="362"/>
      <c r="I12605" s="362"/>
      <c r="J12605" s="366"/>
      <c r="K12605" s="362"/>
      <c r="L12605" s="366"/>
    </row>
    <row r="12606" spans="2:12">
      <c r="B12606" s="354" t="s">
        <v>28528</v>
      </c>
      <c r="C12606" s="369"/>
      <c r="D12606" s="369"/>
      <c r="E12606" s="369"/>
      <c r="F12606" s="369"/>
      <c r="G12606" s="369"/>
      <c r="H12606" s="369"/>
      <c r="I12606" s="369"/>
      <c r="J12606" s="369"/>
      <c r="K12606" s="369"/>
      <c r="L12606" s="370"/>
    </row>
    <row r="12607" spans="2:12">
      <c r="B12607" s="358" t="s">
        <v>20969</v>
      </c>
      <c r="C12607" s="358" t="s">
        <v>20970</v>
      </c>
      <c r="D12607" s="358" t="s">
        <v>20971</v>
      </c>
      <c r="E12607" s="358" t="s">
        <v>20972</v>
      </c>
      <c r="F12607" s="358" t="s">
        <v>14391</v>
      </c>
      <c r="G12607" s="358" t="s">
        <v>14392</v>
      </c>
      <c r="H12607" s="358" t="s">
        <v>14367</v>
      </c>
      <c r="I12607" s="358" t="s">
        <v>14392</v>
      </c>
      <c r="J12607" s="358"/>
      <c r="K12607" s="358"/>
      <c r="L12607" s="358"/>
    </row>
    <row r="12608" spans="2:12">
      <c r="B12608" s="367"/>
      <c r="C12608" s="367"/>
      <c r="D12608" s="367"/>
      <c r="E12608" s="367"/>
      <c r="F12608" s="360"/>
      <c r="G12608" s="360"/>
      <c r="H12608" s="360"/>
      <c r="I12608" s="360"/>
      <c r="J12608" s="365"/>
      <c r="K12608" s="365"/>
      <c r="L12608" s="365"/>
    </row>
    <row r="12609" spans="2:12" ht="28.5">
      <c r="B12609" s="367"/>
      <c r="C12609" s="367"/>
      <c r="D12609" s="367"/>
      <c r="E12609" s="367"/>
      <c r="F12609" s="359" t="s">
        <v>14394</v>
      </c>
      <c r="G12609" s="359" t="s">
        <v>14395</v>
      </c>
      <c r="H12609" s="359" t="s">
        <v>14370</v>
      </c>
      <c r="I12609" s="359" t="s">
        <v>14395</v>
      </c>
      <c r="J12609" s="365"/>
      <c r="K12609" s="365"/>
      <c r="L12609" s="365"/>
    </row>
    <row r="12610" spans="2:12">
      <c r="B12610" s="367"/>
      <c r="C12610" s="367"/>
      <c r="D12610" s="367"/>
      <c r="E12610" s="367"/>
      <c r="F12610" s="360"/>
      <c r="G12610" s="360"/>
      <c r="H12610" s="360"/>
      <c r="I12610" s="360"/>
      <c r="J12610" s="365"/>
      <c r="K12610" s="365"/>
      <c r="L12610" s="365"/>
    </row>
    <row r="12611" spans="2:12">
      <c r="B12611" s="368"/>
      <c r="C12611" s="368"/>
      <c r="D12611" s="368"/>
      <c r="E12611" s="368"/>
      <c r="F12611" s="362"/>
      <c r="G12611" s="362"/>
      <c r="H12611" s="361" t="s">
        <v>14422</v>
      </c>
      <c r="I12611" s="362"/>
      <c r="J12611" s="366"/>
      <c r="K12611" s="366"/>
      <c r="L12611" s="366"/>
    </row>
    <row r="12612" spans="2:12">
      <c r="B12612" s="354" t="s">
        <v>14492</v>
      </c>
      <c r="C12612" s="369"/>
      <c r="D12612" s="369"/>
      <c r="E12612" s="369"/>
      <c r="F12612" s="369"/>
      <c r="G12612" s="369"/>
      <c r="H12612" s="369"/>
      <c r="I12612" s="369"/>
      <c r="J12612" s="369"/>
      <c r="K12612" s="369"/>
      <c r="L12612" s="370"/>
    </row>
    <row r="12613" spans="2:12" ht="71.25">
      <c r="B12613" s="358" t="s">
        <v>13766</v>
      </c>
      <c r="C12613" s="358" t="s">
        <v>20973</v>
      </c>
      <c r="D12613" s="358" t="s">
        <v>13767</v>
      </c>
      <c r="E12613" s="358" t="s">
        <v>13768</v>
      </c>
      <c r="F12613" s="358" t="s">
        <v>14424</v>
      </c>
      <c r="G12613" s="358" t="s">
        <v>17083</v>
      </c>
      <c r="H12613" s="358" t="s">
        <v>14381</v>
      </c>
      <c r="I12613" s="358" t="s">
        <v>17083</v>
      </c>
      <c r="J12613" s="358"/>
      <c r="K12613" s="358" t="s">
        <v>19328</v>
      </c>
      <c r="L12613" s="358"/>
    </row>
    <row r="12614" spans="2:12">
      <c r="B12614" s="367"/>
      <c r="C12614" s="367"/>
      <c r="D12614" s="367"/>
      <c r="E12614" s="367"/>
      <c r="F12614" s="360"/>
      <c r="G12614" s="360"/>
      <c r="H12614" s="360"/>
      <c r="I12614" s="360"/>
      <c r="J12614" s="365"/>
      <c r="K12614" s="360"/>
      <c r="L12614" s="365"/>
    </row>
    <row r="12615" spans="2:12">
      <c r="B12615" s="367"/>
      <c r="C12615" s="367"/>
      <c r="D12615" s="367"/>
      <c r="E12615" s="367"/>
      <c r="F12615" s="359" t="s">
        <v>14530</v>
      </c>
      <c r="G12615" s="359" t="s">
        <v>14380</v>
      </c>
      <c r="H12615" s="359" t="s">
        <v>14378</v>
      </c>
      <c r="I12615" s="359" t="s">
        <v>14380</v>
      </c>
      <c r="J12615" s="365"/>
      <c r="K12615" s="359" t="s">
        <v>29114</v>
      </c>
      <c r="L12615" s="365"/>
    </row>
    <row r="12616" spans="2:12">
      <c r="B12616" s="367"/>
      <c r="C12616" s="367"/>
      <c r="D12616" s="367"/>
      <c r="E12616" s="367"/>
      <c r="F12616" s="360"/>
      <c r="G12616" s="360"/>
      <c r="H12616" s="360"/>
      <c r="I12616" s="360"/>
      <c r="J12616" s="365"/>
      <c r="K12616" s="360"/>
      <c r="L12616" s="365"/>
    </row>
    <row r="12617" spans="2:12" ht="57">
      <c r="B12617" s="367"/>
      <c r="C12617" s="367"/>
      <c r="D12617" s="367"/>
      <c r="E12617" s="367"/>
      <c r="F12617" s="359" t="s">
        <v>14530</v>
      </c>
      <c r="G12617" s="359" t="s">
        <v>14531</v>
      </c>
      <c r="H12617" s="359" t="s">
        <v>14370</v>
      </c>
      <c r="I12617" s="359" t="s">
        <v>14531</v>
      </c>
      <c r="J12617" s="365"/>
      <c r="K12617" s="359" t="s">
        <v>29292</v>
      </c>
      <c r="L12617" s="365"/>
    </row>
    <row r="12618" spans="2:12">
      <c r="B12618" s="367"/>
      <c r="C12618" s="367"/>
      <c r="D12618" s="367"/>
      <c r="E12618" s="367"/>
      <c r="F12618" s="360"/>
      <c r="G12618" s="360"/>
      <c r="H12618" s="360"/>
      <c r="I12618" s="360"/>
      <c r="J12618" s="365"/>
      <c r="K12618" s="360"/>
      <c r="L12618" s="365"/>
    </row>
    <row r="12619" spans="2:12" ht="42.75">
      <c r="B12619" s="367"/>
      <c r="C12619" s="367"/>
      <c r="D12619" s="367"/>
      <c r="E12619" s="367"/>
      <c r="F12619" s="359" t="s">
        <v>14530</v>
      </c>
      <c r="G12619" s="359" t="s">
        <v>14405</v>
      </c>
      <c r="H12619" s="359" t="s">
        <v>14332</v>
      </c>
      <c r="I12619" s="359" t="s">
        <v>14405</v>
      </c>
      <c r="J12619" s="365"/>
      <c r="K12619" s="359" t="s">
        <v>19330</v>
      </c>
      <c r="L12619" s="365"/>
    </row>
    <row r="12620" spans="2:12">
      <c r="B12620" s="367"/>
      <c r="C12620" s="367"/>
      <c r="D12620" s="367"/>
      <c r="E12620" s="367"/>
      <c r="F12620" s="360"/>
      <c r="G12620" s="360"/>
      <c r="H12620" s="360"/>
      <c r="I12620" s="360"/>
      <c r="J12620" s="365"/>
      <c r="K12620" s="360"/>
      <c r="L12620" s="365"/>
    </row>
    <row r="12621" spans="2:12" ht="28.5">
      <c r="B12621" s="367"/>
      <c r="C12621" s="367"/>
      <c r="D12621" s="367"/>
      <c r="E12621" s="367"/>
      <c r="F12621" s="359" t="s">
        <v>14384</v>
      </c>
      <c r="G12621" s="359" t="s">
        <v>19331</v>
      </c>
      <c r="H12621" s="360"/>
      <c r="I12621" s="359" t="s">
        <v>19331</v>
      </c>
      <c r="J12621" s="365"/>
      <c r="K12621" s="359" t="s">
        <v>29293</v>
      </c>
      <c r="L12621" s="365"/>
    </row>
    <row r="12622" spans="2:12">
      <c r="B12622" s="367"/>
      <c r="C12622" s="367"/>
      <c r="D12622" s="367"/>
      <c r="E12622" s="367"/>
      <c r="F12622" s="360"/>
      <c r="G12622" s="360"/>
      <c r="H12622" s="360"/>
      <c r="I12622" s="360"/>
      <c r="J12622" s="365"/>
      <c r="K12622" s="360"/>
      <c r="L12622" s="365"/>
    </row>
    <row r="12623" spans="2:12">
      <c r="B12623" s="367"/>
      <c r="C12623" s="367"/>
      <c r="D12623" s="367"/>
      <c r="E12623" s="367"/>
      <c r="F12623" s="359" t="s">
        <v>14371</v>
      </c>
      <c r="G12623" s="359" t="s">
        <v>14372</v>
      </c>
      <c r="H12623" s="360"/>
      <c r="I12623" s="359" t="s">
        <v>14373</v>
      </c>
      <c r="J12623" s="365"/>
      <c r="K12623" s="359" t="s">
        <v>14655</v>
      </c>
      <c r="L12623" s="365"/>
    </row>
    <row r="12624" spans="2:12">
      <c r="B12624" s="367"/>
      <c r="C12624" s="367"/>
      <c r="D12624" s="367"/>
      <c r="E12624" s="367"/>
      <c r="F12624" s="360"/>
      <c r="G12624" s="360"/>
      <c r="H12624" s="360"/>
      <c r="I12624" s="360"/>
      <c r="J12624" s="365"/>
      <c r="K12624" s="360"/>
      <c r="L12624" s="365"/>
    </row>
    <row r="12625" spans="2:12" ht="28.5">
      <c r="B12625" s="368"/>
      <c r="C12625" s="368"/>
      <c r="D12625" s="368"/>
      <c r="E12625" s="368"/>
      <c r="F12625" s="361" t="s">
        <v>14374</v>
      </c>
      <c r="G12625" s="361" t="s">
        <v>14373</v>
      </c>
      <c r="H12625" s="362"/>
      <c r="I12625" s="362"/>
      <c r="J12625" s="366"/>
      <c r="K12625" s="361" t="s">
        <v>14655</v>
      </c>
      <c r="L12625" s="366"/>
    </row>
    <row r="12626" spans="2:12">
      <c r="B12626" s="354" t="s">
        <v>28528</v>
      </c>
      <c r="C12626" s="369"/>
      <c r="D12626" s="369"/>
      <c r="E12626" s="369"/>
      <c r="F12626" s="369"/>
      <c r="G12626" s="369"/>
      <c r="H12626" s="369"/>
      <c r="I12626" s="369"/>
      <c r="J12626" s="369"/>
      <c r="K12626" s="369"/>
      <c r="L12626" s="370"/>
    </row>
    <row r="12627" spans="2:12" ht="28.5">
      <c r="B12627" s="358" t="s">
        <v>20974</v>
      </c>
      <c r="C12627" s="358" t="s">
        <v>20975</v>
      </c>
      <c r="D12627" s="358" t="s">
        <v>20976</v>
      </c>
      <c r="E12627" s="358" t="s">
        <v>20977</v>
      </c>
      <c r="F12627" s="358" t="s">
        <v>14507</v>
      </c>
      <c r="G12627" s="358" t="s">
        <v>29294</v>
      </c>
      <c r="H12627" s="358" t="s">
        <v>14381</v>
      </c>
      <c r="I12627" s="358" t="s">
        <v>29294</v>
      </c>
      <c r="J12627" s="358"/>
      <c r="K12627" s="358"/>
      <c r="L12627" s="358"/>
    </row>
    <row r="12628" spans="2:12">
      <c r="B12628" s="367"/>
      <c r="C12628" s="367"/>
      <c r="D12628" s="367"/>
      <c r="E12628" s="367"/>
      <c r="F12628" s="360"/>
      <c r="G12628" s="360"/>
      <c r="H12628" s="360"/>
      <c r="I12628" s="360"/>
      <c r="J12628" s="365"/>
      <c r="K12628" s="365"/>
      <c r="L12628" s="365"/>
    </row>
    <row r="12629" spans="2:12">
      <c r="B12629" s="367"/>
      <c r="C12629" s="367"/>
      <c r="D12629" s="367"/>
      <c r="E12629" s="367"/>
      <c r="F12629" s="359" t="s">
        <v>14389</v>
      </c>
      <c r="G12629" s="359" t="s">
        <v>14392</v>
      </c>
      <c r="H12629" s="359" t="s">
        <v>14367</v>
      </c>
      <c r="I12629" s="359" t="s">
        <v>14392</v>
      </c>
      <c r="J12629" s="365"/>
      <c r="K12629" s="365"/>
      <c r="L12629" s="365"/>
    </row>
    <row r="12630" spans="2:12">
      <c r="B12630" s="367"/>
      <c r="C12630" s="367"/>
      <c r="D12630" s="367"/>
      <c r="E12630" s="367"/>
      <c r="F12630" s="360"/>
      <c r="G12630" s="360"/>
      <c r="H12630" s="360"/>
      <c r="I12630" s="360"/>
      <c r="J12630" s="365"/>
      <c r="K12630" s="365"/>
      <c r="L12630" s="365"/>
    </row>
    <row r="12631" spans="2:12">
      <c r="B12631" s="367"/>
      <c r="C12631" s="367"/>
      <c r="D12631" s="367"/>
      <c r="E12631" s="367"/>
      <c r="F12631" s="359" t="s">
        <v>14391</v>
      </c>
      <c r="G12631" s="359" t="s">
        <v>14372</v>
      </c>
      <c r="H12631" s="359" t="s">
        <v>14370</v>
      </c>
      <c r="I12631" s="359" t="s">
        <v>14373</v>
      </c>
      <c r="J12631" s="365"/>
      <c r="K12631" s="365"/>
      <c r="L12631" s="365"/>
    </row>
    <row r="12632" spans="2:12">
      <c r="B12632" s="367"/>
      <c r="C12632" s="367"/>
      <c r="D12632" s="367"/>
      <c r="E12632" s="367"/>
      <c r="F12632" s="360"/>
      <c r="G12632" s="360"/>
      <c r="H12632" s="360"/>
      <c r="I12632" s="360"/>
      <c r="J12632" s="365"/>
      <c r="K12632" s="365"/>
      <c r="L12632" s="365"/>
    </row>
    <row r="12633" spans="2:12">
      <c r="B12633" s="367"/>
      <c r="C12633" s="367"/>
      <c r="D12633" s="367"/>
      <c r="E12633" s="367"/>
      <c r="F12633" s="359" t="s">
        <v>14371</v>
      </c>
      <c r="G12633" s="359" t="s">
        <v>14373</v>
      </c>
      <c r="H12633" s="359" t="s">
        <v>14422</v>
      </c>
      <c r="I12633" s="360"/>
      <c r="J12633" s="365"/>
      <c r="K12633" s="365"/>
      <c r="L12633" s="365"/>
    </row>
    <row r="12634" spans="2:12">
      <c r="B12634" s="367"/>
      <c r="C12634" s="367"/>
      <c r="D12634" s="367"/>
      <c r="E12634" s="367"/>
      <c r="F12634" s="360"/>
      <c r="G12634" s="360"/>
      <c r="H12634" s="360"/>
      <c r="I12634" s="360"/>
      <c r="J12634" s="365"/>
      <c r="K12634" s="365"/>
      <c r="L12634" s="365"/>
    </row>
    <row r="12635" spans="2:12" ht="28.5">
      <c r="B12635" s="368"/>
      <c r="C12635" s="368"/>
      <c r="D12635" s="368"/>
      <c r="E12635" s="368"/>
      <c r="F12635" s="361" t="s">
        <v>14374</v>
      </c>
      <c r="G12635" s="362"/>
      <c r="H12635" s="362"/>
      <c r="I12635" s="362"/>
      <c r="J12635" s="366"/>
      <c r="K12635" s="366"/>
      <c r="L12635" s="366"/>
    </row>
    <row r="12636" spans="2:12" ht="28.5">
      <c r="B12636" s="358" t="s">
        <v>20978</v>
      </c>
      <c r="C12636" s="358" t="s">
        <v>27672</v>
      </c>
      <c r="D12636" s="358" t="s">
        <v>20979</v>
      </c>
      <c r="E12636" s="358" t="s">
        <v>20980</v>
      </c>
      <c r="F12636" s="358" t="s">
        <v>14507</v>
      </c>
      <c r="G12636" s="358" t="s">
        <v>28621</v>
      </c>
      <c r="H12636" s="358" t="s">
        <v>14381</v>
      </c>
      <c r="I12636" s="358" t="s">
        <v>28621</v>
      </c>
      <c r="J12636" s="358"/>
      <c r="K12636" s="358"/>
      <c r="L12636" s="358"/>
    </row>
    <row r="12637" spans="2:12">
      <c r="B12637" s="367"/>
      <c r="C12637" s="367"/>
      <c r="D12637" s="367"/>
      <c r="E12637" s="367"/>
      <c r="F12637" s="360"/>
      <c r="G12637" s="360"/>
      <c r="H12637" s="360"/>
      <c r="I12637" s="360"/>
      <c r="J12637" s="365"/>
      <c r="K12637" s="365"/>
      <c r="L12637" s="365"/>
    </row>
    <row r="12638" spans="2:12">
      <c r="B12638" s="367"/>
      <c r="C12638" s="367"/>
      <c r="D12638" s="367"/>
      <c r="E12638" s="367"/>
      <c r="F12638" s="359" t="s">
        <v>14420</v>
      </c>
      <c r="G12638" s="359" t="s">
        <v>14390</v>
      </c>
      <c r="H12638" s="359" t="s">
        <v>14341</v>
      </c>
      <c r="I12638" s="359" t="s">
        <v>14390</v>
      </c>
      <c r="J12638" s="365"/>
      <c r="K12638" s="365"/>
      <c r="L12638" s="365"/>
    </row>
    <row r="12639" spans="2:12">
      <c r="B12639" s="367"/>
      <c r="C12639" s="367"/>
      <c r="D12639" s="367"/>
      <c r="E12639" s="367"/>
      <c r="F12639" s="360"/>
      <c r="G12639" s="360"/>
      <c r="H12639" s="360"/>
      <c r="I12639" s="360"/>
      <c r="J12639" s="365"/>
      <c r="K12639" s="365"/>
      <c r="L12639" s="365"/>
    </row>
    <row r="12640" spans="2:12">
      <c r="B12640" s="367"/>
      <c r="C12640" s="367"/>
      <c r="D12640" s="367"/>
      <c r="E12640" s="367"/>
      <c r="F12640" s="359" t="s">
        <v>14389</v>
      </c>
      <c r="G12640" s="359" t="s">
        <v>14431</v>
      </c>
      <c r="H12640" s="359" t="s">
        <v>14367</v>
      </c>
      <c r="I12640" s="359" t="s">
        <v>14431</v>
      </c>
      <c r="J12640" s="365"/>
      <c r="K12640" s="365"/>
      <c r="L12640" s="365"/>
    </row>
    <row r="12641" spans="2:12">
      <c r="B12641" s="367"/>
      <c r="C12641" s="367"/>
      <c r="D12641" s="367"/>
      <c r="E12641" s="367"/>
      <c r="F12641" s="360"/>
      <c r="G12641" s="360"/>
      <c r="H12641" s="360"/>
      <c r="I12641" s="360"/>
      <c r="J12641" s="365"/>
      <c r="K12641" s="365"/>
      <c r="L12641" s="365"/>
    </row>
    <row r="12642" spans="2:12">
      <c r="B12642" s="367"/>
      <c r="C12642" s="367"/>
      <c r="D12642" s="367"/>
      <c r="E12642" s="367"/>
      <c r="F12642" s="359" t="s">
        <v>14430</v>
      </c>
      <c r="G12642" s="359" t="s">
        <v>14392</v>
      </c>
      <c r="H12642" s="359" t="s">
        <v>14332</v>
      </c>
      <c r="I12642" s="359" t="s">
        <v>14392</v>
      </c>
      <c r="J12642" s="365"/>
      <c r="K12642" s="365"/>
      <c r="L12642" s="365"/>
    </row>
    <row r="12643" spans="2:12">
      <c r="B12643" s="367"/>
      <c r="C12643" s="367"/>
      <c r="D12643" s="367"/>
      <c r="E12643" s="367"/>
      <c r="F12643" s="360"/>
      <c r="G12643" s="360"/>
      <c r="H12643" s="360"/>
      <c r="I12643" s="360"/>
      <c r="J12643" s="365"/>
      <c r="K12643" s="365"/>
      <c r="L12643" s="365"/>
    </row>
    <row r="12644" spans="2:12">
      <c r="B12644" s="368"/>
      <c r="C12644" s="368"/>
      <c r="D12644" s="368"/>
      <c r="E12644" s="368"/>
      <c r="F12644" s="361" t="s">
        <v>14391</v>
      </c>
      <c r="G12644" s="362"/>
      <c r="H12644" s="362"/>
      <c r="I12644" s="362"/>
      <c r="J12644" s="366"/>
      <c r="K12644" s="366"/>
      <c r="L12644" s="366"/>
    </row>
    <row r="12645" spans="2:12">
      <c r="B12645" s="358" t="s">
        <v>20981</v>
      </c>
      <c r="C12645" s="358" t="s">
        <v>27673</v>
      </c>
      <c r="D12645" s="358" t="s">
        <v>20982</v>
      </c>
      <c r="E12645" s="358" t="s">
        <v>20983</v>
      </c>
      <c r="F12645" s="358" t="s">
        <v>15370</v>
      </c>
      <c r="G12645" s="358" t="s">
        <v>15097</v>
      </c>
      <c r="H12645" s="358" t="s">
        <v>14328</v>
      </c>
      <c r="I12645" s="358" t="s">
        <v>15097</v>
      </c>
      <c r="J12645" s="358"/>
      <c r="K12645" s="358"/>
      <c r="L12645" s="358" t="s">
        <v>14513</v>
      </c>
    </row>
    <row r="12646" spans="2:12">
      <c r="B12646" s="367"/>
      <c r="C12646" s="367"/>
      <c r="D12646" s="367"/>
      <c r="E12646" s="367"/>
      <c r="F12646" s="367"/>
      <c r="G12646" s="367"/>
      <c r="H12646" s="360"/>
      <c r="I12646" s="367"/>
      <c r="J12646" s="365"/>
      <c r="K12646" s="365"/>
      <c r="L12646" s="367"/>
    </row>
    <row r="12647" spans="2:12">
      <c r="B12647" s="368"/>
      <c r="C12647" s="368"/>
      <c r="D12647" s="368"/>
      <c r="E12647" s="368"/>
      <c r="F12647" s="368"/>
      <c r="G12647" s="368"/>
      <c r="H12647" s="361" t="s">
        <v>14332</v>
      </c>
      <c r="I12647" s="368"/>
      <c r="J12647" s="366"/>
      <c r="K12647" s="366"/>
      <c r="L12647" s="368"/>
    </row>
    <row r="12648" spans="2:12" ht="71.25">
      <c r="B12648" s="358" t="s">
        <v>20984</v>
      </c>
      <c r="C12648" s="358" t="s">
        <v>30246</v>
      </c>
      <c r="D12648" s="358" t="s">
        <v>20985</v>
      </c>
      <c r="E12648" s="358"/>
      <c r="F12648" s="358" t="s">
        <v>14472</v>
      </c>
      <c r="G12648" s="358" t="s">
        <v>14473</v>
      </c>
      <c r="H12648" s="358" t="s">
        <v>8356</v>
      </c>
      <c r="I12648" s="358" t="s">
        <v>14473</v>
      </c>
      <c r="J12648" s="358"/>
      <c r="K12648" s="358"/>
      <c r="L12648" s="358"/>
    </row>
    <row r="12649" spans="2:12">
      <c r="B12649" s="368"/>
      <c r="C12649" s="368"/>
      <c r="D12649" s="368"/>
      <c r="E12649" s="366"/>
      <c r="F12649" s="368"/>
      <c r="G12649" s="368"/>
      <c r="H12649" s="368"/>
      <c r="I12649" s="368"/>
      <c r="J12649" s="366"/>
      <c r="K12649" s="366"/>
      <c r="L12649" s="366"/>
    </row>
    <row r="12650" spans="2:12" ht="71.25">
      <c r="B12650" s="358" t="s">
        <v>20986</v>
      </c>
      <c r="C12650" s="358" t="s">
        <v>29295</v>
      </c>
      <c r="D12650" s="358" t="s">
        <v>20987</v>
      </c>
      <c r="E12650" s="358" t="s">
        <v>8356</v>
      </c>
      <c r="F12650" s="358" t="s">
        <v>14389</v>
      </c>
      <c r="G12650" s="358" t="s">
        <v>14390</v>
      </c>
      <c r="H12650" s="358" t="s">
        <v>14341</v>
      </c>
      <c r="I12650" s="358" t="s">
        <v>14390</v>
      </c>
      <c r="J12650" s="358"/>
      <c r="K12650" s="358"/>
      <c r="L12650" s="358"/>
    </row>
    <row r="12651" spans="2:12">
      <c r="B12651" s="367"/>
      <c r="C12651" s="367"/>
      <c r="D12651" s="367"/>
      <c r="E12651" s="367"/>
      <c r="F12651" s="360"/>
      <c r="G12651" s="360"/>
      <c r="H12651" s="360"/>
      <c r="I12651" s="360"/>
      <c r="J12651" s="365"/>
      <c r="K12651" s="365"/>
      <c r="L12651" s="365"/>
    </row>
    <row r="12652" spans="2:12">
      <c r="B12652" s="367"/>
      <c r="C12652" s="367"/>
      <c r="D12652" s="367"/>
      <c r="E12652" s="367"/>
      <c r="F12652" s="359" t="s">
        <v>14430</v>
      </c>
      <c r="G12652" s="359" t="s">
        <v>14431</v>
      </c>
      <c r="H12652" s="359" t="s">
        <v>14332</v>
      </c>
      <c r="I12652" s="359" t="s">
        <v>14431</v>
      </c>
      <c r="J12652" s="365"/>
      <c r="K12652" s="365"/>
      <c r="L12652" s="365"/>
    </row>
    <row r="12653" spans="2:12">
      <c r="B12653" s="367"/>
      <c r="C12653" s="367"/>
      <c r="D12653" s="367"/>
      <c r="E12653" s="367"/>
      <c r="F12653" s="360"/>
      <c r="G12653" s="360"/>
      <c r="H12653" s="360"/>
      <c r="I12653" s="360"/>
      <c r="J12653" s="365"/>
      <c r="K12653" s="365"/>
      <c r="L12653" s="365"/>
    </row>
    <row r="12654" spans="2:12" ht="28.5">
      <c r="B12654" s="368"/>
      <c r="C12654" s="368"/>
      <c r="D12654" s="368"/>
      <c r="E12654" s="368"/>
      <c r="F12654" s="361" t="s">
        <v>14472</v>
      </c>
      <c r="G12654" s="361" t="s">
        <v>14473</v>
      </c>
      <c r="H12654" s="362"/>
      <c r="I12654" s="361" t="s">
        <v>14473</v>
      </c>
      <c r="J12654" s="366"/>
      <c r="K12654" s="366"/>
      <c r="L12654" s="366"/>
    </row>
    <row r="12655" spans="2:12" ht="42.75">
      <c r="B12655" s="358" t="s">
        <v>20988</v>
      </c>
      <c r="C12655" s="358" t="s">
        <v>27674</v>
      </c>
      <c r="D12655" s="358" t="s">
        <v>20989</v>
      </c>
      <c r="E12655" s="358" t="s">
        <v>8356</v>
      </c>
      <c r="F12655" s="358" t="s">
        <v>14462</v>
      </c>
      <c r="G12655" s="358" t="s">
        <v>14463</v>
      </c>
      <c r="H12655" s="358" t="s">
        <v>8356</v>
      </c>
      <c r="I12655" s="358" t="s">
        <v>14463</v>
      </c>
      <c r="J12655" s="358"/>
      <c r="K12655" s="358"/>
      <c r="L12655" s="358"/>
    </row>
    <row r="12656" spans="2:12">
      <c r="B12656" s="368"/>
      <c r="C12656" s="368"/>
      <c r="D12656" s="368"/>
      <c r="E12656" s="368"/>
      <c r="F12656" s="368"/>
      <c r="G12656" s="368"/>
      <c r="H12656" s="368"/>
      <c r="I12656" s="368"/>
      <c r="J12656" s="366"/>
      <c r="K12656" s="366"/>
      <c r="L12656" s="366"/>
    </row>
    <row r="12657" spans="2:12">
      <c r="B12657" s="358" t="s">
        <v>20990</v>
      </c>
      <c r="C12657" s="358" t="s">
        <v>20991</v>
      </c>
      <c r="D12657" s="358" t="s">
        <v>20992</v>
      </c>
      <c r="E12657" s="358" t="s">
        <v>20993</v>
      </c>
      <c r="F12657" s="358" t="s">
        <v>14430</v>
      </c>
      <c r="G12657" s="358" t="s">
        <v>14431</v>
      </c>
      <c r="H12657" s="358" t="s">
        <v>14341</v>
      </c>
      <c r="I12657" s="358" t="s">
        <v>14431</v>
      </c>
      <c r="J12657" s="358"/>
      <c r="K12657" s="358"/>
      <c r="L12657" s="358"/>
    </row>
    <row r="12658" spans="2:12">
      <c r="B12658" s="367"/>
      <c r="C12658" s="367"/>
      <c r="D12658" s="367"/>
      <c r="E12658" s="367"/>
      <c r="F12658" s="360"/>
      <c r="G12658" s="360"/>
      <c r="H12658" s="360"/>
      <c r="I12658" s="360"/>
      <c r="J12658" s="365"/>
      <c r="K12658" s="365"/>
      <c r="L12658" s="365"/>
    </row>
    <row r="12659" spans="2:12">
      <c r="B12659" s="367"/>
      <c r="C12659" s="367"/>
      <c r="D12659" s="367"/>
      <c r="E12659" s="367"/>
      <c r="F12659" s="359" t="s">
        <v>14391</v>
      </c>
      <c r="G12659" s="359" t="s">
        <v>14392</v>
      </c>
      <c r="H12659" s="359" t="s">
        <v>14367</v>
      </c>
      <c r="I12659" s="359" t="s">
        <v>14392</v>
      </c>
      <c r="J12659" s="365"/>
      <c r="K12659" s="365"/>
      <c r="L12659" s="365"/>
    </row>
    <row r="12660" spans="2:12">
      <c r="B12660" s="367"/>
      <c r="C12660" s="367"/>
      <c r="D12660" s="367"/>
      <c r="E12660" s="367"/>
      <c r="F12660" s="360"/>
      <c r="G12660" s="360"/>
      <c r="H12660" s="360"/>
      <c r="I12660" s="360"/>
      <c r="J12660" s="365"/>
      <c r="K12660" s="365"/>
      <c r="L12660" s="365"/>
    </row>
    <row r="12661" spans="2:12" ht="28.5">
      <c r="B12661" s="368"/>
      <c r="C12661" s="368"/>
      <c r="D12661" s="368"/>
      <c r="E12661" s="368"/>
      <c r="F12661" s="361" t="s">
        <v>14472</v>
      </c>
      <c r="G12661" s="361" t="s">
        <v>14473</v>
      </c>
      <c r="H12661" s="361" t="s">
        <v>14332</v>
      </c>
      <c r="I12661" s="361" t="s">
        <v>14473</v>
      </c>
      <c r="J12661" s="366"/>
      <c r="K12661" s="366"/>
      <c r="L12661" s="366"/>
    </row>
    <row r="12662" spans="2:12" ht="42.75">
      <c r="B12662" s="358" t="s">
        <v>20994</v>
      </c>
      <c r="C12662" s="358" t="s">
        <v>29296</v>
      </c>
      <c r="D12662" s="358" t="s">
        <v>20995</v>
      </c>
      <c r="E12662" s="358" t="s">
        <v>20996</v>
      </c>
      <c r="F12662" s="358" t="s">
        <v>14430</v>
      </c>
      <c r="G12662" s="358" t="s">
        <v>14431</v>
      </c>
      <c r="H12662" s="358" t="s">
        <v>14341</v>
      </c>
      <c r="I12662" s="358" t="s">
        <v>14431</v>
      </c>
      <c r="J12662" s="358"/>
      <c r="K12662" s="358"/>
      <c r="L12662" s="358"/>
    </row>
    <row r="12663" spans="2:12">
      <c r="B12663" s="367"/>
      <c r="C12663" s="367"/>
      <c r="D12663" s="367"/>
      <c r="E12663" s="367"/>
      <c r="F12663" s="360"/>
      <c r="G12663" s="360"/>
      <c r="H12663" s="360"/>
      <c r="I12663" s="360"/>
      <c r="J12663" s="365"/>
      <c r="K12663" s="365"/>
      <c r="L12663" s="365"/>
    </row>
    <row r="12664" spans="2:12">
      <c r="B12664" s="367"/>
      <c r="C12664" s="367"/>
      <c r="D12664" s="367"/>
      <c r="E12664" s="367"/>
      <c r="F12664" s="359" t="s">
        <v>14391</v>
      </c>
      <c r="G12664" s="359" t="s">
        <v>14392</v>
      </c>
      <c r="H12664" s="359" t="s">
        <v>14367</v>
      </c>
      <c r="I12664" s="359" t="s">
        <v>14392</v>
      </c>
      <c r="J12664" s="365"/>
      <c r="K12664" s="365"/>
      <c r="L12664" s="365"/>
    </row>
    <row r="12665" spans="2:12">
      <c r="B12665" s="367"/>
      <c r="C12665" s="367"/>
      <c r="D12665" s="367"/>
      <c r="E12665" s="367"/>
      <c r="F12665" s="360"/>
      <c r="G12665" s="360"/>
      <c r="H12665" s="360"/>
      <c r="I12665" s="360"/>
      <c r="J12665" s="365"/>
      <c r="K12665" s="365"/>
      <c r="L12665" s="365"/>
    </row>
    <row r="12666" spans="2:12">
      <c r="B12666" s="367"/>
      <c r="C12666" s="367"/>
      <c r="D12666" s="367"/>
      <c r="E12666" s="367"/>
      <c r="F12666" s="359" t="s">
        <v>14371</v>
      </c>
      <c r="G12666" s="359" t="s">
        <v>14372</v>
      </c>
      <c r="H12666" s="359" t="s">
        <v>14370</v>
      </c>
      <c r="I12666" s="359" t="s">
        <v>14373</v>
      </c>
      <c r="J12666" s="365"/>
      <c r="K12666" s="365"/>
      <c r="L12666" s="365"/>
    </row>
    <row r="12667" spans="2:12">
      <c r="B12667" s="367"/>
      <c r="C12667" s="367"/>
      <c r="D12667" s="367"/>
      <c r="E12667" s="367"/>
      <c r="F12667" s="360"/>
      <c r="G12667" s="360"/>
      <c r="H12667" s="360"/>
      <c r="I12667" s="360"/>
      <c r="J12667" s="365"/>
      <c r="K12667" s="365"/>
      <c r="L12667" s="365"/>
    </row>
    <row r="12668" spans="2:12" ht="28.5">
      <c r="B12668" s="368"/>
      <c r="C12668" s="368"/>
      <c r="D12668" s="368"/>
      <c r="E12668" s="368"/>
      <c r="F12668" s="361" t="s">
        <v>14374</v>
      </c>
      <c r="G12668" s="361" t="s">
        <v>14373</v>
      </c>
      <c r="H12668" s="361" t="s">
        <v>14332</v>
      </c>
      <c r="I12668" s="362"/>
      <c r="J12668" s="366"/>
      <c r="K12668" s="366"/>
      <c r="L12668" s="366"/>
    </row>
    <row r="12669" spans="2:12" ht="85.5">
      <c r="B12669" s="358" t="s">
        <v>20997</v>
      </c>
      <c r="C12669" s="358" t="s">
        <v>30247</v>
      </c>
      <c r="D12669" s="358" t="s">
        <v>20998</v>
      </c>
      <c r="E12669" s="358" t="s">
        <v>20999</v>
      </c>
      <c r="F12669" s="358" t="s">
        <v>14462</v>
      </c>
      <c r="G12669" s="358" t="s">
        <v>14463</v>
      </c>
      <c r="H12669" s="358" t="s">
        <v>8356</v>
      </c>
      <c r="I12669" s="358" t="s">
        <v>14463</v>
      </c>
      <c r="J12669" s="358"/>
      <c r="K12669" s="358"/>
      <c r="L12669" s="358"/>
    </row>
    <row r="12670" spans="2:12">
      <c r="B12670" s="368"/>
      <c r="C12670" s="368"/>
      <c r="D12670" s="368"/>
      <c r="E12670" s="368"/>
      <c r="F12670" s="368"/>
      <c r="G12670" s="368"/>
      <c r="H12670" s="368"/>
      <c r="I12670" s="368"/>
      <c r="J12670" s="366"/>
      <c r="K12670" s="366"/>
      <c r="L12670" s="366"/>
    </row>
    <row r="12671" spans="2:12" ht="42.75">
      <c r="B12671" s="358" t="s">
        <v>21000</v>
      </c>
      <c r="C12671" s="358" t="s">
        <v>29297</v>
      </c>
      <c r="D12671" s="358" t="s">
        <v>21001</v>
      </c>
      <c r="E12671" s="358" t="s">
        <v>21002</v>
      </c>
      <c r="F12671" s="358" t="s">
        <v>14394</v>
      </c>
      <c r="G12671" s="358" t="s">
        <v>14395</v>
      </c>
      <c r="H12671" s="358" t="s">
        <v>14370</v>
      </c>
      <c r="I12671" s="358" t="s">
        <v>14395</v>
      </c>
      <c r="J12671" s="358"/>
      <c r="K12671" s="358"/>
      <c r="L12671" s="358"/>
    </row>
    <row r="12672" spans="2:12">
      <c r="B12672" s="368"/>
      <c r="C12672" s="368"/>
      <c r="D12672" s="368"/>
      <c r="E12672" s="368"/>
      <c r="F12672" s="368"/>
      <c r="G12672" s="368"/>
      <c r="H12672" s="368"/>
      <c r="I12672" s="368"/>
      <c r="J12672" s="366"/>
      <c r="K12672" s="366"/>
      <c r="L12672" s="366"/>
    </row>
    <row r="12673" spans="2:12" ht="42.75">
      <c r="B12673" s="358" t="s">
        <v>21003</v>
      </c>
      <c r="C12673" s="358" t="s">
        <v>29298</v>
      </c>
      <c r="D12673" s="358" t="s">
        <v>21004</v>
      </c>
      <c r="E12673" s="358" t="s">
        <v>21005</v>
      </c>
      <c r="F12673" s="358" t="s">
        <v>14389</v>
      </c>
      <c r="G12673" s="358" t="s">
        <v>14390</v>
      </c>
      <c r="H12673" s="358" t="s">
        <v>14341</v>
      </c>
      <c r="I12673" s="358" t="s">
        <v>14390</v>
      </c>
      <c r="J12673" s="358"/>
      <c r="K12673" s="358"/>
      <c r="L12673" s="358"/>
    </row>
    <row r="12674" spans="2:12">
      <c r="B12674" s="367"/>
      <c r="C12674" s="367"/>
      <c r="D12674" s="367"/>
      <c r="E12674" s="367"/>
      <c r="F12674" s="360"/>
      <c r="G12674" s="360"/>
      <c r="H12674" s="360"/>
      <c r="I12674" s="360"/>
      <c r="J12674" s="365"/>
      <c r="K12674" s="365"/>
      <c r="L12674" s="365"/>
    </row>
    <row r="12675" spans="2:12">
      <c r="B12675" s="367"/>
      <c r="C12675" s="367"/>
      <c r="D12675" s="367"/>
      <c r="E12675" s="367"/>
      <c r="F12675" s="359" t="s">
        <v>14430</v>
      </c>
      <c r="G12675" s="359" t="s">
        <v>14431</v>
      </c>
      <c r="H12675" s="359" t="s">
        <v>14367</v>
      </c>
      <c r="I12675" s="359" t="s">
        <v>14431</v>
      </c>
      <c r="J12675" s="365"/>
      <c r="K12675" s="365"/>
      <c r="L12675" s="365"/>
    </row>
    <row r="12676" spans="2:12">
      <c r="B12676" s="367"/>
      <c r="C12676" s="367"/>
      <c r="D12676" s="367"/>
      <c r="E12676" s="367"/>
      <c r="F12676" s="360"/>
      <c r="G12676" s="360"/>
      <c r="H12676" s="360"/>
      <c r="I12676" s="360"/>
      <c r="J12676" s="365"/>
      <c r="K12676" s="365"/>
      <c r="L12676" s="365"/>
    </row>
    <row r="12677" spans="2:12">
      <c r="B12677" s="367"/>
      <c r="C12677" s="367"/>
      <c r="D12677" s="367"/>
      <c r="E12677" s="367"/>
      <c r="F12677" s="359" t="s">
        <v>14391</v>
      </c>
      <c r="G12677" s="359" t="s">
        <v>14392</v>
      </c>
      <c r="H12677" s="359" t="s">
        <v>14370</v>
      </c>
      <c r="I12677" s="359" t="s">
        <v>14392</v>
      </c>
      <c r="J12677" s="365"/>
      <c r="K12677" s="365"/>
      <c r="L12677" s="365"/>
    </row>
    <row r="12678" spans="2:12">
      <c r="B12678" s="367"/>
      <c r="C12678" s="367"/>
      <c r="D12678" s="367"/>
      <c r="E12678" s="367"/>
      <c r="F12678" s="360"/>
      <c r="G12678" s="360"/>
      <c r="H12678" s="360"/>
      <c r="I12678" s="360"/>
      <c r="J12678" s="365"/>
      <c r="K12678" s="365"/>
      <c r="L12678" s="365"/>
    </row>
    <row r="12679" spans="2:12">
      <c r="B12679" s="367"/>
      <c r="C12679" s="367"/>
      <c r="D12679" s="367"/>
      <c r="E12679" s="367"/>
      <c r="F12679" s="359" t="s">
        <v>14371</v>
      </c>
      <c r="G12679" s="359" t="s">
        <v>14372</v>
      </c>
      <c r="H12679" s="359" t="s">
        <v>14332</v>
      </c>
      <c r="I12679" s="359" t="s">
        <v>14373</v>
      </c>
      <c r="J12679" s="365"/>
      <c r="K12679" s="365"/>
      <c r="L12679" s="365"/>
    </row>
    <row r="12680" spans="2:12">
      <c r="B12680" s="367"/>
      <c r="C12680" s="367"/>
      <c r="D12680" s="367"/>
      <c r="E12680" s="367"/>
      <c r="F12680" s="360"/>
      <c r="G12680" s="360"/>
      <c r="H12680" s="360"/>
      <c r="I12680" s="360"/>
      <c r="J12680" s="365"/>
      <c r="K12680" s="365"/>
      <c r="L12680" s="365"/>
    </row>
    <row r="12681" spans="2:12" ht="28.5">
      <c r="B12681" s="368"/>
      <c r="C12681" s="368"/>
      <c r="D12681" s="368"/>
      <c r="E12681" s="368"/>
      <c r="F12681" s="361" t="s">
        <v>14374</v>
      </c>
      <c r="G12681" s="361" t="s">
        <v>14373</v>
      </c>
      <c r="H12681" s="362"/>
      <c r="I12681" s="362"/>
      <c r="J12681" s="366"/>
      <c r="K12681" s="366"/>
      <c r="L12681" s="366"/>
    </row>
    <row r="12682" spans="2:12" ht="28.5">
      <c r="B12682" s="358" t="s">
        <v>21006</v>
      </c>
      <c r="C12682" s="358" t="s">
        <v>29299</v>
      </c>
      <c r="D12682" s="358" t="s">
        <v>21007</v>
      </c>
      <c r="E12682" s="358" t="s">
        <v>21008</v>
      </c>
      <c r="F12682" s="358" t="s">
        <v>14389</v>
      </c>
      <c r="G12682" s="358" t="s">
        <v>14390</v>
      </c>
      <c r="H12682" s="358" t="s">
        <v>14341</v>
      </c>
      <c r="I12682" s="358" t="s">
        <v>14390</v>
      </c>
      <c r="J12682" s="358"/>
      <c r="K12682" s="358"/>
      <c r="L12682" s="358"/>
    </row>
    <row r="12683" spans="2:12">
      <c r="B12683" s="367"/>
      <c r="C12683" s="367"/>
      <c r="D12683" s="367"/>
      <c r="E12683" s="367"/>
      <c r="F12683" s="360"/>
      <c r="G12683" s="360"/>
      <c r="H12683" s="360"/>
      <c r="I12683" s="360"/>
      <c r="J12683" s="365"/>
      <c r="K12683" s="365"/>
      <c r="L12683" s="365"/>
    </row>
    <row r="12684" spans="2:12">
      <c r="B12684" s="367"/>
      <c r="C12684" s="367"/>
      <c r="D12684" s="367"/>
      <c r="E12684" s="367"/>
      <c r="F12684" s="359" t="s">
        <v>14430</v>
      </c>
      <c r="G12684" s="359" t="s">
        <v>14431</v>
      </c>
      <c r="H12684" s="359" t="s">
        <v>14367</v>
      </c>
      <c r="I12684" s="359" t="s">
        <v>14431</v>
      </c>
      <c r="J12684" s="365"/>
      <c r="K12684" s="365"/>
      <c r="L12684" s="365"/>
    </row>
    <row r="12685" spans="2:12">
      <c r="B12685" s="367"/>
      <c r="C12685" s="367"/>
      <c r="D12685" s="367"/>
      <c r="E12685" s="367"/>
      <c r="F12685" s="360"/>
      <c r="G12685" s="360"/>
      <c r="H12685" s="360"/>
      <c r="I12685" s="360"/>
      <c r="J12685" s="365"/>
      <c r="K12685" s="365"/>
      <c r="L12685" s="365"/>
    </row>
    <row r="12686" spans="2:12">
      <c r="B12686" s="367"/>
      <c r="C12686" s="367"/>
      <c r="D12686" s="367"/>
      <c r="E12686" s="367"/>
      <c r="F12686" s="359" t="s">
        <v>14391</v>
      </c>
      <c r="G12686" s="359" t="s">
        <v>14392</v>
      </c>
      <c r="H12686" s="359" t="s">
        <v>14370</v>
      </c>
      <c r="I12686" s="359" t="s">
        <v>14392</v>
      </c>
      <c r="J12686" s="365"/>
      <c r="K12686" s="365"/>
      <c r="L12686" s="365"/>
    </row>
    <row r="12687" spans="2:12">
      <c r="B12687" s="367"/>
      <c r="C12687" s="367"/>
      <c r="D12687" s="367"/>
      <c r="E12687" s="367"/>
      <c r="F12687" s="360"/>
      <c r="G12687" s="360"/>
      <c r="H12687" s="360"/>
      <c r="I12687" s="360"/>
      <c r="J12687" s="365"/>
      <c r="K12687" s="365"/>
      <c r="L12687" s="365"/>
    </row>
    <row r="12688" spans="2:12">
      <c r="B12688" s="367"/>
      <c r="C12688" s="367"/>
      <c r="D12688" s="367"/>
      <c r="E12688" s="367"/>
      <c r="F12688" s="359" t="s">
        <v>14371</v>
      </c>
      <c r="G12688" s="359" t="s">
        <v>14372</v>
      </c>
      <c r="H12688" s="359" t="s">
        <v>14332</v>
      </c>
      <c r="I12688" s="359" t="s">
        <v>14373</v>
      </c>
      <c r="J12688" s="365"/>
      <c r="K12688" s="365"/>
      <c r="L12688" s="365"/>
    </row>
    <row r="12689" spans="2:12">
      <c r="B12689" s="367"/>
      <c r="C12689" s="367"/>
      <c r="D12689" s="367"/>
      <c r="E12689" s="367"/>
      <c r="F12689" s="360"/>
      <c r="G12689" s="360"/>
      <c r="H12689" s="360"/>
      <c r="I12689" s="360"/>
      <c r="J12689" s="365"/>
      <c r="K12689" s="365"/>
      <c r="L12689" s="365"/>
    </row>
    <row r="12690" spans="2:12" ht="28.5">
      <c r="B12690" s="368"/>
      <c r="C12690" s="368"/>
      <c r="D12690" s="368"/>
      <c r="E12690" s="368"/>
      <c r="F12690" s="361" t="s">
        <v>14374</v>
      </c>
      <c r="G12690" s="361" t="s">
        <v>14373</v>
      </c>
      <c r="H12690" s="362"/>
      <c r="I12690" s="362"/>
      <c r="J12690" s="366"/>
      <c r="K12690" s="366"/>
      <c r="L12690" s="366"/>
    </row>
    <row r="12691" spans="2:12">
      <c r="B12691" s="358" t="s">
        <v>21009</v>
      </c>
      <c r="C12691" s="358" t="s">
        <v>21010</v>
      </c>
      <c r="D12691" s="358" t="s">
        <v>21011</v>
      </c>
      <c r="E12691" s="358" t="s">
        <v>21012</v>
      </c>
      <c r="F12691" s="358" t="s">
        <v>14420</v>
      </c>
      <c r="G12691" s="358" t="s">
        <v>14429</v>
      </c>
      <c r="H12691" s="358" t="s">
        <v>14367</v>
      </c>
      <c r="I12691" s="358" t="s">
        <v>14429</v>
      </c>
      <c r="J12691" s="358"/>
      <c r="K12691" s="358"/>
      <c r="L12691" s="358"/>
    </row>
    <row r="12692" spans="2:12">
      <c r="B12692" s="367"/>
      <c r="C12692" s="367"/>
      <c r="D12692" s="367"/>
      <c r="E12692" s="367"/>
      <c r="F12692" s="360"/>
      <c r="G12692" s="360"/>
      <c r="H12692" s="360"/>
      <c r="I12692" s="360"/>
      <c r="J12692" s="365"/>
      <c r="K12692" s="365"/>
      <c r="L12692" s="365"/>
    </row>
    <row r="12693" spans="2:12">
      <c r="B12693" s="367"/>
      <c r="C12693" s="367"/>
      <c r="D12693" s="367"/>
      <c r="E12693" s="367"/>
      <c r="F12693" s="359" t="s">
        <v>14391</v>
      </c>
      <c r="G12693" s="359" t="s">
        <v>14392</v>
      </c>
      <c r="H12693" s="359" t="s">
        <v>14422</v>
      </c>
      <c r="I12693" s="359" t="s">
        <v>14392</v>
      </c>
      <c r="J12693" s="365"/>
      <c r="K12693" s="365"/>
      <c r="L12693" s="365"/>
    </row>
    <row r="12694" spans="2:12">
      <c r="B12694" s="367"/>
      <c r="C12694" s="367"/>
      <c r="D12694" s="367"/>
      <c r="E12694" s="367"/>
      <c r="F12694" s="360"/>
      <c r="G12694" s="360"/>
      <c r="H12694" s="360"/>
      <c r="I12694" s="360"/>
      <c r="J12694" s="365"/>
      <c r="K12694" s="365"/>
      <c r="L12694" s="365"/>
    </row>
    <row r="12695" spans="2:12" ht="28.5">
      <c r="B12695" s="368"/>
      <c r="C12695" s="368"/>
      <c r="D12695" s="368"/>
      <c r="E12695" s="368"/>
      <c r="F12695" s="361" t="s">
        <v>14472</v>
      </c>
      <c r="G12695" s="361" t="s">
        <v>14473</v>
      </c>
      <c r="H12695" s="362"/>
      <c r="I12695" s="361" t="s">
        <v>14473</v>
      </c>
      <c r="J12695" s="366"/>
      <c r="K12695" s="366"/>
      <c r="L12695" s="366"/>
    </row>
    <row r="12696" spans="2:12" ht="28.5">
      <c r="B12696" s="358" t="s">
        <v>21013</v>
      </c>
      <c r="C12696" s="358" t="s">
        <v>30248</v>
      </c>
      <c r="D12696" s="358" t="s">
        <v>21014</v>
      </c>
      <c r="E12696" s="358" t="s">
        <v>21015</v>
      </c>
      <c r="F12696" s="358" t="s">
        <v>14420</v>
      </c>
      <c r="G12696" s="358" t="s">
        <v>14429</v>
      </c>
      <c r="H12696" s="358" t="s">
        <v>14367</v>
      </c>
      <c r="I12696" s="358" t="s">
        <v>14429</v>
      </c>
      <c r="J12696" s="358"/>
      <c r="K12696" s="358"/>
      <c r="L12696" s="358"/>
    </row>
    <row r="12697" spans="2:12">
      <c r="B12697" s="367"/>
      <c r="C12697" s="367"/>
      <c r="D12697" s="367"/>
      <c r="E12697" s="367"/>
      <c r="F12697" s="367"/>
      <c r="G12697" s="367"/>
      <c r="H12697" s="360"/>
      <c r="I12697" s="367"/>
      <c r="J12697" s="365"/>
      <c r="K12697" s="365"/>
      <c r="L12697" s="365"/>
    </row>
    <row r="12698" spans="2:12">
      <c r="B12698" s="368"/>
      <c r="C12698" s="368"/>
      <c r="D12698" s="368"/>
      <c r="E12698" s="368"/>
      <c r="F12698" s="368"/>
      <c r="G12698" s="368"/>
      <c r="H12698" s="361" t="s">
        <v>14422</v>
      </c>
      <c r="I12698" s="368"/>
      <c r="J12698" s="366"/>
      <c r="K12698" s="366"/>
      <c r="L12698" s="366"/>
    </row>
    <row r="12699" spans="2:12">
      <c r="B12699" s="358" t="s">
        <v>21016</v>
      </c>
      <c r="C12699" s="358" t="s">
        <v>21017</v>
      </c>
      <c r="D12699" s="358" t="s">
        <v>21018</v>
      </c>
      <c r="E12699" s="358" t="s">
        <v>21019</v>
      </c>
      <c r="F12699" s="358" t="s">
        <v>14420</v>
      </c>
      <c r="G12699" s="358" t="s">
        <v>14429</v>
      </c>
      <c r="H12699" s="358" t="s">
        <v>14367</v>
      </c>
      <c r="I12699" s="358" t="s">
        <v>14429</v>
      </c>
      <c r="J12699" s="358"/>
      <c r="K12699" s="358"/>
      <c r="L12699" s="358"/>
    </row>
    <row r="12700" spans="2:12">
      <c r="B12700" s="367"/>
      <c r="C12700" s="367"/>
      <c r="D12700" s="367"/>
      <c r="E12700" s="367"/>
      <c r="F12700" s="360"/>
      <c r="G12700" s="360"/>
      <c r="H12700" s="360"/>
      <c r="I12700" s="360"/>
      <c r="J12700" s="365"/>
      <c r="K12700" s="365"/>
      <c r="L12700" s="365"/>
    </row>
    <row r="12701" spans="2:12" ht="28.5">
      <c r="B12701" s="367"/>
      <c r="C12701" s="367"/>
      <c r="D12701" s="367"/>
      <c r="E12701" s="367"/>
      <c r="F12701" s="359" t="s">
        <v>14394</v>
      </c>
      <c r="G12701" s="359" t="s">
        <v>14395</v>
      </c>
      <c r="H12701" s="359" t="s">
        <v>14370</v>
      </c>
      <c r="I12701" s="359" t="s">
        <v>14395</v>
      </c>
      <c r="J12701" s="365"/>
      <c r="K12701" s="365"/>
      <c r="L12701" s="365"/>
    </row>
    <row r="12702" spans="2:12">
      <c r="B12702" s="367"/>
      <c r="C12702" s="367"/>
      <c r="D12702" s="367"/>
      <c r="E12702" s="367"/>
      <c r="F12702" s="360"/>
      <c r="G12702" s="360"/>
      <c r="H12702" s="360"/>
      <c r="I12702" s="360"/>
      <c r="J12702" s="365"/>
      <c r="K12702" s="365"/>
      <c r="L12702" s="365"/>
    </row>
    <row r="12703" spans="2:12">
      <c r="B12703" s="368"/>
      <c r="C12703" s="368"/>
      <c r="D12703" s="368"/>
      <c r="E12703" s="368"/>
      <c r="F12703" s="362"/>
      <c r="G12703" s="362"/>
      <c r="H12703" s="361" t="s">
        <v>14422</v>
      </c>
      <c r="I12703" s="362"/>
      <c r="J12703" s="366"/>
      <c r="K12703" s="366"/>
      <c r="L12703" s="366"/>
    </row>
    <row r="12704" spans="2:12" ht="28.5">
      <c r="B12704" s="358" t="s">
        <v>21020</v>
      </c>
      <c r="C12704" s="358" t="s">
        <v>21021</v>
      </c>
      <c r="D12704" s="358" t="s">
        <v>21022</v>
      </c>
      <c r="E12704" s="358" t="s">
        <v>21023</v>
      </c>
      <c r="F12704" s="358" t="s">
        <v>14472</v>
      </c>
      <c r="G12704" s="358" t="s">
        <v>14473</v>
      </c>
      <c r="H12704" s="358" t="s">
        <v>8356</v>
      </c>
      <c r="I12704" s="358" t="s">
        <v>14473</v>
      </c>
      <c r="J12704" s="358"/>
      <c r="K12704" s="358"/>
      <c r="L12704" s="358"/>
    </row>
    <row r="12705" spans="2:12">
      <c r="B12705" s="368"/>
      <c r="C12705" s="368"/>
      <c r="D12705" s="368"/>
      <c r="E12705" s="368"/>
      <c r="F12705" s="368"/>
      <c r="G12705" s="368"/>
      <c r="H12705" s="368"/>
      <c r="I12705" s="368"/>
      <c r="J12705" s="366"/>
      <c r="K12705" s="366"/>
      <c r="L12705" s="366"/>
    </row>
    <row r="12706" spans="2:12" ht="28.5">
      <c r="B12706" s="358" t="s">
        <v>21024</v>
      </c>
      <c r="C12706" s="358" t="s">
        <v>21025</v>
      </c>
      <c r="D12706" s="358" t="s">
        <v>21026</v>
      </c>
      <c r="E12706" s="358" t="s">
        <v>21027</v>
      </c>
      <c r="F12706" s="358" t="s">
        <v>14462</v>
      </c>
      <c r="G12706" s="358" t="s">
        <v>14463</v>
      </c>
      <c r="H12706" s="358" t="s">
        <v>8356</v>
      </c>
      <c r="I12706" s="358" t="s">
        <v>14463</v>
      </c>
      <c r="J12706" s="358"/>
      <c r="K12706" s="358"/>
      <c r="L12706" s="358"/>
    </row>
    <row r="12707" spans="2:12">
      <c r="B12707" s="368"/>
      <c r="C12707" s="368"/>
      <c r="D12707" s="368"/>
      <c r="E12707" s="368"/>
      <c r="F12707" s="368"/>
      <c r="G12707" s="368"/>
      <c r="H12707" s="368"/>
      <c r="I12707" s="368"/>
      <c r="J12707" s="366"/>
      <c r="K12707" s="366"/>
      <c r="L12707" s="366"/>
    </row>
    <row r="12708" spans="2:12" ht="28.5">
      <c r="B12708" s="358" t="s">
        <v>21028</v>
      </c>
      <c r="C12708" s="358" t="s">
        <v>27675</v>
      </c>
      <c r="D12708" s="358" t="s">
        <v>21029</v>
      </c>
      <c r="E12708" s="358" t="s">
        <v>21030</v>
      </c>
      <c r="F12708" s="358" t="s">
        <v>14391</v>
      </c>
      <c r="G12708" s="358" t="s">
        <v>14392</v>
      </c>
      <c r="H12708" s="358" t="s">
        <v>14367</v>
      </c>
      <c r="I12708" s="358" t="s">
        <v>14392</v>
      </c>
      <c r="J12708" s="358"/>
      <c r="K12708" s="358"/>
      <c r="L12708" s="358"/>
    </row>
    <row r="12709" spans="2:12">
      <c r="B12709" s="367"/>
      <c r="C12709" s="367"/>
      <c r="D12709" s="367"/>
      <c r="E12709" s="367"/>
      <c r="F12709" s="367"/>
      <c r="G12709" s="367"/>
      <c r="H12709" s="360"/>
      <c r="I12709" s="367"/>
      <c r="J12709" s="365"/>
      <c r="K12709" s="365"/>
      <c r="L12709" s="365"/>
    </row>
    <row r="12710" spans="2:12">
      <c r="B12710" s="368"/>
      <c r="C12710" s="368"/>
      <c r="D12710" s="368"/>
      <c r="E12710" s="368"/>
      <c r="F12710" s="368"/>
      <c r="G12710" s="368"/>
      <c r="H12710" s="361" t="s">
        <v>14422</v>
      </c>
      <c r="I12710" s="368"/>
      <c r="J12710" s="366"/>
      <c r="K12710" s="366"/>
      <c r="L12710" s="366"/>
    </row>
    <row r="12711" spans="2:12">
      <c r="B12711" s="358" t="s">
        <v>21031</v>
      </c>
      <c r="C12711" s="358" t="s">
        <v>21032</v>
      </c>
      <c r="D12711" s="358" t="s">
        <v>21033</v>
      </c>
      <c r="E12711" s="358" t="s">
        <v>21034</v>
      </c>
      <c r="F12711" s="358" t="s">
        <v>14430</v>
      </c>
      <c r="G12711" s="358" t="s">
        <v>14431</v>
      </c>
      <c r="H12711" s="358" t="s">
        <v>14341</v>
      </c>
      <c r="I12711" s="358" t="s">
        <v>14431</v>
      </c>
      <c r="J12711" s="358"/>
      <c r="K12711" s="358"/>
      <c r="L12711" s="358"/>
    </row>
    <row r="12712" spans="2:12">
      <c r="B12712" s="367"/>
      <c r="C12712" s="367"/>
      <c r="D12712" s="367"/>
      <c r="E12712" s="367"/>
      <c r="F12712" s="367"/>
      <c r="G12712" s="367"/>
      <c r="H12712" s="360"/>
      <c r="I12712" s="367"/>
      <c r="J12712" s="365"/>
      <c r="K12712" s="365"/>
      <c r="L12712" s="365"/>
    </row>
    <row r="12713" spans="2:12">
      <c r="B12713" s="368"/>
      <c r="C12713" s="368"/>
      <c r="D12713" s="368"/>
      <c r="E12713" s="368"/>
      <c r="F12713" s="368"/>
      <c r="G12713" s="368"/>
      <c r="H12713" s="361" t="s">
        <v>14332</v>
      </c>
      <c r="I12713" s="368"/>
      <c r="J12713" s="366"/>
      <c r="K12713" s="366"/>
      <c r="L12713" s="366"/>
    </row>
    <row r="12714" spans="2:12" ht="42.75">
      <c r="B12714" s="358" t="s">
        <v>21035</v>
      </c>
      <c r="C12714" s="358" t="s">
        <v>29300</v>
      </c>
      <c r="D12714" s="358" t="s">
        <v>21036</v>
      </c>
      <c r="E12714" s="358" t="s">
        <v>8356</v>
      </c>
      <c r="F12714" s="358" t="s">
        <v>14356</v>
      </c>
      <c r="G12714" s="358" t="s">
        <v>14340</v>
      </c>
      <c r="H12714" s="358" t="s">
        <v>14341</v>
      </c>
      <c r="I12714" s="358" t="s">
        <v>14340</v>
      </c>
      <c r="J12714" s="358"/>
      <c r="K12714" s="358"/>
      <c r="L12714" s="358"/>
    </row>
    <row r="12715" spans="2:12">
      <c r="B12715" s="367"/>
      <c r="C12715" s="367"/>
      <c r="D12715" s="367"/>
      <c r="E12715" s="367"/>
      <c r="F12715" s="360"/>
      <c r="G12715" s="360"/>
      <c r="H12715" s="360"/>
      <c r="I12715" s="360"/>
      <c r="J12715" s="365"/>
      <c r="K12715" s="365"/>
      <c r="L12715" s="365"/>
    </row>
    <row r="12716" spans="2:12">
      <c r="B12716" s="367"/>
      <c r="C12716" s="367"/>
      <c r="D12716" s="367"/>
      <c r="E12716" s="367"/>
      <c r="F12716" s="359" t="s">
        <v>14391</v>
      </c>
      <c r="G12716" s="359" t="s">
        <v>14392</v>
      </c>
      <c r="H12716" s="359" t="s">
        <v>14367</v>
      </c>
      <c r="I12716" s="359" t="s">
        <v>14392</v>
      </c>
      <c r="J12716" s="365"/>
      <c r="K12716" s="365"/>
      <c r="L12716" s="365"/>
    </row>
    <row r="12717" spans="2:12">
      <c r="B12717" s="367"/>
      <c r="C12717" s="367"/>
      <c r="D12717" s="367"/>
      <c r="E12717" s="367"/>
      <c r="F12717" s="360"/>
      <c r="G12717" s="360"/>
      <c r="H12717" s="360"/>
      <c r="I12717" s="360"/>
      <c r="J12717" s="365"/>
      <c r="K12717" s="365"/>
      <c r="L12717" s="365"/>
    </row>
    <row r="12718" spans="2:12" ht="28.5">
      <c r="B12718" s="367"/>
      <c r="C12718" s="367"/>
      <c r="D12718" s="367"/>
      <c r="E12718" s="367"/>
      <c r="F12718" s="359" t="s">
        <v>14394</v>
      </c>
      <c r="G12718" s="359" t="s">
        <v>14395</v>
      </c>
      <c r="H12718" s="359" t="s">
        <v>14370</v>
      </c>
      <c r="I12718" s="359" t="s">
        <v>14395</v>
      </c>
      <c r="J12718" s="365"/>
      <c r="K12718" s="365"/>
      <c r="L12718" s="365"/>
    </row>
    <row r="12719" spans="2:12">
      <c r="B12719" s="367"/>
      <c r="C12719" s="367"/>
      <c r="D12719" s="367"/>
      <c r="E12719" s="367"/>
      <c r="F12719" s="360"/>
      <c r="G12719" s="360"/>
      <c r="H12719" s="360"/>
      <c r="I12719" s="360"/>
      <c r="J12719" s="365"/>
      <c r="K12719" s="365"/>
      <c r="L12719" s="365"/>
    </row>
    <row r="12720" spans="2:12">
      <c r="B12720" s="368"/>
      <c r="C12720" s="368"/>
      <c r="D12720" s="368"/>
      <c r="E12720" s="368"/>
      <c r="F12720" s="362"/>
      <c r="G12720" s="362"/>
      <c r="H12720" s="361" t="s">
        <v>14332</v>
      </c>
      <c r="I12720" s="362"/>
      <c r="J12720" s="366"/>
      <c r="K12720" s="366"/>
      <c r="L12720" s="366"/>
    </row>
    <row r="12721" spans="2:12" ht="28.5">
      <c r="B12721" s="358" t="s">
        <v>21037</v>
      </c>
      <c r="C12721" s="358" t="s">
        <v>21038</v>
      </c>
      <c r="D12721" s="358" t="s">
        <v>21039</v>
      </c>
      <c r="E12721" s="358" t="s">
        <v>21040</v>
      </c>
      <c r="F12721" s="358" t="s">
        <v>14371</v>
      </c>
      <c r="G12721" s="358" t="s">
        <v>14372</v>
      </c>
      <c r="H12721" s="358" t="s">
        <v>14370</v>
      </c>
      <c r="I12721" s="358" t="s">
        <v>14373</v>
      </c>
      <c r="J12721" s="358"/>
      <c r="K12721" s="358"/>
      <c r="L12721" s="358"/>
    </row>
    <row r="12722" spans="2:12">
      <c r="B12722" s="367"/>
      <c r="C12722" s="367"/>
      <c r="D12722" s="367"/>
      <c r="E12722" s="367"/>
      <c r="F12722" s="360"/>
      <c r="G12722" s="360"/>
      <c r="H12722" s="360"/>
      <c r="I12722" s="367"/>
      <c r="J12722" s="365"/>
      <c r="K12722" s="365"/>
      <c r="L12722" s="365"/>
    </row>
    <row r="12723" spans="2:12" ht="28.5">
      <c r="B12723" s="368"/>
      <c r="C12723" s="368"/>
      <c r="D12723" s="368"/>
      <c r="E12723" s="368"/>
      <c r="F12723" s="361" t="s">
        <v>14374</v>
      </c>
      <c r="G12723" s="361" t="s">
        <v>14373</v>
      </c>
      <c r="H12723" s="361" t="s">
        <v>14422</v>
      </c>
      <c r="I12723" s="368"/>
      <c r="J12723" s="366"/>
      <c r="K12723" s="366"/>
      <c r="L12723" s="366"/>
    </row>
    <row r="12724" spans="2:12" ht="57">
      <c r="B12724" s="358" t="s">
        <v>21041</v>
      </c>
      <c r="C12724" s="358" t="s">
        <v>30249</v>
      </c>
      <c r="D12724" s="358" t="s">
        <v>21042</v>
      </c>
      <c r="E12724" s="358" t="s">
        <v>8356</v>
      </c>
      <c r="F12724" s="358" t="s">
        <v>14507</v>
      </c>
      <c r="G12724" s="358" t="s">
        <v>29078</v>
      </c>
      <c r="H12724" s="358" t="s">
        <v>14381</v>
      </c>
      <c r="I12724" s="358" t="s">
        <v>29078</v>
      </c>
      <c r="J12724" s="358"/>
      <c r="K12724" s="358"/>
      <c r="L12724" s="358"/>
    </row>
    <row r="12725" spans="2:12">
      <c r="B12725" s="367"/>
      <c r="C12725" s="367"/>
      <c r="D12725" s="367"/>
      <c r="E12725" s="367"/>
      <c r="F12725" s="360"/>
      <c r="G12725" s="367"/>
      <c r="H12725" s="360"/>
      <c r="I12725" s="367"/>
      <c r="J12725" s="365"/>
      <c r="K12725" s="365"/>
      <c r="L12725" s="365"/>
    </row>
    <row r="12726" spans="2:12">
      <c r="B12726" s="367"/>
      <c r="C12726" s="367"/>
      <c r="D12726" s="367"/>
      <c r="E12726" s="367"/>
      <c r="F12726" s="359" t="s">
        <v>14391</v>
      </c>
      <c r="G12726" s="367"/>
      <c r="H12726" s="359" t="s">
        <v>14367</v>
      </c>
      <c r="I12726" s="367"/>
      <c r="J12726" s="365"/>
      <c r="K12726" s="365"/>
      <c r="L12726" s="365"/>
    </row>
    <row r="12727" spans="2:12">
      <c r="B12727" s="367"/>
      <c r="C12727" s="367"/>
      <c r="D12727" s="367"/>
      <c r="E12727" s="367"/>
      <c r="F12727" s="360"/>
      <c r="G12727" s="367"/>
      <c r="H12727" s="360"/>
      <c r="I12727" s="367"/>
      <c r="J12727" s="365"/>
      <c r="K12727" s="365"/>
      <c r="L12727" s="365"/>
    </row>
    <row r="12728" spans="2:12">
      <c r="B12728" s="368"/>
      <c r="C12728" s="368"/>
      <c r="D12728" s="368"/>
      <c r="E12728" s="368"/>
      <c r="F12728" s="362"/>
      <c r="G12728" s="368"/>
      <c r="H12728" s="361" t="s">
        <v>14422</v>
      </c>
      <c r="I12728" s="368"/>
      <c r="J12728" s="366"/>
      <c r="K12728" s="366"/>
      <c r="L12728" s="366"/>
    </row>
    <row r="12729" spans="2:12" ht="42.75">
      <c r="B12729" s="358" t="s">
        <v>21043</v>
      </c>
      <c r="C12729" s="358" t="s">
        <v>27676</v>
      </c>
      <c r="D12729" s="358" t="s">
        <v>21044</v>
      </c>
      <c r="E12729" s="358" t="s">
        <v>21045</v>
      </c>
      <c r="F12729" s="358" t="s">
        <v>14371</v>
      </c>
      <c r="G12729" s="358" t="s">
        <v>14372</v>
      </c>
      <c r="H12729" s="358" t="s">
        <v>14370</v>
      </c>
      <c r="I12729" s="358" t="s">
        <v>14373</v>
      </c>
      <c r="J12729" s="358"/>
      <c r="K12729" s="358"/>
      <c r="L12729" s="358"/>
    </row>
    <row r="12730" spans="2:12">
      <c r="B12730" s="367"/>
      <c r="C12730" s="367"/>
      <c r="D12730" s="367"/>
      <c r="E12730" s="367"/>
      <c r="F12730" s="360"/>
      <c r="G12730" s="360"/>
      <c r="H12730" s="360"/>
      <c r="I12730" s="367"/>
      <c r="J12730" s="365"/>
      <c r="K12730" s="365"/>
      <c r="L12730" s="365"/>
    </row>
    <row r="12731" spans="2:12" ht="28.5">
      <c r="B12731" s="368"/>
      <c r="C12731" s="368"/>
      <c r="D12731" s="368"/>
      <c r="E12731" s="368"/>
      <c r="F12731" s="361" t="s">
        <v>14374</v>
      </c>
      <c r="G12731" s="361" t="s">
        <v>14373</v>
      </c>
      <c r="H12731" s="361" t="s">
        <v>14422</v>
      </c>
      <c r="I12731" s="368"/>
      <c r="J12731" s="366"/>
      <c r="K12731" s="366"/>
      <c r="L12731" s="366"/>
    </row>
    <row r="12732" spans="2:12">
      <c r="B12732" s="358" t="s">
        <v>21046</v>
      </c>
      <c r="C12732" s="358" t="s">
        <v>21047</v>
      </c>
      <c r="D12732" s="358" t="s">
        <v>21048</v>
      </c>
      <c r="E12732" s="358" t="s">
        <v>21049</v>
      </c>
      <c r="F12732" s="358" t="s">
        <v>14389</v>
      </c>
      <c r="G12732" s="358" t="s">
        <v>14390</v>
      </c>
      <c r="H12732" s="358" t="s">
        <v>14367</v>
      </c>
      <c r="I12732" s="358" t="s">
        <v>14390</v>
      </c>
      <c r="J12732" s="358"/>
      <c r="K12732" s="358"/>
      <c r="L12732" s="358"/>
    </row>
    <row r="12733" spans="2:12">
      <c r="B12733" s="367"/>
      <c r="C12733" s="367"/>
      <c r="D12733" s="367"/>
      <c r="E12733" s="367"/>
      <c r="F12733" s="360"/>
      <c r="G12733" s="360"/>
      <c r="H12733" s="360"/>
      <c r="I12733" s="360"/>
      <c r="J12733" s="365"/>
      <c r="K12733" s="365"/>
      <c r="L12733" s="365"/>
    </row>
    <row r="12734" spans="2:12" ht="28.5">
      <c r="B12734" s="368"/>
      <c r="C12734" s="368"/>
      <c r="D12734" s="368"/>
      <c r="E12734" s="368"/>
      <c r="F12734" s="361" t="s">
        <v>14472</v>
      </c>
      <c r="G12734" s="361" t="s">
        <v>14473</v>
      </c>
      <c r="H12734" s="361" t="s">
        <v>14422</v>
      </c>
      <c r="I12734" s="361" t="s">
        <v>14473</v>
      </c>
      <c r="J12734" s="366"/>
      <c r="K12734" s="366"/>
      <c r="L12734" s="366"/>
    </row>
    <row r="12735" spans="2:12" ht="28.5">
      <c r="B12735" s="358" t="s">
        <v>21050</v>
      </c>
      <c r="C12735" s="358" t="s">
        <v>21051</v>
      </c>
      <c r="D12735" s="358" t="s">
        <v>21052</v>
      </c>
      <c r="E12735" s="358" t="s">
        <v>21053</v>
      </c>
      <c r="F12735" s="358" t="s">
        <v>14371</v>
      </c>
      <c r="G12735" s="358" t="s">
        <v>14372</v>
      </c>
      <c r="H12735" s="358" t="s">
        <v>14370</v>
      </c>
      <c r="I12735" s="358" t="s">
        <v>14373</v>
      </c>
      <c r="J12735" s="358"/>
      <c r="K12735" s="358"/>
      <c r="L12735" s="358"/>
    </row>
    <row r="12736" spans="2:12">
      <c r="B12736" s="367"/>
      <c r="C12736" s="367"/>
      <c r="D12736" s="367"/>
      <c r="E12736" s="367"/>
      <c r="F12736" s="360"/>
      <c r="G12736" s="360"/>
      <c r="H12736" s="360"/>
      <c r="I12736" s="367"/>
      <c r="J12736" s="365"/>
      <c r="K12736" s="365"/>
      <c r="L12736" s="365"/>
    </row>
    <row r="12737" spans="2:12" ht="28.5">
      <c r="B12737" s="368"/>
      <c r="C12737" s="368"/>
      <c r="D12737" s="368"/>
      <c r="E12737" s="368"/>
      <c r="F12737" s="361" t="s">
        <v>14374</v>
      </c>
      <c r="G12737" s="361" t="s">
        <v>14373</v>
      </c>
      <c r="H12737" s="361" t="s">
        <v>14422</v>
      </c>
      <c r="I12737" s="368"/>
      <c r="J12737" s="366"/>
      <c r="K12737" s="366"/>
      <c r="L12737" s="366"/>
    </row>
    <row r="12738" spans="2:12">
      <c r="B12738" s="358" t="s">
        <v>21054</v>
      </c>
      <c r="C12738" s="358" t="s">
        <v>21055</v>
      </c>
      <c r="D12738" s="358" t="s">
        <v>21056</v>
      </c>
      <c r="E12738" s="358" t="s">
        <v>21057</v>
      </c>
      <c r="F12738" s="358" t="s">
        <v>14389</v>
      </c>
      <c r="G12738" s="358" t="s">
        <v>14390</v>
      </c>
      <c r="H12738" s="358" t="s">
        <v>14341</v>
      </c>
      <c r="I12738" s="358" t="s">
        <v>14390</v>
      </c>
      <c r="J12738" s="358"/>
      <c r="K12738" s="358"/>
      <c r="L12738" s="358"/>
    </row>
    <row r="12739" spans="2:12">
      <c r="B12739" s="367"/>
      <c r="C12739" s="367"/>
      <c r="D12739" s="367"/>
      <c r="E12739" s="367"/>
      <c r="F12739" s="360"/>
      <c r="G12739" s="360"/>
      <c r="H12739" s="360"/>
      <c r="I12739" s="360"/>
      <c r="J12739" s="365"/>
      <c r="K12739" s="365"/>
      <c r="L12739" s="365"/>
    </row>
    <row r="12740" spans="2:12">
      <c r="B12740" s="367"/>
      <c r="C12740" s="367"/>
      <c r="D12740" s="367"/>
      <c r="E12740" s="367"/>
      <c r="F12740" s="359" t="s">
        <v>14430</v>
      </c>
      <c r="G12740" s="359" t="s">
        <v>14431</v>
      </c>
      <c r="H12740" s="359" t="s">
        <v>14367</v>
      </c>
      <c r="I12740" s="359" t="s">
        <v>14431</v>
      </c>
      <c r="J12740" s="365"/>
      <c r="K12740" s="365"/>
      <c r="L12740" s="365"/>
    </row>
    <row r="12741" spans="2:12">
      <c r="B12741" s="367"/>
      <c r="C12741" s="367"/>
      <c r="D12741" s="367"/>
      <c r="E12741" s="367"/>
      <c r="F12741" s="360"/>
      <c r="G12741" s="360"/>
      <c r="H12741" s="360"/>
      <c r="I12741" s="360"/>
      <c r="J12741" s="365"/>
      <c r="K12741" s="365"/>
      <c r="L12741" s="365"/>
    </row>
    <row r="12742" spans="2:12">
      <c r="B12742" s="368"/>
      <c r="C12742" s="368"/>
      <c r="D12742" s="368"/>
      <c r="E12742" s="368"/>
      <c r="F12742" s="361" t="s">
        <v>14391</v>
      </c>
      <c r="G12742" s="361" t="s">
        <v>14392</v>
      </c>
      <c r="H12742" s="361" t="s">
        <v>14332</v>
      </c>
      <c r="I12742" s="361" t="s">
        <v>14392</v>
      </c>
      <c r="J12742" s="366"/>
      <c r="K12742" s="366"/>
      <c r="L12742" s="366"/>
    </row>
    <row r="12743" spans="2:12" ht="28.5">
      <c r="B12743" s="358" t="s">
        <v>21058</v>
      </c>
      <c r="C12743" s="358" t="s">
        <v>27677</v>
      </c>
      <c r="D12743" s="358" t="s">
        <v>21059</v>
      </c>
      <c r="E12743" s="358" t="s">
        <v>21060</v>
      </c>
      <c r="F12743" s="358" t="s">
        <v>14472</v>
      </c>
      <c r="G12743" s="358" t="s">
        <v>14473</v>
      </c>
      <c r="H12743" s="358" t="s">
        <v>8356</v>
      </c>
      <c r="I12743" s="358" t="s">
        <v>14473</v>
      </c>
      <c r="J12743" s="358"/>
      <c r="K12743" s="358"/>
      <c r="L12743" s="358"/>
    </row>
    <row r="12744" spans="2:12">
      <c r="B12744" s="368"/>
      <c r="C12744" s="368"/>
      <c r="D12744" s="368"/>
      <c r="E12744" s="368"/>
      <c r="F12744" s="368"/>
      <c r="G12744" s="368"/>
      <c r="H12744" s="368"/>
      <c r="I12744" s="368"/>
      <c r="J12744" s="366"/>
      <c r="K12744" s="366"/>
      <c r="L12744" s="366"/>
    </row>
    <row r="12745" spans="2:12" ht="42.75">
      <c r="B12745" s="358" t="s">
        <v>21061</v>
      </c>
      <c r="C12745" s="358" t="s">
        <v>30250</v>
      </c>
      <c r="D12745" s="358" t="s">
        <v>21062</v>
      </c>
      <c r="E12745" s="358" t="s">
        <v>8356</v>
      </c>
      <c r="F12745" s="358" t="s">
        <v>14460</v>
      </c>
      <c r="G12745" s="358" t="s">
        <v>28649</v>
      </c>
      <c r="H12745" s="358" t="s">
        <v>14381</v>
      </c>
      <c r="I12745" s="358" t="s">
        <v>28649</v>
      </c>
      <c r="J12745" s="358"/>
      <c r="K12745" s="358"/>
      <c r="L12745" s="358"/>
    </row>
    <row r="12746" spans="2:12">
      <c r="B12746" s="367"/>
      <c r="C12746" s="367"/>
      <c r="D12746" s="367"/>
      <c r="E12746" s="367"/>
      <c r="F12746" s="360"/>
      <c r="G12746" s="360"/>
      <c r="H12746" s="360"/>
      <c r="I12746" s="360"/>
      <c r="J12746" s="365"/>
      <c r="K12746" s="365"/>
      <c r="L12746" s="365"/>
    </row>
    <row r="12747" spans="2:12">
      <c r="B12747" s="367"/>
      <c r="C12747" s="367"/>
      <c r="D12747" s="367"/>
      <c r="E12747" s="367"/>
      <c r="F12747" s="359" t="s">
        <v>14430</v>
      </c>
      <c r="G12747" s="359" t="s">
        <v>14372</v>
      </c>
      <c r="H12747" s="359" t="s">
        <v>14341</v>
      </c>
      <c r="I12747" s="359" t="s">
        <v>14373</v>
      </c>
      <c r="J12747" s="365"/>
      <c r="K12747" s="365"/>
      <c r="L12747" s="365"/>
    </row>
    <row r="12748" spans="2:12">
      <c r="B12748" s="367"/>
      <c r="C12748" s="367"/>
      <c r="D12748" s="367"/>
      <c r="E12748" s="367"/>
      <c r="F12748" s="360"/>
      <c r="G12748" s="360"/>
      <c r="H12748" s="360"/>
      <c r="I12748" s="360"/>
      <c r="J12748" s="365"/>
      <c r="K12748" s="365"/>
      <c r="L12748" s="365"/>
    </row>
    <row r="12749" spans="2:12">
      <c r="B12749" s="367"/>
      <c r="C12749" s="367"/>
      <c r="D12749" s="367"/>
      <c r="E12749" s="367"/>
      <c r="F12749" s="359" t="s">
        <v>14371</v>
      </c>
      <c r="G12749" s="359" t="s">
        <v>14373</v>
      </c>
      <c r="H12749" s="359" t="s">
        <v>14370</v>
      </c>
      <c r="I12749" s="360"/>
      <c r="J12749" s="365"/>
      <c r="K12749" s="365"/>
      <c r="L12749" s="365"/>
    </row>
    <row r="12750" spans="2:12">
      <c r="B12750" s="367"/>
      <c r="C12750" s="367"/>
      <c r="D12750" s="367"/>
      <c r="E12750" s="367"/>
      <c r="F12750" s="360"/>
      <c r="G12750" s="360"/>
      <c r="H12750" s="360"/>
      <c r="I12750" s="360"/>
      <c r="J12750" s="365"/>
      <c r="K12750" s="365"/>
      <c r="L12750" s="365"/>
    </row>
    <row r="12751" spans="2:12" ht="28.5">
      <c r="B12751" s="368"/>
      <c r="C12751" s="368"/>
      <c r="D12751" s="368"/>
      <c r="E12751" s="368"/>
      <c r="F12751" s="361" t="s">
        <v>14374</v>
      </c>
      <c r="G12751" s="362"/>
      <c r="H12751" s="361" t="s">
        <v>14332</v>
      </c>
      <c r="I12751" s="362"/>
      <c r="J12751" s="366"/>
      <c r="K12751" s="366"/>
      <c r="L12751" s="366"/>
    </row>
    <row r="12752" spans="2:12" ht="85.5">
      <c r="B12752" s="358" t="s">
        <v>21063</v>
      </c>
      <c r="C12752" s="358" t="s">
        <v>30251</v>
      </c>
      <c r="D12752" s="358" t="s">
        <v>21064</v>
      </c>
      <c r="E12752" s="358" t="s">
        <v>8356</v>
      </c>
      <c r="F12752" s="358" t="s">
        <v>14391</v>
      </c>
      <c r="G12752" s="358" t="s">
        <v>14392</v>
      </c>
      <c r="H12752" s="358" t="s">
        <v>14367</v>
      </c>
      <c r="I12752" s="358" t="s">
        <v>14392</v>
      </c>
      <c r="J12752" s="358"/>
      <c r="K12752" s="358"/>
      <c r="L12752" s="358"/>
    </row>
    <row r="12753" spans="2:12">
      <c r="B12753" s="367"/>
      <c r="C12753" s="367"/>
      <c r="D12753" s="367"/>
      <c r="E12753" s="367"/>
      <c r="F12753" s="367"/>
      <c r="G12753" s="367"/>
      <c r="H12753" s="360"/>
      <c r="I12753" s="367"/>
      <c r="J12753" s="365"/>
      <c r="K12753" s="365"/>
      <c r="L12753" s="365"/>
    </row>
    <row r="12754" spans="2:12">
      <c r="B12754" s="368"/>
      <c r="C12754" s="368"/>
      <c r="D12754" s="368"/>
      <c r="E12754" s="368"/>
      <c r="F12754" s="368"/>
      <c r="G12754" s="368"/>
      <c r="H12754" s="361" t="s">
        <v>14422</v>
      </c>
      <c r="I12754" s="368"/>
      <c r="J12754" s="366"/>
      <c r="K12754" s="366"/>
      <c r="L12754" s="366"/>
    </row>
    <row r="12755" spans="2:12" ht="28.5">
      <c r="B12755" s="358" t="s">
        <v>21065</v>
      </c>
      <c r="C12755" s="358" t="s">
        <v>27678</v>
      </c>
      <c r="D12755" s="358" t="s">
        <v>21066</v>
      </c>
      <c r="E12755" s="358" t="s">
        <v>21067</v>
      </c>
      <c r="F12755" s="358" t="s">
        <v>14394</v>
      </c>
      <c r="G12755" s="358" t="s">
        <v>14395</v>
      </c>
      <c r="H12755" s="358" t="s">
        <v>14370</v>
      </c>
      <c r="I12755" s="358" t="s">
        <v>14395</v>
      </c>
      <c r="J12755" s="358"/>
      <c r="K12755" s="358"/>
      <c r="L12755" s="358"/>
    </row>
    <row r="12756" spans="2:12">
      <c r="B12756" s="368"/>
      <c r="C12756" s="368"/>
      <c r="D12756" s="368"/>
      <c r="E12756" s="368"/>
      <c r="F12756" s="368"/>
      <c r="G12756" s="368"/>
      <c r="H12756" s="368"/>
      <c r="I12756" s="368"/>
      <c r="J12756" s="366"/>
      <c r="K12756" s="366"/>
      <c r="L12756" s="366"/>
    </row>
    <row r="12757" spans="2:12">
      <c r="B12757" s="358" t="s">
        <v>21068</v>
      </c>
      <c r="C12757" s="358" t="s">
        <v>21069</v>
      </c>
      <c r="D12757" s="358" t="s">
        <v>21070</v>
      </c>
      <c r="E12757" s="358" t="s">
        <v>21071</v>
      </c>
      <c r="F12757" s="358" t="s">
        <v>14420</v>
      </c>
      <c r="G12757" s="358" t="s">
        <v>14429</v>
      </c>
      <c r="H12757" s="358" t="s">
        <v>14341</v>
      </c>
      <c r="I12757" s="358" t="s">
        <v>14429</v>
      </c>
      <c r="J12757" s="358"/>
      <c r="K12757" s="358"/>
      <c r="L12757" s="358"/>
    </row>
    <row r="12758" spans="2:12">
      <c r="B12758" s="367"/>
      <c r="C12758" s="367"/>
      <c r="D12758" s="367"/>
      <c r="E12758" s="367"/>
      <c r="F12758" s="360"/>
      <c r="G12758" s="360"/>
      <c r="H12758" s="360"/>
      <c r="I12758" s="360"/>
      <c r="J12758" s="365"/>
      <c r="K12758" s="365"/>
      <c r="L12758" s="365"/>
    </row>
    <row r="12759" spans="2:12">
      <c r="B12759" s="367"/>
      <c r="C12759" s="367"/>
      <c r="D12759" s="367"/>
      <c r="E12759" s="367"/>
      <c r="F12759" s="359" t="s">
        <v>14430</v>
      </c>
      <c r="G12759" s="359" t="s">
        <v>14431</v>
      </c>
      <c r="H12759" s="359" t="s">
        <v>14367</v>
      </c>
      <c r="I12759" s="359" t="s">
        <v>14431</v>
      </c>
      <c r="J12759" s="365"/>
      <c r="K12759" s="365"/>
      <c r="L12759" s="365"/>
    </row>
    <row r="12760" spans="2:12">
      <c r="B12760" s="367"/>
      <c r="C12760" s="367"/>
      <c r="D12760" s="367"/>
      <c r="E12760" s="367"/>
      <c r="F12760" s="360"/>
      <c r="G12760" s="360"/>
      <c r="H12760" s="360"/>
      <c r="I12760" s="360"/>
      <c r="J12760" s="365"/>
      <c r="K12760" s="365"/>
      <c r="L12760" s="365"/>
    </row>
    <row r="12761" spans="2:12">
      <c r="B12761" s="368"/>
      <c r="C12761" s="368"/>
      <c r="D12761" s="368"/>
      <c r="E12761" s="368"/>
      <c r="F12761" s="362"/>
      <c r="G12761" s="362"/>
      <c r="H12761" s="361" t="s">
        <v>14332</v>
      </c>
      <c r="I12761" s="362"/>
      <c r="J12761" s="366"/>
      <c r="K12761" s="366"/>
      <c r="L12761" s="366"/>
    </row>
    <row r="12762" spans="2:12">
      <c r="B12762" s="358" t="s">
        <v>21072</v>
      </c>
      <c r="C12762" s="358" t="s">
        <v>21073</v>
      </c>
      <c r="D12762" s="358" t="s">
        <v>21074</v>
      </c>
      <c r="E12762" s="358" t="s">
        <v>21075</v>
      </c>
      <c r="F12762" s="358" t="s">
        <v>14389</v>
      </c>
      <c r="G12762" s="358" t="s">
        <v>14390</v>
      </c>
      <c r="H12762" s="358" t="s">
        <v>14341</v>
      </c>
      <c r="I12762" s="358" t="s">
        <v>14390</v>
      </c>
      <c r="J12762" s="358"/>
      <c r="K12762" s="358"/>
      <c r="L12762" s="358"/>
    </row>
    <row r="12763" spans="2:12">
      <c r="B12763" s="367"/>
      <c r="C12763" s="367"/>
      <c r="D12763" s="367"/>
      <c r="E12763" s="367"/>
      <c r="F12763" s="360"/>
      <c r="G12763" s="360"/>
      <c r="H12763" s="360"/>
      <c r="I12763" s="360"/>
      <c r="J12763" s="365"/>
      <c r="K12763" s="365"/>
      <c r="L12763" s="365"/>
    </row>
    <row r="12764" spans="2:12">
      <c r="B12764" s="367"/>
      <c r="C12764" s="367"/>
      <c r="D12764" s="367"/>
      <c r="E12764" s="367"/>
      <c r="F12764" s="359" t="s">
        <v>14430</v>
      </c>
      <c r="G12764" s="359" t="s">
        <v>14431</v>
      </c>
      <c r="H12764" s="359" t="s">
        <v>14367</v>
      </c>
      <c r="I12764" s="359" t="s">
        <v>14431</v>
      </c>
      <c r="J12764" s="365"/>
      <c r="K12764" s="365"/>
      <c r="L12764" s="365"/>
    </row>
    <row r="12765" spans="2:12">
      <c r="B12765" s="367"/>
      <c r="C12765" s="367"/>
      <c r="D12765" s="367"/>
      <c r="E12765" s="367"/>
      <c r="F12765" s="360"/>
      <c r="G12765" s="360"/>
      <c r="H12765" s="360"/>
      <c r="I12765" s="360"/>
      <c r="J12765" s="365"/>
      <c r="K12765" s="365"/>
      <c r="L12765" s="365"/>
    </row>
    <row r="12766" spans="2:12">
      <c r="B12766" s="368"/>
      <c r="C12766" s="368"/>
      <c r="D12766" s="368"/>
      <c r="E12766" s="368"/>
      <c r="F12766" s="361" t="s">
        <v>14391</v>
      </c>
      <c r="G12766" s="361" t="s">
        <v>14392</v>
      </c>
      <c r="H12766" s="361" t="s">
        <v>14332</v>
      </c>
      <c r="I12766" s="361" t="s">
        <v>14392</v>
      </c>
      <c r="J12766" s="366"/>
      <c r="K12766" s="366"/>
      <c r="L12766" s="366"/>
    </row>
    <row r="12767" spans="2:12" ht="28.5">
      <c r="B12767" s="358" t="s">
        <v>21076</v>
      </c>
      <c r="C12767" s="358" t="s">
        <v>27679</v>
      </c>
      <c r="D12767" s="358" t="s">
        <v>21077</v>
      </c>
      <c r="E12767" s="358" t="s">
        <v>21078</v>
      </c>
      <c r="F12767" s="358" t="s">
        <v>14460</v>
      </c>
      <c r="G12767" s="358" t="s">
        <v>28649</v>
      </c>
      <c r="H12767" s="358" t="s">
        <v>14381</v>
      </c>
      <c r="I12767" s="358" t="s">
        <v>28649</v>
      </c>
      <c r="J12767" s="358"/>
      <c r="K12767" s="358"/>
      <c r="L12767" s="358"/>
    </row>
    <row r="12768" spans="2:12">
      <c r="B12768" s="367"/>
      <c r="C12768" s="367"/>
      <c r="D12768" s="367"/>
      <c r="E12768" s="367"/>
      <c r="F12768" s="360"/>
      <c r="G12768" s="360"/>
      <c r="H12768" s="360"/>
      <c r="I12768" s="360"/>
      <c r="J12768" s="365"/>
      <c r="K12768" s="365"/>
      <c r="L12768" s="365"/>
    </row>
    <row r="12769" spans="2:12">
      <c r="B12769" s="367"/>
      <c r="C12769" s="367"/>
      <c r="D12769" s="367"/>
      <c r="E12769" s="367"/>
      <c r="F12769" s="359" t="s">
        <v>14430</v>
      </c>
      <c r="G12769" s="359" t="s">
        <v>14392</v>
      </c>
      <c r="H12769" s="359" t="s">
        <v>14341</v>
      </c>
      <c r="I12769" s="359" t="s">
        <v>14392</v>
      </c>
      <c r="J12769" s="365"/>
      <c r="K12769" s="365"/>
      <c r="L12769" s="365"/>
    </row>
    <row r="12770" spans="2:12">
      <c r="B12770" s="367"/>
      <c r="C12770" s="367"/>
      <c r="D12770" s="367"/>
      <c r="E12770" s="367"/>
      <c r="F12770" s="360"/>
      <c r="G12770" s="360"/>
      <c r="H12770" s="360"/>
      <c r="I12770" s="360"/>
      <c r="J12770" s="365"/>
      <c r="K12770" s="365"/>
      <c r="L12770" s="365"/>
    </row>
    <row r="12771" spans="2:12">
      <c r="B12771" s="367"/>
      <c r="C12771" s="367"/>
      <c r="D12771" s="367"/>
      <c r="E12771" s="367"/>
      <c r="F12771" s="359" t="s">
        <v>14391</v>
      </c>
      <c r="G12771" s="359" t="s">
        <v>14473</v>
      </c>
      <c r="H12771" s="359" t="s">
        <v>14367</v>
      </c>
      <c r="I12771" s="359" t="s">
        <v>14473</v>
      </c>
      <c r="J12771" s="365"/>
      <c r="K12771" s="365"/>
      <c r="L12771" s="365"/>
    </row>
    <row r="12772" spans="2:12">
      <c r="B12772" s="367"/>
      <c r="C12772" s="367"/>
      <c r="D12772" s="367"/>
      <c r="E12772" s="367"/>
      <c r="F12772" s="360"/>
      <c r="G12772" s="360"/>
      <c r="H12772" s="360"/>
      <c r="I12772" s="360"/>
      <c r="J12772" s="365"/>
      <c r="K12772" s="365"/>
      <c r="L12772" s="365"/>
    </row>
    <row r="12773" spans="2:12" ht="28.5">
      <c r="B12773" s="368"/>
      <c r="C12773" s="368"/>
      <c r="D12773" s="368"/>
      <c r="E12773" s="368"/>
      <c r="F12773" s="361" t="s">
        <v>14472</v>
      </c>
      <c r="G12773" s="362"/>
      <c r="H12773" s="361" t="s">
        <v>14332</v>
      </c>
      <c r="I12773" s="362"/>
      <c r="J12773" s="366"/>
      <c r="K12773" s="366"/>
      <c r="L12773" s="366"/>
    </row>
    <row r="12774" spans="2:12" ht="57">
      <c r="B12774" s="358" t="s">
        <v>21079</v>
      </c>
      <c r="C12774" s="358" t="s">
        <v>30252</v>
      </c>
      <c r="D12774" s="358" t="s">
        <v>21080</v>
      </c>
      <c r="E12774" s="358" t="s">
        <v>8356</v>
      </c>
      <c r="F12774" s="358" t="s">
        <v>14391</v>
      </c>
      <c r="G12774" s="358" t="s">
        <v>14392</v>
      </c>
      <c r="H12774" s="358" t="s">
        <v>14367</v>
      </c>
      <c r="I12774" s="358" t="s">
        <v>14392</v>
      </c>
      <c r="J12774" s="358"/>
      <c r="K12774" s="358"/>
      <c r="L12774" s="358"/>
    </row>
    <row r="12775" spans="2:12">
      <c r="B12775" s="367"/>
      <c r="C12775" s="367"/>
      <c r="D12775" s="367"/>
      <c r="E12775" s="367"/>
      <c r="F12775" s="360"/>
      <c r="G12775" s="360"/>
      <c r="H12775" s="360"/>
      <c r="I12775" s="360"/>
      <c r="J12775" s="365"/>
      <c r="K12775" s="365"/>
      <c r="L12775" s="365"/>
    </row>
    <row r="12776" spans="2:12" ht="28.5">
      <c r="B12776" s="368"/>
      <c r="C12776" s="368"/>
      <c r="D12776" s="368"/>
      <c r="E12776" s="368"/>
      <c r="F12776" s="361" t="s">
        <v>14472</v>
      </c>
      <c r="G12776" s="361" t="s">
        <v>14473</v>
      </c>
      <c r="H12776" s="361" t="s">
        <v>14422</v>
      </c>
      <c r="I12776" s="361" t="s">
        <v>14473</v>
      </c>
      <c r="J12776" s="366"/>
      <c r="K12776" s="366"/>
      <c r="L12776" s="366"/>
    </row>
    <row r="12777" spans="2:12" ht="57">
      <c r="B12777" s="358" t="s">
        <v>21081</v>
      </c>
      <c r="C12777" s="358" t="s">
        <v>21082</v>
      </c>
      <c r="D12777" s="358" t="s">
        <v>21083</v>
      </c>
      <c r="E12777" s="358" t="s">
        <v>21084</v>
      </c>
      <c r="F12777" s="358" t="s">
        <v>14389</v>
      </c>
      <c r="G12777" s="358" t="s">
        <v>14390</v>
      </c>
      <c r="H12777" s="358" t="s">
        <v>14341</v>
      </c>
      <c r="I12777" s="358" t="s">
        <v>14390</v>
      </c>
      <c r="J12777" s="358"/>
      <c r="K12777" s="358"/>
      <c r="L12777" s="358"/>
    </row>
    <row r="12778" spans="2:12">
      <c r="B12778" s="367"/>
      <c r="C12778" s="367"/>
      <c r="D12778" s="367"/>
      <c r="E12778" s="367"/>
      <c r="F12778" s="360"/>
      <c r="G12778" s="360"/>
      <c r="H12778" s="360"/>
      <c r="I12778" s="360"/>
      <c r="J12778" s="365"/>
      <c r="K12778" s="365"/>
      <c r="L12778" s="365"/>
    </row>
    <row r="12779" spans="2:12">
      <c r="B12779" s="367"/>
      <c r="C12779" s="367"/>
      <c r="D12779" s="367"/>
      <c r="E12779" s="367"/>
      <c r="F12779" s="359" t="s">
        <v>14430</v>
      </c>
      <c r="G12779" s="359" t="s">
        <v>14431</v>
      </c>
      <c r="H12779" s="359" t="s">
        <v>14367</v>
      </c>
      <c r="I12779" s="359" t="s">
        <v>14431</v>
      </c>
      <c r="J12779" s="365"/>
      <c r="K12779" s="365"/>
      <c r="L12779" s="365"/>
    </row>
    <row r="12780" spans="2:12">
      <c r="B12780" s="367"/>
      <c r="C12780" s="367"/>
      <c r="D12780" s="367"/>
      <c r="E12780" s="367"/>
      <c r="F12780" s="360"/>
      <c r="G12780" s="360"/>
      <c r="H12780" s="360"/>
      <c r="I12780" s="360"/>
      <c r="J12780" s="365"/>
      <c r="K12780" s="365"/>
      <c r="L12780" s="365"/>
    </row>
    <row r="12781" spans="2:12">
      <c r="B12781" s="367"/>
      <c r="C12781" s="367"/>
      <c r="D12781" s="367"/>
      <c r="E12781" s="367"/>
      <c r="F12781" s="359" t="s">
        <v>14391</v>
      </c>
      <c r="G12781" s="359" t="s">
        <v>14392</v>
      </c>
      <c r="H12781" s="359" t="s">
        <v>14370</v>
      </c>
      <c r="I12781" s="359" t="s">
        <v>14392</v>
      </c>
      <c r="J12781" s="365"/>
      <c r="K12781" s="365"/>
      <c r="L12781" s="365"/>
    </row>
    <row r="12782" spans="2:12">
      <c r="B12782" s="367"/>
      <c r="C12782" s="367"/>
      <c r="D12782" s="367"/>
      <c r="E12782" s="367"/>
      <c r="F12782" s="360"/>
      <c r="G12782" s="360"/>
      <c r="H12782" s="360"/>
      <c r="I12782" s="360"/>
      <c r="J12782" s="365"/>
      <c r="K12782" s="365"/>
      <c r="L12782" s="365"/>
    </row>
    <row r="12783" spans="2:12">
      <c r="B12783" s="367"/>
      <c r="C12783" s="367"/>
      <c r="D12783" s="367"/>
      <c r="E12783" s="367"/>
      <c r="F12783" s="359" t="s">
        <v>14371</v>
      </c>
      <c r="G12783" s="359" t="s">
        <v>14372</v>
      </c>
      <c r="H12783" s="359" t="s">
        <v>14332</v>
      </c>
      <c r="I12783" s="359" t="s">
        <v>14373</v>
      </c>
      <c r="J12783" s="365"/>
      <c r="K12783" s="365"/>
      <c r="L12783" s="365"/>
    </row>
    <row r="12784" spans="2:12">
      <c r="B12784" s="367"/>
      <c r="C12784" s="367"/>
      <c r="D12784" s="367"/>
      <c r="E12784" s="367"/>
      <c r="F12784" s="360"/>
      <c r="G12784" s="360"/>
      <c r="H12784" s="360"/>
      <c r="I12784" s="360"/>
      <c r="J12784" s="365"/>
      <c r="K12784" s="365"/>
      <c r="L12784" s="365"/>
    </row>
    <row r="12785" spans="2:12" ht="28.5">
      <c r="B12785" s="368"/>
      <c r="C12785" s="368"/>
      <c r="D12785" s="368"/>
      <c r="E12785" s="368"/>
      <c r="F12785" s="361" t="s">
        <v>14374</v>
      </c>
      <c r="G12785" s="361" t="s">
        <v>14373</v>
      </c>
      <c r="H12785" s="362"/>
      <c r="I12785" s="362"/>
      <c r="J12785" s="366"/>
      <c r="K12785" s="366"/>
      <c r="L12785" s="366"/>
    </row>
    <row r="12786" spans="2:12">
      <c r="B12786" s="358" t="s">
        <v>10408</v>
      </c>
      <c r="C12786" s="358" t="s">
        <v>27680</v>
      </c>
      <c r="D12786" s="358" t="s">
        <v>10409</v>
      </c>
      <c r="E12786" s="358" t="s">
        <v>10410</v>
      </c>
      <c r="F12786" s="358" t="s">
        <v>28860</v>
      </c>
      <c r="G12786" s="358" t="s">
        <v>14669</v>
      </c>
      <c r="H12786" s="358" t="s">
        <v>14381</v>
      </c>
      <c r="I12786" s="358" t="s">
        <v>14669</v>
      </c>
      <c r="J12786" s="358"/>
      <c r="K12786" s="358"/>
      <c r="L12786" s="358"/>
    </row>
    <row r="12787" spans="2:12">
      <c r="B12787" s="367"/>
      <c r="C12787" s="367"/>
      <c r="D12787" s="367"/>
      <c r="E12787" s="367"/>
      <c r="F12787" s="360"/>
      <c r="G12787" s="360"/>
      <c r="H12787" s="360"/>
      <c r="I12787" s="360"/>
      <c r="J12787" s="365"/>
      <c r="K12787" s="365"/>
      <c r="L12787" s="365"/>
    </row>
    <row r="12788" spans="2:12">
      <c r="B12788" s="367"/>
      <c r="C12788" s="367"/>
      <c r="D12788" s="367"/>
      <c r="E12788" s="367"/>
      <c r="F12788" s="359" t="s">
        <v>14430</v>
      </c>
      <c r="G12788" s="359" t="s">
        <v>14427</v>
      </c>
      <c r="H12788" s="359" t="s">
        <v>14341</v>
      </c>
      <c r="I12788" s="359" t="s">
        <v>14427</v>
      </c>
      <c r="J12788" s="365"/>
      <c r="K12788" s="365"/>
      <c r="L12788" s="365"/>
    </row>
    <row r="12789" spans="2:12">
      <c r="B12789" s="367"/>
      <c r="C12789" s="367"/>
      <c r="D12789" s="367"/>
      <c r="E12789" s="367"/>
      <c r="F12789" s="360"/>
      <c r="G12789" s="360"/>
      <c r="H12789" s="360"/>
      <c r="I12789" s="360"/>
      <c r="J12789" s="365"/>
      <c r="K12789" s="365"/>
      <c r="L12789" s="365"/>
    </row>
    <row r="12790" spans="2:12">
      <c r="B12790" s="367"/>
      <c r="C12790" s="367"/>
      <c r="D12790" s="367"/>
      <c r="E12790" s="367"/>
      <c r="F12790" s="359" t="s">
        <v>14391</v>
      </c>
      <c r="G12790" s="359" t="s">
        <v>14431</v>
      </c>
      <c r="H12790" s="359" t="s">
        <v>14367</v>
      </c>
      <c r="I12790" s="359" t="s">
        <v>14431</v>
      </c>
      <c r="J12790" s="365"/>
      <c r="K12790" s="365"/>
      <c r="L12790" s="365"/>
    </row>
    <row r="12791" spans="2:12">
      <c r="B12791" s="367"/>
      <c r="C12791" s="367"/>
      <c r="D12791" s="367"/>
      <c r="E12791" s="367"/>
      <c r="F12791" s="360"/>
      <c r="G12791" s="360"/>
      <c r="H12791" s="360"/>
      <c r="I12791" s="360"/>
      <c r="J12791" s="365"/>
      <c r="K12791" s="365"/>
      <c r="L12791" s="365"/>
    </row>
    <row r="12792" spans="2:12" ht="28.5">
      <c r="B12792" s="367"/>
      <c r="C12792" s="367"/>
      <c r="D12792" s="367"/>
      <c r="E12792" s="367"/>
      <c r="F12792" s="359" t="s">
        <v>14394</v>
      </c>
      <c r="G12792" s="359" t="s">
        <v>14392</v>
      </c>
      <c r="H12792" s="359" t="s">
        <v>14370</v>
      </c>
      <c r="I12792" s="359" t="s">
        <v>14392</v>
      </c>
      <c r="J12792" s="365"/>
      <c r="K12792" s="365"/>
      <c r="L12792" s="365"/>
    </row>
    <row r="12793" spans="2:12">
      <c r="B12793" s="367"/>
      <c r="C12793" s="367"/>
      <c r="D12793" s="367"/>
      <c r="E12793" s="367"/>
      <c r="F12793" s="360"/>
      <c r="G12793" s="360"/>
      <c r="H12793" s="360"/>
      <c r="I12793" s="360"/>
      <c r="J12793" s="365"/>
      <c r="K12793" s="365"/>
      <c r="L12793" s="365"/>
    </row>
    <row r="12794" spans="2:12">
      <c r="B12794" s="368"/>
      <c r="C12794" s="368"/>
      <c r="D12794" s="368"/>
      <c r="E12794" s="368"/>
      <c r="F12794" s="362"/>
      <c r="G12794" s="361" t="s">
        <v>14395</v>
      </c>
      <c r="H12794" s="361" t="s">
        <v>14332</v>
      </c>
      <c r="I12794" s="361" t="s">
        <v>14395</v>
      </c>
      <c r="J12794" s="366"/>
      <c r="K12794" s="366"/>
      <c r="L12794" s="366"/>
    </row>
    <row r="12795" spans="2:12">
      <c r="B12795" s="358" t="s">
        <v>21085</v>
      </c>
      <c r="C12795" s="358" t="s">
        <v>21086</v>
      </c>
      <c r="D12795" s="358" t="s">
        <v>21087</v>
      </c>
      <c r="E12795" s="358" t="s">
        <v>21088</v>
      </c>
      <c r="F12795" s="358" t="s">
        <v>14420</v>
      </c>
      <c r="G12795" s="358" t="s">
        <v>14429</v>
      </c>
      <c r="H12795" s="358" t="s">
        <v>14381</v>
      </c>
      <c r="I12795" s="358" t="s">
        <v>14429</v>
      </c>
      <c r="J12795" s="358"/>
      <c r="K12795" s="358"/>
      <c r="L12795" s="358"/>
    </row>
    <row r="12796" spans="2:12">
      <c r="B12796" s="367"/>
      <c r="C12796" s="367"/>
      <c r="D12796" s="367"/>
      <c r="E12796" s="367"/>
      <c r="F12796" s="360"/>
      <c r="G12796" s="360"/>
      <c r="H12796" s="360"/>
      <c r="I12796" s="360"/>
      <c r="J12796" s="365"/>
      <c r="K12796" s="365"/>
      <c r="L12796" s="365"/>
    </row>
    <row r="12797" spans="2:12" ht="28.5">
      <c r="B12797" s="367"/>
      <c r="C12797" s="367"/>
      <c r="D12797" s="367"/>
      <c r="E12797" s="367"/>
      <c r="F12797" s="359" t="s">
        <v>14460</v>
      </c>
      <c r="G12797" s="359" t="s">
        <v>28885</v>
      </c>
      <c r="H12797" s="359" t="s">
        <v>14367</v>
      </c>
      <c r="I12797" s="359" t="s">
        <v>28885</v>
      </c>
      <c r="J12797" s="365"/>
      <c r="K12797" s="365"/>
      <c r="L12797" s="365"/>
    </row>
    <row r="12798" spans="2:12">
      <c r="B12798" s="367"/>
      <c r="C12798" s="367"/>
      <c r="D12798" s="367"/>
      <c r="E12798" s="367"/>
      <c r="F12798" s="360"/>
      <c r="G12798" s="360"/>
      <c r="H12798" s="360"/>
      <c r="I12798" s="360"/>
      <c r="J12798" s="365"/>
      <c r="K12798" s="365"/>
      <c r="L12798" s="365"/>
    </row>
    <row r="12799" spans="2:12" ht="28.5">
      <c r="B12799" s="368"/>
      <c r="C12799" s="368"/>
      <c r="D12799" s="368"/>
      <c r="E12799" s="368"/>
      <c r="F12799" s="361" t="s">
        <v>14472</v>
      </c>
      <c r="G12799" s="362"/>
      <c r="H12799" s="361" t="s">
        <v>14422</v>
      </c>
      <c r="I12799" s="362"/>
      <c r="J12799" s="366"/>
      <c r="K12799" s="366"/>
      <c r="L12799" s="366"/>
    </row>
    <row r="12800" spans="2:12" ht="28.5">
      <c r="B12800" s="358" t="s">
        <v>21089</v>
      </c>
      <c r="C12800" s="358" t="s">
        <v>21090</v>
      </c>
      <c r="D12800" s="358" t="s">
        <v>21091</v>
      </c>
      <c r="E12800" s="358" t="s">
        <v>21092</v>
      </c>
      <c r="F12800" s="358" t="s">
        <v>14507</v>
      </c>
      <c r="G12800" s="358" t="s">
        <v>29301</v>
      </c>
      <c r="H12800" s="358" t="s">
        <v>14381</v>
      </c>
      <c r="I12800" s="358" t="s">
        <v>29301</v>
      </c>
      <c r="J12800" s="358"/>
      <c r="K12800" s="358"/>
      <c r="L12800" s="358"/>
    </row>
    <row r="12801" spans="2:12">
      <c r="B12801" s="367"/>
      <c r="C12801" s="367"/>
      <c r="D12801" s="367"/>
      <c r="E12801" s="367"/>
      <c r="F12801" s="360"/>
      <c r="G12801" s="367"/>
      <c r="H12801" s="360"/>
      <c r="I12801" s="367"/>
      <c r="J12801" s="365"/>
      <c r="K12801" s="365"/>
      <c r="L12801" s="365"/>
    </row>
    <row r="12802" spans="2:12">
      <c r="B12802" s="367"/>
      <c r="C12802" s="367"/>
      <c r="D12802" s="367"/>
      <c r="E12802" s="367"/>
      <c r="F12802" s="359" t="s">
        <v>14391</v>
      </c>
      <c r="G12802" s="367"/>
      <c r="H12802" s="359" t="s">
        <v>14367</v>
      </c>
      <c r="I12802" s="367"/>
      <c r="J12802" s="365"/>
      <c r="K12802" s="365"/>
      <c r="L12802" s="365"/>
    </row>
    <row r="12803" spans="2:12">
      <c r="B12803" s="367"/>
      <c r="C12803" s="367"/>
      <c r="D12803" s="367"/>
      <c r="E12803" s="367"/>
      <c r="F12803" s="360"/>
      <c r="G12803" s="367"/>
      <c r="H12803" s="360"/>
      <c r="I12803" s="367"/>
      <c r="J12803" s="365"/>
      <c r="K12803" s="365"/>
      <c r="L12803" s="365"/>
    </row>
    <row r="12804" spans="2:12">
      <c r="B12804" s="368"/>
      <c r="C12804" s="368"/>
      <c r="D12804" s="368"/>
      <c r="E12804" s="368"/>
      <c r="F12804" s="362"/>
      <c r="G12804" s="368"/>
      <c r="H12804" s="361" t="s">
        <v>14422</v>
      </c>
      <c r="I12804" s="368"/>
      <c r="J12804" s="366"/>
      <c r="K12804" s="366"/>
      <c r="L12804" s="366"/>
    </row>
    <row r="12805" spans="2:12">
      <c r="B12805" s="354" t="s">
        <v>29302</v>
      </c>
      <c r="C12805" s="369"/>
      <c r="D12805" s="369"/>
      <c r="E12805" s="369"/>
      <c r="F12805" s="369"/>
      <c r="G12805" s="369"/>
      <c r="H12805" s="369"/>
      <c r="I12805" s="369"/>
      <c r="J12805" s="369"/>
      <c r="K12805" s="369"/>
      <c r="L12805" s="370"/>
    </row>
    <row r="12806" spans="2:12">
      <c r="B12806" s="354" t="s">
        <v>28528</v>
      </c>
      <c r="C12806" s="369"/>
      <c r="D12806" s="369"/>
      <c r="E12806" s="369"/>
      <c r="F12806" s="369"/>
      <c r="G12806" s="369"/>
      <c r="H12806" s="369"/>
      <c r="I12806" s="369"/>
      <c r="J12806" s="369"/>
      <c r="K12806" s="369"/>
      <c r="L12806" s="370"/>
    </row>
    <row r="12807" spans="2:12" ht="42.75">
      <c r="B12807" s="358" t="s">
        <v>21093</v>
      </c>
      <c r="C12807" s="358" t="s">
        <v>29303</v>
      </c>
      <c r="D12807" s="358" t="s">
        <v>21094</v>
      </c>
      <c r="E12807" s="358" t="s">
        <v>8356</v>
      </c>
      <c r="F12807" s="358" t="s">
        <v>15096</v>
      </c>
      <c r="G12807" s="358" t="s">
        <v>15097</v>
      </c>
      <c r="H12807" s="358" t="s">
        <v>14328</v>
      </c>
      <c r="I12807" s="358" t="s">
        <v>15097</v>
      </c>
      <c r="J12807" s="358"/>
      <c r="K12807" s="358"/>
      <c r="L12807" s="358" t="s">
        <v>14513</v>
      </c>
    </row>
    <row r="12808" spans="2:12">
      <c r="B12808" s="367"/>
      <c r="C12808" s="367"/>
      <c r="D12808" s="367"/>
      <c r="E12808" s="367"/>
      <c r="F12808" s="360"/>
      <c r="G12808" s="360"/>
      <c r="H12808" s="360"/>
      <c r="I12808" s="360"/>
      <c r="J12808" s="365"/>
      <c r="K12808" s="365"/>
      <c r="L12808" s="367"/>
    </row>
    <row r="12809" spans="2:12">
      <c r="B12809" s="367"/>
      <c r="C12809" s="367"/>
      <c r="D12809" s="367"/>
      <c r="E12809" s="367"/>
      <c r="F12809" s="359" t="s">
        <v>14391</v>
      </c>
      <c r="G12809" s="359" t="s">
        <v>14392</v>
      </c>
      <c r="H12809" s="359" t="s">
        <v>14367</v>
      </c>
      <c r="I12809" s="359" t="s">
        <v>14392</v>
      </c>
      <c r="J12809" s="365"/>
      <c r="K12809" s="365"/>
      <c r="L12809" s="367"/>
    </row>
    <row r="12810" spans="2:12">
      <c r="B12810" s="367"/>
      <c r="C12810" s="367"/>
      <c r="D12810" s="367"/>
      <c r="E12810" s="367"/>
      <c r="F12810" s="360"/>
      <c r="G12810" s="360"/>
      <c r="H12810" s="360"/>
      <c r="I12810" s="360"/>
      <c r="J12810" s="365"/>
      <c r="K12810" s="365"/>
      <c r="L12810" s="367"/>
    </row>
    <row r="12811" spans="2:12">
      <c r="B12811" s="368"/>
      <c r="C12811" s="368"/>
      <c r="D12811" s="368"/>
      <c r="E12811" s="368"/>
      <c r="F12811" s="362"/>
      <c r="G12811" s="362"/>
      <c r="H12811" s="361" t="s">
        <v>14332</v>
      </c>
      <c r="I12811" s="362"/>
      <c r="J12811" s="366"/>
      <c r="K12811" s="366"/>
      <c r="L12811" s="368"/>
    </row>
    <row r="12812" spans="2:12" ht="42.75">
      <c r="B12812" s="358" t="s">
        <v>21095</v>
      </c>
      <c r="C12812" s="358" t="s">
        <v>27681</v>
      </c>
      <c r="D12812" s="358" t="s">
        <v>21096</v>
      </c>
      <c r="E12812" s="358" t="s">
        <v>8356</v>
      </c>
      <c r="F12812" s="358" t="s">
        <v>14371</v>
      </c>
      <c r="G12812" s="358" t="s">
        <v>14372</v>
      </c>
      <c r="H12812" s="358" t="s">
        <v>14370</v>
      </c>
      <c r="I12812" s="358" t="s">
        <v>14373</v>
      </c>
      <c r="J12812" s="358"/>
      <c r="K12812" s="358"/>
      <c r="L12812" s="358"/>
    </row>
    <row r="12813" spans="2:12">
      <c r="B12813" s="367"/>
      <c r="C12813" s="367"/>
      <c r="D12813" s="367"/>
      <c r="E12813" s="367"/>
      <c r="F12813" s="360"/>
      <c r="G12813" s="360"/>
      <c r="H12813" s="360"/>
      <c r="I12813" s="367"/>
      <c r="J12813" s="365"/>
      <c r="K12813" s="365"/>
      <c r="L12813" s="365"/>
    </row>
    <row r="12814" spans="2:12" ht="28.5">
      <c r="B12814" s="368"/>
      <c r="C12814" s="368"/>
      <c r="D12814" s="368"/>
      <c r="E12814" s="368"/>
      <c r="F12814" s="361" t="s">
        <v>14374</v>
      </c>
      <c r="G12814" s="361" t="s">
        <v>14373</v>
      </c>
      <c r="H12814" s="361" t="s">
        <v>14422</v>
      </c>
      <c r="I12814" s="368"/>
      <c r="J12814" s="366"/>
      <c r="K12814" s="366"/>
      <c r="L12814" s="366"/>
    </row>
    <row r="12815" spans="2:12" ht="42.75">
      <c r="B12815" s="358" t="s">
        <v>21097</v>
      </c>
      <c r="C12815" s="358" t="s">
        <v>21098</v>
      </c>
      <c r="D12815" s="358" t="s">
        <v>21099</v>
      </c>
      <c r="E12815" s="358" t="s">
        <v>21100</v>
      </c>
      <c r="F12815" s="358" t="s">
        <v>29304</v>
      </c>
      <c r="G12815" s="358" t="s">
        <v>14483</v>
      </c>
      <c r="H12815" s="358" t="s">
        <v>14378</v>
      </c>
      <c r="I12815" s="358" t="s">
        <v>14483</v>
      </c>
      <c r="J12815" s="358"/>
      <c r="K12815" s="358"/>
      <c r="L12815" s="358"/>
    </row>
    <row r="12816" spans="2:12">
      <c r="B12816" s="367"/>
      <c r="C12816" s="367"/>
      <c r="D12816" s="367"/>
      <c r="E12816" s="367"/>
      <c r="F12816" s="360"/>
      <c r="G12816" s="360"/>
      <c r="H12816" s="360"/>
      <c r="I12816" s="360"/>
      <c r="J12816" s="365"/>
      <c r="K12816" s="365"/>
      <c r="L12816" s="365"/>
    </row>
    <row r="12817" spans="2:12">
      <c r="B12817" s="367"/>
      <c r="C12817" s="367"/>
      <c r="D12817" s="367"/>
      <c r="E12817" s="367"/>
      <c r="F12817" s="359" t="s">
        <v>14389</v>
      </c>
      <c r="G12817" s="359" t="s">
        <v>14429</v>
      </c>
      <c r="H12817" s="359" t="s">
        <v>14341</v>
      </c>
      <c r="I12817" s="359" t="s">
        <v>14429</v>
      </c>
      <c r="J12817" s="365"/>
      <c r="K12817" s="365"/>
      <c r="L12817" s="365"/>
    </row>
    <row r="12818" spans="2:12">
      <c r="B12818" s="367"/>
      <c r="C12818" s="367"/>
      <c r="D12818" s="367"/>
      <c r="E12818" s="367"/>
      <c r="F12818" s="360"/>
      <c r="G12818" s="360"/>
      <c r="H12818" s="360"/>
      <c r="I12818" s="360"/>
      <c r="J12818" s="365"/>
      <c r="K12818" s="365"/>
      <c r="L12818" s="365"/>
    </row>
    <row r="12819" spans="2:12" ht="28.5">
      <c r="B12819" s="367"/>
      <c r="C12819" s="367"/>
      <c r="D12819" s="367"/>
      <c r="E12819" s="367"/>
      <c r="F12819" s="359" t="s">
        <v>14430</v>
      </c>
      <c r="G12819" s="359" t="s">
        <v>29141</v>
      </c>
      <c r="H12819" s="359" t="s">
        <v>14381</v>
      </c>
      <c r="I12819" s="359" t="s">
        <v>29141</v>
      </c>
      <c r="J12819" s="365"/>
      <c r="K12819" s="365"/>
      <c r="L12819" s="365"/>
    </row>
    <row r="12820" spans="2:12">
      <c r="B12820" s="367"/>
      <c r="C12820" s="367"/>
      <c r="D12820" s="367"/>
      <c r="E12820" s="367"/>
      <c r="F12820" s="360"/>
      <c r="G12820" s="360"/>
      <c r="H12820" s="360"/>
      <c r="I12820" s="360"/>
      <c r="J12820" s="365"/>
      <c r="K12820" s="365"/>
      <c r="L12820" s="365"/>
    </row>
    <row r="12821" spans="2:12">
      <c r="B12821" s="367"/>
      <c r="C12821" s="367"/>
      <c r="D12821" s="367"/>
      <c r="E12821" s="367"/>
      <c r="F12821" s="359" t="s">
        <v>14391</v>
      </c>
      <c r="G12821" s="359" t="s">
        <v>14431</v>
      </c>
      <c r="H12821" s="359" t="s">
        <v>14332</v>
      </c>
      <c r="I12821" s="359" t="s">
        <v>14431</v>
      </c>
      <c r="J12821" s="365"/>
      <c r="K12821" s="365"/>
      <c r="L12821" s="365"/>
    </row>
    <row r="12822" spans="2:12">
      <c r="B12822" s="367"/>
      <c r="C12822" s="367"/>
      <c r="D12822" s="367"/>
      <c r="E12822" s="367"/>
      <c r="F12822" s="360"/>
      <c r="G12822" s="360"/>
      <c r="H12822" s="360"/>
      <c r="I12822" s="360"/>
      <c r="J12822" s="365"/>
      <c r="K12822" s="365"/>
      <c r="L12822" s="365"/>
    </row>
    <row r="12823" spans="2:12">
      <c r="B12823" s="368"/>
      <c r="C12823" s="368"/>
      <c r="D12823" s="368"/>
      <c r="E12823" s="368"/>
      <c r="F12823" s="362"/>
      <c r="G12823" s="361" t="s">
        <v>14392</v>
      </c>
      <c r="H12823" s="362"/>
      <c r="I12823" s="361" t="s">
        <v>14392</v>
      </c>
      <c r="J12823" s="366"/>
      <c r="K12823" s="366"/>
      <c r="L12823" s="366"/>
    </row>
    <row r="12824" spans="2:12">
      <c r="B12824" s="358" t="s">
        <v>21101</v>
      </c>
      <c r="C12824" s="358" t="s">
        <v>21102</v>
      </c>
      <c r="D12824" s="358" t="s">
        <v>21103</v>
      </c>
      <c r="E12824" s="358" t="s">
        <v>21104</v>
      </c>
      <c r="F12824" s="358" t="s">
        <v>14371</v>
      </c>
      <c r="G12824" s="358" t="s">
        <v>14372</v>
      </c>
      <c r="H12824" s="358" t="s">
        <v>14370</v>
      </c>
      <c r="I12824" s="358" t="s">
        <v>14373</v>
      </c>
      <c r="J12824" s="358"/>
      <c r="K12824" s="358"/>
      <c r="L12824" s="358"/>
    </row>
    <row r="12825" spans="2:12">
      <c r="B12825" s="367"/>
      <c r="C12825" s="367"/>
      <c r="D12825" s="367"/>
      <c r="E12825" s="367"/>
      <c r="F12825" s="360"/>
      <c r="G12825" s="360"/>
      <c r="H12825" s="360"/>
      <c r="I12825" s="367"/>
      <c r="J12825" s="365"/>
      <c r="K12825" s="365"/>
      <c r="L12825" s="365"/>
    </row>
    <row r="12826" spans="2:12" ht="28.5">
      <c r="B12826" s="368"/>
      <c r="C12826" s="368"/>
      <c r="D12826" s="368"/>
      <c r="E12826" s="368"/>
      <c r="F12826" s="361" t="s">
        <v>14374</v>
      </c>
      <c r="G12826" s="361" t="s">
        <v>14373</v>
      </c>
      <c r="H12826" s="361" t="s">
        <v>14422</v>
      </c>
      <c r="I12826" s="368"/>
      <c r="J12826" s="366"/>
      <c r="K12826" s="366"/>
      <c r="L12826" s="366"/>
    </row>
    <row r="12827" spans="2:12" ht="42.75">
      <c r="B12827" s="358" t="s">
        <v>21105</v>
      </c>
      <c r="C12827" s="358" t="s">
        <v>27682</v>
      </c>
      <c r="D12827" s="358" t="s">
        <v>21106</v>
      </c>
      <c r="E12827" s="358" t="s">
        <v>21107</v>
      </c>
      <c r="F12827" s="358" t="s">
        <v>14430</v>
      </c>
      <c r="G12827" s="358" t="s">
        <v>14431</v>
      </c>
      <c r="H12827" s="358" t="s">
        <v>14341</v>
      </c>
      <c r="I12827" s="358" t="s">
        <v>14431</v>
      </c>
      <c r="J12827" s="358"/>
      <c r="K12827" s="358"/>
      <c r="L12827" s="358"/>
    </row>
    <row r="12828" spans="2:12">
      <c r="B12828" s="367"/>
      <c r="C12828" s="367"/>
      <c r="D12828" s="367"/>
      <c r="E12828" s="367"/>
      <c r="F12828" s="360"/>
      <c r="G12828" s="360"/>
      <c r="H12828" s="360"/>
      <c r="I12828" s="360"/>
      <c r="J12828" s="365"/>
      <c r="K12828" s="365"/>
      <c r="L12828" s="365"/>
    </row>
    <row r="12829" spans="2:12">
      <c r="B12829" s="367"/>
      <c r="C12829" s="367"/>
      <c r="D12829" s="367"/>
      <c r="E12829" s="367"/>
      <c r="F12829" s="359" t="s">
        <v>14391</v>
      </c>
      <c r="G12829" s="359" t="s">
        <v>14392</v>
      </c>
      <c r="H12829" s="359" t="s">
        <v>14367</v>
      </c>
      <c r="I12829" s="359" t="s">
        <v>14392</v>
      </c>
      <c r="J12829" s="365"/>
      <c r="K12829" s="365"/>
      <c r="L12829" s="365"/>
    </row>
    <row r="12830" spans="2:12">
      <c r="B12830" s="367"/>
      <c r="C12830" s="367"/>
      <c r="D12830" s="367"/>
      <c r="E12830" s="367"/>
      <c r="F12830" s="360"/>
      <c r="G12830" s="360"/>
      <c r="H12830" s="360"/>
      <c r="I12830" s="360"/>
      <c r="J12830" s="365"/>
      <c r="K12830" s="365"/>
      <c r="L12830" s="365"/>
    </row>
    <row r="12831" spans="2:12">
      <c r="B12831" s="368"/>
      <c r="C12831" s="368"/>
      <c r="D12831" s="368"/>
      <c r="E12831" s="368"/>
      <c r="F12831" s="362"/>
      <c r="G12831" s="362"/>
      <c r="H12831" s="361" t="s">
        <v>14332</v>
      </c>
      <c r="I12831" s="362"/>
      <c r="J12831" s="366"/>
      <c r="K12831" s="366"/>
      <c r="L12831" s="366"/>
    </row>
    <row r="12832" spans="2:12">
      <c r="B12832" s="358" t="s">
        <v>21108</v>
      </c>
      <c r="C12832" s="358" t="s">
        <v>21109</v>
      </c>
      <c r="D12832" s="358" t="s">
        <v>21110</v>
      </c>
      <c r="E12832" s="358" t="s">
        <v>21111</v>
      </c>
      <c r="F12832" s="358" t="s">
        <v>14430</v>
      </c>
      <c r="G12832" s="358" t="s">
        <v>14431</v>
      </c>
      <c r="H12832" s="358" t="s">
        <v>14341</v>
      </c>
      <c r="I12832" s="358" t="s">
        <v>14431</v>
      </c>
      <c r="J12832" s="358"/>
      <c r="K12832" s="358"/>
      <c r="L12832" s="358"/>
    </row>
    <row r="12833" spans="2:12">
      <c r="B12833" s="367"/>
      <c r="C12833" s="367"/>
      <c r="D12833" s="367"/>
      <c r="E12833" s="367"/>
      <c r="F12833" s="360"/>
      <c r="G12833" s="360"/>
      <c r="H12833" s="360"/>
      <c r="I12833" s="360"/>
      <c r="J12833" s="365"/>
      <c r="K12833" s="365"/>
      <c r="L12833" s="365"/>
    </row>
    <row r="12834" spans="2:12" ht="28.5">
      <c r="B12834" s="368"/>
      <c r="C12834" s="368"/>
      <c r="D12834" s="368"/>
      <c r="E12834" s="368"/>
      <c r="F12834" s="361" t="s">
        <v>14472</v>
      </c>
      <c r="G12834" s="361" t="s">
        <v>14473</v>
      </c>
      <c r="H12834" s="361" t="s">
        <v>14332</v>
      </c>
      <c r="I12834" s="361" t="s">
        <v>14473</v>
      </c>
      <c r="J12834" s="366"/>
      <c r="K12834" s="366"/>
      <c r="L12834" s="366"/>
    </row>
    <row r="12835" spans="2:12" ht="42.75">
      <c r="B12835" s="358" t="s">
        <v>21112</v>
      </c>
      <c r="C12835" s="358" t="s">
        <v>30253</v>
      </c>
      <c r="D12835" s="358" t="s">
        <v>21113</v>
      </c>
      <c r="E12835" s="358" t="s">
        <v>2016</v>
      </c>
      <c r="F12835" s="358" t="s">
        <v>28931</v>
      </c>
      <c r="G12835" s="358" t="s">
        <v>14459</v>
      </c>
      <c r="H12835" s="358" t="s">
        <v>14367</v>
      </c>
      <c r="I12835" s="358" t="s">
        <v>14459</v>
      </c>
      <c r="J12835" s="358"/>
      <c r="K12835" s="358"/>
      <c r="L12835" s="358"/>
    </row>
    <row r="12836" spans="2:12">
      <c r="B12836" s="367"/>
      <c r="C12836" s="367"/>
      <c r="D12836" s="367"/>
      <c r="E12836" s="367"/>
      <c r="F12836" s="360"/>
      <c r="G12836" s="360"/>
      <c r="H12836" s="360"/>
      <c r="I12836" s="360"/>
      <c r="J12836" s="365"/>
      <c r="K12836" s="365"/>
      <c r="L12836" s="365"/>
    </row>
    <row r="12837" spans="2:12">
      <c r="B12837" s="367"/>
      <c r="C12837" s="367"/>
      <c r="D12837" s="367"/>
      <c r="E12837" s="367"/>
      <c r="F12837" s="359" t="s">
        <v>14371</v>
      </c>
      <c r="G12837" s="359" t="s">
        <v>14429</v>
      </c>
      <c r="H12837" s="359" t="s">
        <v>14370</v>
      </c>
      <c r="I12837" s="359" t="s">
        <v>14429</v>
      </c>
      <c r="J12837" s="365"/>
      <c r="K12837" s="365"/>
      <c r="L12837" s="365"/>
    </row>
    <row r="12838" spans="2:12">
      <c r="B12838" s="367"/>
      <c r="C12838" s="367"/>
      <c r="D12838" s="367"/>
      <c r="E12838" s="367"/>
      <c r="F12838" s="360"/>
      <c r="G12838" s="360"/>
      <c r="H12838" s="360"/>
      <c r="I12838" s="360"/>
      <c r="J12838" s="365"/>
      <c r="K12838" s="365"/>
      <c r="L12838" s="365"/>
    </row>
    <row r="12839" spans="2:12" ht="28.5">
      <c r="B12839" s="367"/>
      <c r="C12839" s="367"/>
      <c r="D12839" s="367"/>
      <c r="E12839" s="367"/>
      <c r="F12839" s="359" t="s">
        <v>14374</v>
      </c>
      <c r="G12839" s="359" t="s">
        <v>14388</v>
      </c>
      <c r="H12839" s="359" t="s">
        <v>14422</v>
      </c>
      <c r="I12839" s="359" t="s">
        <v>14388</v>
      </c>
      <c r="J12839" s="365"/>
      <c r="K12839" s="365"/>
      <c r="L12839" s="365"/>
    </row>
    <row r="12840" spans="2:12">
      <c r="B12840" s="367"/>
      <c r="C12840" s="367"/>
      <c r="D12840" s="367"/>
      <c r="E12840" s="367"/>
      <c r="F12840" s="360"/>
      <c r="G12840" s="360"/>
      <c r="H12840" s="360"/>
      <c r="I12840" s="360"/>
      <c r="J12840" s="365"/>
      <c r="K12840" s="365"/>
      <c r="L12840" s="365"/>
    </row>
    <row r="12841" spans="2:12">
      <c r="B12841" s="367"/>
      <c r="C12841" s="367"/>
      <c r="D12841" s="367"/>
      <c r="E12841" s="367"/>
      <c r="F12841" s="360"/>
      <c r="G12841" s="359" t="s">
        <v>14372</v>
      </c>
      <c r="H12841" s="360"/>
      <c r="I12841" s="359" t="s">
        <v>14373</v>
      </c>
      <c r="J12841" s="365"/>
      <c r="K12841" s="365"/>
      <c r="L12841" s="365"/>
    </row>
    <row r="12842" spans="2:12">
      <c r="B12842" s="367"/>
      <c r="C12842" s="367"/>
      <c r="D12842" s="367"/>
      <c r="E12842" s="367"/>
      <c r="F12842" s="360"/>
      <c r="G12842" s="360"/>
      <c r="H12842" s="360"/>
      <c r="I12842" s="360"/>
      <c r="J12842" s="365"/>
      <c r="K12842" s="365"/>
      <c r="L12842" s="365"/>
    </row>
    <row r="12843" spans="2:12">
      <c r="B12843" s="368"/>
      <c r="C12843" s="368"/>
      <c r="D12843" s="368"/>
      <c r="E12843" s="368"/>
      <c r="F12843" s="362"/>
      <c r="G12843" s="361" t="s">
        <v>14373</v>
      </c>
      <c r="H12843" s="362"/>
      <c r="I12843" s="362"/>
      <c r="J12843" s="366"/>
      <c r="K12843" s="366"/>
      <c r="L12843" s="366"/>
    </row>
    <row r="12844" spans="2:12" ht="71.25">
      <c r="B12844" s="358" t="s">
        <v>21114</v>
      </c>
      <c r="C12844" s="358" t="s">
        <v>30254</v>
      </c>
      <c r="D12844" s="358" t="s">
        <v>21113</v>
      </c>
      <c r="E12844" s="358" t="s">
        <v>1625</v>
      </c>
      <c r="F12844" s="358" t="s">
        <v>29305</v>
      </c>
      <c r="G12844" s="358" t="s">
        <v>14383</v>
      </c>
      <c r="H12844" s="358" t="s">
        <v>14378</v>
      </c>
      <c r="I12844" s="358" t="s">
        <v>14383</v>
      </c>
      <c r="J12844" s="358"/>
      <c r="K12844" s="358" t="s">
        <v>15298</v>
      </c>
      <c r="L12844" s="358"/>
    </row>
    <row r="12845" spans="2:12">
      <c r="B12845" s="367"/>
      <c r="C12845" s="367"/>
      <c r="D12845" s="367"/>
      <c r="E12845" s="367"/>
      <c r="F12845" s="360"/>
      <c r="G12845" s="360"/>
      <c r="H12845" s="360"/>
      <c r="I12845" s="360"/>
      <c r="J12845" s="365"/>
      <c r="K12845" s="367"/>
      <c r="L12845" s="365"/>
    </row>
    <row r="12846" spans="2:12" ht="28.5">
      <c r="B12846" s="367"/>
      <c r="C12846" s="367"/>
      <c r="D12846" s="367"/>
      <c r="E12846" s="367"/>
      <c r="F12846" s="359" t="s">
        <v>14371</v>
      </c>
      <c r="G12846" s="359" t="s">
        <v>29306</v>
      </c>
      <c r="H12846" s="359" t="s">
        <v>14381</v>
      </c>
      <c r="I12846" s="359" t="s">
        <v>29306</v>
      </c>
      <c r="J12846" s="365"/>
      <c r="K12846" s="367"/>
      <c r="L12846" s="365"/>
    </row>
    <row r="12847" spans="2:12">
      <c r="B12847" s="367"/>
      <c r="C12847" s="367"/>
      <c r="D12847" s="367"/>
      <c r="E12847" s="367"/>
      <c r="F12847" s="360"/>
      <c r="G12847" s="360"/>
      <c r="H12847" s="360"/>
      <c r="I12847" s="360"/>
      <c r="J12847" s="365"/>
      <c r="K12847" s="367"/>
      <c r="L12847" s="365"/>
    </row>
    <row r="12848" spans="2:12" ht="28.5">
      <c r="B12848" s="367"/>
      <c r="C12848" s="367"/>
      <c r="D12848" s="367"/>
      <c r="E12848" s="367"/>
      <c r="F12848" s="359" t="s">
        <v>14374</v>
      </c>
      <c r="G12848" s="359" t="s">
        <v>14372</v>
      </c>
      <c r="H12848" s="359" t="s">
        <v>14370</v>
      </c>
      <c r="I12848" s="359" t="s">
        <v>14373</v>
      </c>
      <c r="J12848" s="365"/>
      <c r="K12848" s="367"/>
      <c r="L12848" s="365"/>
    </row>
    <row r="12849" spans="2:12">
      <c r="B12849" s="367"/>
      <c r="C12849" s="367"/>
      <c r="D12849" s="367"/>
      <c r="E12849" s="367"/>
      <c r="F12849" s="360"/>
      <c r="G12849" s="360"/>
      <c r="H12849" s="360"/>
      <c r="I12849" s="360"/>
      <c r="J12849" s="365"/>
      <c r="K12849" s="367"/>
      <c r="L12849" s="365"/>
    </row>
    <row r="12850" spans="2:12">
      <c r="B12850" s="368"/>
      <c r="C12850" s="368"/>
      <c r="D12850" s="368"/>
      <c r="E12850" s="368"/>
      <c r="F12850" s="362"/>
      <c r="G12850" s="361" t="s">
        <v>14373</v>
      </c>
      <c r="H12850" s="361" t="s">
        <v>14332</v>
      </c>
      <c r="I12850" s="362"/>
      <c r="J12850" s="366"/>
      <c r="K12850" s="368"/>
      <c r="L12850" s="366"/>
    </row>
    <row r="12851" spans="2:12">
      <c r="B12851" s="358" t="s">
        <v>21115</v>
      </c>
      <c r="C12851" s="358" t="s">
        <v>21116</v>
      </c>
      <c r="D12851" s="358" t="s">
        <v>8356</v>
      </c>
      <c r="E12851" s="358" t="s">
        <v>8356</v>
      </c>
      <c r="F12851" s="358" t="s">
        <v>14420</v>
      </c>
      <c r="G12851" s="358" t="s">
        <v>14429</v>
      </c>
      <c r="H12851" s="358" t="s">
        <v>14367</v>
      </c>
      <c r="I12851" s="358" t="s">
        <v>14429</v>
      </c>
      <c r="J12851" s="358"/>
      <c r="K12851" s="358"/>
      <c r="L12851" s="358" t="s">
        <v>9491</v>
      </c>
    </row>
    <row r="12852" spans="2:12">
      <c r="B12852" s="367"/>
      <c r="C12852" s="367"/>
      <c r="D12852" s="367"/>
      <c r="E12852" s="367"/>
      <c r="F12852" s="360"/>
      <c r="G12852" s="360"/>
      <c r="H12852" s="360"/>
      <c r="I12852" s="360"/>
      <c r="J12852" s="365"/>
      <c r="K12852" s="365"/>
      <c r="L12852" s="367"/>
    </row>
    <row r="12853" spans="2:12">
      <c r="B12853" s="367"/>
      <c r="C12853" s="367"/>
      <c r="D12853" s="367"/>
      <c r="E12853" s="367"/>
      <c r="F12853" s="359" t="s">
        <v>14391</v>
      </c>
      <c r="G12853" s="359" t="s">
        <v>14392</v>
      </c>
      <c r="H12853" s="359" t="s">
        <v>14370</v>
      </c>
      <c r="I12853" s="359" t="s">
        <v>14392</v>
      </c>
      <c r="J12853" s="365"/>
      <c r="K12853" s="365"/>
      <c r="L12853" s="367"/>
    </row>
    <row r="12854" spans="2:12">
      <c r="B12854" s="367"/>
      <c r="C12854" s="367"/>
      <c r="D12854" s="367"/>
      <c r="E12854" s="367"/>
      <c r="F12854" s="360"/>
      <c r="G12854" s="360"/>
      <c r="H12854" s="360"/>
      <c r="I12854" s="360"/>
      <c r="J12854" s="365"/>
      <c r="K12854" s="365"/>
      <c r="L12854" s="367"/>
    </row>
    <row r="12855" spans="2:12">
      <c r="B12855" s="367"/>
      <c r="C12855" s="367"/>
      <c r="D12855" s="367"/>
      <c r="E12855" s="367"/>
      <c r="F12855" s="359" t="s">
        <v>14371</v>
      </c>
      <c r="G12855" s="359" t="s">
        <v>14372</v>
      </c>
      <c r="H12855" s="359" t="s">
        <v>14422</v>
      </c>
      <c r="I12855" s="359" t="s">
        <v>14373</v>
      </c>
      <c r="J12855" s="365"/>
      <c r="K12855" s="365"/>
      <c r="L12855" s="367"/>
    </row>
    <row r="12856" spans="2:12">
      <c r="B12856" s="367"/>
      <c r="C12856" s="367"/>
      <c r="D12856" s="367"/>
      <c r="E12856" s="367"/>
      <c r="F12856" s="360"/>
      <c r="G12856" s="360"/>
      <c r="H12856" s="360"/>
      <c r="I12856" s="360"/>
      <c r="J12856" s="365"/>
      <c r="K12856" s="365"/>
      <c r="L12856" s="367"/>
    </row>
    <row r="12857" spans="2:12" ht="28.5">
      <c r="B12857" s="368"/>
      <c r="C12857" s="368"/>
      <c r="D12857" s="368"/>
      <c r="E12857" s="368"/>
      <c r="F12857" s="361" t="s">
        <v>14374</v>
      </c>
      <c r="G12857" s="361" t="s">
        <v>14373</v>
      </c>
      <c r="H12857" s="362"/>
      <c r="I12857" s="362"/>
      <c r="J12857" s="366"/>
      <c r="K12857" s="366"/>
      <c r="L12857" s="368"/>
    </row>
    <row r="12858" spans="2:12" ht="57">
      <c r="B12858" s="358" t="s">
        <v>21117</v>
      </c>
      <c r="C12858" s="358" t="s">
        <v>30255</v>
      </c>
      <c r="D12858" s="358" t="s">
        <v>8356</v>
      </c>
      <c r="E12858" s="358" t="s">
        <v>21118</v>
      </c>
      <c r="F12858" s="358" t="s">
        <v>14391</v>
      </c>
      <c r="G12858" s="358" t="s">
        <v>14392</v>
      </c>
      <c r="H12858" s="358" t="s">
        <v>14367</v>
      </c>
      <c r="I12858" s="358" t="s">
        <v>14392</v>
      </c>
      <c r="J12858" s="358"/>
      <c r="K12858" s="358"/>
      <c r="L12858" s="358"/>
    </row>
    <row r="12859" spans="2:12">
      <c r="B12859" s="367"/>
      <c r="C12859" s="367"/>
      <c r="D12859" s="367"/>
      <c r="E12859" s="367"/>
      <c r="F12859" s="360"/>
      <c r="G12859" s="360"/>
      <c r="H12859" s="360"/>
      <c r="I12859" s="360"/>
      <c r="J12859" s="365"/>
      <c r="K12859" s="365"/>
      <c r="L12859" s="365"/>
    </row>
    <row r="12860" spans="2:12">
      <c r="B12860" s="367"/>
      <c r="C12860" s="367"/>
      <c r="D12860" s="367"/>
      <c r="E12860" s="367"/>
      <c r="F12860" s="359" t="s">
        <v>14371</v>
      </c>
      <c r="G12860" s="359" t="s">
        <v>14372</v>
      </c>
      <c r="H12860" s="359" t="s">
        <v>14370</v>
      </c>
      <c r="I12860" s="359" t="s">
        <v>14373</v>
      </c>
      <c r="J12860" s="365"/>
      <c r="K12860" s="365"/>
      <c r="L12860" s="365"/>
    </row>
    <row r="12861" spans="2:12">
      <c r="B12861" s="367"/>
      <c r="C12861" s="367"/>
      <c r="D12861" s="367"/>
      <c r="E12861" s="367"/>
      <c r="F12861" s="360"/>
      <c r="G12861" s="360"/>
      <c r="H12861" s="360"/>
      <c r="I12861" s="360"/>
      <c r="J12861" s="365"/>
      <c r="K12861" s="365"/>
      <c r="L12861" s="365"/>
    </row>
    <row r="12862" spans="2:12" ht="28.5">
      <c r="B12862" s="368"/>
      <c r="C12862" s="368"/>
      <c r="D12862" s="368"/>
      <c r="E12862" s="368"/>
      <c r="F12862" s="361" t="s">
        <v>14374</v>
      </c>
      <c r="G12862" s="361" t="s">
        <v>14373</v>
      </c>
      <c r="H12862" s="361" t="s">
        <v>14422</v>
      </c>
      <c r="I12862" s="362"/>
      <c r="J12862" s="366"/>
      <c r="K12862" s="366"/>
      <c r="L12862" s="366"/>
    </row>
    <row r="12863" spans="2:12" ht="28.5">
      <c r="B12863" s="358" t="s">
        <v>21119</v>
      </c>
      <c r="C12863" s="358" t="s">
        <v>30256</v>
      </c>
      <c r="D12863" s="358" t="s">
        <v>21120</v>
      </c>
      <c r="E12863" s="358" t="s">
        <v>21121</v>
      </c>
      <c r="F12863" s="358" t="s">
        <v>14420</v>
      </c>
      <c r="G12863" s="358" t="s">
        <v>14429</v>
      </c>
      <c r="H12863" s="358" t="s">
        <v>14367</v>
      </c>
      <c r="I12863" s="358" t="s">
        <v>14429</v>
      </c>
      <c r="J12863" s="358"/>
      <c r="K12863" s="358"/>
      <c r="L12863" s="358"/>
    </row>
    <row r="12864" spans="2:12">
      <c r="B12864" s="367"/>
      <c r="C12864" s="367"/>
      <c r="D12864" s="367"/>
      <c r="E12864" s="367"/>
      <c r="F12864" s="360"/>
      <c r="G12864" s="360"/>
      <c r="H12864" s="360"/>
      <c r="I12864" s="360"/>
      <c r="J12864" s="365"/>
      <c r="K12864" s="365"/>
      <c r="L12864" s="365"/>
    </row>
    <row r="12865" spans="2:12">
      <c r="B12865" s="367"/>
      <c r="C12865" s="367"/>
      <c r="D12865" s="367"/>
      <c r="E12865" s="367"/>
      <c r="F12865" s="359" t="s">
        <v>14391</v>
      </c>
      <c r="G12865" s="359" t="s">
        <v>14392</v>
      </c>
      <c r="H12865" s="359" t="s">
        <v>14422</v>
      </c>
      <c r="I12865" s="359" t="s">
        <v>14392</v>
      </c>
      <c r="J12865" s="365"/>
      <c r="K12865" s="365"/>
      <c r="L12865" s="365"/>
    </row>
    <row r="12866" spans="2:12">
      <c r="B12866" s="367"/>
      <c r="C12866" s="367"/>
      <c r="D12866" s="367"/>
      <c r="E12866" s="367"/>
      <c r="F12866" s="360"/>
      <c r="G12866" s="360"/>
      <c r="H12866" s="360"/>
      <c r="I12866" s="360"/>
      <c r="J12866" s="365"/>
      <c r="K12866" s="365"/>
      <c r="L12866" s="365"/>
    </row>
    <row r="12867" spans="2:12" ht="28.5">
      <c r="B12867" s="368"/>
      <c r="C12867" s="368"/>
      <c r="D12867" s="368"/>
      <c r="E12867" s="368"/>
      <c r="F12867" s="361" t="s">
        <v>14472</v>
      </c>
      <c r="G12867" s="361" t="s">
        <v>14473</v>
      </c>
      <c r="H12867" s="362"/>
      <c r="I12867" s="361" t="s">
        <v>14473</v>
      </c>
      <c r="J12867" s="366"/>
      <c r="K12867" s="366"/>
      <c r="L12867" s="366"/>
    </row>
    <row r="12868" spans="2:12" ht="42.75">
      <c r="B12868" s="358" t="s">
        <v>13126</v>
      </c>
      <c r="C12868" s="358" t="s">
        <v>29307</v>
      </c>
      <c r="D12868" s="358" t="s">
        <v>13127</v>
      </c>
      <c r="E12868" s="358" t="s">
        <v>13128</v>
      </c>
      <c r="F12868" s="358" t="s">
        <v>14424</v>
      </c>
      <c r="G12868" s="358" t="s">
        <v>29308</v>
      </c>
      <c r="H12868" s="358" t="s">
        <v>14381</v>
      </c>
      <c r="I12868" s="358" t="s">
        <v>29308</v>
      </c>
      <c r="J12868" s="358"/>
      <c r="K12868" s="358"/>
      <c r="L12868" s="358"/>
    </row>
    <row r="12869" spans="2:12">
      <c r="B12869" s="367"/>
      <c r="C12869" s="367"/>
      <c r="D12869" s="360"/>
      <c r="E12869" s="360"/>
      <c r="F12869" s="360"/>
      <c r="G12869" s="367"/>
      <c r="H12869" s="360"/>
      <c r="I12869" s="367"/>
      <c r="J12869" s="365"/>
      <c r="K12869" s="365"/>
      <c r="L12869" s="365"/>
    </row>
    <row r="12870" spans="2:12">
      <c r="B12870" s="367"/>
      <c r="C12870" s="367"/>
      <c r="D12870" s="359" t="s">
        <v>28737</v>
      </c>
      <c r="E12870" s="359" t="s">
        <v>28737</v>
      </c>
      <c r="F12870" s="359" t="s">
        <v>14371</v>
      </c>
      <c r="G12870" s="367"/>
      <c r="H12870" s="359" t="s">
        <v>14370</v>
      </c>
      <c r="I12870" s="367"/>
      <c r="J12870" s="365"/>
      <c r="K12870" s="365"/>
      <c r="L12870" s="365"/>
    </row>
    <row r="12871" spans="2:12">
      <c r="B12871" s="367"/>
      <c r="C12871" s="367"/>
      <c r="D12871" s="360"/>
      <c r="E12871" s="360"/>
      <c r="F12871" s="360"/>
      <c r="G12871" s="367"/>
      <c r="H12871" s="360"/>
      <c r="I12871" s="367"/>
      <c r="J12871" s="365"/>
      <c r="K12871" s="365"/>
      <c r="L12871" s="365"/>
    </row>
    <row r="12872" spans="2:12">
      <c r="B12872" s="367"/>
      <c r="C12872" s="367"/>
      <c r="D12872" s="359" t="s">
        <v>13132</v>
      </c>
      <c r="E12872" s="359" t="s">
        <v>13133</v>
      </c>
      <c r="F12872" s="360"/>
      <c r="G12872" s="367"/>
      <c r="H12872" s="359" t="s">
        <v>14332</v>
      </c>
      <c r="I12872" s="367"/>
      <c r="J12872" s="365"/>
      <c r="K12872" s="365"/>
      <c r="L12872" s="365"/>
    </row>
    <row r="12873" spans="2:12">
      <c r="B12873" s="367"/>
      <c r="C12873" s="367"/>
      <c r="D12873" s="360"/>
      <c r="E12873" s="360"/>
      <c r="F12873" s="360"/>
      <c r="G12873" s="367"/>
      <c r="H12873" s="360"/>
      <c r="I12873" s="367"/>
      <c r="J12873" s="365"/>
      <c r="K12873" s="365"/>
      <c r="L12873" s="365"/>
    </row>
    <row r="12874" spans="2:12">
      <c r="B12874" s="368"/>
      <c r="C12874" s="368"/>
      <c r="D12874" s="361" t="s">
        <v>13135</v>
      </c>
      <c r="E12874" s="361" t="s">
        <v>13136</v>
      </c>
      <c r="F12874" s="362"/>
      <c r="G12874" s="368"/>
      <c r="H12874" s="362"/>
      <c r="I12874" s="368"/>
      <c r="J12874" s="366"/>
      <c r="K12874" s="366"/>
      <c r="L12874" s="366"/>
    </row>
    <row r="12875" spans="2:12" ht="28.5">
      <c r="B12875" s="358" t="s">
        <v>21122</v>
      </c>
      <c r="C12875" s="358" t="s">
        <v>29309</v>
      </c>
      <c r="D12875" s="358" t="s">
        <v>21123</v>
      </c>
      <c r="E12875" s="358" t="s">
        <v>21124</v>
      </c>
      <c r="F12875" s="358" t="s">
        <v>14507</v>
      </c>
      <c r="G12875" s="358" t="s">
        <v>29310</v>
      </c>
      <c r="H12875" s="358" t="s">
        <v>14381</v>
      </c>
      <c r="I12875" s="358" t="s">
        <v>29310</v>
      </c>
      <c r="J12875" s="358"/>
      <c r="K12875" s="358"/>
      <c r="L12875" s="358"/>
    </row>
    <row r="12876" spans="2:12">
      <c r="B12876" s="367"/>
      <c r="C12876" s="367"/>
      <c r="D12876" s="367"/>
      <c r="E12876" s="367"/>
      <c r="F12876" s="360"/>
      <c r="G12876" s="360"/>
      <c r="H12876" s="360"/>
      <c r="I12876" s="360"/>
      <c r="J12876" s="365"/>
      <c r="K12876" s="365"/>
      <c r="L12876" s="365"/>
    </row>
    <row r="12877" spans="2:12" ht="28.5">
      <c r="B12877" s="367"/>
      <c r="C12877" s="367"/>
      <c r="D12877" s="367"/>
      <c r="E12877" s="367"/>
      <c r="F12877" s="359" t="s">
        <v>28938</v>
      </c>
      <c r="G12877" s="359" t="s">
        <v>14429</v>
      </c>
      <c r="H12877" s="359" t="s">
        <v>14367</v>
      </c>
      <c r="I12877" s="359" t="s">
        <v>14429</v>
      </c>
      <c r="J12877" s="365"/>
      <c r="K12877" s="365"/>
      <c r="L12877" s="365"/>
    </row>
    <row r="12878" spans="2:12">
      <c r="B12878" s="367"/>
      <c r="C12878" s="367"/>
      <c r="D12878" s="367"/>
      <c r="E12878" s="367"/>
      <c r="F12878" s="360"/>
      <c r="G12878" s="360"/>
      <c r="H12878" s="360"/>
      <c r="I12878" s="360"/>
      <c r="J12878" s="365"/>
      <c r="K12878" s="365"/>
      <c r="L12878" s="365"/>
    </row>
    <row r="12879" spans="2:12">
      <c r="B12879" s="367"/>
      <c r="C12879" s="367"/>
      <c r="D12879" s="367"/>
      <c r="E12879" s="367"/>
      <c r="F12879" s="359" t="s">
        <v>14391</v>
      </c>
      <c r="G12879" s="359" t="s">
        <v>14392</v>
      </c>
      <c r="H12879" s="359" t="s">
        <v>14370</v>
      </c>
      <c r="I12879" s="359" t="s">
        <v>14392</v>
      </c>
      <c r="J12879" s="365"/>
      <c r="K12879" s="365"/>
      <c r="L12879" s="365"/>
    </row>
    <row r="12880" spans="2:12">
      <c r="B12880" s="367"/>
      <c r="C12880" s="367"/>
      <c r="D12880" s="367"/>
      <c r="E12880" s="367"/>
      <c r="F12880" s="360"/>
      <c r="G12880" s="360"/>
      <c r="H12880" s="360"/>
      <c r="I12880" s="360"/>
      <c r="J12880" s="365"/>
      <c r="K12880" s="365"/>
      <c r="L12880" s="365"/>
    </row>
    <row r="12881" spans="2:12">
      <c r="B12881" s="367"/>
      <c r="C12881" s="367"/>
      <c r="D12881" s="367"/>
      <c r="E12881" s="367"/>
      <c r="F12881" s="359" t="s">
        <v>14371</v>
      </c>
      <c r="G12881" s="359" t="s">
        <v>14372</v>
      </c>
      <c r="H12881" s="359" t="s">
        <v>14422</v>
      </c>
      <c r="I12881" s="359" t="s">
        <v>14373</v>
      </c>
      <c r="J12881" s="365"/>
      <c r="K12881" s="365"/>
      <c r="L12881" s="365"/>
    </row>
    <row r="12882" spans="2:12">
      <c r="B12882" s="367"/>
      <c r="C12882" s="367"/>
      <c r="D12882" s="367"/>
      <c r="E12882" s="367"/>
      <c r="F12882" s="360"/>
      <c r="G12882" s="360"/>
      <c r="H12882" s="360"/>
      <c r="I12882" s="360"/>
      <c r="J12882" s="365"/>
      <c r="K12882" s="365"/>
      <c r="L12882" s="365"/>
    </row>
    <row r="12883" spans="2:12" ht="28.5">
      <c r="B12883" s="368"/>
      <c r="C12883" s="368"/>
      <c r="D12883" s="368"/>
      <c r="E12883" s="368"/>
      <c r="F12883" s="361" t="s">
        <v>14374</v>
      </c>
      <c r="G12883" s="361" t="s">
        <v>14373</v>
      </c>
      <c r="H12883" s="362"/>
      <c r="I12883" s="362"/>
      <c r="J12883" s="366"/>
      <c r="K12883" s="366"/>
      <c r="L12883" s="366"/>
    </row>
    <row r="12884" spans="2:12">
      <c r="B12884" s="358" t="s">
        <v>21125</v>
      </c>
      <c r="C12884" s="358" t="s">
        <v>21126</v>
      </c>
      <c r="D12884" s="358" t="s">
        <v>21127</v>
      </c>
      <c r="E12884" s="358" t="s">
        <v>21128</v>
      </c>
      <c r="F12884" s="358" t="s">
        <v>14420</v>
      </c>
      <c r="G12884" s="358" t="s">
        <v>14429</v>
      </c>
      <c r="H12884" s="358" t="s">
        <v>14341</v>
      </c>
      <c r="I12884" s="358" t="s">
        <v>14429</v>
      </c>
      <c r="J12884" s="358"/>
      <c r="K12884" s="358"/>
      <c r="L12884" s="358"/>
    </row>
    <row r="12885" spans="2:12">
      <c r="B12885" s="367"/>
      <c r="C12885" s="367"/>
      <c r="D12885" s="367"/>
      <c r="E12885" s="367"/>
      <c r="F12885" s="360"/>
      <c r="G12885" s="360"/>
      <c r="H12885" s="360"/>
      <c r="I12885" s="360"/>
      <c r="J12885" s="365"/>
      <c r="K12885" s="365"/>
      <c r="L12885" s="365"/>
    </row>
    <row r="12886" spans="2:12">
      <c r="B12886" s="367"/>
      <c r="C12886" s="367"/>
      <c r="D12886" s="367"/>
      <c r="E12886" s="367"/>
      <c r="F12886" s="359" t="s">
        <v>14430</v>
      </c>
      <c r="G12886" s="359" t="s">
        <v>14431</v>
      </c>
      <c r="H12886" s="359" t="s">
        <v>14367</v>
      </c>
      <c r="I12886" s="359" t="s">
        <v>14431</v>
      </c>
      <c r="J12886" s="365"/>
      <c r="K12886" s="365"/>
      <c r="L12886" s="365"/>
    </row>
    <row r="12887" spans="2:12">
      <c r="B12887" s="367"/>
      <c r="C12887" s="367"/>
      <c r="D12887" s="367"/>
      <c r="E12887" s="367"/>
      <c r="F12887" s="360"/>
      <c r="G12887" s="360"/>
      <c r="H12887" s="360"/>
      <c r="I12887" s="360"/>
      <c r="J12887" s="365"/>
      <c r="K12887" s="365"/>
      <c r="L12887" s="365"/>
    </row>
    <row r="12888" spans="2:12">
      <c r="B12888" s="368"/>
      <c r="C12888" s="368"/>
      <c r="D12888" s="368"/>
      <c r="E12888" s="368"/>
      <c r="F12888" s="362"/>
      <c r="G12888" s="362"/>
      <c r="H12888" s="361" t="s">
        <v>14332</v>
      </c>
      <c r="I12888" s="362"/>
      <c r="J12888" s="366"/>
      <c r="K12888" s="366"/>
      <c r="L12888" s="366"/>
    </row>
    <row r="12889" spans="2:12">
      <c r="B12889" s="358" t="s">
        <v>21129</v>
      </c>
      <c r="C12889" s="358" t="s">
        <v>29311</v>
      </c>
      <c r="D12889" s="358" t="s">
        <v>21130</v>
      </c>
      <c r="E12889" s="358" t="s">
        <v>21131</v>
      </c>
      <c r="F12889" s="358" t="s">
        <v>14386</v>
      </c>
      <c r="G12889" s="358" t="s">
        <v>14387</v>
      </c>
      <c r="H12889" s="358" t="s">
        <v>14367</v>
      </c>
      <c r="I12889" s="358" t="s">
        <v>14387</v>
      </c>
      <c r="J12889" s="358"/>
      <c r="K12889" s="358"/>
      <c r="L12889" s="358"/>
    </row>
    <row r="12890" spans="2:12">
      <c r="B12890" s="367"/>
      <c r="C12890" s="367"/>
      <c r="D12890" s="367"/>
      <c r="E12890" s="367"/>
      <c r="F12890" s="367"/>
      <c r="G12890" s="367"/>
      <c r="H12890" s="360"/>
      <c r="I12890" s="367"/>
      <c r="J12890" s="365"/>
      <c r="K12890" s="365"/>
      <c r="L12890" s="365"/>
    </row>
    <row r="12891" spans="2:12">
      <c r="B12891" s="368"/>
      <c r="C12891" s="368"/>
      <c r="D12891" s="368"/>
      <c r="E12891" s="368"/>
      <c r="F12891" s="368"/>
      <c r="G12891" s="368"/>
      <c r="H12891" s="361" t="s">
        <v>14422</v>
      </c>
      <c r="I12891" s="368"/>
      <c r="J12891" s="366"/>
      <c r="K12891" s="366"/>
      <c r="L12891" s="366"/>
    </row>
    <row r="12892" spans="2:12">
      <c r="B12892" s="358" t="s">
        <v>13138</v>
      </c>
      <c r="C12892" s="358" t="s">
        <v>29312</v>
      </c>
      <c r="D12892" s="358" t="s">
        <v>541</v>
      </c>
      <c r="E12892" s="358" t="s">
        <v>542</v>
      </c>
      <c r="F12892" s="358" t="s">
        <v>14424</v>
      </c>
      <c r="G12892" s="358" t="s">
        <v>14481</v>
      </c>
      <c r="H12892" s="358" t="s">
        <v>14381</v>
      </c>
      <c r="I12892" s="358" t="s">
        <v>14481</v>
      </c>
      <c r="J12892" s="358"/>
      <c r="K12892" s="358"/>
      <c r="L12892" s="358"/>
    </row>
    <row r="12893" spans="2:12">
      <c r="B12893" s="367"/>
      <c r="C12893" s="367"/>
      <c r="D12893" s="367"/>
      <c r="E12893" s="367"/>
      <c r="F12893" s="360"/>
      <c r="G12893" s="360"/>
      <c r="H12893" s="360"/>
      <c r="I12893" s="360"/>
      <c r="J12893" s="365"/>
      <c r="K12893" s="365"/>
      <c r="L12893" s="365"/>
    </row>
    <row r="12894" spans="2:12">
      <c r="B12894" s="367"/>
      <c r="C12894" s="367"/>
      <c r="D12894" s="367"/>
      <c r="E12894" s="367"/>
      <c r="F12894" s="359" t="s">
        <v>14371</v>
      </c>
      <c r="G12894" s="359" t="s">
        <v>14372</v>
      </c>
      <c r="H12894" s="359" t="s">
        <v>14370</v>
      </c>
      <c r="I12894" s="359" t="s">
        <v>14373</v>
      </c>
      <c r="J12894" s="365"/>
      <c r="K12894" s="365"/>
      <c r="L12894" s="365"/>
    </row>
    <row r="12895" spans="2:12">
      <c r="B12895" s="367"/>
      <c r="C12895" s="367"/>
      <c r="D12895" s="367"/>
      <c r="E12895" s="367"/>
      <c r="F12895" s="360"/>
      <c r="G12895" s="360"/>
      <c r="H12895" s="360"/>
      <c r="I12895" s="360"/>
      <c r="J12895" s="365"/>
      <c r="K12895" s="365"/>
      <c r="L12895" s="365"/>
    </row>
    <row r="12896" spans="2:12" ht="28.5">
      <c r="B12896" s="368"/>
      <c r="C12896" s="368"/>
      <c r="D12896" s="368"/>
      <c r="E12896" s="368"/>
      <c r="F12896" s="361" t="s">
        <v>14374</v>
      </c>
      <c r="G12896" s="361" t="s">
        <v>14373</v>
      </c>
      <c r="H12896" s="361" t="s">
        <v>14332</v>
      </c>
      <c r="I12896" s="362"/>
      <c r="J12896" s="366"/>
      <c r="K12896" s="366"/>
      <c r="L12896" s="366"/>
    </row>
    <row r="12897" spans="2:12" ht="42.75">
      <c r="B12897" s="358" t="s">
        <v>21132</v>
      </c>
      <c r="C12897" s="358" t="s">
        <v>29313</v>
      </c>
      <c r="D12897" s="358" t="s">
        <v>21133</v>
      </c>
      <c r="E12897" s="358" t="s">
        <v>21134</v>
      </c>
      <c r="F12897" s="358" t="s">
        <v>14382</v>
      </c>
      <c r="G12897" s="358" t="s">
        <v>14483</v>
      </c>
      <c r="H12897" s="358" t="s">
        <v>14378</v>
      </c>
      <c r="I12897" s="358" t="s">
        <v>14483</v>
      </c>
      <c r="J12897" s="358"/>
      <c r="K12897" s="358"/>
      <c r="L12897" s="358"/>
    </row>
    <row r="12898" spans="2:12">
      <c r="B12898" s="367"/>
      <c r="C12898" s="367"/>
      <c r="D12898" s="367"/>
      <c r="E12898" s="367"/>
      <c r="F12898" s="360"/>
      <c r="G12898" s="360"/>
      <c r="H12898" s="360"/>
      <c r="I12898" s="360"/>
      <c r="J12898" s="365"/>
      <c r="K12898" s="365"/>
      <c r="L12898" s="365"/>
    </row>
    <row r="12899" spans="2:12" ht="28.5">
      <c r="B12899" s="367"/>
      <c r="C12899" s="367"/>
      <c r="D12899" s="367"/>
      <c r="E12899" s="367"/>
      <c r="F12899" s="359" t="s">
        <v>29049</v>
      </c>
      <c r="G12899" s="359" t="s">
        <v>14429</v>
      </c>
      <c r="H12899" s="359" t="s">
        <v>14370</v>
      </c>
      <c r="I12899" s="359" t="s">
        <v>14429</v>
      </c>
      <c r="J12899" s="365"/>
      <c r="K12899" s="365"/>
      <c r="L12899" s="365"/>
    </row>
    <row r="12900" spans="2:12">
      <c r="B12900" s="367"/>
      <c r="C12900" s="367"/>
      <c r="D12900" s="367"/>
      <c r="E12900" s="367"/>
      <c r="F12900" s="360"/>
      <c r="G12900" s="360"/>
      <c r="H12900" s="360"/>
      <c r="I12900" s="360"/>
      <c r="J12900" s="365"/>
      <c r="K12900" s="365"/>
      <c r="L12900" s="365"/>
    </row>
    <row r="12901" spans="2:12" ht="28.5">
      <c r="B12901" s="367"/>
      <c r="C12901" s="367"/>
      <c r="D12901" s="367"/>
      <c r="E12901" s="367"/>
      <c r="F12901" s="359" t="s">
        <v>14374</v>
      </c>
      <c r="G12901" s="359" t="s">
        <v>14372</v>
      </c>
      <c r="H12901" s="359" t="s">
        <v>14332</v>
      </c>
      <c r="I12901" s="359" t="s">
        <v>14373</v>
      </c>
      <c r="J12901" s="365"/>
      <c r="K12901" s="365"/>
      <c r="L12901" s="365"/>
    </row>
    <row r="12902" spans="2:12">
      <c r="B12902" s="367"/>
      <c r="C12902" s="367"/>
      <c r="D12902" s="367"/>
      <c r="E12902" s="367"/>
      <c r="F12902" s="360"/>
      <c r="G12902" s="360"/>
      <c r="H12902" s="360"/>
      <c r="I12902" s="360"/>
      <c r="J12902" s="365"/>
      <c r="K12902" s="365"/>
      <c r="L12902" s="365"/>
    </row>
    <row r="12903" spans="2:12">
      <c r="B12903" s="368"/>
      <c r="C12903" s="368"/>
      <c r="D12903" s="368"/>
      <c r="E12903" s="368"/>
      <c r="F12903" s="362"/>
      <c r="G12903" s="361" t="s">
        <v>14373</v>
      </c>
      <c r="H12903" s="362"/>
      <c r="I12903" s="362"/>
      <c r="J12903" s="366"/>
      <c r="K12903" s="366"/>
      <c r="L12903" s="366"/>
    </row>
    <row r="12904" spans="2:12" ht="71.25">
      <c r="B12904" s="358" t="s">
        <v>21135</v>
      </c>
      <c r="C12904" s="358" t="s">
        <v>30257</v>
      </c>
      <c r="D12904" s="358" t="s">
        <v>29029</v>
      </c>
      <c r="E12904" s="358" t="s">
        <v>21136</v>
      </c>
      <c r="F12904" s="358" t="s">
        <v>14391</v>
      </c>
      <c r="G12904" s="358" t="s">
        <v>14392</v>
      </c>
      <c r="H12904" s="358" t="s">
        <v>14367</v>
      </c>
      <c r="I12904" s="358" t="s">
        <v>14392</v>
      </c>
      <c r="J12904" s="358"/>
      <c r="K12904" s="358"/>
      <c r="L12904" s="358"/>
    </row>
    <row r="12905" spans="2:12">
      <c r="B12905" s="367"/>
      <c r="C12905" s="367"/>
      <c r="D12905" s="360"/>
      <c r="E12905" s="360"/>
      <c r="F12905" s="360"/>
      <c r="G12905" s="360"/>
      <c r="H12905" s="360"/>
      <c r="I12905" s="360"/>
      <c r="J12905" s="365"/>
      <c r="K12905" s="365"/>
      <c r="L12905" s="365"/>
    </row>
    <row r="12906" spans="2:12" ht="28.5">
      <c r="B12906" s="367"/>
      <c r="C12906" s="367"/>
      <c r="D12906" s="359" t="s">
        <v>28737</v>
      </c>
      <c r="E12906" s="359" t="s">
        <v>21137</v>
      </c>
      <c r="F12906" s="359" t="s">
        <v>14371</v>
      </c>
      <c r="G12906" s="359" t="s">
        <v>14372</v>
      </c>
      <c r="H12906" s="359" t="s">
        <v>14370</v>
      </c>
      <c r="I12906" s="359" t="s">
        <v>14373</v>
      </c>
      <c r="J12906" s="365"/>
      <c r="K12906" s="365"/>
      <c r="L12906" s="365"/>
    </row>
    <row r="12907" spans="2:12">
      <c r="B12907" s="367"/>
      <c r="C12907" s="367"/>
      <c r="D12907" s="360"/>
      <c r="E12907" s="360"/>
      <c r="F12907" s="360"/>
      <c r="G12907" s="360"/>
      <c r="H12907" s="360"/>
      <c r="I12907" s="360"/>
      <c r="J12907" s="365"/>
      <c r="K12907" s="365"/>
      <c r="L12907" s="365"/>
    </row>
    <row r="12908" spans="2:12" ht="28.5">
      <c r="B12908" s="368"/>
      <c r="C12908" s="368"/>
      <c r="D12908" s="362"/>
      <c r="E12908" s="362"/>
      <c r="F12908" s="361" t="s">
        <v>14374</v>
      </c>
      <c r="G12908" s="361" t="s">
        <v>14373</v>
      </c>
      <c r="H12908" s="361" t="s">
        <v>14422</v>
      </c>
      <c r="I12908" s="362"/>
      <c r="J12908" s="366"/>
      <c r="K12908" s="366"/>
      <c r="L12908" s="366"/>
    </row>
    <row r="12909" spans="2:12" ht="42.75">
      <c r="B12909" s="358" t="s">
        <v>21138</v>
      </c>
      <c r="C12909" s="358" t="s">
        <v>30258</v>
      </c>
      <c r="D12909" s="358" t="s">
        <v>21113</v>
      </c>
      <c r="E12909" s="358" t="s">
        <v>2016</v>
      </c>
      <c r="F12909" s="358" t="s">
        <v>28913</v>
      </c>
      <c r="G12909" s="358" t="s">
        <v>14429</v>
      </c>
      <c r="H12909" s="358" t="s">
        <v>14367</v>
      </c>
      <c r="I12909" s="358" t="s">
        <v>14429</v>
      </c>
      <c r="J12909" s="358"/>
      <c r="K12909" s="358"/>
      <c r="L12909" s="358"/>
    </row>
    <row r="12910" spans="2:12">
      <c r="B12910" s="367"/>
      <c r="C12910" s="367"/>
      <c r="D12910" s="367"/>
      <c r="E12910" s="367"/>
      <c r="F12910" s="360"/>
      <c r="G12910" s="360"/>
      <c r="H12910" s="360"/>
      <c r="I12910" s="360"/>
      <c r="J12910" s="365"/>
      <c r="K12910" s="365"/>
      <c r="L12910" s="365"/>
    </row>
    <row r="12911" spans="2:12">
      <c r="B12911" s="367"/>
      <c r="C12911" s="367"/>
      <c r="D12911" s="367"/>
      <c r="E12911" s="367"/>
      <c r="F12911" s="359" t="s">
        <v>14389</v>
      </c>
      <c r="G12911" s="359" t="s">
        <v>14388</v>
      </c>
      <c r="H12911" s="359" t="s">
        <v>14370</v>
      </c>
      <c r="I12911" s="359" t="s">
        <v>14388</v>
      </c>
      <c r="J12911" s="365"/>
      <c r="K12911" s="365"/>
      <c r="L12911" s="365"/>
    </row>
    <row r="12912" spans="2:12">
      <c r="B12912" s="367"/>
      <c r="C12912" s="367"/>
      <c r="D12912" s="367"/>
      <c r="E12912" s="367"/>
      <c r="F12912" s="360"/>
      <c r="G12912" s="360"/>
      <c r="H12912" s="360"/>
      <c r="I12912" s="360"/>
      <c r="J12912" s="365"/>
      <c r="K12912" s="365"/>
      <c r="L12912" s="365"/>
    </row>
    <row r="12913" spans="2:12">
      <c r="B12913" s="367"/>
      <c r="C12913" s="367"/>
      <c r="D12913" s="367"/>
      <c r="E12913" s="367"/>
      <c r="F12913" s="359" t="s">
        <v>14391</v>
      </c>
      <c r="G12913" s="359" t="s">
        <v>14390</v>
      </c>
      <c r="H12913" s="359" t="s">
        <v>14422</v>
      </c>
      <c r="I12913" s="359" t="s">
        <v>14390</v>
      </c>
      <c r="J12913" s="365"/>
      <c r="K12913" s="365"/>
      <c r="L12913" s="365"/>
    </row>
    <row r="12914" spans="2:12">
      <c r="B12914" s="367"/>
      <c r="C12914" s="367"/>
      <c r="D12914" s="367"/>
      <c r="E12914" s="367"/>
      <c r="F12914" s="360"/>
      <c r="G12914" s="360"/>
      <c r="H12914" s="360"/>
      <c r="I12914" s="360"/>
      <c r="J12914" s="365"/>
      <c r="K12914" s="365"/>
      <c r="L12914" s="365"/>
    </row>
    <row r="12915" spans="2:12">
      <c r="B12915" s="367"/>
      <c r="C12915" s="367"/>
      <c r="D12915" s="367"/>
      <c r="E12915" s="367"/>
      <c r="F12915" s="359" t="s">
        <v>14371</v>
      </c>
      <c r="G12915" s="359" t="s">
        <v>14392</v>
      </c>
      <c r="H12915" s="360"/>
      <c r="I12915" s="359" t="s">
        <v>14392</v>
      </c>
      <c r="J12915" s="365"/>
      <c r="K12915" s="365"/>
      <c r="L12915" s="365"/>
    </row>
    <row r="12916" spans="2:12">
      <c r="B12916" s="367"/>
      <c r="C12916" s="367"/>
      <c r="D12916" s="367"/>
      <c r="E12916" s="367"/>
      <c r="F12916" s="360"/>
      <c r="G12916" s="360"/>
      <c r="H12916" s="360"/>
      <c r="I12916" s="360"/>
      <c r="J12916" s="365"/>
      <c r="K12916" s="365"/>
      <c r="L12916" s="365"/>
    </row>
    <row r="12917" spans="2:12" ht="28.5">
      <c r="B12917" s="367"/>
      <c r="C12917" s="367"/>
      <c r="D12917" s="367"/>
      <c r="E12917" s="367"/>
      <c r="F12917" s="359" t="s">
        <v>14374</v>
      </c>
      <c r="G12917" s="359" t="s">
        <v>14372</v>
      </c>
      <c r="H12917" s="360"/>
      <c r="I12917" s="359" t="s">
        <v>14373</v>
      </c>
      <c r="J12917" s="365"/>
      <c r="K12917" s="365"/>
      <c r="L12917" s="365"/>
    </row>
    <row r="12918" spans="2:12">
      <c r="B12918" s="367"/>
      <c r="C12918" s="367"/>
      <c r="D12918" s="367"/>
      <c r="E12918" s="367"/>
      <c r="F12918" s="360"/>
      <c r="G12918" s="360"/>
      <c r="H12918" s="360"/>
      <c r="I12918" s="360"/>
      <c r="J12918" s="365"/>
      <c r="K12918" s="365"/>
      <c r="L12918" s="365"/>
    </row>
    <row r="12919" spans="2:12">
      <c r="B12919" s="368"/>
      <c r="C12919" s="368"/>
      <c r="D12919" s="368"/>
      <c r="E12919" s="368"/>
      <c r="F12919" s="362"/>
      <c r="G12919" s="361" t="s">
        <v>14373</v>
      </c>
      <c r="H12919" s="362"/>
      <c r="I12919" s="362"/>
      <c r="J12919" s="366"/>
      <c r="K12919" s="366"/>
      <c r="L12919" s="366"/>
    </row>
    <row r="12920" spans="2:12" ht="28.5">
      <c r="B12920" s="358" t="s">
        <v>21139</v>
      </c>
      <c r="C12920" s="358" t="s">
        <v>30259</v>
      </c>
      <c r="D12920" s="358" t="s">
        <v>21140</v>
      </c>
      <c r="E12920" s="358" t="s">
        <v>21141</v>
      </c>
      <c r="F12920" s="358" t="s">
        <v>14420</v>
      </c>
      <c r="G12920" s="358" t="s">
        <v>14429</v>
      </c>
      <c r="H12920" s="358" t="s">
        <v>14341</v>
      </c>
      <c r="I12920" s="358" t="s">
        <v>14429</v>
      </c>
      <c r="J12920" s="358"/>
      <c r="K12920" s="358"/>
      <c r="L12920" s="358"/>
    </row>
    <row r="12921" spans="2:12">
      <c r="B12921" s="367"/>
      <c r="C12921" s="367"/>
      <c r="D12921" s="367"/>
      <c r="E12921" s="367"/>
      <c r="F12921" s="360"/>
      <c r="G12921" s="360"/>
      <c r="H12921" s="360"/>
      <c r="I12921" s="360"/>
      <c r="J12921" s="365"/>
      <c r="K12921" s="365"/>
      <c r="L12921" s="365"/>
    </row>
    <row r="12922" spans="2:12">
      <c r="B12922" s="367"/>
      <c r="C12922" s="367"/>
      <c r="D12922" s="367"/>
      <c r="E12922" s="367"/>
      <c r="F12922" s="359" t="s">
        <v>14430</v>
      </c>
      <c r="G12922" s="359" t="s">
        <v>14431</v>
      </c>
      <c r="H12922" s="359" t="s">
        <v>14367</v>
      </c>
      <c r="I12922" s="359" t="s">
        <v>14431</v>
      </c>
      <c r="J12922" s="365"/>
      <c r="K12922" s="365"/>
      <c r="L12922" s="365"/>
    </row>
    <row r="12923" spans="2:12">
      <c r="B12923" s="367"/>
      <c r="C12923" s="367"/>
      <c r="D12923" s="367"/>
      <c r="E12923" s="367"/>
      <c r="F12923" s="360"/>
      <c r="G12923" s="360"/>
      <c r="H12923" s="360"/>
      <c r="I12923" s="360"/>
      <c r="J12923" s="365"/>
      <c r="K12923" s="365"/>
      <c r="L12923" s="365"/>
    </row>
    <row r="12924" spans="2:12" ht="28.5">
      <c r="B12924" s="367"/>
      <c r="C12924" s="367"/>
      <c r="D12924" s="367"/>
      <c r="E12924" s="367"/>
      <c r="F12924" s="359" t="s">
        <v>14394</v>
      </c>
      <c r="G12924" s="359" t="s">
        <v>14395</v>
      </c>
      <c r="H12924" s="359" t="s">
        <v>14370</v>
      </c>
      <c r="I12924" s="359" t="s">
        <v>14395</v>
      </c>
      <c r="J12924" s="365"/>
      <c r="K12924" s="365"/>
      <c r="L12924" s="365"/>
    </row>
    <row r="12925" spans="2:12">
      <c r="B12925" s="367"/>
      <c r="C12925" s="367"/>
      <c r="D12925" s="367"/>
      <c r="E12925" s="367"/>
      <c r="F12925" s="360"/>
      <c r="G12925" s="360"/>
      <c r="H12925" s="360"/>
      <c r="I12925" s="360"/>
      <c r="J12925" s="365"/>
      <c r="K12925" s="365"/>
      <c r="L12925" s="365"/>
    </row>
    <row r="12926" spans="2:12">
      <c r="B12926" s="368"/>
      <c r="C12926" s="368"/>
      <c r="D12926" s="368"/>
      <c r="E12926" s="368"/>
      <c r="F12926" s="362"/>
      <c r="G12926" s="362"/>
      <c r="H12926" s="361" t="s">
        <v>14332</v>
      </c>
      <c r="I12926" s="362"/>
      <c r="J12926" s="366"/>
      <c r="K12926" s="366"/>
      <c r="L12926" s="366"/>
    </row>
    <row r="12927" spans="2:12" ht="28.5">
      <c r="B12927" s="358" t="s">
        <v>21142</v>
      </c>
      <c r="C12927" s="358" t="s">
        <v>27683</v>
      </c>
      <c r="D12927" s="358" t="s">
        <v>21143</v>
      </c>
      <c r="E12927" s="358" t="s">
        <v>21144</v>
      </c>
      <c r="F12927" s="358" t="s">
        <v>14460</v>
      </c>
      <c r="G12927" s="358" t="s">
        <v>28649</v>
      </c>
      <c r="H12927" s="358" t="s">
        <v>14381</v>
      </c>
      <c r="I12927" s="358" t="s">
        <v>28649</v>
      </c>
      <c r="J12927" s="358"/>
      <c r="K12927" s="358"/>
      <c r="L12927" s="358"/>
    </row>
    <row r="12928" spans="2:12">
      <c r="B12928" s="367"/>
      <c r="C12928" s="367"/>
      <c r="D12928" s="367"/>
      <c r="E12928" s="367"/>
      <c r="F12928" s="360"/>
      <c r="G12928" s="360"/>
      <c r="H12928" s="360"/>
      <c r="I12928" s="360"/>
      <c r="J12928" s="365"/>
      <c r="K12928" s="365"/>
      <c r="L12928" s="365"/>
    </row>
    <row r="12929" spans="2:12">
      <c r="B12929" s="367"/>
      <c r="C12929" s="367"/>
      <c r="D12929" s="367"/>
      <c r="E12929" s="367"/>
      <c r="F12929" s="359" t="s">
        <v>14430</v>
      </c>
      <c r="G12929" s="359" t="s">
        <v>14395</v>
      </c>
      <c r="H12929" s="359" t="s">
        <v>14341</v>
      </c>
      <c r="I12929" s="359" t="s">
        <v>14395</v>
      </c>
      <c r="J12929" s="365"/>
      <c r="K12929" s="365"/>
      <c r="L12929" s="365"/>
    </row>
    <row r="12930" spans="2:12">
      <c r="B12930" s="367"/>
      <c r="C12930" s="367"/>
      <c r="D12930" s="367"/>
      <c r="E12930" s="367"/>
      <c r="F12930" s="360"/>
      <c r="G12930" s="360"/>
      <c r="H12930" s="360"/>
      <c r="I12930" s="360"/>
      <c r="J12930" s="365"/>
      <c r="K12930" s="365"/>
      <c r="L12930" s="365"/>
    </row>
    <row r="12931" spans="2:12" ht="28.5">
      <c r="B12931" s="367"/>
      <c r="C12931" s="367"/>
      <c r="D12931" s="367"/>
      <c r="E12931" s="367"/>
      <c r="F12931" s="359" t="s">
        <v>14394</v>
      </c>
      <c r="G12931" s="360"/>
      <c r="H12931" s="359" t="s">
        <v>14370</v>
      </c>
      <c r="I12931" s="360"/>
      <c r="J12931" s="365"/>
      <c r="K12931" s="365"/>
      <c r="L12931" s="365"/>
    </row>
    <row r="12932" spans="2:12">
      <c r="B12932" s="367"/>
      <c r="C12932" s="367"/>
      <c r="D12932" s="367"/>
      <c r="E12932" s="367"/>
      <c r="F12932" s="360"/>
      <c r="G12932" s="360"/>
      <c r="H12932" s="360"/>
      <c r="I12932" s="360"/>
      <c r="J12932" s="365"/>
      <c r="K12932" s="365"/>
      <c r="L12932" s="365"/>
    </row>
    <row r="12933" spans="2:12">
      <c r="B12933" s="368"/>
      <c r="C12933" s="368"/>
      <c r="D12933" s="368"/>
      <c r="E12933" s="368"/>
      <c r="F12933" s="362"/>
      <c r="G12933" s="362"/>
      <c r="H12933" s="361" t="s">
        <v>14332</v>
      </c>
      <c r="I12933" s="362"/>
      <c r="J12933" s="366"/>
      <c r="K12933" s="366"/>
      <c r="L12933" s="366"/>
    </row>
    <row r="12934" spans="2:12" ht="28.5">
      <c r="B12934" s="358" t="s">
        <v>21145</v>
      </c>
      <c r="C12934" s="358" t="s">
        <v>21146</v>
      </c>
      <c r="D12934" s="358" t="s">
        <v>21147</v>
      </c>
      <c r="E12934" s="358" t="s">
        <v>8356</v>
      </c>
      <c r="F12934" s="358" t="s">
        <v>14389</v>
      </c>
      <c r="G12934" s="358" t="s">
        <v>14390</v>
      </c>
      <c r="H12934" s="358" t="s">
        <v>14341</v>
      </c>
      <c r="I12934" s="358" t="s">
        <v>14390</v>
      </c>
      <c r="J12934" s="358"/>
      <c r="K12934" s="358"/>
      <c r="L12934" s="358"/>
    </row>
    <row r="12935" spans="2:12">
      <c r="B12935" s="367"/>
      <c r="C12935" s="367"/>
      <c r="D12935" s="367"/>
      <c r="E12935" s="367"/>
      <c r="F12935" s="360"/>
      <c r="G12935" s="360"/>
      <c r="H12935" s="360"/>
      <c r="I12935" s="360"/>
      <c r="J12935" s="365"/>
      <c r="K12935" s="365"/>
      <c r="L12935" s="365"/>
    </row>
    <row r="12936" spans="2:12">
      <c r="B12936" s="367"/>
      <c r="C12936" s="367"/>
      <c r="D12936" s="367"/>
      <c r="E12936" s="367"/>
      <c r="F12936" s="359" t="s">
        <v>14430</v>
      </c>
      <c r="G12936" s="359" t="s">
        <v>14431</v>
      </c>
      <c r="H12936" s="359" t="s">
        <v>14370</v>
      </c>
      <c r="I12936" s="359" t="s">
        <v>14431</v>
      </c>
      <c r="J12936" s="365"/>
      <c r="K12936" s="365"/>
      <c r="L12936" s="365"/>
    </row>
    <row r="12937" spans="2:12">
      <c r="B12937" s="367"/>
      <c r="C12937" s="367"/>
      <c r="D12937" s="367"/>
      <c r="E12937" s="367"/>
      <c r="F12937" s="360"/>
      <c r="G12937" s="360"/>
      <c r="H12937" s="360"/>
      <c r="I12937" s="360"/>
      <c r="J12937" s="365"/>
      <c r="K12937" s="365"/>
      <c r="L12937" s="365"/>
    </row>
    <row r="12938" spans="2:12">
      <c r="B12938" s="367"/>
      <c r="C12938" s="367"/>
      <c r="D12938" s="367"/>
      <c r="E12938" s="367"/>
      <c r="F12938" s="359" t="s">
        <v>14371</v>
      </c>
      <c r="G12938" s="359" t="s">
        <v>14372</v>
      </c>
      <c r="H12938" s="359" t="s">
        <v>14332</v>
      </c>
      <c r="I12938" s="359" t="s">
        <v>14373</v>
      </c>
      <c r="J12938" s="365"/>
      <c r="K12938" s="365"/>
      <c r="L12938" s="365"/>
    </row>
    <row r="12939" spans="2:12">
      <c r="B12939" s="367"/>
      <c r="C12939" s="367"/>
      <c r="D12939" s="367"/>
      <c r="E12939" s="367"/>
      <c r="F12939" s="360"/>
      <c r="G12939" s="360"/>
      <c r="H12939" s="360"/>
      <c r="I12939" s="360"/>
      <c r="J12939" s="365"/>
      <c r="K12939" s="365"/>
      <c r="L12939" s="365"/>
    </row>
    <row r="12940" spans="2:12" ht="28.5">
      <c r="B12940" s="368"/>
      <c r="C12940" s="368"/>
      <c r="D12940" s="368"/>
      <c r="E12940" s="368"/>
      <c r="F12940" s="361" t="s">
        <v>14374</v>
      </c>
      <c r="G12940" s="361" t="s">
        <v>14373</v>
      </c>
      <c r="H12940" s="362"/>
      <c r="I12940" s="362"/>
      <c r="J12940" s="366"/>
      <c r="K12940" s="366"/>
      <c r="L12940" s="366"/>
    </row>
    <row r="12941" spans="2:12">
      <c r="B12941" s="358" t="s">
        <v>21148</v>
      </c>
      <c r="C12941" s="358" t="s">
        <v>21149</v>
      </c>
      <c r="D12941" s="358" t="s">
        <v>21150</v>
      </c>
      <c r="E12941" s="358" t="s">
        <v>21151</v>
      </c>
      <c r="F12941" s="358" t="s">
        <v>14391</v>
      </c>
      <c r="G12941" s="358" t="s">
        <v>14392</v>
      </c>
      <c r="H12941" s="358" t="s">
        <v>14367</v>
      </c>
      <c r="I12941" s="358" t="s">
        <v>14392</v>
      </c>
      <c r="J12941" s="358"/>
      <c r="K12941" s="358"/>
      <c r="L12941" s="358"/>
    </row>
    <row r="12942" spans="2:12">
      <c r="B12942" s="367"/>
      <c r="C12942" s="367"/>
      <c r="D12942" s="367"/>
      <c r="E12942" s="367"/>
      <c r="F12942" s="367"/>
      <c r="G12942" s="367"/>
      <c r="H12942" s="360"/>
      <c r="I12942" s="367"/>
      <c r="J12942" s="365"/>
      <c r="K12942" s="365"/>
      <c r="L12942" s="365"/>
    </row>
    <row r="12943" spans="2:12">
      <c r="B12943" s="368"/>
      <c r="C12943" s="368"/>
      <c r="D12943" s="368"/>
      <c r="E12943" s="368"/>
      <c r="F12943" s="368"/>
      <c r="G12943" s="368"/>
      <c r="H12943" s="361" t="s">
        <v>14422</v>
      </c>
      <c r="I12943" s="368"/>
      <c r="J12943" s="366"/>
      <c r="K12943" s="366"/>
      <c r="L12943" s="366"/>
    </row>
    <row r="12944" spans="2:12">
      <c r="B12944" s="358" t="s">
        <v>21152</v>
      </c>
      <c r="C12944" s="358" t="s">
        <v>21153</v>
      </c>
      <c r="D12944" s="358" t="s">
        <v>21154</v>
      </c>
      <c r="E12944" s="358" t="s">
        <v>21155</v>
      </c>
      <c r="F12944" s="358" t="s">
        <v>14420</v>
      </c>
      <c r="G12944" s="358" t="s">
        <v>14429</v>
      </c>
      <c r="H12944" s="358" t="s">
        <v>14367</v>
      </c>
      <c r="I12944" s="358" t="s">
        <v>14429</v>
      </c>
      <c r="J12944" s="358"/>
      <c r="K12944" s="358"/>
      <c r="L12944" s="358"/>
    </row>
    <row r="12945" spans="2:12">
      <c r="B12945" s="367"/>
      <c r="C12945" s="367"/>
      <c r="D12945" s="367"/>
      <c r="E12945" s="367"/>
      <c r="F12945" s="360"/>
      <c r="G12945" s="360"/>
      <c r="H12945" s="360"/>
      <c r="I12945" s="360"/>
      <c r="J12945" s="365"/>
      <c r="K12945" s="365"/>
      <c r="L12945" s="365"/>
    </row>
    <row r="12946" spans="2:12">
      <c r="B12946" s="368"/>
      <c r="C12946" s="368"/>
      <c r="D12946" s="368"/>
      <c r="E12946" s="368"/>
      <c r="F12946" s="361" t="s">
        <v>14386</v>
      </c>
      <c r="G12946" s="361" t="s">
        <v>14387</v>
      </c>
      <c r="H12946" s="361" t="s">
        <v>14422</v>
      </c>
      <c r="I12946" s="361" t="s">
        <v>14387</v>
      </c>
      <c r="J12946" s="366"/>
      <c r="K12946" s="366"/>
      <c r="L12946" s="366"/>
    </row>
    <row r="12947" spans="2:12">
      <c r="B12947" s="358" t="s">
        <v>21156</v>
      </c>
      <c r="C12947" s="358" t="s">
        <v>21157</v>
      </c>
      <c r="D12947" s="358" t="s">
        <v>21158</v>
      </c>
      <c r="E12947" s="358" t="s">
        <v>21159</v>
      </c>
      <c r="F12947" s="358" t="s">
        <v>14430</v>
      </c>
      <c r="G12947" s="358" t="s">
        <v>14431</v>
      </c>
      <c r="H12947" s="358" t="s">
        <v>14341</v>
      </c>
      <c r="I12947" s="358" t="s">
        <v>14431</v>
      </c>
      <c r="J12947" s="358"/>
      <c r="K12947" s="358"/>
      <c r="L12947" s="358"/>
    </row>
    <row r="12948" spans="2:12">
      <c r="B12948" s="367"/>
      <c r="C12948" s="367"/>
      <c r="D12948" s="367"/>
      <c r="E12948" s="367"/>
      <c r="F12948" s="367"/>
      <c r="G12948" s="367"/>
      <c r="H12948" s="360"/>
      <c r="I12948" s="367"/>
      <c r="J12948" s="365"/>
      <c r="K12948" s="365"/>
      <c r="L12948" s="365"/>
    </row>
    <row r="12949" spans="2:12">
      <c r="B12949" s="368"/>
      <c r="C12949" s="368"/>
      <c r="D12949" s="368"/>
      <c r="E12949" s="368"/>
      <c r="F12949" s="368"/>
      <c r="G12949" s="368"/>
      <c r="H12949" s="361" t="s">
        <v>14332</v>
      </c>
      <c r="I12949" s="368"/>
      <c r="J12949" s="366"/>
      <c r="K12949" s="366"/>
      <c r="L12949" s="366"/>
    </row>
    <row r="12950" spans="2:12" ht="28.5">
      <c r="B12950" s="358" t="s">
        <v>21160</v>
      </c>
      <c r="C12950" s="358" t="s">
        <v>21161</v>
      </c>
      <c r="D12950" s="358" t="s">
        <v>21162</v>
      </c>
      <c r="E12950" s="358" t="s">
        <v>21163</v>
      </c>
      <c r="F12950" s="358" t="s">
        <v>14391</v>
      </c>
      <c r="G12950" s="358" t="s">
        <v>14392</v>
      </c>
      <c r="H12950" s="358" t="s">
        <v>14367</v>
      </c>
      <c r="I12950" s="358" t="s">
        <v>14392</v>
      </c>
      <c r="J12950" s="358"/>
      <c r="K12950" s="358"/>
      <c r="L12950" s="358"/>
    </row>
    <row r="12951" spans="2:12">
      <c r="B12951" s="367"/>
      <c r="C12951" s="367"/>
      <c r="D12951" s="367"/>
      <c r="E12951" s="367"/>
      <c r="F12951" s="360"/>
      <c r="G12951" s="360"/>
      <c r="H12951" s="360"/>
      <c r="I12951" s="360"/>
      <c r="J12951" s="365"/>
      <c r="K12951" s="365"/>
      <c r="L12951" s="365"/>
    </row>
    <row r="12952" spans="2:12" ht="28.5">
      <c r="B12952" s="367"/>
      <c r="C12952" s="367"/>
      <c r="D12952" s="367"/>
      <c r="E12952" s="367"/>
      <c r="F12952" s="359" t="s">
        <v>14394</v>
      </c>
      <c r="G12952" s="359" t="s">
        <v>14395</v>
      </c>
      <c r="H12952" s="359" t="s">
        <v>14370</v>
      </c>
      <c r="I12952" s="359" t="s">
        <v>14395</v>
      </c>
      <c r="J12952" s="365"/>
      <c r="K12952" s="365"/>
      <c r="L12952" s="365"/>
    </row>
    <row r="12953" spans="2:12">
      <c r="B12953" s="367"/>
      <c r="C12953" s="367"/>
      <c r="D12953" s="367"/>
      <c r="E12953" s="367"/>
      <c r="F12953" s="360"/>
      <c r="G12953" s="360"/>
      <c r="H12953" s="360"/>
      <c r="I12953" s="360"/>
      <c r="J12953" s="365"/>
      <c r="K12953" s="365"/>
      <c r="L12953" s="365"/>
    </row>
    <row r="12954" spans="2:12">
      <c r="B12954" s="368"/>
      <c r="C12954" s="368"/>
      <c r="D12954" s="368"/>
      <c r="E12954" s="368"/>
      <c r="F12954" s="362"/>
      <c r="G12954" s="362"/>
      <c r="H12954" s="361" t="s">
        <v>14422</v>
      </c>
      <c r="I12954" s="362"/>
      <c r="J12954" s="366"/>
      <c r="K12954" s="366"/>
      <c r="L12954" s="366"/>
    </row>
    <row r="12955" spans="2:12" ht="28.5">
      <c r="B12955" s="358" t="s">
        <v>21164</v>
      </c>
      <c r="C12955" s="358" t="s">
        <v>21165</v>
      </c>
      <c r="D12955" s="358" t="s">
        <v>21166</v>
      </c>
      <c r="E12955" s="358" t="s">
        <v>21167</v>
      </c>
      <c r="F12955" s="358" t="s">
        <v>14462</v>
      </c>
      <c r="G12955" s="358" t="s">
        <v>14463</v>
      </c>
      <c r="H12955" s="358" t="s">
        <v>8356</v>
      </c>
      <c r="I12955" s="358" t="s">
        <v>14463</v>
      </c>
      <c r="J12955" s="358"/>
      <c r="K12955" s="358"/>
      <c r="L12955" s="358"/>
    </row>
    <row r="12956" spans="2:12">
      <c r="B12956" s="368"/>
      <c r="C12956" s="368"/>
      <c r="D12956" s="368"/>
      <c r="E12956" s="368"/>
      <c r="F12956" s="368"/>
      <c r="G12956" s="368"/>
      <c r="H12956" s="368"/>
      <c r="I12956" s="368"/>
      <c r="J12956" s="366"/>
      <c r="K12956" s="366"/>
      <c r="L12956" s="366"/>
    </row>
    <row r="12957" spans="2:12">
      <c r="B12957" s="358" t="s">
        <v>21168</v>
      </c>
      <c r="C12957" s="358" t="s">
        <v>21169</v>
      </c>
      <c r="D12957" s="358" t="s">
        <v>21170</v>
      </c>
      <c r="E12957" s="358" t="s">
        <v>21171</v>
      </c>
      <c r="F12957" s="358" t="s">
        <v>14430</v>
      </c>
      <c r="G12957" s="358" t="s">
        <v>14431</v>
      </c>
      <c r="H12957" s="358" t="s">
        <v>14341</v>
      </c>
      <c r="I12957" s="358" t="s">
        <v>14431</v>
      </c>
      <c r="J12957" s="358"/>
      <c r="K12957" s="358"/>
      <c r="L12957" s="358"/>
    </row>
    <row r="12958" spans="2:12">
      <c r="B12958" s="367"/>
      <c r="C12958" s="367"/>
      <c r="D12958" s="367"/>
      <c r="E12958" s="367"/>
      <c r="F12958" s="367"/>
      <c r="G12958" s="367"/>
      <c r="H12958" s="360"/>
      <c r="I12958" s="367"/>
      <c r="J12958" s="365"/>
      <c r="K12958" s="365"/>
      <c r="L12958" s="365"/>
    </row>
    <row r="12959" spans="2:12">
      <c r="B12959" s="368"/>
      <c r="C12959" s="368"/>
      <c r="D12959" s="368"/>
      <c r="E12959" s="368"/>
      <c r="F12959" s="368"/>
      <c r="G12959" s="368"/>
      <c r="H12959" s="361" t="s">
        <v>14332</v>
      </c>
      <c r="I12959" s="368"/>
      <c r="J12959" s="366"/>
      <c r="K12959" s="366"/>
      <c r="L12959" s="366"/>
    </row>
    <row r="12960" spans="2:12">
      <c r="B12960" s="354" t="s">
        <v>14874</v>
      </c>
      <c r="C12960" s="369"/>
      <c r="D12960" s="369"/>
      <c r="E12960" s="369"/>
      <c r="F12960" s="369"/>
      <c r="G12960" s="369"/>
      <c r="H12960" s="369"/>
      <c r="I12960" s="369"/>
      <c r="J12960" s="369"/>
      <c r="K12960" s="369"/>
      <c r="L12960" s="370"/>
    </row>
    <row r="12961" spans="2:12">
      <c r="B12961" s="354" t="s">
        <v>28528</v>
      </c>
      <c r="C12961" s="369"/>
      <c r="D12961" s="369"/>
      <c r="E12961" s="369"/>
      <c r="F12961" s="369"/>
      <c r="G12961" s="369"/>
      <c r="H12961" s="369"/>
      <c r="I12961" s="369"/>
      <c r="J12961" s="369"/>
      <c r="K12961" s="369"/>
      <c r="L12961" s="370"/>
    </row>
    <row r="12962" spans="2:12" ht="28.5">
      <c r="B12962" s="358" t="s">
        <v>21172</v>
      </c>
      <c r="C12962" s="358" t="s">
        <v>30260</v>
      </c>
      <c r="D12962" s="358" t="s">
        <v>21173</v>
      </c>
      <c r="E12962" s="358" t="s">
        <v>21174</v>
      </c>
      <c r="F12962" s="358" t="s">
        <v>14462</v>
      </c>
      <c r="G12962" s="358" t="s">
        <v>14463</v>
      </c>
      <c r="H12962" s="358" t="s">
        <v>8356</v>
      </c>
      <c r="I12962" s="358" t="s">
        <v>14463</v>
      </c>
      <c r="J12962" s="358"/>
      <c r="K12962" s="358"/>
      <c r="L12962" s="358"/>
    </row>
    <row r="12963" spans="2:12">
      <c r="B12963" s="368"/>
      <c r="C12963" s="368"/>
      <c r="D12963" s="368"/>
      <c r="E12963" s="368"/>
      <c r="F12963" s="368"/>
      <c r="G12963" s="368"/>
      <c r="H12963" s="368"/>
      <c r="I12963" s="368"/>
      <c r="J12963" s="366"/>
      <c r="K12963" s="366"/>
      <c r="L12963" s="366"/>
    </row>
    <row r="12964" spans="2:12">
      <c r="B12964" s="358" t="s">
        <v>21175</v>
      </c>
      <c r="C12964" s="358" t="s">
        <v>21176</v>
      </c>
      <c r="D12964" s="358" t="s">
        <v>21177</v>
      </c>
      <c r="E12964" s="358" t="s">
        <v>21178</v>
      </c>
      <c r="F12964" s="358" t="s">
        <v>14430</v>
      </c>
      <c r="G12964" s="358" t="s">
        <v>14431</v>
      </c>
      <c r="H12964" s="358" t="s">
        <v>14341</v>
      </c>
      <c r="I12964" s="358" t="s">
        <v>14431</v>
      </c>
      <c r="J12964" s="358"/>
      <c r="K12964" s="358"/>
      <c r="L12964" s="358"/>
    </row>
    <row r="12965" spans="2:12">
      <c r="B12965" s="367"/>
      <c r="C12965" s="367"/>
      <c r="D12965" s="367"/>
      <c r="E12965" s="367"/>
      <c r="F12965" s="367"/>
      <c r="G12965" s="367"/>
      <c r="H12965" s="360"/>
      <c r="I12965" s="367"/>
      <c r="J12965" s="365"/>
      <c r="K12965" s="365"/>
      <c r="L12965" s="365"/>
    </row>
    <row r="12966" spans="2:12">
      <c r="B12966" s="368"/>
      <c r="C12966" s="368"/>
      <c r="D12966" s="368"/>
      <c r="E12966" s="368"/>
      <c r="F12966" s="368"/>
      <c r="G12966" s="368"/>
      <c r="H12966" s="361" t="s">
        <v>14332</v>
      </c>
      <c r="I12966" s="368"/>
      <c r="J12966" s="366"/>
      <c r="K12966" s="366"/>
      <c r="L12966" s="366"/>
    </row>
    <row r="12967" spans="2:12" ht="28.5">
      <c r="B12967" s="358" t="s">
        <v>21179</v>
      </c>
      <c r="C12967" s="358" t="s">
        <v>21180</v>
      </c>
      <c r="D12967" s="358" t="s">
        <v>21181</v>
      </c>
      <c r="E12967" s="358" t="s">
        <v>21182</v>
      </c>
      <c r="F12967" s="358" t="s">
        <v>14391</v>
      </c>
      <c r="G12967" s="358" t="s">
        <v>14392</v>
      </c>
      <c r="H12967" s="358" t="s">
        <v>14367</v>
      </c>
      <c r="I12967" s="358" t="s">
        <v>14392</v>
      </c>
      <c r="J12967" s="358"/>
      <c r="K12967" s="358"/>
      <c r="L12967" s="358"/>
    </row>
    <row r="12968" spans="2:12">
      <c r="B12968" s="367"/>
      <c r="C12968" s="367"/>
      <c r="D12968" s="367"/>
      <c r="E12968" s="367"/>
      <c r="F12968" s="360"/>
      <c r="G12968" s="360"/>
      <c r="H12968" s="360"/>
      <c r="I12968" s="360"/>
      <c r="J12968" s="365"/>
      <c r="K12968" s="365"/>
      <c r="L12968" s="365"/>
    </row>
    <row r="12969" spans="2:12" ht="28.5">
      <c r="B12969" s="368"/>
      <c r="C12969" s="368"/>
      <c r="D12969" s="368"/>
      <c r="E12969" s="368"/>
      <c r="F12969" s="361" t="s">
        <v>14462</v>
      </c>
      <c r="G12969" s="361" t="s">
        <v>14463</v>
      </c>
      <c r="H12969" s="361" t="s">
        <v>14422</v>
      </c>
      <c r="I12969" s="361" t="s">
        <v>14463</v>
      </c>
      <c r="J12969" s="366"/>
      <c r="K12969" s="366"/>
      <c r="L12969" s="366"/>
    </row>
    <row r="12970" spans="2:12" ht="28.5">
      <c r="B12970" s="358" t="s">
        <v>21183</v>
      </c>
      <c r="C12970" s="358" t="s">
        <v>21184</v>
      </c>
      <c r="D12970" s="358" t="s">
        <v>21185</v>
      </c>
      <c r="E12970" s="358" t="s">
        <v>21186</v>
      </c>
      <c r="F12970" s="358" t="s">
        <v>14391</v>
      </c>
      <c r="G12970" s="358" t="s">
        <v>14392</v>
      </c>
      <c r="H12970" s="358" t="s">
        <v>14367</v>
      </c>
      <c r="I12970" s="358" t="s">
        <v>14392</v>
      </c>
      <c r="J12970" s="358"/>
      <c r="K12970" s="358"/>
      <c r="L12970" s="358"/>
    </row>
    <row r="12971" spans="2:12">
      <c r="B12971" s="367"/>
      <c r="C12971" s="367"/>
      <c r="D12971" s="367"/>
      <c r="E12971" s="367"/>
      <c r="F12971" s="360"/>
      <c r="G12971" s="360"/>
      <c r="H12971" s="360"/>
      <c r="I12971" s="360"/>
      <c r="J12971" s="365"/>
      <c r="K12971" s="365"/>
      <c r="L12971" s="365"/>
    </row>
    <row r="12972" spans="2:12" ht="28.5">
      <c r="B12972" s="368"/>
      <c r="C12972" s="368"/>
      <c r="D12972" s="368"/>
      <c r="E12972" s="368"/>
      <c r="F12972" s="361" t="s">
        <v>14472</v>
      </c>
      <c r="G12972" s="361" t="s">
        <v>14473</v>
      </c>
      <c r="H12972" s="361" t="s">
        <v>14422</v>
      </c>
      <c r="I12972" s="361" t="s">
        <v>14473</v>
      </c>
      <c r="J12972" s="366"/>
      <c r="K12972" s="366"/>
      <c r="L12972" s="366"/>
    </row>
    <row r="12973" spans="2:12">
      <c r="B12973" s="358" t="s">
        <v>21187</v>
      </c>
      <c r="C12973" s="358" t="s">
        <v>21188</v>
      </c>
      <c r="D12973" s="358" t="s">
        <v>21189</v>
      </c>
      <c r="E12973" s="358" t="s">
        <v>21190</v>
      </c>
      <c r="F12973" s="358" t="s">
        <v>14389</v>
      </c>
      <c r="G12973" s="358" t="s">
        <v>14390</v>
      </c>
      <c r="H12973" s="358" t="s">
        <v>14341</v>
      </c>
      <c r="I12973" s="358" t="s">
        <v>14390</v>
      </c>
      <c r="J12973" s="358"/>
      <c r="K12973" s="358"/>
      <c r="L12973" s="358"/>
    </row>
    <row r="12974" spans="2:12">
      <c r="B12974" s="367"/>
      <c r="C12974" s="367"/>
      <c r="D12974" s="367"/>
      <c r="E12974" s="367"/>
      <c r="F12974" s="360"/>
      <c r="G12974" s="360"/>
      <c r="H12974" s="360"/>
      <c r="I12974" s="360"/>
      <c r="J12974" s="365"/>
      <c r="K12974" s="365"/>
      <c r="L12974" s="365"/>
    </row>
    <row r="12975" spans="2:12">
      <c r="B12975" s="368"/>
      <c r="C12975" s="368"/>
      <c r="D12975" s="368"/>
      <c r="E12975" s="368"/>
      <c r="F12975" s="361" t="s">
        <v>14430</v>
      </c>
      <c r="G12975" s="361" t="s">
        <v>14431</v>
      </c>
      <c r="H12975" s="361" t="s">
        <v>14332</v>
      </c>
      <c r="I12975" s="361" t="s">
        <v>14431</v>
      </c>
      <c r="J12975" s="366"/>
      <c r="K12975" s="366"/>
      <c r="L12975" s="366"/>
    </row>
    <row r="12976" spans="2:12" ht="185.25">
      <c r="B12976" s="358" t="s">
        <v>21191</v>
      </c>
      <c r="C12976" s="358" t="s">
        <v>30261</v>
      </c>
      <c r="D12976" s="358" t="s">
        <v>21192</v>
      </c>
      <c r="E12976" s="358" t="s">
        <v>8356</v>
      </c>
      <c r="F12976" s="358" t="s">
        <v>21193</v>
      </c>
      <c r="G12976" s="358" t="s">
        <v>16363</v>
      </c>
      <c r="H12976" s="358" t="s">
        <v>14328</v>
      </c>
      <c r="I12976" s="358" t="s">
        <v>16363</v>
      </c>
      <c r="J12976" s="358"/>
      <c r="K12976" s="358"/>
      <c r="L12976" s="358"/>
    </row>
    <row r="12977" spans="2:12">
      <c r="B12977" s="367"/>
      <c r="C12977" s="367"/>
      <c r="D12977" s="367"/>
      <c r="E12977" s="367"/>
      <c r="F12977" s="360"/>
      <c r="G12977" s="360"/>
      <c r="H12977" s="360"/>
      <c r="I12977" s="360"/>
      <c r="J12977" s="365"/>
      <c r="K12977" s="365"/>
      <c r="L12977" s="365"/>
    </row>
    <row r="12978" spans="2:12">
      <c r="B12978" s="367"/>
      <c r="C12978" s="367"/>
      <c r="D12978" s="367"/>
      <c r="E12978" s="367"/>
      <c r="F12978" s="359" t="s">
        <v>14391</v>
      </c>
      <c r="G12978" s="359" t="s">
        <v>14392</v>
      </c>
      <c r="H12978" s="359" t="s">
        <v>14367</v>
      </c>
      <c r="I12978" s="359" t="s">
        <v>14392</v>
      </c>
      <c r="J12978" s="365"/>
      <c r="K12978" s="365"/>
      <c r="L12978" s="365"/>
    </row>
    <row r="12979" spans="2:12">
      <c r="B12979" s="367"/>
      <c r="C12979" s="367"/>
      <c r="D12979" s="367"/>
      <c r="E12979" s="367"/>
      <c r="F12979" s="360"/>
      <c r="G12979" s="360"/>
      <c r="H12979" s="360"/>
      <c r="I12979" s="360"/>
      <c r="J12979" s="365"/>
      <c r="K12979" s="365"/>
      <c r="L12979" s="365"/>
    </row>
    <row r="12980" spans="2:12">
      <c r="B12980" s="367"/>
      <c r="C12980" s="367"/>
      <c r="D12980" s="367"/>
      <c r="E12980" s="367"/>
      <c r="F12980" s="359" t="s">
        <v>14371</v>
      </c>
      <c r="G12980" s="359" t="s">
        <v>14372</v>
      </c>
      <c r="H12980" s="359" t="s">
        <v>14370</v>
      </c>
      <c r="I12980" s="359" t="s">
        <v>14373</v>
      </c>
      <c r="J12980" s="365"/>
      <c r="K12980" s="365"/>
      <c r="L12980" s="365"/>
    </row>
    <row r="12981" spans="2:12">
      <c r="B12981" s="367"/>
      <c r="C12981" s="367"/>
      <c r="D12981" s="367"/>
      <c r="E12981" s="367"/>
      <c r="F12981" s="360"/>
      <c r="G12981" s="360"/>
      <c r="H12981" s="360"/>
      <c r="I12981" s="360"/>
      <c r="J12981" s="365"/>
      <c r="K12981" s="365"/>
      <c r="L12981" s="365"/>
    </row>
    <row r="12982" spans="2:12" ht="28.5">
      <c r="B12982" s="368"/>
      <c r="C12982" s="368"/>
      <c r="D12982" s="368"/>
      <c r="E12982" s="368"/>
      <c r="F12982" s="361" t="s">
        <v>14374</v>
      </c>
      <c r="G12982" s="361" t="s">
        <v>14373</v>
      </c>
      <c r="H12982" s="361" t="s">
        <v>14332</v>
      </c>
      <c r="I12982" s="362"/>
      <c r="J12982" s="366"/>
      <c r="K12982" s="366"/>
      <c r="L12982" s="366"/>
    </row>
    <row r="12983" spans="2:12" ht="28.5">
      <c r="B12983" s="358" t="s">
        <v>21194</v>
      </c>
      <c r="C12983" s="358" t="s">
        <v>27684</v>
      </c>
      <c r="D12983" s="358" t="s">
        <v>21195</v>
      </c>
      <c r="E12983" s="358" t="s">
        <v>21196</v>
      </c>
      <c r="F12983" s="358" t="s">
        <v>14462</v>
      </c>
      <c r="G12983" s="358" t="s">
        <v>14463</v>
      </c>
      <c r="H12983" s="358" t="s">
        <v>8356</v>
      </c>
      <c r="I12983" s="358" t="s">
        <v>14463</v>
      </c>
      <c r="J12983" s="358"/>
      <c r="K12983" s="358"/>
      <c r="L12983" s="358"/>
    </row>
    <row r="12984" spans="2:12">
      <c r="B12984" s="368"/>
      <c r="C12984" s="368"/>
      <c r="D12984" s="368"/>
      <c r="E12984" s="368"/>
      <c r="F12984" s="368"/>
      <c r="G12984" s="368"/>
      <c r="H12984" s="368"/>
      <c r="I12984" s="368"/>
      <c r="J12984" s="366"/>
      <c r="K12984" s="366"/>
      <c r="L12984" s="366"/>
    </row>
    <row r="12985" spans="2:12" ht="85.5">
      <c r="B12985" s="358" t="s">
        <v>21197</v>
      </c>
      <c r="C12985" s="358" t="s">
        <v>21198</v>
      </c>
      <c r="D12985" s="358" t="s">
        <v>21199</v>
      </c>
      <c r="E12985" s="358" t="s">
        <v>21200</v>
      </c>
      <c r="F12985" s="358" t="s">
        <v>14430</v>
      </c>
      <c r="G12985" s="358" t="s">
        <v>14431</v>
      </c>
      <c r="H12985" s="358" t="s">
        <v>14341</v>
      </c>
      <c r="I12985" s="358" t="s">
        <v>14431</v>
      </c>
      <c r="J12985" s="358"/>
      <c r="K12985" s="358"/>
      <c r="L12985" s="358"/>
    </row>
    <row r="12986" spans="2:12">
      <c r="B12986" s="367"/>
      <c r="C12986" s="367"/>
      <c r="D12986" s="367"/>
      <c r="E12986" s="367"/>
      <c r="F12986" s="360"/>
      <c r="G12986" s="360"/>
      <c r="H12986" s="360"/>
      <c r="I12986" s="360"/>
      <c r="J12986" s="365"/>
      <c r="K12986" s="365"/>
      <c r="L12986" s="365"/>
    </row>
    <row r="12987" spans="2:12">
      <c r="B12987" s="367"/>
      <c r="C12987" s="367"/>
      <c r="D12987" s="367"/>
      <c r="E12987" s="367"/>
      <c r="F12987" s="359" t="s">
        <v>14391</v>
      </c>
      <c r="G12987" s="359" t="s">
        <v>14392</v>
      </c>
      <c r="H12987" s="359" t="s">
        <v>14367</v>
      </c>
      <c r="I12987" s="359" t="s">
        <v>14392</v>
      </c>
      <c r="J12987" s="365"/>
      <c r="K12987" s="365"/>
      <c r="L12987" s="365"/>
    </row>
    <row r="12988" spans="2:12">
      <c r="B12988" s="367"/>
      <c r="C12988" s="367"/>
      <c r="D12988" s="367"/>
      <c r="E12988" s="367"/>
      <c r="F12988" s="360"/>
      <c r="G12988" s="360"/>
      <c r="H12988" s="360"/>
      <c r="I12988" s="360"/>
      <c r="J12988" s="365"/>
      <c r="K12988" s="365"/>
      <c r="L12988" s="365"/>
    </row>
    <row r="12989" spans="2:12">
      <c r="B12989" s="368"/>
      <c r="C12989" s="368"/>
      <c r="D12989" s="368"/>
      <c r="E12989" s="368"/>
      <c r="F12989" s="362"/>
      <c r="G12989" s="362"/>
      <c r="H12989" s="361" t="s">
        <v>14332</v>
      </c>
      <c r="I12989" s="362"/>
      <c r="J12989" s="366"/>
      <c r="K12989" s="366"/>
      <c r="L12989" s="366"/>
    </row>
    <row r="12990" spans="2:12" ht="28.5">
      <c r="B12990" s="358" t="s">
        <v>21201</v>
      </c>
      <c r="C12990" s="358" t="s">
        <v>29314</v>
      </c>
      <c r="D12990" s="358" t="s">
        <v>21202</v>
      </c>
      <c r="E12990" s="358" t="s">
        <v>21203</v>
      </c>
      <c r="F12990" s="358" t="s">
        <v>14391</v>
      </c>
      <c r="G12990" s="358" t="s">
        <v>14392</v>
      </c>
      <c r="H12990" s="358" t="s">
        <v>14367</v>
      </c>
      <c r="I12990" s="358" t="s">
        <v>14392</v>
      </c>
      <c r="J12990" s="358"/>
      <c r="K12990" s="358"/>
      <c r="L12990" s="358"/>
    </row>
    <row r="12991" spans="2:12">
      <c r="B12991" s="367"/>
      <c r="C12991" s="367"/>
      <c r="D12991" s="367"/>
      <c r="E12991" s="367"/>
      <c r="F12991" s="360"/>
      <c r="G12991" s="360"/>
      <c r="H12991" s="360"/>
      <c r="I12991" s="360"/>
      <c r="J12991" s="365"/>
      <c r="K12991" s="365"/>
      <c r="L12991" s="365"/>
    </row>
    <row r="12992" spans="2:12" ht="28.5">
      <c r="B12992" s="368"/>
      <c r="C12992" s="368"/>
      <c r="D12992" s="368"/>
      <c r="E12992" s="368"/>
      <c r="F12992" s="361" t="s">
        <v>14462</v>
      </c>
      <c r="G12992" s="361" t="s">
        <v>14463</v>
      </c>
      <c r="H12992" s="361" t="s">
        <v>14422</v>
      </c>
      <c r="I12992" s="361" t="s">
        <v>14463</v>
      </c>
      <c r="J12992" s="366"/>
      <c r="K12992" s="366"/>
      <c r="L12992" s="366"/>
    </row>
    <row r="12993" spans="2:12" ht="42.75">
      <c r="B12993" s="358" t="s">
        <v>21204</v>
      </c>
      <c r="C12993" s="358" t="s">
        <v>30262</v>
      </c>
      <c r="D12993" s="358" t="s">
        <v>21205</v>
      </c>
      <c r="E12993" s="358" t="s">
        <v>21206</v>
      </c>
      <c r="F12993" s="358" t="s">
        <v>14430</v>
      </c>
      <c r="G12993" s="358" t="s">
        <v>14431</v>
      </c>
      <c r="H12993" s="358" t="s">
        <v>14341</v>
      </c>
      <c r="I12993" s="358" t="s">
        <v>14431</v>
      </c>
      <c r="J12993" s="358"/>
      <c r="K12993" s="358"/>
      <c r="L12993" s="358"/>
    </row>
    <row r="12994" spans="2:12">
      <c r="B12994" s="367"/>
      <c r="C12994" s="367"/>
      <c r="D12994" s="367"/>
      <c r="E12994" s="367"/>
      <c r="F12994" s="360"/>
      <c r="G12994" s="360"/>
      <c r="H12994" s="360"/>
      <c r="I12994" s="360"/>
      <c r="J12994" s="365"/>
      <c r="K12994" s="365"/>
      <c r="L12994" s="365"/>
    </row>
    <row r="12995" spans="2:12" ht="28.5">
      <c r="B12995" s="368"/>
      <c r="C12995" s="368"/>
      <c r="D12995" s="368"/>
      <c r="E12995" s="368"/>
      <c r="F12995" s="361" t="s">
        <v>14472</v>
      </c>
      <c r="G12995" s="361" t="s">
        <v>14473</v>
      </c>
      <c r="H12995" s="361" t="s">
        <v>14332</v>
      </c>
      <c r="I12995" s="361" t="s">
        <v>14473</v>
      </c>
      <c r="J12995" s="366"/>
      <c r="K12995" s="366"/>
      <c r="L12995" s="366"/>
    </row>
    <row r="12996" spans="2:12" ht="42.75">
      <c r="B12996" s="358" t="s">
        <v>21207</v>
      </c>
      <c r="C12996" s="358" t="s">
        <v>21208</v>
      </c>
      <c r="D12996" s="358" t="s">
        <v>21209</v>
      </c>
      <c r="E12996" s="358" t="s">
        <v>21210</v>
      </c>
      <c r="F12996" s="358" t="s">
        <v>14391</v>
      </c>
      <c r="G12996" s="358" t="s">
        <v>14392</v>
      </c>
      <c r="H12996" s="358" t="s">
        <v>14367</v>
      </c>
      <c r="I12996" s="358" t="s">
        <v>14392</v>
      </c>
      <c r="J12996" s="358"/>
      <c r="K12996" s="358"/>
      <c r="L12996" s="358"/>
    </row>
    <row r="12997" spans="2:12">
      <c r="B12997" s="367"/>
      <c r="C12997" s="367"/>
      <c r="D12997" s="367"/>
      <c r="E12997" s="367"/>
      <c r="F12997" s="367"/>
      <c r="G12997" s="367"/>
      <c r="H12997" s="360"/>
      <c r="I12997" s="367"/>
      <c r="J12997" s="365"/>
      <c r="K12997" s="365"/>
      <c r="L12997" s="365"/>
    </row>
    <row r="12998" spans="2:12">
      <c r="B12998" s="368"/>
      <c r="C12998" s="368"/>
      <c r="D12998" s="368"/>
      <c r="E12998" s="368"/>
      <c r="F12998" s="368"/>
      <c r="G12998" s="368"/>
      <c r="H12998" s="361" t="s">
        <v>14422</v>
      </c>
      <c r="I12998" s="368"/>
      <c r="J12998" s="366"/>
      <c r="K12998" s="366"/>
      <c r="L12998" s="366"/>
    </row>
    <row r="12999" spans="2:12" ht="28.5">
      <c r="B12999" s="358" t="s">
        <v>21211</v>
      </c>
      <c r="C12999" s="358" t="s">
        <v>21212</v>
      </c>
      <c r="D12999" s="358" t="s">
        <v>21213</v>
      </c>
      <c r="E12999" s="358" t="s">
        <v>21214</v>
      </c>
      <c r="F12999" s="358" t="s">
        <v>14394</v>
      </c>
      <c r="G12999" s="358" t="s">
        <v>14395</v>
      </c>
      <c r="H12999" s="358" t="s">
        <v>14370</v>
      </c>
      <c r="I12999" s="358" t="s">
        <v>14395</v>
      </c>
      <c r="J12999" s="358"/>
      <c r="K12999" s="358"/>
      <c r="L12999" s="358"/>
    </row>
    <row r="13000" spans="2:12">
      <c r="B13000" s="368"/>
      <c r="C13000" s="368"/>
      <c r="D13000" s="368"/>
      <c r="E13000" s="368"/>
      <c r="F13000" s="368"/>
      <c r="G13000" s="368"/>
      <c r="H13000" s="368"/>
      <c r="I13000" s="368"/>
      <c r="J13000" s="366"/>
      <c r="K13000" s="366"/>
      <c r="L13000" s="366"/>
    </row>
    <row r="13001" spans="2:12" ht="57">
      <c r="B13001" s="358" t="s">
        <v>21215</v>
      </c>
      <c r="C13001" s="358" t="s">
        <v>21216</v>
      </c>
      <c r="D13001" s="358" t="s">
        <v>21217</v>
      </c>
      <c r="E13001" s="358" t="s">
        <v>21218</v>
      </c>
      <c r="F13001" s="358" t="s">
        <v>14430</v>
      </c>
      <c r="G13001" s="358" t="s">
        <v>14431</v>
      </c>
      <c r="H13001" s="358" t="s">
        <v>14341</v>
      </c>
      <c r="I13001" s="358" t="s">
        <v>14431</v>
      </c>
      <c r="J13001" s="358"/>
      <c r="K13001" s="358"/>
      <c r="L13001" s="358"/>
    </row>
    <row r="13002" spans="2:12">
      <c r="B13002" s="367"/>
      <c r="C13002" s="367"/>
      <c r="D13002" s="367"/>
      <c r="E13002" s="367"/>
      <c r="F13002" s="360"/>
      <c r="G13002" s="360"/>
      <c r="H13002" s="360"/>
      <c r="I13002" s="360"/>
      <c r="J13002" s="365"/>
      <c r="K13002" s="365"/>
      <c r="L13002" s="365"/>
    </row>
    <row r="13003" spans="2:12" ht="28.5">
      <c r="B13003" s="367"/>
      <c r="C13003" s="367"/>
      <c r="D13003" s="367"/>
      <c r="E13003" s="367"/>
      <c r="F13003" s="359" t="s">
        <v>14394</v>
      </c>
      <c r="G13003" s="359" t="s">
        <v>14395</v>
      </c>
      <c r="H13003" s="359" t="s">
        <v>14370</v>
      </c>
      <c r="I13003" s="359" t="s">
        <v>14395</v>
      </c>
      <c r="J13003" s="365"/>
      <c r="K13003" s="365"/>
      <c r="L13003" s="365"/>
    </row>
    <row r="13004" spans="2:12">
      <c r="B13004" s="367"/>
      <c r="C13004" s="367"/>
      <c r="D13004" s="367"/>
      <c r="E13004" s="367"/>
      <c r="F13004" s="360"/>
      <c r="G13004" s="360"/>
      <c r="H13004" s="360"/>
      <c r="I13004" s="360"/>
      <c r="J13004" s="365"/>
      <c r="K13004" s="365"/>
      <c r="L13004" s="365"/>
    </row>
    <row r="13005" spans="2:12">
      <c r="B13005" s="368"/>
      <c r="C13005" s="368"/>
      <c r="D13005" s="368"/>
      <c r="E13005" s="368"/>
      <c r="F13005" s="362"/>
      <c r="G13005" s="362"/>
      <c r="H13005" s="361" t="s">
        <v>14332</v>
      </c>
      <c r="I13005" s="362"/>
      <c r="J13005" s="366"/>
      <c r="K13005" s="366"/>
      <c r="L13005" s="366"/>
    </row>
    <row r="13006" spans="2:12" ht="85.5">
      <c r="B13006" s="358" t="s">
        <v>21219</v>
      </c>
      <c r="C13006" s="358" t="s">
        <v>29315</v>
      </c>
      <c r="D13006" s="358" t="s">
        <v>21220</v>
      </c>
      <c r="E13006" s="358" t="s">
        <v>8356</v>
      </c>
      <c r="F13006" s="358" t="s">
        <v>14394</v>
      </c>
      <c r="G13006" s="358" t="s">
        <v>14395</v>
      </c>
      <c r="H13006" s="358" t="s">
        <v>14370</v>
      </c>
      <c r="I13006" s="358" t="s">
        <v>14395</v>
      </c>
      <c r="J13006" s="358"/>
      <c r="K13006" s="358"/>
      <c r="L13006" s="358"/>
    </row>
    <row r="13007" spans="2:12">
      <c r="B13007" s="368"/>
      <c r="C13007" s="368"/>
      <c r="D13007" s="368"/>
      <c r="E13007" s="368"/>
      <c r="F13007" s="368"/>
      <c r="G13007" s="368"/>
      <c r="H13007" s="368"/>
      <c r="I13007" s="368"/>
      <c r="J13007" s="366"/>
      <c r="K13007" s="366"/>
      <c r="L13007" s="366"/>
    </row>
    <row r="13008" spans="2:12" ht="42.75">
      <c r="B13008" s="358" t="s">
        <v>21221</v>
      </c>
      <c r="C13008" s="358" t="s">
        <v>21222</v>
      </c>
      <c r="D13008" s="358" t="s">
        <v>21223</v>
      </c>
      <c r="E13008" s="358" t="s">
        <v>8356</v>
      </c>
      <c r="F13008" s="358" t="s">
        <v>14462</v>
      </c>
      <c r="G13008" s="358" t="s">
        <v>14463</v>
      </c>
      <c r="H13008" s="358" t="s">
        <v>8356</v>
      </c>
      <c r="I13008" s="358" t="s">
        <v>14463</v>
      </c>
      <c r="J13008" s="358"/>
      <c r="K13008" s="358"/>
      <c r="L13008" s="358"/>
    </row>
    <row r="13009" spans="2:12">
      <c r="B13009" s="368"/>
      <c r="C13009" s="368"/>
      <c r="D13009" s="368"/>
      <c r="E13009" s="368"/>
      <c r="F13009" s="368"/>
      <c r="G13009" s="368"/>
      <c r="H13009" s="368"/>
      <c r="I13009" s="368"/>
      <c r="J13009" s="366"/>
      <c r="K13009" s="366"/>
      <c r="L13009" s="366"/>
    </row>
    <row r="13010" spans="2:12" ht="28.5">
      <c r="B13010" s="358" t="s">
        <v>21224</v>
      </c>
      <c r="C13010" s="358" t="s">
        <v>21225</v>
      </c>
      <c r="D13010" s="358" t="s">
        <v>21226</v>
      </c>
      <c r="E13010" s="358" t="s">
        <v>21227</v>
      </c>
      <c r="F13010" s="358" t="s">
        <v>14460</v>
      </c>
      <c r="G13010" s="358" t="s">
        <v>28648</v>
      </c>
      <c r="H13010" s="358" t="s">
        <v>14381</v>
      </c>
      <c r="I13010" s="358" t="s">
        <v>28648</v>
      </c>
      <c r="J13010" s="358"/>
      <c r="K13010" s="358"/>
      <c r="L13010" s="358"/>
    </row>
    <row r="13011" spans="2:12">
      <c r="B13011" s="367"/>
      <c r="C13011" s="367"/>
      <c r="D13011" s="367"/>
      <c r="E13011" s="367"/>
      <c r="F13011" s="360"/>
      <c r="G13011" s="360"/>
      <c r="H13011" s="360"/>
      <c r="I13011" s="360"/>
      <c r="J13011" s="365"/>
      <c r="K13011" s="365"/>
      <c r="L13011" s="365"/>
    </row>
    <row r="13012" spans="2:12">
      <c r="B13012" s="367"/>
      <c r="C13012" s="367"/>
      <c r="D13012" s="367"/>
      <c r="E13012" s="367"/>
      <c r="F13012" s="359" t="s">
        <v>14386</v>
      </c>
      <c r="G13012" s="359" t="s">
        <v>14390</v>
      </c>
      <c r="H13012" s="359" t="s">
        <v>14367</v>
      </c>
      <c r="I13012" s="359" t="s">
        <v>14390</v>
      </c>
      <c r="J13012" s="365"/>
      <c r="K13012" s="365"/>
      <c r="L13012" s="365"/>
    </row>
    <row r="13013" spans="2:12">
      <c r="B13013" s="367"/>
      <c r="C13013" s="367"/>
      <c r="D13013" s="367"/>
      <c r="E13013" s="367"/>
      <c r="F13013" s="360"/>
      <c r="G13013" s="360"/>
      <c r="H13013" s="360"/>
      <c r="I13013" s="360"/>
      <c r="J13013" s="365"/>
      <c r="K13013" s="365"/>
      <c r="L13013" s="365"/>
    </row>
    <row r="13014" spans="2:12">
      <c r="B13014" s="367"/>
      <c r="C13014" s="367"/>
      <c r="D13014" s="367"/>
      <c r="E13014" s="367"/>
      <c r="F13014" s="359" t="s">
        <v>14389</v>
      </c>
      <c r="G13014" s="359" t="s">
        <v>14372</v>
      </c>
      <c r="H13014" s="359" t="s">
        <v>14370</v>
      </c>
      <c r="I13014" s="359" t="s">
        <v>14373</v>
      </c>
      <c r="J13014" s="365"/>
      <c r="K13014" s="365"/>
      <c r="L13014" s="365"/>
    </row>
    <row r="13015" spans="2:12">
      <c r="B13015" s="367"/>
      <c r="C13015" s="367"/>
      <c r="D13015" s="367"/>
      <c r="E13015" s="367"/>
      <c r="F13015" s="360"/>
      <c r="G13015" s="360"/>
      <c r="H13015" s="360"/>
      <c r="I13015" s="360"/>
      <c r="J13015" s="365"/>
      <c r="K13015" s="365"/>
      <c r="L13015" s="365"/>
    </row>
    <row r="13016" spans="2:12">
      <c r="B13016" s="367"/>
      <c r="C13016" s="367"/>
      <c r="D13016" s="367"/>
      <c r="E13016" s="367"/>
      <c r="F13016" s="359" t="s">
        <v>14371</v>
      </c>
      <c r="G13016" s="359" t="s">
        <v>14373</v>
      </c>
      <c r="H13016" s="359" t="s">
        <v>14422</v>
      </c>
      <c r="I13016" s="360"/>
      <c r="J13016" s="365"/>
      <c r="K13016" s="365"/>
      <c r="L13016" s="365"/>
    </row>
    <row r="13017" spans="2:12">
      <c r="B13017" s="367"/>
      <c r="C13017" s="367"/>
      <c r="D13017" s="367"/>
      <c r="E13017" s="367"/>
      <c r="F13017" s="360"/>
      <c r="G13017" s="360"/>
      <c r="H13017" s="360"/>
      <c r="I13017" s="360"/>
      <c r="J13017" s="365"/>
      <c r="K13017" s="365"/>
      <c r="L13017" s="365"/>
    </row>
    <row r="13018" spans="2:12" ht="28.5">
      <c r="B13018" s="368"/>
      <c r="C13018" s="368"/>
      <c r="D13018" s="368"/>
      <c r="E13018" s="368"/>
      <c r="F13018" s="361" t="s">
        <v>14374</v>
      </c>
      <c r="G13018" s="362"/>
      <c r="H13018" s="362"/>
      <c r="I13018" s="362"/>
      <c r="J13018" s="366"/>
      <c r="K13018" s="366"/>
      <c r="L13018" s="366"/>
    </row>
    <row r="13019" spans="2:12" ht="128.25">
      <c r="B13019" s="358" t="s">
        <v>21228</v>
      </c>
      <c r="C13019" s="358" t="s">
        <v>29316</v>
      </c>
      <c r="D13019" s="358" t="s">
        <v>21229</v>
      </c>
      <c r="E13019" s="358" t="s">
        <v>8356</v>
      </c>
      <c r="F13019" s="358" t="s">
        <v>14472</v>
      </c>
      <c r="G13019" s="358" t="s">
        <v>14473</v>
      </c>
      <c r="H13019" s="358" t="s">
        <v>8356</v>
      </c>
      <c r="I13019" s="358" t="s">
        <v>14473</v>
      </c>
      <c r="J13019" s="358"/>
      <c r="K13019" s="358"/>
      <c r="L13019" s="358"/>
    </row>
    <row r="13020" spans="2:12">
      <c r="B13020" s="368"/>
      <c r="C13020" s="368"/>
      <c r="D13020" s="368"/>
      <c r="E13020" s="368"/>
      <c r="F13020" s="368"/>
      <c r="G13020" s="368"/>
      <c r="H13020" s="368"/>
      <c r="I13020" s="368"/>
      <c r="J13020" s="366"/>
      <c r="K13020" s="366"/>
      <c r="L13020" s="366"/>
    </row>
    <row r="13021" spans="2:12" ht="57">
      <c r="B13021" s="358" t="s">
        <v>21230</v>
      </c>
      <c r="C13021" s="358" t="s">
        <v>30263</v>
      </c>
      <c r="D13021" s="358" t="s">
        <v>21231</v>
      </c>
      <c r="E13021" s="358" t="s">
        <v>21232</v>
      </c>
      <c r="F13021" s="358" t="s">
        <v>14394</v>
      </c>
      <c r="G13021" s="358" t="s">
        <v>14395</v>
      </c>
      <c r="H13021" s="358" t="s">
        <v>14370</v>
      </c>
      <c r="I13021" s="358" t="s">
        <v>14395</v>
      </c>
      <c r="J13021" s="358"/>
      <c r="K13021" s="358"/>
      <c r="L13021" s="358"/>
    </row>
    <row r="13022" spans="2:12">
      <c r="B13022" s="368"/>
      <c r="C13022" s="368"/>
      <c r="D13022" s="368"/>
      <c r="E13022" s="368"/>
      <c r="F13022" s="368"/>
      <c r="G13022" s="368"/>
      <c r="H13022" s="368"/>
      <c r="I13022" s="368"/>
      <c r="J13022" s="366"/>
      <c r="K13022" s="366"/>
      <c r="L13022" s="366"/>
    </row>
    <row r="13023" spans="2:12" ht="28.5">
      <c r="B13023" s="358" t="s">
        <v>21233</v>
      </c>
      <c r="C13023" s="358" t="s">
        <v>21234</v>
      </c>
      <c r="D13023" s="358" t="s">
        <v>21235</v>
      </c>
      <c r="E13023" s="358" t="s">
        <v>21236</v>
      </c>
      <c r="F13023" s="358" t="s">
        <v>14394</v>
      </c>
      <c r="G13023" s="358" t="s">
        <v>14395</v>
      </c>
      <c r="H13023" s="358" t="s">
        <v>14370</v>
      </c>
      <c r="I13023" s="358" t="s">
        <v>14395</v>
      </c>
      <c r="J13023" s="358"/>
      <c r="K13023" s="358"/>
      <c r="L13023" s="358"/>
    </row>
    <row r="13024" spans="2:12">
      <c r="B13024" s="368"/>
      <c r="C13024" s="368"/>
      <c r="D13024" s="368"/>
      <c r="E13024" s="368"/>
      <c r="F13024" s="368"/>
      <c r="G13024" s="368"/>
      <c r="H13024" s="368"/>
      <c r="I13024" s="368"/>
      <c r="J13024" s="366"/>
      <c r="K13024" s="366"/>
      <c r="L13024" s="366"/>
    </row>
    <row r="13025" spans="2:12" ht="57">
      <c r="B13025" s="358" t="s">
        <v>21237</v>
      </c>
      <c r="C13025" s="358" t="s">
        <v>29317</v>
      </c>
      <c r="D13025" s="358" t="s">
        <v>21238</v>
      </c>
      <c r="E13025" s="358"/>
      <c r="F13025" s="358" t="s">
        <v>14472</v>
      </c>
      <c r="G13025" s="358" t="s">
        <v>14473</v>
      </c>
      <c r="H13025" s="358" t="s">
        <v>8356</v>
      </c>
      <c r="I13025" s="358" t="s">
        <v>14473</v>
      </c>
      <c r="J13025" s="358"/>
      <c r="K13025" s="358"/>
      <c r="L13025" s="358"/>
    </row>
    <row r="13026" spans="2:12">
      <c r="B13026" s="368"/>
      <c r="C13026" s="368"/>
      <c r="D13026" s="368"/>
      <c r="E13026" s="366"/>
      <c r="F13026" s="368"/>
      <c r="G13026" s="368"/>
      <c r="H13026" s="368"/>
      <c r="I13026" s="368"/>
      <c r="J13026" s="366"/>
      <c r="K13026" s="366"/>
      <c r="L13026" s="366"/>
    </row>
    <row r="13027" spans="2:12" ht="57">
      <c r="B13027" s="358" t="s">
        <v>21239</v>
      </c>
      <c r="C13027" s="358" t="s">
        <v>21240</v>
      </c>
      <c r="D13027" s="358" t="s">
        <v>21241</v>
      </c>
      <c r="E13027" s="358" t="s">
        <v>21242</v>
      </c>
      <c r="F13027" s="358" t="s">
        <v>14472</v>
      </c>
      <c r="G13027" s="358" t="s">
        <v>14473</v>
      </c>
      <c r="H13027" s="358" t="s">
        <v>8356</v>
      </c>
      <c r="I13027" s="358" t="s">
        <v>14473</v>
      </c>
      <c r="J13027" s="358"/>
      <c r="K13027" s="358"/>
      <c r="L13027" s="358"/>
    </row>
    <row r="13028" spans="2:12">
      <c r="B13028" s="368"/>
      <c r="C13028" s="368"/>
      <c r="D13028" s="368"/>
      <c r="E13028" s="368"/>
      <c r="F13028" s="368"/>
      <c r="G13028" s="368"/>
      <c r="H13028" s="368"/>
      <c r="I13028" s="368"/>
      <c r="J13028" s="366"/>
      <c r="K13028" s="366"/>
      <c r="L13028" s="366"/>
    </row>
    <row r="13029" spans="2:12" ht="142.5">
      <c r="B13029" s="358" t="s">
        <v>21243</v>
      </c>
      <c r="C13029" s="358" t="s">
        <v>30264</v>
      </c>
      <c r="D13029" s="358" t="s">
        <v>21244</v>
      </c>
      <c r="E13029" s="358" t="s">
        <v>8356</v>
      </c>
      <c r="F13029" s="358" t="s">
        <v>14394</v>
      </c>
      <c r="G13029" s="358" t="s">
        <v>14395</v>
      </c>
      <c r="H13029" s="358" t="s">
        <v>14370</v>
      </c>
      <c r="I13029" s="358" t="s">
        <v>14395</v>
      </c>
      <c r="J13029" s="358"/>
      <c r="K13029" s="358"/>
      <c r="L13029" s="358"/>
    </row>
    <row r="13030" spans="2:12">
      <c r="B13030" s="368"/>
      <c r="C13030" s="368"/>
      <c r="D13030" s="368"/>
      <c r="E13030" s="368"/>
      <c r="F13030" s="368"/>
      <c r="G13030" s="368"/>
      <c r="H13030" s="368"/>
      <c r="I13030" s="368"/>
      <c r="J13030" s="366"/>
      <c r="K13030" s="366"/>
      <c r="L13030" s="366"/>
    </row>
    <row r="13031" spans="2:12" ht="42.75">
      <c r="B13031" s="358" t="s">
        <v>21245</v>
      </c>
      <c r="C13031" s="358" t="s">
        <v>21246</v>
      </c>
      <c r="D13031" s="358" t="s">
        <v>21247</v>
      </c>
      <c r="E13031" s="358" t="s">
        <v>21248</v>
      </c>
      <c r="F13031" s="358" t="s">
        <v>28990</v>
      </c>
      <c r="G13031" s="358" t="s">
        <v>14421</v>
      </c>
      <c r="H13031" s="358" t="s">
        <v>14381</v>
      </c>
      <c r="I13031" s="358" t="s">
        <v>14421</v>
      </c>
      <c r="J13031" s="358"/>
      <c r="K13031" s="358"/>
      <c r="L13031" s="358"/>
    </row>
    <row r="13032" spans="2:12">
      <c r="B13032" s="367"/>
      <c r="C13032" s="367"/>
      <c r="D13032" s="367"/>
      <c r="E13032" s="367"/>
      <c r="F13032" s="360"/>
      <c r="G13032" s="360"/>
      <c r="H13032" s="360"/>
      <c r="I13032" s="360"/>
      <c r="J13032" s="365"/>
      <c r="K13032" s="365"/>
      <c r="L13032" s="365"/>
    </row>
    <row r="13033" spans="2:12" ht="28.5">
      <c r="B13033" s="367"/>
      <c r="C13033" s="367"/>
      <c r="D13033" s="367"/>
      <c r="E13033" s="367"/>
      <c r="F13033" s="359" t="s">
        <v>29063</v>
      </c>
      <c r="G13033" s="359" t="s">
        <v>14429</v>
      </c>
      <c r="H13033" s="359" t="s">
        <v>14341</v>
      </c>
      <c r="I13033" s="359" t="s">
        <v>14429</v>
      </c>
      <c r="J13033" s="365"/>
      <c r="K13033" s="365"/>
      <c r="L13033" s="365"/>
    </row>
    <row r="13034" spans="2:12">
      <c r="B13034" s="367"/>
      <c r="C13034" s="367"/>
      <c r="D13034" s="367"/>
      <c r="E13034" s="367"/>
      <c r="F13034" s="360"/>
      <c r="G13034" s="360"/>
      <c r="H13034" s="360"/>
      <c r="I13034" s="360"/>
      <c r="J13034" s="365"/>
      <c r="K13034" s="365"/>
      <c r="L13034" s="365"/>
    </row>
    <row r="13035" spans="2:12" ht="28.5">
      <c r="B13035" s="367"/>
      <c r="C13035" s="367"/>
      <c r="D13035" s="367"/>
      <c r="E13035" s="367"/>
      <c r="F13035" s="359" t="s">
        <v>14374</v>
      </c>
      <c r="G13035" s="359" t="s">
        <v>28647</v>
      </c>
      <c r="H13035" s="359" t="s">
        <v>14367</v>
      </c>
      <c r="I13035" s="359" t="s">
        <v>28647</v>
      </c>
      <c r="J13035" s="365"/>
      <c r="K13035" s="365"/>
      <c r="L13035" s="365"/>
    </row>
    <row r="13036" spans="2:12">
      <c r="B13036" s="367"/>
      <c r="C13036" s="367"/>
      <c r="D13036" s="367"/>
      <c r="E13036" s="367"/>
      <c r="F13036" s="360"/>
      <c r="G13036" s="360"/>
      <c r="H13036" s="360"/>
      <c r="I13036" s="360"/>
      <c r="J13036" s="365"/>
      <c r="K13036" s="365"/>
      <c r="L13036" s="365"/>
    </row>
    <row r="13037" spans="2:12">
      <c r="B13037" s="367"/>
      <c r="C13037" s="367"/>
      <c r="D13037" s="367"/>
      <c r="E13037" s="367"/>
      <c r="F13037" s="360"/>
      <c r="G13037" s="359" t="s">
        <v>14372</v>
      </c>
      <c r="H13037" s="359" t="s">
        <v>14370</v>
      </c>
      <c r="I13037" s="359" t="s">
        <v>14373</v>
      </c>
      <c r="J13037" s="365"/>
      <c r="K13037" s="365"/>
      <c r="L13037" s="365"/>
    </row>
    <row r="13038" spans="2:12">
      <c r="B13038" s="367"/>
      <c r="C13038" s="367"/>
      <c r="D13038" s="367"/>
      <c r="E13038" s="367"/>
      <c r="F13038" s="360"/>
      <c r="G13038" s="360"/>
      <c r="H13038" s="360"/>
      <c r="I13038" s="360"/>
      <c r="J13038" s="365"/>
      <c r="K13038" s="365"/>
      <c r="L13038" s="365"/>
    </row>
    <row r="13039" spans="2:12">
      <c r="B13039" s="368"/>
      <c r="C13039" s="368"/>
      <c r="D13039" s="368"/>
      <c r="E13039" s="368"/>
      <c r="F13039" s="362"/>
      <c r="G13039" s="361" t="s">
        <v>14373</v>
      </c>
      <c r="H13039" s="361" t="s">
        <v>14332</v>
      </c>
      <c r="I13039" s="362"/>
      <c r="J13039" s="366"/>
      <c r="K13039" s="366"/>
      <c r="L13039" s="366"/>
    </row>
    <row r="13040" spans="2:12" ht="242.25">
      <c r="B13040" s="358" t="s">
        <v>21249</v>
      </c>
      <c r="C13040" s="358" t="s">
        <v>29318</v>
      </c>
      <c r="D13040" s="358" t="s">
        <v>21250</v>
      </c>
      <c r="E13040" s="358" t="s">
        <v>8356</v>
      </c>
      <c r="F13040" s="358" t="s">
        <v>14391</v>
      </c>
      <c r="G13040" s="358" t="s">
        <v>14392</v>
      </c>
      <c r="H13040" s="358" t="s">
        <v>14367</v>
      </c>
      <c r="I13040" s="358" t="s">
        <v>14392</v>
      </c>
      <c r="J13040" s="358"/>
      <c r="K13040" s="358"/>
      <c r="L13040" s="358"/>
    </row>
    <row r="13041" spans="2:12">
      <c r="B13041" s="367"/>
      <c r="C13041" s="367"/>
      <c r="D13041" s="367"/>
      <c r="E13041" s="367"/>
      <c r="F13041" s="367"/>
      <c r="G13041" s="367"/>
      <c r="H13041" s="360"/>
      <c r="I13041" s="367"/>
      <c r="J13041" s="365"/>
      <c r="K13041" s="365"/>
      <c r="L13041" s="365"/>
    </row>
    <row r="13042" spans="2:12">
      <c r="B13042" s="368"/>
      <c r="C13042" s="368"/>
      <c r="D13042" s="368"/>
      <c r="E13042" s="368"/>
      <c r="F13042" s="368"/>
      <c r="G13042" s="368"/>
      <c r="H13042" s="361" t="s">
        <v>14422</v>
      </c>
      <c r="I13042" s="368"/>
      <c r="J13042" s="366"/>
      <c r="K13042" s="366"/>
      <c r="L13042" s="366"/>
    </row>
    <row r="13043" spans="2:12" ht="57">
      <c r="B13043" s="358" t="s">
        <v>21251</v>
      </c>
      <c r="C13043" s="358" t="s">
        <v>21252</v>
      </c>
      <c r="D13043" s="358" t="s">
        <v>21253</v>
      </c>
      <c r="E13043" s="358" t="s">
        <v>21254</v>
      </c>
      <c r="F13043" s="358" t="s">
        <v>14472</v>
      </c>
      <c r="G13043" s="358" t="s">
        <v>14473</v>
      </c>
      <c r="H13043" s="358" t="s">
        <v>8356</v>
      </c>
      <c r="I13043" s="358" t="s">
        <v>14473</v>
      </c>
      <c r="J13043" s="358"/>
      <c r="K13043" s="358"/>
      <c r="L13043" s="358"/>
    </row>
    <row r="13044" spans="2:12">
      <c r="B13044" s="368"/>
      <c r="C13044" s="368"/>
      <c r="D13044" s="368"/>
      <c r="E13044" s="368"/>
      <c r="F13044" s="368"/>
      <c r="G13044" s="368"/>
      <c r="H13044" s="368"/>
      <c r="I13044" s="368"/>
      <c r="J13044" s="366"/>
      <c r="K13044" s="366"/>
      <c r="L13044" s="366"/>
    </row>
    <row r="13045" spans="2:12" ht="71.25">
      <c r="B13045" s="358" t="s">
        <v>21255</v>
      </c>
      <c r="C13045" s="358" t="s">
        <v>21256</v>
      </c>
      <c r="D13045" s="358" t="s">
        <v>21257</v>
      </c>
      <c r="E13045" s="358" t="s">
        <v>21258</v>
      </c>
      <c r="F13045" s="358" t="s">
        <v>14430</v>
      </c>
      <c r="G13045" s="358" t="s">
        <v>14431</v>
      </c>
      <c r="H13045" s="358" t="s">
        <v>14341</v>
      </c>
      <c r="I13045" s="358" t="s">
        <v>14431</v>
      </c>
      <c r="J13045" s="358"/>
      <c r="K13045" s="358"/>
      <c r="L13045" s="358"/>
    </row>
    <row r="13046" spans="2:12">
      <c r="B13046" s="367"/>
      <c r="C13046" s="367"/>
      <c r="D13046" s="367"/>
      <c r="E13046" s="367"/>
      <c r="F13046" s="360"/>
      <c r="G13046" s="360"/>
      <c r="H13046" s="360"/>
      <c r="I13046" s="360"/>
      <c r="J13046" s="365"/>
      <c r="K13046" s="365"/>
      <c r="L13046" s="365"/>
    </row>
    <row r="13047" spans="2:12" ht="28.5">
      <c r="B13047" s="368"/>
      <c r="C13047" s="368"/>
      <c r="D13047" s="368"/>
      <c r="E13047" s="368"/>
      <c r="F13047" s="361" t="s">
        <v>14472</v>
      </c>
      <c r="G13047" s="361" t="s">
        <v>14473</v>
      </c>
      <c r="H13047" s="361" t="s">
        <v>14332</v>
      </c>
      <c r="I13047" s="361" t="s">
        <v>14473</v>
      </c>
      <c r="J13047" s="366"/>
      <c r="K13047" s="366"/>
      <c r="L13047" s="366"/>
    </row>
    <row r="13048" spans="2:12" ht="28.5">
      <c r="B13048" s="358" t="s">
        <v>21259</v>
      </c>
      <c r="C13048" s="358" t="s">
        <v>21260</v>
      </c>
      <c r="D13048" s="358" t="s">
        <v>21261</v>
      </c>
      <c r="E13048" s="358" t="s">
        <v>21262</v>
      </c>
      <c r="F13048" s="358" t="s">
        <v>14462</v>
      </c>
      <c r="G13048" s="358" t="s">
        <v>14463</v>
      </c>
      <c r="H13048" s="358" t="s">
        <v>8356</v>
      </c>
      <c r="I13048" s="358" t="s">
        <v>14463</v>
      </c>
      <c r="J13048" s="358"/>
      <c r="K13048" s="358"/>
      <c r="L13048" s="358"/>
    </row>
    <row r="13049" spans="2:12">
      <c r="B13049" s="368"/>
      <c r="C13049" s="368"/>
      <c r="D13049" s="368"/>
      <c r="E13049" s="368"/>
      <c r="F13049" s="368"/>
      <c r="G13049" s="368"/>
      <c r="H13049" s="368"/>
      <c r="I13049" s="368"/>
      <c r="J13049" s="366"/>
      <c r="K13049" s="366"/>
      <c r="L13049" s="366"/>
    </row>
    <row r="13050" spans="2:12">
      <c r="B13050" s="354" t="s">
        <v>14874</v>
      </c>
      <c r="C13050" s="369"/>
      <c r="D13050" s="369"/>
      <c r="E13050" s="369"/>
      <c r="F13050" s="369"/>
      <c r="G13050" s="369"/>
      <c r="H13050" s="369"/>
      <c r="I13050" s="369"/>
      <c r="J13050" s="369"/>
      <c r="K13050" s="369"/>
      <c r="L13050" s="370"/>
    </row>
    <row r="13051" spans="2:12">
      <c r="B13051" s="354" t="s">
        <v>28528</v>
      </c>
      <c r="C13051" s="369"/>
      <c r="D13051" s="369"/>
      <c r="E13051" s="369"/>
      <c r="F13051" s="369"/>
      <c r="G13051" s="369"/>
      <c r="H13051" s="369"/>
      <c r="I13051" s="369"/>
      <c r="J13051" s="369"/>
      <c r="K13051" s="369"/>
      <c r="L13051" s="370"/>
    </row>
    <row r="13052" spans="2:12" ht="42.75">
      <c r="B13052" s="358" t="s">
        <v>21263</v>
      </c>
      <c r="C13052" s="358" t="s">
        <v>27685</v>
      </c>
      <c r="D13052" s="358" t="s">
        <v>21264</v>
      </c>
      <c r="E13052" s="358" t="s">
        <v>21265</v>
      </c>
      <c r="F13052" s="358" t="s">
        <v>14391</v>
      </c>
      <c r="G13052" s="358" t="s">
        <v>14392</v>
      </c>
      <c r="H13052" s="358" t="s">
        <v>14367</v>
      </c>
      <c r="I13052" s="358" t="s">
        <v>14392</v>
      </c>
      <c r="J13052" s="358"/>
      <c r="K13052" s="358"/>
      <c r="L13052" s="358"/>
    </row>
    <row r="13053" spans="2:12">
      <c r="B13053" s="367"/>
      <c r="C13053" s="367"/>
      <c r="D13053" s="367"/>
      <c r="E13053" s="367"/>
      <c r="F13053" s="367"/>
      <c r="G13053" s="367"/>
      <c r="H13053" s="360"/>
      <c r="I13053" s="367"/>
      <c r="J13053" s="365"/>
      <c r="K13053" s="365"/>
      <c r="L13053" s="365"/>
    </row>
    <row r="13054" spans="2:12">
      <c r="B13054" s="368"/>
      <c r="C13054" s="368"/>
      <c r="D13054" s="368"/>
      <c r="E13054" s="368"/>
      <c r="F13054" s="368"/>
      <c r="G13054" s="368"/>
      <c r="H13054" s="361" t="s">
        <v>14422</v>
      </c>
      <c r="I13054" s="368"/>
      <c r="J13054" s="366"/>
      <c r="K13054" s="366"/>
      <c r="L13054" s="366"/>
    </row>
    <row r="13055" spans="2:12" ht="28.5">
      <c r="B13055" s="358" t="s">
        <v>21266</v>
      </c>
      <c r="C13055" s="358" t="s">
        <v>21267</v>
      </c>
      <c r="D13055" s="358" t="s">
        <v>21268</v>
      </c>
      <c r="E13055" s="358" t="s">
        <v>21269</v>
      </c>
      <c r="F13055" s="358" t="s">
        <v>14462</v>
      </c>
      <c r="G13055" s="358" t="s">
        <v>14463</v>
      </c>
      <c r="H13055" s="358" t="s">
        <v>8356</v>
      </c>
      <c r="I13055" s="358" t="s">
        <v>14463</v>
      </c>
      <c r="J13055" s="358"/>
      <c r="K13055" s="358"/>
      <c r="L13055" s="358"/>
    </row>
    <row r="13056" spans="2:12">
      <c r="B13056" s="368"/>
      <c r="C13056" s="368"/>
      <c r="D13056" s="368"/>
      <c r="E13056" s="368"/>
      <c r="F13056" s="368"/>
      <c r="G13056" s="368"/>
      <c r="H13056" s="368"/>
      <c r="I13056" s="368"/>
      <c r="J13056" s="366"/>
      <c r="K13056" s="366"/>
      <c r="L13056" s="366"/>
    </row>
    <row r="13057" spans="2:12" ht="85.5">
      <c r="B13057" s="358" t="s">
        <v>21270</v>
      </c>
      <c r="C13057" s="358" t="s">
        <v>29319</v>
      </c>
      <c r="D13057" s="358" t="s">
        <v>21271</v>
      </c>
      <c r="E13057" s="358" t="s">
        <v>21272</v>
      </c>
      <c r="F13057" s="358" t="s">
        <v>14391</v>
      </c>
      <c r="G13057" s="358" t="s">
        <v>14392</v>
      </c>
      <c r="H13057" s="358" t="s">
        <v>14367</v>
      </c>
      <c r="I13057" s="358" t="s">
        <v>14392</v>
      </c>
      <c r="J13057" s="358"/>
      <c r="K13057" s="358"/>
      <c r="L13057" s="358"/>
    </row>
    <row r="13058" spans="2:12">
      <c r="B13058" s="367"/>
      <c r="C13058" s="367"/>
      <c r="D13058" s="367"/>
      <c r="E13058" s="367"/>
      <c r="F13058" s="367"/>
      <c r="G13058" s="367"/>
      <c r="H13058" s="360"/>
      <c r="I13058" s="367"/>
      <c r="J13058" s="365"/>
      <c r="K13058" s="365"/>
      <c r="L13058" s="365"/>
    </row>
    <row r="13059" spans="2:12">
      <c r="B13059" s="368"/>
      <c r="C13059" s="368"/>
      <c r="D13059" s="368"/>
      <c r="E13059" s="368"/>
      <c r="F13059" s="368"/>
      <c r="G13059" s="368"/>
      <c r="H13059" s="361" t="s">
        <v>14422</v>
      </c>
      <c r="I13059" s="368"/>
      <c r="J13059" s="366"/>
      <c r="K13059" s="366"/>
      <c r="L13059" s="366"/>
    </row>
    <row r="13060" spans="2:12">
      <c r="B13060" s="358" t="s">
        <v>21273</v>
      </c>
      <c r="C13060" s="358" t="s">
        <v>30265</v>
      </c>
      <c r="D13060" s="358" t="s">
        <v>21274</v>
      </c>
      <c r="E13060" s="358" t="s">
        <v>21275</v>
      </c>
      <c r="F13060" s="358" t="s">
        <v>14356</v>
      </c>
      <c r="G13060" s="358" t="s">
        <v>14340</v>
      </c>
      <c r="H13060" s="358" t="s">
        <v>14341</v>
      </c>
      <c r="I13060" s="358" t="s">
        <v>14340</v>
      </c>
      <c r="J13060" s="358"/>
      <c r="K13060" s="358"/>
      <c r="L13060" s="358"/>
    </row>
    <row r="13061" spans="2:12">
      <c r="B13061" s="367"/>
      <c r="C13061" s="367"/>
      <c r="D13061" s="367"/>
      <c r="E13061" s="367"/>
      <c r="F13061" s="360"/>
      <c r="G13061" s="360"/>
      <c r="H13061" s="360"/>
      <c r="I13061" s="360"/>
      <c r="J13061" s="365"/>
      <c r="K13061" s="365"/>
      <c r="L13061" s="365"/>
    </row>
    <row r="13062" spans="2:12" ht="28.5">
      <c r="B13062" s="368"/>
      <c r="C13062" s="368"/>
      <c r="D13062" s="368"/>
      <c r="E13062" s="368"/>
      <c r="F13062" s="361" t="s">
        <v>14472</v>
      </c>
      <c r="G13062" s="361" t="s">
        <v>14473</v>
      </c>
      <c r="H13062" s="361" t="s">
        <v>14332</v>
      </c>
      <c r="I13062" s="361" t="s">
        <v>14473</v>
      </c>
      <c r="J13062" s="366"/>
      <c r="K13062" s="366"/>
      <c r="L13062" s="366"/>
    </row>
    <row r="13063" spans="2:12" ht="28.5">
      <c r="B13063" s="358" t="s">
        <v>21276</v>
      </c>
      <c r="C13063" s="358" t="s">
        <v>21277</v>
      </c>
      <c r="D13063" s="358" t="s">
        <v>21278</v>
      </c>
      <c r="E13063" s="358" t="s">
        <v>8356</v>
      </c>
      <c r="F13063" s="358" t="s">
        <v>14420</v>
      </c>
      <c r="G13063" s="358" t="s">
        <v>14429</v>
      </c>
      <c r="H13063" s="358" t="s">
        <v>14341</v>
      </c>
      <c r="I13063" s="358" t="s">
        <v>14429</v>
      </c>
      <c r="J13063" s="358"/>
      <c r="K13063" s="358"/>
      <c r="L13063" s="358"/>
    </row>
    <row r="13064" spans="2:12">
      <c r="B13064" s="367"/>
      <c r="C13064" s="367"/>
      <c r="D13064" s="367"/>
      <c r="E13064" s="367"/>
      <c r="F13064" s="360"/>
      <c r="G13064" s="360"/>
      <c r="H13064" s="360"/>
      <c r="I13064" s="360"/>
      <c r="J13064" s="365"/>
      <c r="K13064" s="365"/>
      <c r="L13064" s="365"/>
    </row>
    <row r="13065" spans="2:12">
      <c r="B13065" s="367"/>
      <c r="C13065" s="367"/>
      <c r="D13065" s="367"/>
      <c r="E13065" s="367"/>
      <c r="F13065" s="359" t="s">
        <v>14430</v>
      </c>
      <c r="G13065" s="359" t="s">
        <v>14431</v>
      </c>
      <c r="H13065" s="359" t="s">
        <v>14367</v>
      </c>
      <c r="I13065" s="359" t="s">
        <v>14431</v>
      </c>
      <c r="J13065" s="365"/>
      <c r="K13065" s="365"/>
      <c r="L13065" s="365"/>
    </row>
    <row r="13066" spans="2:12">
      <c r="B13066" s="367"/>
      <c r="C13066" s="367"/>
      <c r="D13066" s="367"/>
      <c r="E13066" s="367"/>
      <c r="F13066" s="360"/>
      <c r="G13066" s="360"/>
      <c r="H13066" s="360"/>
      <c r="I13066" s="360"/>
      <c r="J13066" s="365"/>
      <c r="K13066" s="365"/>
      <c r="L13066" s="365"/>
    </row>
    <row r="13067" spans="2:12" ht="28.5">
      <c r="B13067" s="367"/>
      <c r="C13067" s="367"/>
      <c r="D13067" s="367"/>
      <c r="E13067" s="367"/>
      <c r="F13067" s="359" t="s">
        <v>14394</v>
      </c>
      <c r="G13067" s="359" t="s">
        <v>14395</v>
      </c>
      <c r="H13067" s="359" t="s">
        <v>14370</v>
      </c>
      <c r="I13067" s="359" t="s">
        <v>14395</v>
      </c>
      <c r="J13067" s="365"/>
      <c r="K13067" s="365"/>
      <c r="L13067" s="365"/>
    </row>
    <row r="13068" spans="2:12">
      <c r="B13068" s="367"/>
      <c r="C13068" s="367"/>
      <c r="D13068" s="367"/>
      <c r="E13068" s="367"/>
      <c r="F13068" s="360"/>
      <c r="G13068" s="360"/>
      <c r="H13068" s="360"/>
      <c r="I13068" s="360"/>
      <c r="J13068" s="365"/>
      <c r="K13068" s="365"/>
      <c r="L13068" s="365"/>
    </row>
    <row r="13069" spans="2:12">
      <c r="B13069" s="368"/>
      <c r="C13069" s="368"/>
      <c r="D13069" s="368"/>
      <c r="E13069" s="368"/>
      <c r="F13069" s="362"/>
      <c r="G13069" s="362"/>
      <c r="H13069" s="361" t="s">
        <v>14332</v>
      </c>
      <c r="I13069" s="362"/>
      <c r="J13069" s="366"/>
      <c r="K13069" s="366"/>
      <c r="L13069" s="366"/>
    </row>
    <row r="13070" spans="2:12" ht="42.75">
      <c r="B13070" s="358" t="s">
        <v>21279</v>
      </c>
      <c r="C13070" s="358" t="s">
        <v>21280</v>
      </c>
      <c r="D13070" s="358" t="s">
        <v>21281</v>
      </c>
      <c r="E13070" s="358" t="s">
        <v>21282</v>
      </c>
      <c r="F13070" s="358" t="s">
        <v>29320</v>
      </c>
      <c r="G13070" s="358" t="s">
        <v>14383</v>
      </c>
      <c r="H13070" s="358" t="s">
        <v>14378</v>
      </c>
      <c r="I13070" s="358" t="s">
        <v>14383</v>
      </c>
      <c r="J13070" s="358"/>
      <c r="K13070" s="358"/>
      <c r="L13070" s="358"/>
    </row>
    <row r="13071" spans="2:12">
      <c r="B13071" s="367"/>
      <c r="C13071" s="367"/>
      <c r="D13071" s="367"/>
      <c r="E13071" s="367"/>
      <c r="F13071" s="367"/>
      <c r="G13071" s="360"/>
      <c r="H13071" s="360"/>
      <c r="I13071" s="360"/>
      <c r="J13071" s="365"/>
      <c r="K13071" s="365"/>
      <c r="L13071" s="365"/>
    </row>
    <row r="13072" spans="2:12" ht="28.5">
      <c r="B13072" s="367"/>
      <c r="C13072" s="367"/>
      <c r="D13072" s="367"/>
      <c r="E13072" s="367"/>
      <c r="F13072" s="367"/>
      <c r="G13072" s="359" t="s">
        <v>28680</v>
      </c>
      <c r="H13072" s="359" t="s">
        <v>14381</v>
      </c>
      <c r="I13072" s="359" t="s">
        <v>28680</v>
      </c>
      <c r="J13072" s="365"/>
      <c r="K13072" s="365"/>
      <c r="L13072" s="365"/>
    </row>
    <row r="13073" spans="2:12">
      <c r="B13073" s="367"/>
      <c r="C13073" s="367"/>
      <c r="D13073" s="367"/>
      <c r="E13073" s="367"/>
      <c r="F13073" s="367"/>
      <c r="G13073" s="360"/>
      <c r="H13073" s="360"/>
      <c r="I13073" s="360"/>
      <c r="J13073" s="365"/>
      <c r="K13073" s="365"/>
      <c r="L13073" s="365"/>
    </row>
    <row r="13074" spans="2:12">
      <c r="B13074" s="367"/>
      <c r="C13074" s="367"/>
      <c r="D13074" s="367"/>
      <c r="E13074" s="367"/>
      <c r="F13074" s="367"/>
      <c r="G13074" s="360"/>
      <c r="H13074" s="359" t="s">
        <v>14370</v>
      </c>
      <c r="I13074" s="360"/>
      <c r="J13074" s="365"/>
      <c r="K13074" s="365"/>
      <c r="L13074" s="365"/>
    </row>
    <row r="13075" spans="2:12">
      <c r="B13075" s="367"/>
      <c r="C13075" s="367"/>
      <c r="D13075" s="367"/>
      <c r="E13075" s="367"/>
      <c r="F13075" s="367"/>
      <c r="G13075" s="360"/>
      <c r="H13075" s="360"/>
      <c r="I13075" s="360"/>
      <c r="J13075" s="365"/>
      <c r="K13075" s="365"/>
      <c r="L13075" s="365"/>
    </row>
    <row r="13076" spans="2:12">
      <c r="B13076" s="368"/>
      <c r="C13076" s="368"/>
      <c r="D13076" s="368"/>
      <c r="E13076" s="368"/>
      <c r="F13076" s="368"/>
      <c r="G13076" s="362"/>
      <c r="H13076" s="361" t="s">
        <v>14332</v>
      </c>
      <c r="I13076" s="362"/>
      <c r="J13076" s="366"/>
      <c r="K13076" s="366"/>
      <c r="L13076" s="366"/>
    </row>
    <row r="13077" spans="2:12" ht="42.75">
      <c r="B13077" s="358" t="s">
        <v>21283</v>
      </c>
      <c r="C13077" s="358" t="s">
        <v>21284</v>
      </c>
      <c r="D13077" s="358" t="s">
        <v>21285</v>
      </c>
      <c r="E13077" s="358" t="s">
        <v>21286</v>
      </c>
      <c r="F13077" s="358" t="s">
        <v>14462</v>
      </c>
      <c r="G13077" s="358" t="s">
        <v>14463</v>
      </c>
      <c r="H13077" s="358" t="s">
        <v>8356</v>
      </c>
      <c r="I13077" s="358" t="s">
        <v>14463</v>
      </c>
      <c r="J13077" s="358"/>
      <c r="K13077" s="358"/>
      <c r="L13077" s="358"/>
    </row>
    <row r="13078" spans="2:12">
      <c r="B13078" s="368"/>
      <c r="C13078" s="368"/>
      <c r="D13078" s="368"/>
      <c r="E13078" s="368"/>
      <c r="F13078" s="368"/>
      <c r="G13078" s="368"/>
      <c r="H13078" s="368"/>
      <c r="I13078" s="368"/>
      <c r="J13078" s="366"/>
      <c r="K13078" s="366"/>
      <c r="L13078" s="366"/>
    </row>
    <row r="13079" spans="2:12" ht="28.5">
      <c r="B13079" s="358" t="s">
        <v>13141</v>
      </c>
      <c r="C13079" s="358" t="s">
        <v>30266</v>
      </c>
      <c r="D13079" s="358" t="s">
        <v>430</v>
      </c>
      <c r="E13079" s="358" t="s">
        <v>431</v>
      </c>
      <c r="F13079" s="358" t="s">
        <v>14424</v>
      </c>
      <c r="G13079" s="358" t="s">
        <v>14481</v>
      </c>
      <c r="H13079" s="358" t="s">
        <v>14381</v>
      </c>
      <c r="I13079" s="358" t="s">
        <v>14481</v>
      </c>
      <c r="J13079" s="358"/>
      <c r="K13079" s="358"/>
      <c r="L13079" s="358"/>
    </row>
    <row r="13080" spans="2:12">
      <c r="B13080" s="367"/>
      <c r="C13080" s="367"/>
      <c r="D13080" s="367"/>
      <c r="E13080" s="367"/>
      <c r="F13080" s="367"/>
      <c r="G13080" s="367"/>
      <c r="H13080" s="360"/>
      <c r="I13080" s="367"/>
      <c r="J13080" s="365"/>
      <c r="K13080" s="365"/>
      <c r="L13080" s="365"/>
    </row>
    <row r="13081" spans="2:12">
      <c r="B13081" s="368"/>
      <c r="C13081" s="368"/>
      <c r="D13081" s="368"/>
      <c r="E13081" s="368"/>
      <c r="F13081" s="368"/>
      <c r="G13081" s="368"/>
      <c r="H13081" s="361" t="s">
        <v>14332</v>
      </c>
      <c r="I13081" s="368"/>
      <c r="J13081" s="366"/>
      <c r="K13081" s="366"/>
      <c r="L13081" s="366"/>
    </row>
    <row r="13082" spans="2:12" ht="28.5">
      <c r="B13082" s="358" t="s">
        <v>21287</v>
      </c>
      <c r="C13082" s="358" t="s">
        <v>29321</v>
      </c>
      <c r="D13082" s="358" t="s">
        <v>21288</v>
      </c>
      <c r="E13082" s="358" t="s">
        <v>8356</v>
      </c>
      <c r="F13082" s="358" t="s">
        <v>14462</v>
      </c>
      <c r="G13082" s="358" t="s">
        <v>14463</v>
      </c>
      <c r="H13082" s="358" t="s">
        <v>8356</v>
      </c>
      <c r="I13082" s="358" t="s">
        <v>14463</v>
      </c>
      <c r="J13082" s="358"/>
      <c r="K13082" s="358"/>
      <c r="L13082" s="358"/>
    </row>
    <row r="13083" spans="2:12">
      <c r="B13083" s="368"/>
      <c r="C13083" s="368"/>
      <c r="D13083" s="368"/>
      <c r="E13083" s="368"/>
      <c r="F13083" s="368"/>
      <c r="G13083" s="368"/>
      <c r="H13083" s="368"/>
      <c r="I13083" s="368"/>
      <c r="J13083" s="366"/>
      <c r="K13083" s="366"/>
      <c r="L13083" s="366"/>
    </row>
    <row r="13084" spans="2:12" ht="28.5">
      <c r="B13084" s="358" t="s">
        <v>21289</v>
      </c>
      <c r="C13084" s="358" t="s">
        <v>30267</v>
      </c>
      <c r="D13084" s="358" t="s">
        <v>21290</v>
      </c>
      <c r="E13084" s="358" t="s">
        <v>21291</v>
      </c>
      <c r="F13084" s="358" t="s">
        <v>14430</v>
      </c>
      <c r="G13084" s="358" t="s">
        <v>14431</v>
      </c>
      <c r="H13084" s="358" t="s">
        <v>14341</v>
      </c>
      <c r="I13084" s="358" t="s">
        <v>14431</v>
      </c>
      <c r="J13084" s="358"/>
      <c r="K13084" s="358"/>
      <c r="L13084" s="358"/>
    </row>
    <row r="13085" spans="2:12">
      <c r="B13085" s="367"/>
      <c r="C13085" s="367"/>
      <c r="D13085" s="367"/>
      <c r="E13085" s="367"/>
      <c r="F13085" s="360"/>
      <c r="G13085" s="360"/>
      <c r="H13085" s="360"/>
      <c r="I13085" s="360"/>
      <c r="J13085" s="365"/>
      <c r="K13085" s="365"/>
      <c r="L13085" s="365"/>
    </row>
    <row r="13086" spans="2:12">
      <c r="B13086" s="367"/>
      <c r="C13086" s="367"/>
      <c r="D13086" s="367"/>
      <c r="E13086" s="367"/>
      <c r="F13086" s="359" t="s">
        <v>14391</v>
      </c>
      <c r="G13086" s="359" t="s">
        <v>14392</v>
      </c>
      <c r="H13086" s="359" t="s">
        <v>14367</v>
      </c>
      <c r="I13086" s="359" t="s">
        <v>14392</v>
      </c>
      <c r="J13086" s="365"/>
      <c r="K13086" s="365"/>
      <c r="L13086" s="365"/>
    </row>
    <row r="13087" spans="2:12">
      <c r="B13087" s="367"/>
      <c r="C13087" s="367"/>
      <c r="D13087" s="367"/>
      <c r="E13087" s="367"/>
      <c r="F13087" s="360"/>
      <c r="G13087" s="360"/>
      <c r="H13087" s="360"/>
      <c r="I13087" s="360"/>
      <c r="J13087" s="365"/>
      <c r="K13087" s="365"/>
      <c r="L13087" s="365"/>
    </row>
    <row r="13088" spans="2:12">
      <c r="B13088" s="368"/>
      <c r="C13088" s="368"/>
      <c r="D13088" s="368"/>
      <c r="E13088" s="368"/>
      <c r="F13088" s="362"/>
      <c r="G13088" s="362"/>
      <c r="H13088" s="361" t="s">
        <v>14332</v>
      </c>
      <c r="I13088" s="362"/>
      <c r="J13088" s="366"/>
      <c r="K13088" s="366"/>
      <c r="L13088" s="366"/>
    </row>
    <row r="13089" spans="2:12" ht="28.5">
      <c r="B13089" s="358" t="s">
        <v>13143</v>
      </c>
      <c r="C13089" s="358" t="s">
        <v>30268</v>
      </c>
      <c r="D13089" s="358" t="s">
        <v>427</v>
      </c>
      <c r="E13089" s="358" t="s">
        <v>428</v>
      </c>
      <c r="F13089" s="358" t="s">
        <v>14424</v>
      </c>
      <c r="G13089" s="358" t="s">
        <v>16648</v>
      </c>
      <c r="H13089" s="358" t="s">
        <v>14381</v>
      </c>
      <c r="I13089" s="358" t="s">
        <v>16648</v>
      </c>
      <c r="J13089" s="358"/>
      <c r="K13089" s="358"/>
      <c r="L13089" s="358"/>
    </row>
    <row r="13090" spans="2:12">
      <c r="B13090" s="367"/>
      <c r="C13090" s="367"/>
      <c r="D13090" s="367"/>
      <c r="E13090" s="367"/>
      <c r="F13090" s="367"/>
      <c r="G13090" s="367"/>
      <c r="H13090" s="360"/>
      <c r="I13090" s="367"/>
      <c r="J13090" s="365"/>
      <c r="K13090" s="365"/>
      <c r="L13090" s="365"/>
    </row>
    <row r="13091" spans="2:12">
      <c r="B13091" s="368"/>
      <c r="C13091" s="368"/>
      <c r="D13091" s="368"/>
      <c r="E13091" s="368"/>
      <c r="F13091" s="368"/>
      <c r="G13091" s="368"/>
      <c r="H13091" s="361" t="s">
        <v>14332</v>
      </c>
      <c r="I13091" s="368"/>
      <c r="J13091" s="366"/>
      <c r="K13091" s="366"/>
      <c r="L13091" s="366"/>
    </row>
    <row r="13092" spans="2:12" ht="42.75">
      <c r="B13092" s="358" t="s">
        <v>21292</v>
      </c>
      <c r="C13092" s="358" t="s">
        <v>30269</v>
      </c>
      <c r="D13092" s="358" t="s">
        <v>21293</v>
      </c>
      <c r="E13092" s="358" t="s">
        <v>21294</v>
      </c>
      <c r="F13092" s="358" t="s">
        <v>14462</v>
      </c>
      <c r="G13092" s="358" t="s">
        <v>14463</v>
      </c>
      <c r="H13092" s="358" t="s">
        <v>8356</v>
      </c>
      <c r="I13092" s="358" t="s">
        <v>14463</v>
      </c>
      <c r="J13092" s="358"/>
      <c r="K13092" s="358"/>
      <c r="L13092" s="358"/>
    </row>
    <row r="13093" spans="2:12">
      <c r="B13093" s="368"/>
      <c r="C13093" s="368"/>
      <c r="D13093" s="368"/>
      <c r="E13093" s="368"/>
      <c r="F13093" s="368"/>
      <c r="G13093" s="368"/>
      <c r="H13093" s="368"/>
      <c r="I13093" s="368"/>
      <c r="J13093" s="366"/>
      <c r="K13093" s="366"/>
      <c r="L13093" s="366"/>
    </row>
    <row r="13094" spans="2:12" ht="42.75">
      <c r="B13094" s="358" t="s">
        <v>21295</v>
      </c>
      <c r="C13094" s="358" t="s">
        <v>27686</v>
      </c>
      <c r="D13094" s="358" t="s">
        <v>21296</v>
      </c>
      <c r="E13094" s="358" t="s">
        <v>8356</v>
      </c>
      <c r="F13094" s="358" t="s">
        <v>14462</v>
      </c>
      <c r="G13094" s="358" t="s">
        <v>14463</v>
      </c>
      <c r="H13094" s="358" t="s">
        <v>8356</v>
      </c>
      <c r="I13094" s="358" t="s">
        <v>14463</v>
      </c>
      <c r="J13094" s="358"/>
      <c r="K13094" s="358"/>
      <c r="L13094" s="358"/>
    </row>
    <row r="13095" spans="2:12">
      <c r="B13095" s="368"/>
      <c r="C13095" s="368"/>
      <c r="D13095" s="368"/>
      <c r="E13095" s="368"/>
      <c r="F13095" s="368"/>
      <c r="G13095" s="368"/>
      <c r="H13095" s="368"/>
      <c r="I13095" s="368"/>
      <c r="J13095" s="366"/>
      <c r="K13095" s="366"/>
      <c r="L13095" s="366"/>
    </row>
    <row r="13096" spans="2:12" ht="57">
      <c r="B13096" s="358" t="s">
        <v>21297</v>
      </c>
      <c r="C13096" s="358" t="s">
        <v>21298</v>
      </c>
      <c r="D13096" s="358" t="s">
        <v>21299</v>
      </c>
      <c r="E13096" s="358" t="s">
        <v>21300</v>
      </c>
      <c r="F13096" s="358" t="s">
        <v>14472</v>
      </c>
      <c r="G13096" s="358" t="s">
        <v>14473</v>
      </c>
      <c r="H13096" s="358" t="s">
        <v>8356</v>
      </c>
      <c r="I13096" s="358" t="s">
        <v>14473</v>
      </c>
      <c r="J13096" s="358"/>
      <c r="K13096" s="358"/>
      <c r="L13096" s="358"/>
    </row>
    <row r="13097" spans="2:12">
      <c r="B13097" s="368"/>
      <c r="C13097" s="368"/>
      <c r="D13097" s="368"/>
      <c r="E13097" s="368"/>
      <c r="F13097" s="368"/>
      <c r="G13097" s="368"/>
      <c r="H13097" s="368"/>
      <c r="I13097" s="368"/>
      <c r="J13097" s="366"/>
      <c r="K13097" s="366"/>
      <c r="L13097" s="366"/>
    </row>
    <row r="13098" spans="2:12" ht="114">
      <c r="B13098" s="358" t="s">
        <v>13146</v>
      </c>
      <c r="C13098" s="358" t="s">
        <v>29322</v>
      </c>
      <c r="D13098" s="358" t="s">
        <v>11</v>
      </c>
      <c r="E13098" s="358" t="s">
        <v>8356</v>
      </c>
      <c r="F13098" s="358" t="s">
        <v>14424</v>
      </c>
      <c r="G13098" s="358" t="s">
        <v>29323</v>
      </c>
      <c r="H13098" s="358" t="s">
        <v>14381</v>
      </c>
      <c r="I13098" s="358" t="s">
        <v>29323</v>
      </c>
      <c r="J13098" s="358"/>
      <c r="K13098" s="358"/>
      <c r="L13098" s="358"/>
    </row>
    <row r="13099" spans="2:12">
      <c r="B13099" s="367"/>
      <c r="C13099" s="367"/>
      <c r="D13099" s="367"/>
      <c r="E13099" s="367"/>
      <c r="F13099" s="360"/>
      <c r="G13099" s="367"/>
      <c r="H13099" s="360"/>
      <c r="I13099" s="367"/>
      <c r="J13099" s="365"/>
      <c r="K13099" s="365"/>
      <c r="L13099" s="365"/>
    </row>
    <row r="13100" spans="2:12" ht="28.5">
      <c r="B13100" s="368"/>
      <c r="C13100" s="368"/>
      <c r="D13100" s="368"/>
      <c r="E13100" s="368"/>
      <c r="F13100" s="361" t="s">
        <v>14472</v>
      </c>
      <c r="G13100" s="368"/>
      <c r="H13100" s="361" t="s">
        <v>14332</v>
      </c>
      <c r="I13100" s="368"/>
      <c r="J13100" s="366"/>
      <c r="K13100" s="366"/>
      <c r="L13100" s="366"/>
    </row>
    <row r="13101" spans="2:12" ht="28.5">
      <c r="B13101" s="358" t="s">
        <v>21301</v>
      </c>
      <c r="C13101" s="358" t="s">
        <v>21302</v>
      </c>
      <c r="D13101" s="358" t="s">
        <v>21303</v>
      </c>
      <c r="E13101" s="358" t="s">
        <v>21304</v>
      </c>
      <c r="F13101" s="358" t="s">
        <v>14371</v>
      </c>
      <c r="G13101" s="358" t="s">
        <v>14372</v>
      </c>
      <c r="H13101" s="358" t="s">
        <v>14370</v>
      </c>
      <c r="I13101" s="358" t="s">
        <v>14373</v>
      </c>
      <c r="J13101" s="358"/>
      <c r="K13101" s="358"/>
      <c r="L13101" s="358"/>
    </row>
    <row r="13102" spans="2:12">
      <c r="B13102" s="367"/>
      <c r="C13102" s="367"/>
      <c r="D13102" s="367"/>
      <c r="E13102" s="367"/>
      <c r="F13102" s="360"/>
      <c r="G13102" s="360"/>
      <c r="H13102" s="360"/>
      <c r="I13102" s="367"/>
      <c r="J13102" s="365"/>
      <c r="K13102" s="365"/>
      <c r="L13102" s="365"/>
    </row>
    <row r="13103" spans="2:12" ht="28.5">
      <c r="B13103" s="368"/>
      <c r="C13103" s="368"/>
      <c r="D13103" s="368"/>
      <c r="E13103" s="368"/>
      <c r="F13103" s="361" t="s">
        <v>14374</v>
      </c>
      <c r="G13103" s="361" t="s">
        <v>14373</v>
      </c>
      <c r="H13103" s="361" t="s">
        <v>14422</v>
      </c>
      <c r="I13103" s="368"/>
      <c r="J13103" s="366"/>
      <c r="K13103" s="366"/>
      <c r="L13103" s="366"/>
    </row>
    <row r="13104" spans="2:12" ht="42.75">
      <c r="B13104" s="358" t="s">
        <v>21305</v>
      </c>
      <c r="C13104" s="358" t="s">
        <v>29324</v>
      </c>
      <c r="D13104" s="358" t="s">
        <v>21306</v>
      </c>
      <c r="E13104" s="358" t="s">
        <v>21307</v>
      </c>
      <c r="F13104" s="358" t="s">
        <v>14391</v>
      </c>
      <c r="G13104" s="358" t="s">
        <v>14392</v>
      </c>
      <c r="H13104" s="358" t="s">
        <v>14367</v>
      </c>
      <c r="I13104" s="358" t="s">
        <v>14392</v>
      </c>
      <c r="J13104" s="358"/>
      <c r="K13104" s="358"/>
      <c r="L13104" s="358"/>
    </row>
    <row r="13105" spans="2:12">
      <c r="B13105" s="367"/>
      <c r="C13105" s="367"/>
      <c r="D13105" s="367"/>
      <c r="E13105" s="367"/>
      <c r="F13105" s="367"/>
      <c r="G13105" s="367"/>
      <c r="H13105" s="360"/>
      <c r="I13105" s="367"/>
      <c r="J13105" s="365"/>
      <c r="K13105" s="365"/>
      <c r="L13105" s="365"/>
    </row>
    <row r="13106" spans="2:12">
      <c r="B13106" s="368"/>
      <c r="C13106" s="368"/>
      <c r="D13106" s="368"/>
      <c r="E13106" s="368"/>
      <c r="F13106" s="368"/>
      <c r="G13106" s="368"/>
      <c r="H13106" s="361" t="s">
        <v>14422</v>
      </c>
      <c r="I13106" s="368"/>
      <c r="J13106" s="366"/>
      <c r="K13106" s="366"/>
      <c r="L13106" s="366"/>
    </row>
    <row r="13107" spans="2:12" ht="28.5">
      <c r="B13107" s="358" t="s">
        <v>21308</v>
      </c>
      <c r="C13107" s="358" t="s">
        <v>27687</v>
      </c>
      <c r="D13107" s="358" t="s">
        <v>21309</v>
      </c>
      <c r="E13107" s="358" t="s">
        <v>8356</v>
      </c>
      <c r="F13107" s="358" t="s">
        <v>14430</v>
      </c>
      <c r="G13107" s="358" t="s">
        <v>14431</v>
      </c>
      <c r="H13107" s="358" t="s">
        <v>14341</v>
      </c>
      <c r="I13107" s="358" t="s">
        <v>14431</v>
      </c>
      <c r="J13107" s="358"/>
      <c r="K13107" s="358"/>
      <c r="L13107" s="358"/>
    </row>
    <row r="13108" spans="2:12">
      <c r="B13108" s="367"/>
      <c r="C13108" s="367"/>
      <c r="D13108" s="367"/>
      <c r="E13108" s="367"/>
      <c r="F13108" s="360"/>
      <c r="G13108" s="360"/>
      <c r="H13108" s="360"/>
      <c r="I13108" s="360"/>
      <c r="J13108" s="365"/>
      <c r="K13108" s="365"/>
      <c r="L13108" s="365"/>
    </row>
    <row r="13109" spans="2:12">
      <c r="B13109" s="367"/>
      <c r="C13109" s="367"/>
      <c r="D13109" s="367"/>
      <c r="E13109" s="367"/>
      <c r="F13109" s="359" t="s">
        <v>14391</v>
      </c>
      <c r="G13109" s="359" t="s">
        <v>14392</v>
      </c>
      <c r="H13109" s="359" t="s">
        <v>14367</v>
      </c>
      <c r="I13109" s="359" t="s">
        <v>14392</v>
      </c>
      <c r="J13109" s="365"/>
      <c r="K13109" s="365"/>
      <c r="L13109" s="365"/>
    </row>
    <row r="13110" spans="2:12">
      <c r="B13110" s="367"/>
      <c r="C13110" s="367"/>
      <c r="D13110" s="367"/>
      <c r="E13110" s="367"/>
      <c r="F13110" s="360"/>
      <c r="G13110" s="360"/>
      <c r="H13110" s="360"/>
      <c r="I13110" s="360"/>
      <c r="J13110" s="365"/>
      <c r="K13110" s="365"/>
      <c r="L13110" s="365"/>
    </row>
    <row r="13111" spans="2:12">
      <c r="B13111" s="368"/>
      <c r="C13111" s="368"/>
      <c r="D13111" s="368"/>
      <c r="E13111" s="368"/>
      <c r="F13111" s="362"/>
      <c r="G13111" s="362"/>
      <c r="H13111" s="361" t="s">
        <v>14332</v>
      </c>
      <c r="I13111" s="362"/>
      <c r="J13111" s="366"/>
      <c r="K13111" s="366"/>
      <c r="L13111" s="366"/>
    </row>
    <row r="13112" spans="2:12" ht="85.5">
      <c r="B13112" s="358" t="s">
        <v>21310</v>
      </c>
      <c r="C13112" s="358" t="s">
        <v>29325</v>
      </c>
      <c r="D13112" s="358" t="s">
        <v>21311</v>
      </c>
      <c r="E13112" s="358" t="s">
        <v>8356</v>
      </c>
      <c r="F13112" s="358" t="s">
        <v>14443</v>
      </c>
      <c r="G13112" s="358" t="s">
        <v>14444</v>
      </c>
      <c r="H13112" s="358" t="s">
        <v>14381</v>
      </c>
      <c r="I13112" s="358" t="s">
        <v>14444</v>
      </c>
      <c r="J13112" s="358"/>
      <c r="K13112" s="358"/>
      <c r="L13112" s="358"/>
    </row>
    <row r="13113" spans="2:12">
      <c r="B13113" s="367"/>
      <c r="C13113" s="367"/>
      <c r="D13113" s="367"/>
      <c r="E13113" s="367"/>
      <c r="F13113" s="367"/>
      <c r="G13113" s="367"/>
      <c r="H13113" s="360"/>
      <c r="I13113" s="367"/>
      <c r="J13113" s="365"/>
      <c r="K13113" s="365"/>
      <c r="L13113" s="365"/>
    </row>
    <row r="13114" spans="2:12">
      <c r="B13114" s="368"/>
      <c r="C13114" s="368"/>
      <c r="D13114" s="368"/>
      <c r="E13114" s="368"/>
      <c r="F13114" s="368"/>
      <c r="G13114" s="368"/>
      <c r="H13114" s="361" t="s">
        <v>14422</v>
      </c>
      <c r="I13114" s="368"/>
      <c r="J13114" s="366"/>
      <c r="K13114" s="366"/>
      <c r="L13114" s="366"/>
    </row>
    <row r="13115" spans="2:12" ht="28.5">
      <c r="B13115" s="358" t="s">
        <v>21312</v>
      </c>
      <c r="C13115" s="358" t="s">
        <v>21313</v>
      </c>
      <c r="D13115" s="358" t="s">
        <v>21314</v>
      </c>
      <c r="E13115" s="358" t="s">
        <v>21315</v>
      </c>
      <c r="F13115" s="358" t="s">
        <v>14394</v>
      </c>
      <c r="G13115" s="358" t="s">
        <v>14395</v>
      </c>
      <c r="H13115" s="358" t="s">
        <v>14370</v>
      </c>
      <c r="I13115" s="358" t="s">
        <v>14395</v>
      </c>
      <c r="J13115" s="358"/>
      <c r="K13115" s="358"/>
      <c r="L13115" s="358"/>
    </row>
    <row r="13116" spans="2:12">
      <c r="B13116" s="368"/>
      <c r="C13116" s="368"/>
      <c r="D13116" s="368"/>
      <c r="E13116" s="368"/>
      <c r="F13116" s="368"/>
      <c r="G13116" s="368"/>
      <c r="H13116" s="368"/>
      <c r="I13116" s="368"/>
      <c r="J13116" s="366"/>
      <c r="K13116" s="366"/>
      <c r="L13116" s="366"/>
    </row>
    <row r="13117" spans="2:12" ht="42.75">
      <c r="B13117" s="358" t="s">
        <v>21316</v>
      </c>
      <c r="C13117" s="358" t="s">
        <v>27688</v>
      </c>
      <c r="D13117" s="358" t="s">
        <v>21317</v>
      </c>
      <c r="E13117" s="358" t="s">
        <v>21318</v>
      </c>
      <c r="F13117" s="358" t="s">
        <v>14430</v>
      </c>
      <c r="G13117" s="358" t="s">
        <v>14431</v>
      </c>
      <c r="H13117" s="358" t="s">
        <v>14341</v>
      </c>
      <c r="I13117" s="358" t="s">
        <v>14431</v>
      </c>
      <c r="J13117" s="358"/>
      <c r="K13117" s="358"/>
      <c r="L13117" s="358"/>
    </row>
    <row r="13118" spans="2:12">
      <c r="B13118" s="367"/>
      <c r="C13118" s="367"/>
      <c r="D13118" s="367"/>
      <c r="E13118" s="367"/>
      <c r="F13118" s="367"/>
      <c r="G13118" s="367"/>
      <c r="H13118" s="360"/>
      <c r="I13118" s="367"/>
      <c r="J13118" s="365"/>
      <c r="K13118" s="365"/>
      <c r="L13118" s="365"/>
    </row>
    <row r="13119" spans="2:12">
      <c r="B13119" s="368"/>
      <c r="C13119" s="368"/>
      <c r="D13119" s="368"/>
      <c r="E13119" s="368"/>
      <c r="F13119" s="368"/>
      <c r="G13119" s="368"/>
      <c r="H13119" s="361" t="s">
        <v>14332</v>
      </c>
      <c r="I13119" s="368"/>
      <c r="J13119" s="366"/>
      <c r="K13119" s="366"/>
      <c r="L13119" s="366"/>
    </row>
    <row r="13120" spans="2:12">
      <c r="B13120" s="358" t="s">
        <v>21319</v>
      </c>
      <c r="C13120" s="358" t="s">
        <v>21320</v>
      </c>
      <c r="D13120" s="358" t="s">
        <v>21321</v>
      </c>
      <c r="E13120" s="358" t="s">
        <v>21322</v>
      </c>
      <c r="F13120" s="358" t="s">
        <v>14371</v>
      </c>
      <c r="G13120" s="358" t="s">
        <v>14372</v>
      </c>
      <c r="H13120" s="358" t="s">
        <v>14370</v>
      </c>
      <c r="I13120" s="358" t="s">
        <v>14373</v>
      </c>
      <c r="J13120" s="358"/>
      <c r="K13120" s="358"/>
      <c r="L13120" s="358"/>
    </row>
    <row r="13121" spans="2:12">
      <c r="B13121" s="367"/>
      <c r="C13121" s="367"/>
      <c r="D13121" s="367"/>
      <c r="E13121" s="367"/>
      <c r="F13121" s="360"/>
      <c r="G13121" s="360"/>
      <c r="H13121" s="360"/>
      <c r="I13121" s="367"/>
      <c r="J13121" s="365"/>
      <c r="K13121" s="365"/>
      <c r="L13121" s="365"/>
    </row>
    <row r="13122" spans="2:12" ht="28.5">
      <c r="B13122" s="368"/>
      <c r="C13122" s="368"/>
      <c r="D13122" s="368"/>
      <c r="E13122" s="368"/>
      <c r="F13122" s="361" t="s">
        <v>14374</v>
      </c>
      <c r="G13122" s="361" t="s">
        <v>14373</v>
      </c>
      <c r="H13122" s="361" t="s">
        <v>14422</v>
      </c>
      <c r="I13122" s="368"/>
      <c r="J13122" s="366"/>
      <c r="K13122" s="366"/>
      <c r="L13122" s="366"/>
    </row>
    <row r="13123" spans="2:12">
      <c r="B13123" s="358" t="s">
        <v>21323</v>
      </c>
      <c r="C13123" s="358" t="s">
        <v>21324</v>
      </c>
      <c r="D13123" s="358" t="s">
        <v>21325</v>
      </c>
      <c r="E13123" s="358" t="s">
        <v>21326</v>
      </c>
      <c r="F13123" s="358" t="s">
        <v>14391</v>
      </c>
      <c r="G13123" s="358" t="s">
        <v>14392</v>
      </c>
      <c r="H13123" s="358" t="s">
        <v>14367</v>
      </c>
      <c r="I13123" s="358" t="s">
        <v>14392</v>
      </c>
      <c r="J13123" s="358"/>
      <c r="K13123" s="358"/>
      <c r="L13123" s="358"/>
    </row>
    <row r="13124" spans="2:12">
      <c r="B13124" s="367"/>
      <c r="C13124" s="367"/>
      <c r="D13124" s="367"/>
      <c r="E13124" s="367"/>
      <c r="F13124" s="367"/>
      <c r="G13124" s="367"/>
      <c r="H13124" s="360"/>
      <c r="I13124" s="367"/>
      <c r="J13124" s="365"/>
      <c r="K13124" s="365"/>
      <c r="L13124" s="365"/>
    </row>
    <row r="13125" spans="2:12">
      <c r="B13125" s="368"/>
      <c r="C13125" s="368"/>
      <c r="D13125" s="368"/>
      <c r="E13125" s="368"/>
      <c r="F13125" s="368"/>
      <c r="G13125" s="368"/>
      <c r="H13125" s="361" t="s">
        <v>14422</v>
      </c>
      <c r="I13125" s="368"/>
      <c r="J13125" s="366"/>
      <c r="K13125" s="366"/>
      <c r="L13125" s="366"/>
    </row>
    <row r="13126" spans="2:12" ht="28.5">
      <c r="B13126" s="358" t="s">
        <v>21327</v>
      </c>
      <c r="C13126" s="358" t="s">
        <v>27689</v>
      </c>
      <c r="D13126" s="358" t="s">
        <v>21328</v>
      </c>
      <c r="E13126" s="358" t="s">
        <v>21329</v>
      </c>
      <c r="F13126" s="358" t="s">
        <v>14462</v>
      </c>
      <c r="G13126" s="358" t="s">
        <v>14463</v>
      </c>
      <c r="H13126" s="358" t="s">
        <v>8356</v>
      </c>
      <c r="I13126" s="358" t="s">
        <v>14463</v>
      </c>
      <c r="J13126" s="358"/>
      <c r="K13126" s="358"/>
      <c r="L13126" s="358"/>
    </row>
    <row r="13127" spans="2:12">
      <c r="B13127" s="368"/>
      <c r="C13127" s="368"/>
      <c r="D13127" s="368"/>
      <c r="E13127" s="368"/>
      <c r="F13127" s="368"/>
      <c r="G13127" s="368"/>
      <c r="H13127" s="368"/>
      <c r="I13127" s="368"/>
      <c r="J13127" s="366"/>
      <c r="K13127" s="366"/>
      <c r="L13127" s="366"/>
    </row>
    <row r="13128" spans="2:12" ht="28.5">
      <c r="B13128" s="358" t="s">
        <v>21330</v>
      </c>
      <c r="C13128" s="358" t="s">
        <v>21331</v>
      </c>
      <c r="D13128" s="358" t="s">
        <v>21332</v>
      </c>
      <c r="E13128" s="358" t="s">
        <v>8356</v>
      </c>
      <c r="F13128" s="358" t="s">
        <v>14462</v>
      </c>
      <c r="G13128" s="358" t="s">
        <v>14463</v>
      </c>
      <c r="H13128" s="358" t="s">
        <v>8356</v>
      </c>
      <c r="I13128" s="358" t="s">
        <v>14463</v>
      </c>
      <c r="J13128" s="358"/>
      <c r="K13128" s="358"/>
      <c r="L13128" s="358"/>
    </row>
    <row r="13129" spans="2:12">
      <c r="B13129" s="368"/>
      <c r="C13129" s="368"/>
      <c r="D13129" s="368"/>
      <c r="E13129" s="368"/>
      <c r="F13129" s="368"/>
      <c r="G13129" s="368"/>
      <c r="H13129" s="368"/>
      <c r="I13129" s="368"/>
      <c r="J13129" s="366"/>
      <c r="K13129" s="366"/>
      <c r="L13129" s="366"/>
    </row>
    <row r="13130" spans="2:12">
      <c r="B13130" s="358" t="s">
        <v>21333</v>
      </c>
      <c r="C13130" s="358" t="s">
        <v>27690</v>
      </c>
      <c r="D13130" s="358" t="s">
        <v>21334</v>
      </c>
      <c r="E13130" s="358" t="s">
        <v>21335</v>
      </c>
      <c r="F13130" s="358" t="s">
        <v>14389</v>
      </c>
      <c r="G13130" s="358" t="s">
        <v>14390</v>
      </c>
      <c r="H13130" s="358" t="s">
        <v>14367</v>
      </c>
      <c r="I13130" s="358" t="s">
        <v>14390</v>
      </c>
      <c r="J13130" s="358"/>
      <c r="K13130" s="358"/>
      <c r="L13130" s="358"/>
    </row>
    <row r="13131" spans="2:12">
      <c r="B13131" s="367"/>
      <c r="C13131" s="367"/>
      <c r="D13131" s="367"/>
      <c r="E13131" s="367"/>
      <c r="F13131" s="360"/>
      <c r="G13131" s="360"/>
      <c r="H13131" s="360"/>
      <c r="I13131" s="360"/>
      <c r="J13131" s="365"/>
      <c r="K13131" s="365"/>
      <c r="L13131" s="365"/>
    </row>
    <row r="13132" spans="2:12" ht="28.5">
      <c r="B13132" s="368"/>
      <c r="C13132" s="368"/>
      <c r="D13132" s="368"/>
      <c r="E13132" s="368"/>
      <c r="F13132" s="361" t="s">
        <v>14462</v>
      </c>
      <c r="G13132" s="361" t="s">
        <v>14463</v>
      </c>
      <c r="H13132" s="361" t="s">
        <v>14422</v>
      </c>
      <c r="I13132" s="361" t="s">
        <v>14463</v>
      </c>
      <c r="J13132" s="366"/>
      <c r="K13132" s="366"/>
      <c r="L13132" s="366"/>
    </row>
    <row r="13133" spans="2:12" ht="28.5">
      <c r="B13133" s="358" t="s">
        <v>21336</v>
      </c>
      <c r="C13133" s="358" t="s">
        <v>21337</v>
      </c>
      <c r="D13133" s="358" t="s">
        <v>21338</v>
      </c>
      <c r="E13133" s="358" t="s">
        <v>8356</v>
      </c>
      <c r="F13133" s="358" t="s">
        <v>14430</v>
      </c>
      <c r="G13133" s="358" t="s">
        <v>14431</v>
      </c>
      <c r="H13133" s="358" t="s">
        <v>14341</v>
      </c>
      <c r="I13133" s="358" t="s">
        <v>14431</v>
      </c>
      <c r="J13133" s="358"/>
      <c r="K13133" s="358"/>
      <c r="L13133" s="358"/>
    </row>
    <row r="13134" spans="2:12">
      <c r="B13134" s="367"/>
      <c r="C13134" s="367"/>
      <c r="D13134" s="367"/>
      <c r="E13134" s="367"/>
      <c r="F13134" s="360"/>
      <c r="G13134" s="360"/>
      <c r="H13134" s="360"/>
      <c r="I13134" s="360"/>
      <c r="J13134" s="365"/>
      <c r="K13134" s="365"/>
      <c r="L13134" s="365"/>
    </row>
    <row r="13135" spans="2:12">
      <c r="B13135" s="367"/>
      <c r="C13135" s="367"/>
      <c r="D13135" s="367"/>
      <c r="E13135" s="367"/>
      <c r="F13135" s="359" t="s">
        <v>14391</v>
      </c>
      <c r="G13135" s="359" t="s">
        <v>14392</v>
      </c>
      <c r="H13135" s="359" t="s">
        <v>14367</v>
      </c>
      <c r="I13135" s="359" t="s">
        <v>14392</v>
      </c>
      <c r="J13135" s="365"/>
      <c r="K13135" s="365"/>
      <c r="L13135" s="365"/>
    </row>
    <row r="13136" spans="2:12">
      <c r="B13136" s="367"/>
      <c r="C13136" s="367"/>
      <c r="D13136" s="367"/>
      <c r="E13136" s="367"/>
      <c r="F13136" s="360"/>
      <c r="G13136" s="360"/>
      <c r="H13136" s="360"/>
      <c r="I13136" s="360"/>
      <c r="J13136" s="365"/>
      <c r="K13136" s="365"/>
      <c r="L13136" s="365"/>
    </row>
    <row r="13137" spans="2:12" ht="28.5">
      <c r="B13137" s="367"/>
      <c r="C13137" s="367"/>
      <c r="D13137" s="367"/>
      <c r="E13137" s="367"/>
      <c r="F13137" s="359" t="s">
        <v>14394</v>
      </c>
      <c r="G13137" s="359" t="s">
        <v>14395</v>
      </c>
      <c r="H13137" s="359" t="s">
        <v>14370</v>
      </c>
      <c r="I13137" s="359" t="s">
        <v>14395</v>
      </c>
      <c r="J13137" s="365"/>
      <c r="K13137" s="365"/>
      <c r="L13137" s="365"/>
    </row>
    <row r="13138" spans="2:12">
      <c r="B13138" s="367"/>
      <c r="C13138" s="367"/>
      <c r="D13138" s="367"/>
      <c r="E13138" s="367"/>
      <c r="F13138" s="360"/>
      <c r="G13138" s="360"/>
      <c r="H13138" s="360"/>
      <c r="I13138" s="360"/>
      <c r="J13138" s="365"/>
      <c r="K13138" s="365"/>
      <c r="L13138" s="365"/>
    </row>
    <row r="13139" spans="2:12">
      <c r="B13139" s="368"/>
      <c r="C13139" s="368"/>
      <c r="D13139" s="368"/>
      <c r="E13139" s="368"/>
      <c r="F13139" s="362"/>
      <c r="G13139" s="362"/>
      <c r="H13139" s="361" t="s">
        <v>14332</v>
      </c>
      <c r="I13139" s="362"/>
      <c r="J13139" s="366"/>
      <c r="K13139" s="366"/>
      <c r="L13139" s="366"/>
    </row>
    <row r="13140" spans="2:12" ht="28.5">
      <c r="B13140" s="358" t="s">
        <v>21339</v>
      </c>
      <c r="C13140" s="358" t="s">
        <v>21340</v>
      </c>
      <c r="D13140" s="358" t="s">
        <v>21341</v>
      </c>
      <c r="E13140" s="358" t="s">
        <v>8356</v>
      </c>
      <c r="F13140" s="358" t="s">
        <v>14389</v>
      </c>
      <c r="G13140" s="358" t="s">
        <v>14390</v>
      </c>
      <c r="H13140" s="358" t="s">
        <v>14367</v>
      </c>
      <c r="I13140" s="358" t="s">
        <v>14390</v>
      </c>
      <c r="J13140" s="358"/>
      <c r="K13140" s="358"/>
      <c r="L13140" s="358"/>
    </row>
    <row r="13141" spans="2:12">
      <c r="B13141" s="367"/>
      <c r="C13141" s="367"/>
      <c r="D13141" s="367"/>
      <c r="E13141" s="367"/>
      <c r="F13141" s="360"/>
      <c r="G13141" s="360"/>
      <c r="H13141" s="360"/>
      <c r="I13141" s="360"/>
      <c r="J13141" s="365"/>
      <c r="K13141" s="365"/>
      <c r="L13141" s="365"/>
    </row>
    <row r="13142" spans="2:12">
      <c r="B13142" s="367"/>
      <c r="C13142" s="367"/>
      <c r="D13142" s="367"/>
      <c r="E13142" s="367"/>
      <c r="F13142" s="359" t="s">
        <v>14371</v>
      </c>
      <c r="G13142" s="359" t="s">
        <v>14372</v>
      </c>
      <c r="H13142" s="359" t="s">
        <v>14370</v>
      </c>
      <c r="I13142" s="359" t="s">
        <v>14373</v>
      </c>
      <c r="J13142" s="365"/>
      <c r="K13142" s="365"/>
      <c r="L13142" s="365"/>
    </row>
    <row r="13143" spans="2:12">
      <c r="B13143" s="367"/>
      <c r="C13143" s="367"/>
      <c r="D13143" s="367"/>
      <c r="E13143" s="367"/>
      <c r="F13143" s="360"/>
      <c r="G13143" s="360"/>
      <c r="H13143" s="360"/>
      <c r="I13143" s="360"/>
      <c r="J13143" s="365"/>
      <c r="K13143" s="365"/>
      <c r="L13143" s="365"/>
    </row>
    <row r="13144" spans="2:12" ht="28.5">
      <c r="B13144" s="368"/>
      <c r="C13144" s="368"/>
      <c r="D13144" s="368"/>
      <c r="E13144" s="368"/>
      <c r="F13144" s="361" t="s">
        <v>14374</v>
      </c>
      <c r="G13144" s="361" t="s">
        <v>14373</v>
      </c>
      <c r="H13144" s="361" t="s">
        <v>14422</v>
      </c>
      <c r="I13144" s="362"/>
      <c r="J13144" s="366"/>
      <c r="K13144" s="366"/>
      <c r="L13144" s="366"/>
    </row>
    <row r="13145" spans="2:12" ht="28.5">
      <c r="B13145" s="358" t="s">
        <v>21342</v>
      </c>
      <c r="C13145" s="358" t="s">
        <v>21343</v>
      </c>
      <c r="D13145" s="358" t="s">
        <v>21344</v>
      </c>
      <c r="E13145" s="358" t="s">
        <v>21345</v>
      </c>
      <c r="F13145" s="358" t="s">
        <v>14462</v>
      </c>
      <c r="G13145" s="358" t="s">
        <v>14463</v>
      </c>
      <c r="H13145" s="358" t="s">
        <v>8356</v>
      </c>
      <c r="I13145" s="358" t="s">
        <v>14463</v>
      </c>
      <c r="J13145" s="358"/>
      <c r="K13145" s="358"/>
      <c r="L13145" s="358"/>
    </row>
    <row r="13146" spans="2:12">
      <c r="B13146" s="368"/>
      <c r="C13146" s="368"/>
      <c r="D13146" s="368"/>
      <c r="E13146" s="368"/>
      <c r="F13146" s="368"/>
      <c r="G13146" s="368"/>
      <c r="H13146" s="368"/>
      <c r="I13146" s="368"/>
      <c r="J13146" s="366"/>
      <c r="K13146" s="366"/>
      <c r="L13146" s="366"/>
    </row>
    <row r="13147" spans="2:12" ht="28.5">
      <c r="B13147" s="358" t="s">
        <v>21346</v>
      </c>
      <c r="C13147" s="358" t="s">
        <v>30270</v>
      </c>
      <c r="D13147" s="358" t="s">
        <v>21347</v>
      </c>
      <c r="E13147" s="358" t="s">
        <v>21348</v>
      </c>
      <c r="F13147" s="358" t="s">
        <v>14356</v>
      </c>
      <c r="G13147" s="358" t="s">
        <v>14340</v>
      </c>
      <c r="H13147" s="358" t="s">
        <v>14341</v>
      </c>
      <c r="I13147" s="358" t="s">
        <v>14340</v>
      </c>
      <c r="J13147" s="358"/>
      <c r="K13147" s="358"/>
      <c r="L13147" s="358"/>
    </row>
    <row r="13148" spans="2:12">
      <c r="B13148" s="367"/>
      <c r="C13148" s="367"/>
      <c r="D13148" s="367"/>
      <c r="E13148" s="367"/>
      <c r="F13148" s="360"/>
      <c r="G13148" s="360"/>
      <c r="H13148" s="360"/>
      <c r="I13148" s="360"/>
      <c r="J13148" s="365"/>
      <c r="K13148" s="365"/>
      <c r="L13148" s="365"/>
    </row>
    <row r="13149" spans="2:12">
      <c r="B13149" s="367"/>
      <c r="C13149" s="367"/>
      <c r="D13149" s="367"/>
      <c r="E13149" s="367"/>
      <c r="F13149" s="359" t="s">
        <v>14420</v>
      </c>
      <c r="G13149" s="359" t="s">
        <v>14429</v>
      </c>
      <c r="H13149" s="359" t="s">
        <v>14367</v>
      </c>
      <c r="I13149" s="359" t="s">
        <v>14429</v>
      </c>
      <c r="J13149" s="365"/>
      <c r="K13149" s="365"/>
      <c r="L13149" s="365"/>
    </row>
    <row r="13150" spans="2:12">
      <c r="B13150" s="367"/>
      <c r="C13150" s="367"/>
      <c r="D13150" s="367"/>
      <c r="E13150" s="367"/>
      <c r="F13150" s="360"/>
      <c r="G13150" s="360"/>
      <c r="H13150" s="360"/>
      <c r="I13150" s="360"/>
      <c r="J13150" s="365"/>
      <c r="K13150" s="365"/>
      <c r="L13150" s="365"/>
    </row>
    <row r="13151" spans="2:12" ht="28.5">
      <c r="B13151" s="367"/>
      <c r="C13151" s="367"/>
      <c r="D13151" s="367"/>
      <c r="E13151" s="367"/>
      <c r="F13151" s="359" t="s">
        <v>14394</v>
      </c>
      <c r="G13151" s="359" t="s">
        <v>14395</v>
      </c>
      <c r="H13151" s="359" t="s">
        <v>14370</v>
      </c>
      <c r="I13151" s="359" t="s">
        <v>14395</v>
      </c>
      <c r="J13151" s="365"/>
      <c r="K13151" s="365"/>
      <c r="L13151" s="365"/>
    </row>
    <row r="13152" spans="2:12">
      <c r="B13152" s="367"/>
      <c r="C13152" s="367"/>
      <c r="D13152" s="367"/>
      <c r="E13152" s="367"/>
      <c r="F13152" s="360"/>
      <c r="G13152" s="360"/>
      <c r="H13152" s="360"/>
      <c r="I13152" s="360"/>
      <c r="J13152" s="365"/>
      <c r="K13152" s="365"/>
      <c r="L13152" s="365"/>
    </row>
    <row r="13153" spans="2:12">
      <c r="B13153" s="368"/>
      <c r="C13153" s="368"/>
      <c r="D13153" s="368"/>
      <c r="E13153" s="368"/>
      <c r="F13153" s="362"/>
      <c r="G13153" s="362"/>
      <c r="H13153" s="361" t="s">
        <v>14332</v>
      </c>
      <c r="I13153" s="362"/>
      <c r="J13153" s="366"/>
      <c r="K13153" s="366"/>
      <c r="L13153" s="366"/>
    </row>
    <row r="13154" spans="2:12" ht="28.5">
      <c r="B13154" s="358" t="s">
        <v>21349</v>
      </c>
      <c r="C13154" s="358" t="s">
        <v>27691</v>
      </c>
      <c r="D13154" s="358" t="s">
        <v>21350</v>
      </c>
      <c r="E13154" s="358" t="s">
        <v>21351</v>
      </c>
      <c r="F13154" s="358" t="s">
        <v>14356</v>
      </c>
      <c r="G13154" s="358" t="s">
        <v>14340</v>
      </c>
      <c r="H13154" s="358" t="s">
        <v>14341</v>
      </c>
      <c r="I13154" s="358" t="s">
        <v>14340</v>
      </c>
      <c r="J13154" s="358"/>
      <c r="K13154" s="358"/>
      <c r="L13154" s="358"/>
    </row>
    <row r="13155" spans="2:12">
      <c r="B13155" s="367"/>
      <c r="C13155" s="367"/>
      <c r="D13155" s="367"/>
      <c r="E13155" s="367"/>
      <c r="F13155" s="367"/>
      <c r="G13155" s="367"/>
      <c r="H13155" s="360"/>
      <c r="I13155" s="367"/>
      <c r="J13155" s="365"/>
      <c r="K13155" s="365"/>
      <c r="L13155" s="365"/>
    </row>
    <row r="13156" spans="2:12">
      <c r="B13156" s="368"/>
      <c r="C13156" s="368"/>
      <c r="D13156" s="368"/>
      <c r="E13156" s="368"/>
      <c r="F13156" s="368"/>
      <c r="G13156" s="368"/>
      <c r="H13156" s="361" t="s">
        <v>14332</v>
      </c>
      <c r="I13156" s="368"/>
      <c r="J13156" s="366"/>
      <c r="K13156" s="366"/>
      <c r="L13156" s="366"/>
    </row>
    <row r="13157" spans="2:12" ht="42.75">
      <c r="B13157" s="358" t="s">
        <v>21352</v>
      </c>
      <c r="C13157" s="358" t="s">
        <v>21353</v>
      </c>
      <c r="D13157" s="358" t="s">
        <v>21354</v>
      </c>
      <c r="E13157" s="358" t="s">
        <v>8356</v>
      </c>
      <c r="F13157" s="358" t="s">
        <v>14507</v>
      </c>
      <c r="G13157" s="358" t="s">
        <v>16042</v>
      </c>
      <c r="H13157" s="358" t="s">
        <v>14378</v>
      </c>
      <c r="I13157" s="358" t="s">
        <v>16042</v>
      </c>
      <c r="J13157" s="358"/>
      <c r="K13157" s="358"/>
      <c r="L13157" s="358"/>
    </row>
    <row r="13158" spans="2:12">
      <c r="B13158" s="367"/>
      <c r="C13158" s="367"/>
      <c r="D13158" s="367"/>
      <c r="E13158" s="367"/>
      <c r="F13158" s="360"/>
      <c r="G13158" s="360"/>
      <c r="H13158" s="360"/>
      <c r="I13158" s="360"/>
      <c r="J13158" s="365"/>
      <c r="K13158" s="365"/>
      <c r="L13158" s="365"/>
    </row>
    <row r="13159" spans="2:12" ht="42.75">
      <c r="B13159" s="367"/>
      <c r="C13159" s="367"/>
      <c r="D13159" s="367"/>
      <c r="E13159" s="367"/>
      <c r="F13159" s="359" t="s">
        <v>29320</v>
      </c>
      <c r="G13159" s="359" t="s">
        <v>14383</v>
      </c>
      <c r="H13159" s="359" t="s">
        <v>14381</v>
      </c>
      <c r="I13159" s="359" t="s">
        <v>14383</v>
      </c>
      <c r="J13159" s="365"/>
      <c r="K13159" s="365"/>
      <c r="L13159" s="365"/>
    </row>
    <row r="13160" spans="2:12">
      <c r="B13160" s="367"/>
      <c r="C13160" s="367"/>
      <c r="D13160" s="367"/>
      <c r="E13160" s="367"/>
      <c r="F13160" s="360"/>
      <c r="G13160" s="360"/>
      <c r="H13160" s="360"/>
      <c r="I13160" s="360"/>
      <c r="J13160" s="365"/>
      <c r="K13160" s="365"/>
      <c r="L13160" s="365"/>
    </row>
    <row r="13161" spans="2:12" ht="28.5">
      <c r="B13161" s="367"/>
      <c r="C13161" s="367"/>
      <c r="D13161" s="367"/>
      <c r="E13161" s="367"/>
      <c r="F13161" s="359" t="s">
        <v>14374</v>
      </c>
      <c r="G13161" s="359" t="s">
        <v>29143</v>
      </c>
      <c r="H13161" s="359" t="s">
        <v>14370</v>
      </c>
      <c r="I13161" s="359" t="s">
        <v>28567</v>
      </c>
      <c r="J13161" s="365"/>
      <c r="K13161" s="365"/>
      <c r="L13161" s="365"/>
    </row>
    <row r="13162" spans="2:12">
      <c r="B13162" s="367"/>
      <c r="C13162" s="367"/>
      <c r="D13162" s="367"/>
      <c r="E13162" s="367"/>
      <c r="F13162" s="360"/>
      <c r="G13162" s="360"/>
      <c r="H13162" s="360"/>
      <c r="I13162" s="360"/>
      <c r="J13162" s="365"/>
      <c r="K13162" s="365"/>
      <c r="L13162" s="365"/>
    </row>
    <row r="13163" spans="2:12">
      <c r="B13163" s="368"/>
      <c r="C13163" s="368"/>
      <c r="D13163" s="368"/>
      <c r="E13163" s="368"/>
      <c r="F13163" s="362"/>
      <c r="G13163" s="361" t="s">
        <v>14373</v>
      </c>
      <c r="H13163" s="361" t="s">
        <v>14332</v>
      </c>
      <c r="I13163" s="362"/>
      <c r="J13163" s="366"/>
      <c r="K13163" s="366"/>
      <c r="L13163" s="366"/>
    </row>
    <row r="13164" spans="2:12" ht="57">
      <c r="B13164" s="358" t="s">
        <v>21355</v>
      </c>
      <c r="C13164" s="358" t="s">
        <v>21356</v>
      </c>
      <c r="D13164" s="358" t="s">
        <v>21357</v>
      </c>
      <c r="E13164" s="358"/>
      <c r="F13164" s="358" t="s">
        <v>14472</v>
      </c>
      <c r="G13164" s="358" t="s">
        <v>14473</v>
      </c>
      <c r="H13164" s="358" t="s">
        <v>8356</v>
      </c>
      <c r="I13164" s="358" t="s">
        <v>14473</v>
      </c>
      <c r="J13164" s="358"/>
      <c r="K13164" s="358"/>
      <c r="L13164" s="358"/>
    </row>
    <row r="13165" spans="2:12">
      <c r="B13165" s="368"/>
      <c r="C13165" s="368"/>
      <c r="D13165" s="368"/>
      <c r="E13165" s="366"/>
      <c r="F13165" s="368"/>
      <c r="G13165" s="368"/>
      <c r="H13165" s="368"/>
      <c r="I13165" s="368"/>
      <c r="J13165" s="366"/>
      <c r="K13165" s="366"/>
      <c r="L13165" s="366"/>
    </row>
    <row r="13166" spans="2:12" ht="85.5">
      <c r="B13166" s="358" t="s">
        <v>21358</v>
      </c>
      <c r="C13166" s="358" t="s">
        <v>30271</v>
      </c>
      <c r="D13166" s="358" t="s">
        <v>21359</v>
      </c>
      <c r="E13166" s="358"/>
      <c r="F13166" s="358" t="s">
        <v>14394</v>
      </c>
      <c r="G13166" s="358" t="s">
        <v>14395</v>
      </c>
      <c r="H13166" s="358" t="s">
        <v>14370</v>
      </c>
      <c r="I13166" s="358" t="s">
        <v>14395</v>
      </c>
      <c r="J13166" s="358"/>
      <c r="K13166" s="358"/>
      <c r="L13166" s="358"/>
    </row>
    <row r="13167" spans="2:12">
      <c r="B13167" s="368"/>
      <c r="C13167" s="368"/>
      <c r="D13167" s="368"/>
      <c r="E13167" s="366"/>
      <c r="F13167" s="368"/>
      <c r="G13167" s="368"/>
      <c r="H13167" s="368"/>
      <c r="I13167" s="368"/>
      <c r="J13167" s="366"/>
      <c r="K13167" s="366"/>
      <c r="L13167" s="366"/>
    </row>
    <row r="13168" spans="2:12" ht="57">
      <c r="B13168" s="358" t="s">
        <v>21360</v>
      </c>
      <c r="C13168" s="358" t="s">
        <v>29326</v>
      </c>
      <c r="D13168" s="358" t="s">
        <v>21361</v>
      </c>
      <c r="E13168" s="358" t="s">
        <v>21362</v>
      </c>
      <c r="F13168" s="358" t="s">
        <v>14430</v>
      </c>
      <c r="G13168" s="358" t="s">
        <v>14431</v>
      </c>
      <c r="H13168" s="358" t="s">
        <v>14341</v>
      </c>
      <c r="I13168" s="358" t="s">
        <v>14431</v>
      </c>
      <c r="J13168" s="358"/>
      <c r="K13168" s="358"/>
      <c r="L13168" s="358"/>
    </row>
    <row r="13169" spans="2:12">
      <c r="B13169" s="367"/>
      <c r="C13169" s="367"/>
      <c r="D13169" s="367"/>
      <c r="E13169" s="367"/>
      <c r="F13169" s="367"/>
      <c r="G13169" s="367"/>
      <c r="H13169" s="360"/>
      <c r="I13169" s="367"/>
      <c r="J13169" s="365"/>
      <c r="K13169" s="365"/>
      <c r="L13169" s="365"/>
    </row>
    <row r="13170" spans="2:12">
      <c r="B13170" s="368"/>
      <c r="C13170" s="368"/>
      <c r="D13170" s="368"/>
      <c r="E13170" s="368"/>
      <c r="F13170" s="368"/>
      <c r="G13170" s="368"/>
      <c r="H13170" s="361" t="s">
        <v>14332</v>
      </c>
      <c r="I13170" s="368"/>
      <c r="J13170" s="366"/>
      <c r="K13170" s="366"/>
      <c r="L13170" s="366"/>
    </row>
    <row r="13171" spans="2:12" ht="71.25">
      <c r="B13171" s="358" t="s">
        <v>21363</v>
      </c>
      <c r="C13171" s="358" t="s">
        <v>21364</v>
      </c>
      <c r="D13171" s="358" t="s">
        <v>21365</v>
      </c>
      <c r="E13171" s="358" t="s">
        <v>8356</v>
      </c>
      <c r="F13171" s="358" t="s">
        <v>14430</v>
      </c>
      <c r="G13171" s="358" t="s">
        <v>14431</v>
      </c>
      <c r="H13171" s="358" t="s">
        <v>14341</v>
      </c>
      <c r="I13171" s="358" t="s">
        <v>14431</v>
      </c>
      <c r="J13171" s="358"/>
      <c r="K13171" s="358"/>
      <c r="L13171" s="358"/>
    </row>
    <row r="13172" spans="2:12">
      <c r="B13172" s="367"/>
      <c r="C13172" s="367"/>
      <c r="D13172" s="367"/>
      <c r="E13172" s="367"/>
      <c r="F13172" s="367"/>
      <c r="G13172" s="367"/>
      <c r="H13172" s="360"/>
      <c r="I13172" s="367"/>
      <c r="J13172" s="365"/>
      <c r="K13172" s="365"/>
      <c r="L13172" s="365"/>
    </row>
    <row r="13173" spans="2:12">
      <c r="B13173" s="368"/>
      <c r="C13173" s="368"/>
      <c r="D13173" s="368"/>
      <c r="E13173" s="368"/>
      <c r="F13173" s="368"/>
      <c r="G13173" s="368"/>
      <c r="H13173" s="361" t="s">
        <v>14332</v>
      </c>
      <c r="I13173" s="368"/>
      <c r="J13173" s="366"/>
      <c r="K13173" s="366"/>
      <c r="L13173" s="366"/>
    </row>
    <row r="13174" spans="2:12" ht="28.5">
      <c r="B13174" s="358" t="s">
        <v>21366</v>
      </c>
      <c r="C13174" s="358" t="s">
        <v>21367</v>
      </c>
      <c r="D13174" s="358" t="s">
        <v>21368</v>
      </c>
      <c r="E13174" s="358" t="s">
        <v>21369</v>
      </c>
      <c r="F13174" s="358" t="s">
        <v>14394</v>
      </c>
      <c r="G13174" s="358" t="s">
        <v>14395</v>
      </c>
      <c r="H13174" s="358" t="s">
        <v>14370</v>
      </c>
      <c r="I13174" s="358" t="s">
        <v>14395</v>
      </c>
      <c r="J13174" s="358"/>
      <c r="K13174" s="358"/>
      <c r="L13174" s="358"/>
    </row>
    <row r="13175" spans="2:12">
      <c r="B13175" s="368"/>
      <c r="C13175" s="368"/>
      <c r="D13175" s="368"/>
      <c r="E13175" s="368"/>
      <c r="F13175" s="368"/>
      <c r="G13175" s="368"/>
      <c r="H13175" s="368"/>
      <c r="I13175" s="368"/>
      <c r="J13175" s="366"/>
      <c r="K13175" s="366"/>
      <c r="L13175" s="366"/>
    </row>
    <row r="13176" spans="2:12" ht="28.5">
      <c r="B13176" s="358" t="s">
        <v>21370</v>
      </c>
      <c r="C13176" s="358" t="s">
        <v>27692</v>
      </c>
      <c r="D13176" s="358" t="s">
        <v>21371</v>
      </c>
      <c r="E13176" s="358" t="s">
        <v>21372</v>
      </c>
      <c r="F13176" s="358" t="s">
        <v>14420</v>
      </c>
      <c r="G13176" s="358" t="s">
        <v>14429</v>
      </c>
      <c r="H13176" s="358" t="s">
        <v>14341</v>
      </c>
      <c r="I13176" s="358" t="s">
        <v>14429</v>
      </c>
      <c r="J13176" s="358"/>
      <c r="K13176" s="358"/>
      <c r="L13176" s="358"/>
    </row>
    <row r="13177" spans="2:12">
      <c r="B13177" s="367"/>
      <c r="C13177" s="367"/>
      <c r="D13177" s="367"/>
      <c r="E13177" s="367"/>
      <c r="F13177" s="360"/>
      <c r="G13177" s="360"/>
      <c r="H13177" s="360"/>
      <c r="I13177" s="360"/>
      <c r="J13177" s="365"/>
      <c r="K13177" s="365"/>
      <c r="L13177" s="365"/>
    </row>
    <row r="13178" spans="2:12">
      <c r="B13178" s="367"/>
      <c r="C13178" s="367"/>
      <c r="D13178" s="367"/>
      <c r="E13178" s="367"/>
      <c r="F13178" s="359" t="s">
        <v>14389</v>
      </c>
      <c r="G13178" s="359" t="s">
        <v>14390</v>
      </c>
      <c r="H13178" s="359" t="s">
        <v>14367</v>
      </c>
      <c r="I13178" s="359" t="s">
        <v>14390</v>
      </c>
      <c r="J13178" s="365"/>
      <c r="K13178" s="365"/>
      <c r="L13178" s="365"/>
    </row>
    <row r="13179" spans="2:12">
      <c r="B13179" s="367"/>
      <c r="C13179" s="367"/>
      <c r="D13179" s="367"/>
      <c r="E13179" s="367"/>
      <c r="F13179" s="360"/>
      <c r="G13179" s="360"/>
      <c r="H13179" s="360"/>
      <c r="I13179" s="360"/>
      <c r="J13179" s="365"/>
      <c r="K13179" s="365"/>
      <c r="L13179" s="365"/>
    </row>
    <row r="13180" spans="2:12">
      <c r="B13180" s="367"/>
      <c r="C13180" s="367"/>
      <c r="D13180" s="367"/>
      <c r="E13180" s="367"/>
      <c r="F13180" s="359" t="s">
        <v>14430</v>
      </c>
      <c r="G13180" s="359" t="s">
        <v>14431</v>
      </c>
      <c r="H13180" s="359" t="s">
        <v>14332</v>
      </c>
      <c r="I13180" s="359" t="s">
        <v>14431</v>
      </c>
      <c r="J13180" s="365"/>
      <c r="K13180" s="365"/>
      <c r="L13180" s="365"/>
    </row>
    <row r="13181" spans="2:12">
      <c r="B13181" s="367"/>
      <c r="C13181" s="367"/>
      <c r="D13181" s="367"/>
      <c r="E13181" s="367"/>
      <c r="F13181" s="360"/>
      <c r="G13181" s="360"/>
      <c r="H13181" s="360"/>
      <c r="I13181" s="360"/>
      <c r="J13181" s="365"/>
      <c r="K13181" s="365"/>
      <c r="L13181" s="365"/>
    </row>
    <row r="13182" spans="2:12">
      <c r="B13182" s="368"/>
      <c r="C13182" s="368"/>
      <c r="D13182" s="368"/>
      <c r="E13182" s="368"/>
      <c r="F13182" s="361" t="s">
        <v>14391</v>
      </c>
      <c r="G13182" s="361" t="s">
        <v>14392</v>
      </c>
      <c r="H13182" s="362"/>
      <c r="I13182" s="361" t="s">
        <v>14392</v>
      </c>
      <c r="J13182" s="366"/>
      <c r="K13182" s="366"/>
      <c r="L13182" s="366"/>
    </row>
    <row r="13183" spans="2:12" ht="57">
      <c r="B13183" s="358" t="s">
        <v>21373</v>
      </c>
      <c r="C13183" s="358" t="s">
        <v>29327</v>
      </c>
      <c r="D13183" s="358" t="s">
        <v>21374</v>
      </c>
      <c r="E13183" s="358" t="s">
        <v>8356</v>
      </c>
      <c r="F13183" s="358" t="s">
        <v>14386</v>
      </c>
      <c r="G13183" s="358" t="s">
        <v>14387</v>
      </c>
      <c r="H13183" s="358" t="s">
        <v>14367</v>
      </c>
      <c r="I13183" s="358" t="s">
        <v>14387</v>
      </c>
      <c r="J13183" s="358"/>
      <c r="K13183" s="358"/>
      <c r="L13183" s="358"/>
    </row>
    <row r="13184" spans="2:12">
      <c r="B13184" s="367"/>
      <c r="C13184" s="367"/>
      <c r="D13184" s="367"/>
      <c r="E13184" s="367"/>
      <c r="F13184" s="360"/>
      <c r="G13184" s="360"/>
      <c r="H13184" s="360"/>
      <c r="I13184" s="360"/>
      <c r="J13184" s="365"/>
      <c r="K13184" s="365"/>
      <c r="L13184" s="365"/>
    </row>
    <row r="13185" spans="2:12" ht="28.5">
      <c r="B13185" s="367"/>
      <c r="C13185" s="367"/>
      <c r="D13185" s="367"/>
      <c r="E13185" s="367"/>
      <c r="F13185" s="359" t="s">
        <v>14394</v>
      </c>
      <c r="G13185" s="359" t="s">
        <v>14395</v>
      </c>
      <c r="H13185" s="359" t="s">
        <v>14370</v>
      </c>
      <c r="I13185" s="359" t="s">
        <v>14395</v>
      </c>
      <c r="J13185" s="365"/>
      <c r="K13185" s="365"/>
      <c r="L13185" s="365"/>
    </row>
    <row r="13186" spans="2:12">
      <c r="B13186" s="367"/>
      <c r="C13186" s="367"/>
      <c r="D13186" s="367"/>
      <c r="E13186" s="367"/>
      <c r="F13186" s="360"/>
      <c r="G13186" s="360"/>
      <c r="H13186" s="360"/>
      <c r="I13186" s="360"/>
      <c r="J13186" s="365"/>
      <c r="K13186" s="365"/>
      <c r="L13186" s="365"/>
    </row>
    <row r="13187" spans="2:12">
      <c r="B13187" s="368"/>
      <c r="C13187" s="368"/>
      <c r="D13187" s="368"/>
      <c r="E13187" s="368"/>
      <c r="F13187" s="362"/>
      <c r="G13187" s="362"/>
      <c r="H13187" s="361" t="s">
        <v>14422</v>
      </c>
      <c r="I13187" s="362"/>
      <c r="J13187" s="366"/>
      <c r="K13187" s="366"/>
      <c r="L13187" s="366"/>
    </row>
    <row r="13188" spans="2:12" ht="28.5">
      <c r="B13188" s="358" t="s">
        <v>21375</v>
      </c>
      <c r="C13188" s="358" t="s">
        <v>21376</v>
      </c>
      <c r="D13188" s="358" t="s">
        <v>21377</v>
      </c>
      <c r="E13188" s="358" t="s">
        <v>21378</v>
      </c>
      <c r="F13188" s="358" t="s">
        <v>14472</v>
      </c>
      <c r="G13188" s="358" t="s">
        <v>14473</v>
      </c>
      <c r="H13188" s="358" t="s">
        <v>8356</v>
      </c>
      <c r="I13188" s="358" t="s">
        <v>14473</v>
      </c>
      <c r="J13188" s="358"/>
      <c r="K13188" s="358"/>
      <c r="L13188" s="358"/>
    </row>
    <row r="13189" spans="2:12">
      <c r="B13189" s="368"/>
      <c r="C13189" s="368"/>
      <c r="D13189" s="368"/>
      <c r="E13189" s="368"/>
      <c r="F13189" s="368"/>
      <c r="G13189" s="368"/>
      <c r="H13189" s="368"/>
      <c r="I13189" s="368"/>
      <c r="J13189" s="366"/>
      <c r="K13189" s="366"/>
      <c r="L13189" s="366"/>
    </row>
    <row r="13190" spans="2:12" ht="114">
      <c r="B13190" s="358" t="s">
        <v>21379</v>
      </c>
      <c r="C13190" s="358" t="s">
        <v>29328</v>
      </c>
      <c r="D13190" s="358" t="s">
        <v>21380</v>
      </c>
      <c r="E13190" s="358" t="s">
        <v>8356</v>
      </c>
      <c r="F13190" s="358" t="s">
        <v>14430</v>
      </c>
      <c r="G13190" s="358" t="s">
        <v>14431</v>
      </c>
      <c r="H13190" s="358" t="s">
        <v>14341</v>
      </c>
      <c r="I13190" s="358" t="s">
        <v>14431</v>
      </c>
      <c r="J13190" s="358"/>
      <c r="K13190" s="358"/>
      <c r="L13190" s="358"/>
    </row>
    <row r="13191" spans="2:12">
      <c r="B13191" s="367"/>
      <c r="C13191" s="367"/>
      <c r="D13191" s="367"/>
      <c r="E13191" s="367"/>
      <c r="F13191" s="360"/>
      <c r="G13191" s="360"/>
      <c r="H13191" s="360"/>
      <c r="I13191" s="360"/>
      <c r="J13191" s="365"/>
      <c r="K13191" s="365"/>
      <c r="L13191" s="365"/>
    </row>
    <row r="13192" spans="2:12">
      <c r="B13192" s="367"/>
      <c r="C13192" s="367"/>
      <c r="D13192" s="367"/>
      <c r="E13192" s="367"/>
      <c r="F13192" s="359" t="s">
        <v>14391</v>
      </c>
      <c r="G13192" s="359" t="s">
        <v>14392</v>
      </c>
      <c r="H13192" s="359" t="s">
        <v>14367</v>
      </c>
      <c r="I13192" s="359" t="s">
        <v>14392</v>
      </c>
      <c r="J13192" s="365"/>
      <c r="K13192" s="365"/>
      <c r="L13192" s="365"/>
    </row>
    <row r="13193" spans="2:12">
      <c r="B13193" s="367"/>
      <c r="C13193" s="367"/>
      <c r="D13193" s="367"/>
      <c r="E13193" s="367"/>
      <c r="F13193" s="360"/>
      <c r="G13193" s="360"/>
      <c r="H13193" s="360"/>
      <c r="I13193" s="360"/>
      <c r="J13193" s="365"/>
      <c r="K13193" s="365"/>
      <c r="L13193" s="365"/>
    </row>
    <row r="13194" spans="2:12" ht="28.5">
      <c r="B13194" s="368"/>
      <c r="C13194" s="368"/>
      <c r="D13194" s="368"/>
      <c r="E13194" s="368"/>
      <c r="F13194" s="361" t="s">
        <v>14472</v>
      </c>
      <c r="G13194" s="361" t="s">
        <v>14473</v>
      </c>
      <c r="H13194" s="361" t="s">
        <v>14332</v>
      </c>
      <c r="I13194" s="361" t="s">
        <v>14473</v>
      </c>
      <c r="J13194" s="366"/>
      <c r="K13194" s="366"/>
      <c r="L13194" s="366"/>
    </row>
    <row r="13195" spans="2:12">
      <c r="B13195" s="358" t="s">
        <v>21381</v>
      </c>
      <c r="C13195" s="358" t="s">
        <v>27693</v>
      </c>
      <c r="D13195" s="358" t="s">
        <v>21382</v>
      </c>
      <c r="E13195" s="358" t="s">
        <v>21383</v>
      </c>
      <c r="F13195" s="358" t="s">
        <v>14391</v>
      </c>
      <c r="G13195" s="358" t="s">
        <v>14392</v>
      </c>
      <c r="H13195" s="358" t="s">
        <v>14367</v>
      </c>
      <c r="I13195" s="358" t="s">
        <v>14392</v>
      </c>
      <c r="J13195" s="358"/>
      <c r="K13195" s="358"/>
      <c r="L13195" s="358"/>
    </row>
    <row r="13196" spans="2:12">
      <c r="B13196" s="367"/>
      <c r="C13196" s="367"/>
      <c r="D13196" s="367"/>
      <c r="E13196" s="367"/>
      <c r="F13196" s="367"/>
      <c r="G13196" s="367"/>
      <c r="H13196" s="360"/>
      <c r="I13196" s="367"/>
      <c r="J13196" s="365"/>
      <c r="K13196" s="365"/>
      <c r="L13196" s="365"/>
    </row>
    <row r="13197" spans="2:12">
      <c r="B13197" s="368"/>
      <c r="C13197" s="368"/>
      <c r="D13197" s="368"/>
      <c r="E13197" s="368"/>
      <c r="F13197" s="368"/>
      <c r="G13197" s="368"/>
      <c r="H13197" s="361" t="s">
        <v>14422</v>
      </c>
      <c r="I13197" s="368"/>
      <c r="J13197" s="366"/>
      <c r="K13197" s="366"/>
      <c r="L13197" s="366"/>
    </row>
    <row r="13198" spans="2:12" ht="42.75">
      <c r="B13198" s="358" t="s">
        <v>21384</v>
      </c>
      <c r="C13198" s="358" t="s">
        <v>29329</v>
      </c>
      <c r="D13198" s="358" t="s">
        <v>21385</v>
      </c>
      <c r="E13198" s="358" t="s">
        <v>21386</v>
      </c>
      <c r="F13198" s="358" t="s">
        <v>14386</v>
      </c>
      <c r="G13198" s="358" t="s">
        <v>14387</v>
      </c>
      <c r="H13198" s="358" t="s">
        <v>14367</v>
      </c>
      <c r="I13198" s="358" t="s">
        <v>14387</v>
      </c>
      <c r="J13198" s="358"/>
      <c r="K13198" s="358"/>
      <c r="L13198" s="358"/>
    </row>
    <row r="13199" spans="2:12">
      <c r="B13199" s="367"/>
      <c r="C13199" s="367"/>
      <c r="D13199" s="367"/>
      <c r="E13199" s="367"/>
      <c r="F13199" s="360"/>
      <c r="G13199" s="360"/>
      <c r="H13199" s="360"/>
      <c r="I13199" s="360"/>
      <c r="J13199" s="365"/>
      <c r="K13199" s="365"/>
      <c r="L13199" s="365"/>
    </row>
    <row r="13200" spans="2:12" ht="28.5">
      <c r="B13200" s="367"/>
      <c r="C13200" s="367"/>
      <c r="D13200" s="367"/>
      <c r="E13200" s="367"/>
      <c r="F13200" s="359" t="s">
        <v>14394</v>
      </c>
      <c r="G13200" s="359" t="s">
        <v>14395</v>
      </c>
      <c r="H13200" s="359" t="s">
        <v>14370</v>
      </c>
      <c r="I13200" s="359" t="s">
        <v>14395</v>
      </c>
      <c r="J13200" s="365"/>
      <c r="K13200" s="365"/>
      <c r="L13200" s="365"/>
    </row>
    <row r="13201" spans="2:12">
      <c r="B13201" s="367"/>
      <c r="C13201" s="367"/>
      <c r="D13201" s="367"/>
      <c r="E13201" s="367"/>
      <c r="F13201" s="360"/>
      <c r="G13201" s="360"/>
      <c r="H13201" s="360"/>
      <c r="I13201" s="360"/>
      <c r="J13201" s="365"/>
      <c r="K13201" s="365"/>
      <c r="L13201" s="365"/>
    </row>
    <row r="13202" spans="2:12">
      <c r="B13202" s="368"/>
      <c r="C13202" s="368"/>
      <c r="D13202" s="368"/>
      <c r="E13202" s="368"/>
      <c r="F13202" s="362"/>
      <c r="G13202" s="362"/>
      <c r="H13202" s="361" t="s">
        <v>14422</v>
      </c>
      <c r="I13202" s="362"/>
      <c r="J13202" s="366"/>
      <c r="K13202" s="366"/>
      <c r="L13202" s="366"/>
    </row>
    <row r="13203" spans="2:12">
      <c r="B13203" s="358" t="s">
        <v>21387</v>
      </c>
      <c r="C13203" s="358" t="s">
        <v>30272</v>
      </c>
      <c r="D13203" s="358" t="s">
        <v>21388</v>
      </c>
      <c r="E13203" s="358" t="s">
        <v>21389</v>
      </c>
      <c r="F13203" s="358" t="s">
        <v>14430</v>
      </c>
      <c r="G13203" s="358" t="s">
        <v>14431</v>
      </c>
      <c r="H13203" s="358" t="s">
        <v>14341</v>
      </c>
      <c r="I13203" s="358" t="s">
        <v>14431</v>
      </c>
      <c r="J13203" s="358"/>
      <c r="K13203" s="358"/>
      <c r="L13203" s="358"/>
    </row>
    <row r="13204" spans="2:12">
      <c r="B13204" s="367"/>
      <c r="C13204" s="367"/>
      <c r="D13204" s="367"/>
      <c r="E13204" s="367"/>
      <c r="F13204" s="360"/>
      <c r="G13204" s="360"/>
      <c r="H13204" s="360"/>
      <c r="I13204" s="360"/>
      <c r="J13204" s="365"/>
      <c r="K13204" s="365"/>
      <c r="L13204" s="365"/>
    </row>
    <row r="13205" spans="2:12">
      <c r="B13205" s="367"/>
      <c r="C13205" s="367"/>
      <c r="D13205" s="367"/>
      <c r="E13205" s="367"/>
      <c r="F13205" s="359" t="s">
        <v>14391</v>
      </c>
      <c r="G13205" s="359" t="s">
        <v>14392</v>
      </c>
      <c r="H13205" s="359" t="s">
        <v>14367</v>
      </c>
      <c r="I13205" s="359" t="s">
        <v>14392</v>
      </c>
      <c r="J13205" s="365"/>
      <c r="K13205" s="365"/>
      <c r="L13205" s="365"/>
    </row>
    <row r="13206" spans="2:12">
      <c r="B13206" s="367"/>
      <c r="C13206" s="367"/>
      <c r="D13206" s="367"/>
      <c r="E13206" s="367"/>
      <c r="F13206" s="360"/>
      <c r="G13206" s="360"/>
      <c r="H13206" s="360"/>
      <c r="I13206" s="360"/>
      <c r="J13206" s="365"/>
      <c r="K13206" s="365"/>
      <c r="L13206" s="365"/>
    </row>
    <row r="13207" spans="2:12">
      <c r="B13207" s="368"/>
      <c r="C13207" s="368"/>
      <c r="D13207" s="368"/>
      <c r="E13207" s="368"/>
      <c r="F13207" s="362"/>
      <c r="G13207" s="362"/>
      <c r="H13207" s="361" t="s">
        <v>14332</v>
      </c>
      <c r="I13207" s="362"/>
      <c r="J13207" s="366"/>
      <c r="K13207" s="366"/>
      <c r="L13207" s="366"/>
    </row>
    <row r="13208" spans="2:12">
      <c r="B13208" s="358" t="s">
        <v>21390</v>
      </c>
      <c r="C13208" s="358" t="s">
        <v>27694</v>
      </c>
      <c r="D13208" s="358" t="s">
        <v>21391</v>
      </c>
      <c r="E13208" s="358" t="s">
        <v>21392</v>
      </c>
      <c r="F13208" s="358" t="s">
        <v>14420</v>
      </c>
      <c r="G13208" s="358" t="s">
        <v>14429</v>
      </c>
      <c r="H13208" s="358" t="s">
        <v>14341</v>
      </c>
      <c r="I13208" s="358" t="s">
        <v>14429</v>
      </c>
      <c r="J13208" s="358"/>
      <c r="K13208" s="358"/>
      <c r="L13208" s="358"/>
    </row>
    <row r="13209" spans="2:12">
      <c r="B13209" s="367"/>
      <c r="C13209" s="367"/>
      <c r="D13209" s="367"/>
      <c r="E13209" s="367"/>
      <c r="F13209" s="360"/>
      <c r="G13209" s="360"/>
      <c r="H13209" s="360"/>
      <c r="I13209" s="360"/>
      <c r="J13209" s="365"/>
      <c r="K13209" s="365"/>
      <c r="L13209" s="365"/>
    </row>
    <row r="13210" spans="2:12">
      <c r="B13210" s="367"/>
      <c r="C13210" s="367"/>
      <c r="D13210" s="367"/>
      <c r="E13210" s="367"/>
      <c r="F13210" s="359" t="s">
        <v>14430</v>
      </c>
      <c r="G13210" s="359" t="s">
        <v>14431</v>
      </c>
      <c r="H13210" s="359" t="s">
        <v>14367</v>
      </c>
      <c r="I13210" s="359" t="s">
        <v>14431</v>
      </c>
      <c r="J13210" s="365"/>
      <c r="K13210" s="365"/>
      <c r="L13210" s="365"/>
    </row>
    <row r="13211" spans="2:12">
      <c r="B13211" s="367"/>
      <c r="C13211" s="367"/>
      <c r="D13211" s="367"/>
      <c r="E13211" s="367"/>
      <c r="F13211" s="360"/>
      <c r="G13211" s="360"/>
      <c r="H13211" s="360"/>
      <c r="I13211" s="360"/>
      <c r="J13211" s="365"/>
      <c r="K13211" s="365"/>
      <c r="L13211" s="365"/>
    </row>
    <row r="13212" spans="2:12">
      <c r="B13212" s="368"/>
      <c r="C13212" s="368"/>
      <c r="D13212" s="368"/>
      <c r="E13212" s="368"/>
      <c r="F13212" s="361" t="s">
        <v>14391</v>
      </c>
      <c r="G13212" s="361" t="s">
        <v>14392</v>
      </c>
      <c r="H13212" s="361" t="s">
        <v>14332</v>
      </c>
      <c r="I13212" s="361" t="s">
        <v>14392</v>
      </c>
      <c r="J13212" s="366"/>
      <c r="K13212" s="366"/>
      <c r="L13212" s="366"/>
    </row>
    <row r="13213" spans="2:12">
      <c r="B13213" s="358" t="s">
        <v>21393</v>
      </c>
      <c r="C13213" s="358" t="s">
        <v>21394</v>
      </c>
      <c r="D13213" s="358" t="s">
        <v>21395</v>
      </c>
      <c r="E13213" s="358" t="s">
        <v>21396</v>
      </c>
      <c r="F13213" s="358" t="s">
        <v>14507</v>
      </c>
      <c r="G13213" s="358" t="s">
        <v>16042</v>
      </c>
      <c r="H13213" s="358" t="s">
        <v>14381</v>
      </c>
      <c r="I13213" s="358" t="s">
        <v>16042</v>
      </c>
      <c r="J13213" s="358"/>
      <c r="K13213" s="358"/>
      <c r="L13213" s="358"/>
    </row>
    <row r="13214" spans="2:12">
      <c r="B13214" s="367"/>
      <c r="C13214" s="367"/>
      <c r="D13214" s="367"/>
      <c r="E13214" s="367"/>
      <c r="F13214" s="360"/>
      <c r="G13214" s="360"/>
      <c r="H13214" s="360"/>
      <c r="I13214" s="360"/>
      <c r="J13214" s="365"/>
      <c r="K13214" s="365"/>
      <c r="L13214" s="365"/>
    </row>
    <row r="13215" spans="2:12" ht="28.5">
      <c r="B13215" s="368"/>
      <c r="C13215" s="368"/>
      <c r="D13215" s="368"/>
      <c r="E13215" s="368"/>
      <c r="F13215" s="361" t="s">
        <v>14462</v>
      </c>
      <c r="G13215" s="361" t="s">
        <v>14463</v>
      </c>
      <c r="H13215" s="361" t="s">
        <v>14422</v>
      </c>
      <c r="I13215" s="361" t="s">
        <v>14463</v>
      </c>
      <c r="J13215" s="366"/>
      <c r="K13215" s="366"/>
      <c r="L13215" s="366"/>
    </row>
    <row r="13216" spans="2:12" ht="57">
      <c r="B13216" s="358" t="s">
        <v>21397</v>
      </c>
      <c r="C13216" s="358" t="s">
        <v>27695</v>
      </c>
      <c r="D13216" s="358" t="s">
        <v>21398</v>
      </c>
      <c r="E13216" s="358" t="s">
        <v>21399</v>
      </c>
      <c r="F13216" s="358" t="s">
        <v>14368</v>
      </c>
      <c r="G13216" s="358" t="s">
        <v>14388</v>
      </c>
      <c r="H13216" s="358" t="s">
        <v>14341</v>
      </c>
      <c r="I13216" s="358" t="s">
        <v>14388</v>
      </c>
      <c r="J13216" s="358"/>
      <c r="K13216" s="358"/>
      <c r="L13216" s="358"/>
    </row>
    <row r="13217" spans="2:12">
      <c r="B13217" s="367"/>
      <c r="C13217" s="367"/>
      <c r="D13217" s="367"/>
      <c r="E13217" s="367"/>
      <c r="F13217" s="360"/>
      <c r="G13217" s="360"/>
      <c r="H13217" s="360"/>
      <c r="I13217" s="360"/>
      <c r="J13217" s="365"/>
      <c r="K13217" s="365"/>
      <c r="L13217" s="365"/>
    </row>
    <row r="13218" spans="2:12">
      <c r="B13218" s="367"/>
      <c r="C13218" s="367"/>
      <c r="D13218" s="367"/>
      <c r="E13218" s="367"/>
      <c r="F13218" s="359" t="s">
        <v>14389</v>
      </c>
      <c r="G13218" s="359" t="s">
        <v>14390</v>
      </c>
      <c r="H13218" s="359" t="s">
        <v>14367</v>
      </c>
      <c r="I13218" s="359" t="s">
        <v>14390</v>
      </c>
      <c r="J13218" s="365"/>
      <c r="K13218" s="365"/>
      <c r="L13218" s="365"/>
    </row>
    <row r="13219" spans="2:12">
      <c r="B13219" s="367"/>
      <c r="C13219" s="367"/>
      <c r="D13219" s="367"/>
      <c r="E13219" s="367"/>
      <c r="F13219" s="360"/>
      <c r="G13219" s="360"/>
      <c r="H13219" s="360"/>
      <c r="I13219" s="360"/>
      <c r="J13219" s="365"/>
      <c r="K13219" s="365"/>
      <c r="L13219" s="365"/>
    </row>
    <row r="13220" spans="2:12">
      <c r="B13220" s="367"/>
      <c r="C13220" s="367"/>
      <c r="D13220" s="367"/>
      <c r="E13220" s="367"/>
      <c r="F13220" s="359" t="s">
        <v>14430</v>
      </c>
      <c r="G13220" s="359" t="s">
        <v>14431</v>
      </c>
      <c r="H13220" s="359" t="s">
        <v>14370</v>
      </c>
      <c r="I13220" s="359" t="s">
        <v>14431</v>
      </c>
      <c r="J13220" s="365"/>
      <c r="K13220" s="365"/>
      <c r="L13220" s="365"/>
    </row>
    <row r="13221" spans="2:12">
      <c r="B13221" s="367"/>
      <c r="C13221" s="367"/>
      <c r="D13221" s="367"/>
      <c r="E13221" s="367"/>
      <c r="F13221" s="360"/>
      <c r="G13221" s="360"/>
      <c r="H13221" s="360"/>
      <c r="I13221" s="360"/>
      <c r="J13221" s="365"/>
      <c r="K13221" s="365"/>
      <c r="L13221" s="365"/>
    </row>
    <row r="13222" spans="2:12">
      <c r="B13222" s="367"/>
      <c r="C13222" s="367"/>
      <c r="D13222" s="367"/>
      <c r="E13222" s="367"/>
      <c r="F13222" s="359" t="s">
        <v>14371</v>
      </c>
      <c r="G13222" s="359" t="s">
        <v>14372</v>
      </c>
      <c r="H13222" s="359" t="s">
        <v>14332</v>
      </c>
      <c r="I13222" s="359" t="s">
        <v>14373</v>
      </c>
      <c r="J13222" s="365"/>
      <c r="K13222" s="365"/>
      <c r="L13222" s="365"/>
    </row>
    <row r="13223" spans="2:12">
      <c r="B13223" s="367"/>
      <c r="C13223" s="367"/>
      <c r="D13223" s="367"/>
      <c r="E13223" s="367"/>
      <c r="F13223" s="360"/>
      <c r="G13223" s="360"/>
      <c r="H13223" s="360"/>
      <c r="I13223" s="360"/>
      <c r="J13223" s="365"/>
      <c r="K13223" s="365"/>
      <c r="L13223" s="365"/>
    </row>
    <row r="13224" spans="2:12" ht="28.5">
      <c r="B13224" s="368"/>
      <c r="C13224" s="368"/>
      <c r="D13224" s="368"/>
      <c r="E13224" s="368"/>
      <c r="F13224" s="361" t="s">
        <v>14374</v>
      </c>
      <c r="G13224" s="361" t="s">
        <v>14373</v>
      </c>
      <c r="H13224" s="362"/>
      <c r="I13224" s="362"/>
      <c r="J13224" s="366"/>
      <c r="K13224" s="366"/>
      <c r="L13224" s="366"/>
    </row>
    <row r="13225" spans="2:12" ht="71.25">
      <c r="B13225" s="358" t="s">
        <v>21400</v>
      </c>
      <c r="C13225" s="358" t="s">
        <v>30273</v>
      </c>
      <c r="D13225" s="358" t="s">
        <v>21401</v>
      </c>
      <c r="E13225" s="358" t="s">
        <v>8356</v>
      </c>
      <c r="F13225" s="358" t="s">
        <v>14430</v>
      </c>
      <c r="G13225" s="358" t="s">
        <v>14431</v>
      </c>
      <c r="H13225" s="358" t="s">
        <v>14341</v>
      </c>
      <c r="I13225" s="358" t="s">
        <v>14431</v>
      </c>
      <c r="J13225" s="358"/>
      <c r="K13225" s="358"/>
      <c r="L13225" s="358"/>
    </row>
    <row r="13226" spans="2:12">
      <c r="B13226" s="367"/>
      <c r="C13226" s="367"/>
      <c r="D13226" s="367"/>
      <c r="E13226" s="367"/>
      <c r="F13226" s="360"/>
      <c r="G13226" s="360"/>
      <c r="H13226" s="360"/>
      <c r="I13226" s="360"/>
      <c r="J13226" s="365"/>
      <c r="K13226" s="365"/>
      <c r="L13226" s="365"/>
    </row>
    <row r="13227" spans="2:12">
      <c r="B13227" s="367"/>
      <c r="C13227" s="367"/>
      <c r="D13227" s="367"/>
      <c r="E13227" s="367"/>
      <c r="F13227" s="359" t="s">
        <v>14391</v>
      </c>
      <c r="G13227" s="359" t="s">
        <v>14392</v>
      </c>
      <c r="H13227" s="359" t="s">
        <v>14367</v>
      </c>
      <c r="I13227" s="359" t="s">
        <v>14392</v>
      </c>
      <c r="J13227" s="365"/>
      <c r="K13227" s="365"/>
      <c r="L13227" s="365"/>
    </row>
    <row r="13228" spans="2:12">
      <c r="B13228" s="367"/>
      <c r="C13228" s="367"/>
      <c r="D13228" s="367"/>
      <c r="E13228" s="367"/>
      <c r="F13228" s="360"/>
      <c r="G13228" s="360"/>
      <c r="H13228" s="360"/>
      <c r="I13228" s="360"/>
      <c r="J13228" s="365"/>
      <c r="K13228" s="365"/>
      <c r="L13228" s="365"/>
    </row>
    <row r="13229" spans="2:12">
      <c r="B13229" s="368"/>
      <c r="C13229" s="368"/>
      <c r="D13229" s="368"/>
      <c r="E13229" s="368"/>
      <c r="F13229" s="362"/>
      <c r="G13229" s="362"/>
      <c r="H13229" s="361" t="s">
        <v>14332</v>
      </c>
      <c r="I13229" s="362"/>
      <c r="J13229" s="366"/>
      <c r="K13229" s="366"/>
      <c r="L13229" s="366"/>
    </row>
    <row r="13230" spans="2:12" ht="28.5">
      <c r="B13230" s="358" t="s">
        <v>21402</v>
      </c>
      <c r="C13230" s="358" t="s">
        <v>30274</v>
      </c>
      <c r="D13230" s="358" t="s">
        <v>21403</v>
      </c>
      <c r="E13230" s="358" t="s">
        <v>21404</v>
      </c>
      <c r="F13230" s="358" t="s">
        <v>14391</v>
      </c>
      <c r="G13230" s="358" t="s">
        <v>14392</v>
      </c>
      <c r="H13230" s="358" t="s">
        <v>14367</v>
      </c>
      <c r="I13230" s="358" t="s">
        <v>14392</v>
      </c>
      <c r="J13230" s="358"/>
      <c r="K13230" s="358"/>
      <c r="L13230" s="358"/>
    </row>
    <row r="13231" spans="2:12">
      <c r="B13231" s="367"/>
      <c r="C13231" s="367"/>
      <c r="D13231" s="367"/>
      <c r="E13231" s="367"/>
      <c r="F13231" s="360"/>
      <c r="G13231" s="360"/>
      <c r="H13231" s="360"/>
      <c r="I13231" s="360"/>
      <c r="J13231" s="365"/>
      <c r="K13231" s="365"/>
      <c r="L13231" s="365"/>
    </row>
    <row r="13232" spans="2:12" ht="28.5">
      <c r="B13232" s="368"/>
      <c r="C13232" s="368"/>
      <c r="D13232" s="368"/>
      <c r="E13232" s="368"/>
      <c r="F13232" s="361" t="s">
        <v>14472</v>
      </c>
      <c r="G13232" s="361" t="s">
        <v>14473</v>
      </c>
      <c r="H13232" s="361" t="s">
        <v>14422</v>
      </c>
      <c r="I13232" s="361" t="s">
        <v>14473</v>
      </c>
      <c r="J13232" s="366"/>
      <c r="K13232" s="366"/>
      <c r="L13232" s="366"/>
    </row>
    <row r="13233" spans="2:12" ht="42.75">
      <c r="B13233" s="358" t="s">
        <v>21405</v>
      </c>
      <c r="C13233" s="358" t="s">
        <v>29330</v>
      </c>
      <c r="D13233" s="358" t="s">
        <v>21406</v>
      </c>
      <c r="E13233" s="358" t="s">
        <v>21407</v>
      </c>
      <c r="F13233" s="358" t="s">
        <v>14472</v>
      </c>
      <c r="G13233" s="358" t="s">
        <v>14473</v>
      </c>
      <c r="H13233" s="358" t="s">
        <v>8356</v>
      </c>
      <c r="I13233" s="358" t="s">
        <v>14473</v>
      </c>
      <c r="J13233" s="358"/>
      <c r="K13233" s="358"/>
      <c r="L13233" s="358"/>
    </row>
    <row r="13234" spans="2:12">
      <c r="B13234" s="368"/>
      <c r="C13234" s="368"/>
      <c r="D13234" s="368"/>
      <c r="E13234" s="368"/>
      <c r="F13234" s="368"/>
      <c r="G13234" s="368"/>
      <c r="H13234" s="368"/>
      <c r="I13234" s="368"/>
      <c r="J13234" s="366"/>
      <c r="K13234" s="366"/>
      <c r="L13234" s="366"/>
    </row>
    <row r="13235" spans="2:12" ht="327.75">
      <c r="B13235" s="358" t="s">
        <v>21408</v>
      </c>
      <c r="C13235" s="358" t="s">
        <v>29331</v>
      </c>
      <c r="D13235" s="358" t="s">
        <v>21409</v>
      </c>
      <c r="E13235" s="358" t="s">
        <v>8356</v>
      </c>
      <c r="F13235" s="358" t="s">
        <v>14430</v>
      </c>
      <c r="G13235" s="358" t="s">
        <v>14431</v>
      </c>
      <c r="H13235" s="358" t="s">
        <v>14341</v>
      </c>
      <c r="I13235" s="358" t="s">
        <v>14431</v>
      </c>
      <c r="J13235" s="358"/>
      <c r="K13235" s="358"/>
      <c r="L13235" s="358"/>
    </row>
    <row r="13236" spans="2:12">
      <c r="B13236" s="367"/>
      <c r="C13236" s="367"/>
      <c r="D13236" s="367"/>
      <c r="E13236" s="367"/>
      <c r="F13236" s="360"/>
      <c r="G13236" s="360"/>
      <c r="H13236" s="360"/>
      <c r="I13236" s="360"/>
      <c r="J13236" s="365"/>
      <c r="K13236" s="365"/>
      <c r="L13236" s="365"/>
    </row>
    <row r="13237" spans="2:12" ht="28.5">
      <c r="B13237" s="368"/>
      <c r="C13237" s="368"/>
      <c r="D13237" s="368"/>
      <c r="E13237" s="368"/>
      <c r="F13237" s="361" t="s">
        <v>14472</v>
      </c>
      <c r="G13237" s="361" t="s">
        <v>14473</v>
      </c>
      <c r="H13237" s="361" t="s">
        <v>14332</v>
      </c>
      <c r="I13237" s="361" t="s">
        <v>14473</v>
      </c>
      <c r="J13237" s="366"/>
      <c r="K13237" s="366"/>
      <c r="L13237" s="366"/>
    </row>
    <row r="13238" spans="2:12" ht="28.5">
      <c r="B13238" s="358" t="s">
        <v>21410</v>
      </c>
      <c r="C13238" s="358" t="s">
        <v>27696</v>
      </c>
      <c r="D13238" s="358" t="s">
        <v>21411</v>
      </c>
      <c r="E13238" s="358" t="s">
        <v>8356</v>
      </c>
      <c r="F13238" s="358" t="s">
        <v>14462</v>
      </c>
      <c r="G13238" s="358" t="s">
        <v>14463</v>
      </c>
      <c r="H13238" s="358"/>
      <c r="I13238" s="358" t="s">
        <v>14463</v>
      </c>
      <c r="J13238" s="358"/>
      <c r="K13238" s="358"/>
      <c r="L13238" s="358"/>
    </row>
    <row r="13239" spans="2:12">
      <c r="B13239" s="368"/>
      <c r="C13239" s="368"/>
      <c r="D13239" s="368"/>
      <c r="E13239" s="368"/>
      <c r="F13239" s="368"/>
      <c r="G13239" s="368"/>
      <c r="H13239" s="366"/>
      <c r="I13239" s="368"/>
      <c r="J13239" s="366"/>
      <c r="K13239" s="366"/>
      <c r="L13239" s="366"/>
    </row>
    <row r="13240" spans="2:12" ht="28.5">
      <c r="B13240" s="358" t="s">
        <v>21412</v>
      </c>
      <c r="C13240" s="358" t="s">
        <v>27697</v>
      </c>
      <c r="D13240" s="358" t="s">
        <v>21413</v>
      </c>
      <c r="E13240" s="358" t="s">
        <v>21414</v>
      </c>
      <c r="F13240" s="358" t="s">
        <v>29332</v>
      </c>
      <c r="G13240" s="358" t="s">
        <v>15097</v>
      </c>
      <c r="H13240" s="358" t="s">
        <v>14328</v>
      </c>
      <c r="I13240" s="358" t="s">
        <v>15097</v>
      </c>
      <c r="J13240" s="358"/>
      <c r="K13240" s="358"/>
      <c r="L13240" s="358"/>
    </row>
    <row r="13241" spans="2:12">
      <c r="B13241" s="367"/>
      <c r="C13241" s="367"/>
      <c r="D13241" s="367"/>
      <c r="E13241" s="367"/>
      <c r="F13241" s="360"/>
      <c r="G13241" s="360"/>
      <c r="H13241" s="360"/>
      <c r="I13241" s="360"/>
      <c r="J13241" s="365"/>
      <c r="K13241" s="365"/>
      <c r="L13241" s="365"/>
    </row>
    <row r="13242" spans="2:12" ht="28.5">
      <c r="B13242" s="367"/>
      <c r="C13242" s="367"/>
      <c r="D13242" s="367"/>
      <c r="E13242" s="367"/>
      <c r="F13242" s="359" t="s">
        <v>14472</v>
      </c>
      <c r="G13242" s="359" t="s">
        <v>14444</v>
      </c>
      <c r="H13242" s="359" t="s">
        <v>14381</v>
      </c>
      <c r="I13242" s="359" t="s">
        <v>14444</v>
      </c>
      <c r="J13242" s="365"/>
      <c r="K13242" s="365"/>
      <c r="L13242" s="365"/>
    </row>
    <row r="13243" spans="2:12">
      <c r="B13243" s="367"/>
      <c r="C13243" s="367"/>
      <c r="D13243" s="367"/>
      <c r="E13243" s="367"/>
      <c r="F13243" s="360"/>
      <c r="G13243" s="360"/>
      <c r="H13243" s="360"/>
      <c r="I13243" s="360"/>
      <c r="J13243" s="365"/>
      <c r="K13243" s="365"/>
      <c r="L13243" s="365"/>
    </row>
    <row r="13244" spans="2:12">
      <c r="B13244" s="368"/>
      <c r="C13244" s="368"/>
      <c r="D13244" s="368"/>
      <c r="E13244" s="368"/>
      <c r="F13244" s="362"/>
      <c r="G13244" s="361" t="s">
        <v>14473</v>
      </c>
      <c r="H13244" s="361" t="s">
        <v>14332</v>
      </c>
      <c r="I13244" s="361" t="s">
        <v>14473</v>
      </c>
      <c r="J13244" s="366"/>
      <c r="K13244" s="366"/>
      <c r="L13244" s="366"/>
    </row>
    <row r="13245" spans="2:12" ht="28.5">
      <c r="B13245" s="358" t="s">
        <v>21415</v>
      </c>
      <c r="C13245" s="358" t="s">
        <v>29333</v>
      </c>
      <c r="D13245" s="358" t="s">
        <v>8356</v>
      </c>
      <c r="E13245" s="358" t="s">
        <v>21416</v>
      </c>
      <c r="F13245" s="358" t="s">
        <v>14371</v>
      </c>
      <c r="G13245" s="358" t="s">
        <v>14372</v>
      </c>
      <c r="H13245" s="358" t="s">
        <v>14370</v>
      </c>
      <c r="I13245" s="358" t="s">
        <v>14373</v>
      </c>
      <c r="J13245" s="358"/>
      <c r="K13245" s="358"/>
      <c r="L13245" s="358"/>
    </row>
    <row r="13246" spans="2:12">
      <c r="B13246" s="367"/>
      <c r="C13246" s="367"/>
      <c r="D13246" s="367"/>
      <c r="E13246" s="367"/>
      <c r="F13246" s="360"/>
      <c r="G13246" s="360"/>
      <c r="H13246" s="360"/>
      <c r="I13246" s="367"/>
      <c r="J13246" s="365"/>
      <c r="K13246" s="365"/>
      <c r="L13246" s="365"/>
    </row>
    <row r="13247" spans="2:12" ht="28.5">
      <c r="B13247" s="368"/>
      <c r="C13247" s="368"/>
      <c r="D13247" s="368"/>
      <c r="E13247" s="368"/>
      <c r="F13247" s="361" t="s">
        <v>14374</v>
      </c>
      <c r="G13247" s="361" t="s">
        <v>14373</v>
      </c>
      <c r="H13247" s="361" t="s">
        <v>14422</v>
      </c>
      <c r="I13247" s="368"/>
      <c r="J13247" s="366"/>
      <c r="K13247" s="366"/>
      <c r="L13247" s="366"/>
    </row>
    <row r="13248" spans="2:12" ht="242.25">
      <c r="B13248" s="358" t="s">
        <v>21417</v>
      </c>
      <c r="C13248" s="358" t="s">
        <v>30275</v>
      </c>
      <c r="D13248" s="358" t="s">
        <v>21418</v>
      </c>
      <c r="E13248" s="358" t="s">
        <v>8356</v>
      </c>
      <c r="F13248" s="358" t="s">
        <v>14460</v>
      </c>
      <c r="G13248" s="358" t="s">
        <v>14519</v>
      </c>
      <c r="H13248" s="358" t="s">
        <v>14381</v>
      </c>
      <c r="I13248" s="358" t="s">
        <v>14519</v>
      </c>
      <c r="J13248" s="358"/>
      <c r="K13248" s="358"/>
      <c r="L13248" s="358"/>
    </row>
    <row r="13249" spans="2:12">
      <c r="B13249" s="367"/>
      <c r="C13249" s="367"/>
      <c r="D13249" s="367"/>
      <c r="E13249" s="367"/>
      <c r="F13249" s="367"/>
      <c r="G13249" s="367"/>
      <c r="H13249" s="360"/>
      <c r="I13249" s="367"/>
      <c r="J13249" s="365"/>
      <c r="K13249" s="365"/>
      <c r="L13249" s="365"/>
    </row>
    <row r="13250" spans="2:12">
      <c r="B13250" s="368"/>
      <c r="C13250" s="368"/>
      <c r="D13250" s="368"/>
      <c r="E13250" s="368"/>
      <c r="F13250" s="368"/>
      <c r="G13250" s="368"/>
      <c r="H13250" s="361" t="s">
        <v>14422</v>
      </c>
      <c r="I13250" s="368"/>
      <c r="J13250" s="366"/>
      <c r="K13250" s="366"/>
      <c r="L13250" s="366"/>
    </row>
    <row r="13251" spans="2:12" ht="28.5">
      <c r="B13251" s="358" t="s">
        <v>21419</v>
      </c>
      <c r="C13251" s="358" t="s">
        <v>27698</v>
      </c>
      <c r="D13251" s="358" t="s">
        <v>21420</v>
      </c>
      <c r="E13251" s="358" t="s">
        <v>21421</v>
      </c>
      <c r="F13251" s="358" t="s">
        <v>14430</v>
      </c>
      <c r="G13251" s="358" t="s">
        <v>14431</v>
      </c>
      <c r="H13251" s="358" t="s">
        <v>14341</v>
      </c>
      <c r="I13251" s="358" t="s">
        <v>14431</v>
      </c>
      <c r="J13251" s="358"/>
      <c r="K13251" s="358"/>
      <c r="L13251" s="358"/>
    </row>
    <row r="13252" spans="2:12">
      <c r="B13252" s="367"/>
      <c r="C13252" s="367"/>
      <c r="D13252" s="367"/>
      <c r="E13252" s="367"/>
      <c r="F13252" s="367"/>
      <c r="G13252" s="367"/>
      <c r="H13252" s="360"/>
      <c r="I13252" s="367"/>
      <c r="J13252" s="365"/>
      <c r="K13252" s="365"/>
      <c r="L13252" s="365"/>
    </row>
    <row r="13253" spans="2:12">
      <c r="B13253" s="368"/>
      <c r="C13253" s="368"/>
      <c r="D13253" s="368"/>
      <c r="E13253" s="368"/>
      <c r="F13253" s="368"/>
      <c r="G13253" s="368"/>
      <c r="H13253" s="361" t="s">
        <v>14332</v>
      </c>
      <c r="I13253" s="368"/>
      <c r="J13253" s="366"/>
      <c r="K13253" s="366"/>
      <c r="L13253" s="366"/>
    </row>
    <row r="13254" spans="2:12" ht="28.5">
      <c r="B13254" s="358" t="s">
        <v>21422</v>
      </c>
      <c r="C13254" s="358" t="s">
        <v>27699</v>
      </c>
      <c r="D13254" s="358" t="s">
        <v>21423</v>
      </c>
      <c r="E13254" s="358" t="s">
        <v>21424</v>
      </c>
      <c r="F13254" s="358" t="s">
        <v>14472</v>
      </c>
      <c r="G13254" s="358" t="s">
        <v>14473</v>
      </c>
      <c r="H13254" s="358" t="s">
        <v>8356</v>
      </c>
      <c r="I13254" s="358" t="s">
        <v>14473</v>
      </c>
      <c r="J13254" s="358"/>
      <c r="K13254" s="358"/>
      <c r="L13254" s="358"/>
    </row>
    <row r="13255" spans="2:12">
      <c r="B13255" s="368"/>
      <c r="C13255" s="368"/>
      <c r="D13255" s="368"/>
      <c r="E13255" s="368"/>
      <c r="F13255" s="368"/>
      <c r="G13255" s="368"/>
      <c r="H13255" s="368"/>
      <c r="I13255" s="368"/>
      <c r="J13255" s="366"/>
      <c r="K13255" s="366"/>
      <c r="L13255" s="366"/>
    </row>
    <row r="13256" spans="2:12" ht="28.5">
      <c r="B13256" s="358" t="s">
        <v>21425</v>
      </c>
      <c r="C13256" s="358" t="s">
        <v>27700</v>
      </c>
      <c r="D13256" s="358" t="s">
        <v>21426</v>
      </c>
      <c r="E13256" s="358" t="s">
        <v>21427</v>
      </c>
      <c r="F13256" s="358" t="s">
        <v>14462</v>
      </c>
      <c r="G13256" s="358" t="s">
        <v>14463</v>
      </c>
      <c r="H13256" s="358" t="s">
        <v>8356</v>
      </c>
      <c r="I13256" s="358" t="s">
        <v>14463</v>
      </c>
      <c r="J13256" s="358"/>
      <c r="K13256" s="358"/>
      <c r="L13256" s="358"/>
    </row>
    <row r="13257" spans="2:12">
      <c r="B13257" s="368"/>
      <c r="C13257" s="368"/>
      <c r="D13257" s="368"/>
      <c r="E13257" s="368"/>
      <c r="F13257" s="368"/>
      <c r="G13257" s="368"/>
      <c r="H13257" s="368"/>
      <c r="I13257" s="368"/>
      <c r="J13257" s="366"/>
      <c r="K13257" s="366"/>
      <c r="L13257" s="366"/>
    </row>
    <row r="13258" spans="2:12" ht="28.5">
      <c r="B13258" s="358" t="s">
        <v>21428</v>
      </c>
      <c r="C13258" s="358" t="s">
        <v>21429</v>
      </c>
      <c r="D13258" s="358" t="s">
        <v>21430</v>
      </c>
      <c r="E13258" s="358" t="s">
        <v>21431</v>
      </c>
      <c r="F13258" s="358" t="s">
        <v>14460</v>
      </c>
      <c r="G13258" s="358" t="s">
        <v>29334</v>
      </c>
      <c r="H13258" s="358" t="s">
        <v>14381</v>
      </c>
      <c r="I13258" s="358" t="s">
        <v>29334</v>
      </c>
      <c r="J13258" s="358"/>
      <c r="K13258" s="358"/>
      <c r="L13258" s="358"/>
    </row>
    <row r="13259" spans="2:12">
      <c r="B13259" s="367"/>
      <c r="C13259" s="367"/>
      <c r="D13259" s="367"/>
      <c r="E13259" s="367"/>
      <c r="F13259" s="360"/>
      <c r="G13259" s="367"/>
      <c r="H13259" s="360"/>
      <c r="I13259" s="367"/>
      <c r="J13259" s="365"/>
      <c r="K13259" s="365"/>
      <c r="L13259" s="365"/>
    </row>
    <row r="13260" spans="2:12" ht="28.5">
      <c r="B13260" s="367"/>
      <c r="C13260" s="367"/>
      <c r="D13260" s="367"/>
      <c r="E13260" s="367"/>
      <c r="F13260" s="359" t="s">
        <v>14394</v>
      </c>
      <c r="G13260" s="367"/>
      <c r="H13260" s="359" t="s">
        <v>14370</v>
      </c>
      <c r="I13260" s="367"/>
      <c r="J13260" s="365"/>
      <c r="K13260" s="365"/>
      <c r="L13260" s="365"/>
    </row>
    <row r="13261" spans="2:12">
      <c r="B13261" s="367"/>
      <c r="C13261" s="367"/>
      <c r="D13261" s="367"/>
      <c r="E13261" s="367"/>
      <c r="F13261" s="360"/>
      <c r="G13261" s="367"/>
      <c r="H13261" s="360"/>
      <c r="I13261" s="367"/>
      <c r="J13261" s="365"/>
      <c r="K13261" s="365"/>
      <c r="L13261" s="365"/>
    </row>
    <row r="13262" spans="2:12">
      <c r="B13262" s="368"/>
      <c r="C13262" s="368"/>
      <c r="D13262" s="368"/>
      <c r="E13262" s="368"/>
      <c r="F13262" s="362"/>
      <c r="G13262" s="368"/>
      <c r="H13262" s="361" t="s">
        <v>14422</v>
      </c>
      <c r="I13262" s="368"/>
      <c r="J13262" s="366"/>
      <c r="K13262" s="366"/>
      <c r="L13262" s="366"/>
    </row>
    <row r="13263" spans="2:12" ht="42.75">
      <c r="B13263" s="358" t="s">
        <v>21432</v>
      </c>
      <c r="C13263" s="358" t="s">
        <v>27701</v>
      </c>
      <c r="D13263" s="358" t="s">
        <v>21433</v>
      </c>
      <c r="E13263" s="358" t="s">
        <v>21434</v>
      </c>
      <c r="F13263" s="358" t="s">
        <v>14472</v>
      </c>
      <c r="G13263" s="358" t="s">
        <v>14473</v>
      </c>
      <c r="H13263" s="358" t="s">
        <v>8356</v>
      </c>
      <c r="I13263" s="358" t="s">
        <v>14473</v>
      </c>
      <c r="J13263" s="358"/>
      <c r="K13263" s="358"/>
      <c r="L13263" s="358"/>
    </row>
    <row r="13264" spans="2:12">
      <c r="B13264" s="368"/>
      <c r="C13264" s="368"/>
      <c r="D13264" s="368"/>
      <c r="E13264" s="368"/>
      <c r="F13264" s="368"/>
      <c r="G13264" s="368"/>
      <c r="H13264" s="368"/>
      <c r="I13264" s="368"/>
      <c r="J13264" s="366"/>
      <c r="K13264" s="366"/>
      <c r="L13264" s="366"/>
    </row>
    <row r="13265" spans="2:12" ht="71.25">
      <c r="B13265" s="358" t="s">
        <v>21435</v>
      </c>
      <c r="C13265" s="358" t="s">
        <v>21436</v>
      </c>
      <c r="D13265" s="358" t="s">
        <v>21437</v>
      </c>
      <c r="E13265" s="358" t="s">
        <v>8356</v>
      </c>
      <c r="F13265" s="358" t="s">
        <v>14430</v>
      </c>
      <c r="G13265" s="358" t="s">
        <v>14431</v>
      </c>
      <c r="H13265" s="358" t="s">
        <v>14341</v>
      </c>
      <c r="I13265" s="358" t="s">
        <v>14431</v>
      </c>
      <c r="J13265" s="358"/>
      <c r="K13265" s="358"/>
      <c r="L13265" s="358"/>
    </row>
    <row r="13266" spans="2:12">
      <c r="B13266" s="367"/>
      <c r="C13266" s="367"/>
      <c r="D13266" s="367"/>
      <c r="E13266" s="367"/>
      <c r="F13266" s="360"/>
      <c r="G13266" s="360"/>
      <c r="H13266" s="360"/>
      <c r="I13266" s="360"/>
      <c r="J13266" s="365"/>
      <c r="K13266" s="365"/>
      <c r="L13266" s="365"/>
    </row>
    <row r="13267" spans="2:12">
      <c r="B13267" s="367"/>
      <c r="C13267" s="367"/>
      <c r="D13267" s="367"/>
      <c r="E13267" s="367"/>
      <c r="F13267" s="359" t="s">
        <v>14391</v>
      </c>
      <c r="G13267" s="359" t="s">
        <v>14392</v>
      </c>
      <c r="H13267" s="359" t="s">
        <v>14367</v>
      </c>
      <c r="I13267" s="359" t="s">
        <v>14392</v>
      </c>
      <c r="J13267" s="365"/>
      <c r="K13267" s="365"/>
      <c r="L13267" s="365"/>
    </row>
    <row r="13268" spans="2:12">
      <c r="B13268" s="367"/>
      <c r="C13268" s="367"/>
      <c r="D13268" s="367"/>
      <c r="E13268" s="367"/>
      <c r="F13268" s="360"/>
      <c r="G13268" s="360"/>
      <c r="H13268" s="360"/>
      <c r="I13268" s="360"/>
      <c r="J13268" s="365"/>
      <c r="K13268" s="365"/>
      <c r="L13268" s="365"/>
    </row>
    <row r="13269" spans="2:12">
      <c r="B13269" s="368"/>
      <c r="C13269" s="368"/>
      <c r="D13269" s="368"/>
      <c r="E13269" s="368"/>
      <c r="F13269" s="362"/>
      <c r="G13269" s="362"/>
      <c r="H13269" s="361" t="s">
        <v>14332</v>
      </c>
      <c r="I13269" s="362"/>
      <c r="J13269" s="366"/>
      <c r="K13269" s="366"/>
      <c r="L13269" s="366"/>
    </row>
    <row r="13270" spans="2:12" ht="28.5">
      <c r="B13270" s="358" t="s">
        <v>21438</v>
      </c>
      <c r="C13270" s="358" t="s">
        <v>21439</v>
      </c>
      <c r="D13270" s="358" t="s">
        <v>21440</v>
      </c>
      <c r="E13270" s="358" t="s">
        <v>21441</v>
      </c>
      <c r="F13270" s="358" t="s">
        <v>29118</v>
      </c>
      <c r="G13270" s="358" t="s">
        <v>14383</v>
      </c>
      <c r="H13270" s="358" t="s">
        <v>14378</v>
      </c>
      <c r="I13270" s="358" t="s">
        <v>14383</v>
      </c>
      <c r="J13270" s="358"/>
      <c r="K13270" s="358"/>
      <c r="L13270" s="358"/>
    </row>
    <row r="13271" spans="2:12">
      <c r="B13271" s="367"/>
      <c r="C13271" s="367"/>
      <c r="D13271" s="367"/>
      <c r="E13271" s="367"/>
      <c r="F13271" s="360"/>
      <c r="G13271" s="360"/>
      <c r="H13271" s="360"/>
      <c r="I13271" s="360"/>
      <c r="J13271" s="365"/>
      <c r="K13271" s="365"/>
      <c r="L13271" s="365"/>
    </row>
    <row r="13272" spans="2:12" ht="28.5">
      <c r="B13272" s="367"/>
      <c r="C13272" s="367"/>
      <c r="D13272" s="367"/>
      <c r="E13272" s="367"/>
      <c r="F13272" s="359" t="s">
        <v>14391</v>
      </c>
      <c r="G13272" s="359" t="s">
        <v>28738</v>
      </c>
      <c r="H13272" s="359" t="s">
        <v>14381</v>
      </c>
      <c r="I13272" s="359" t="s">
        <v>28738</v>
      </c>
      <c r="J13272" s="365"/>
      <c r="K13272" s="365"/>
      <c r="L13272" s="365"/>
    </row>
    <row r="13273" spans="2:12">
      <c r="B13273" s="367"/>
      <c r="C13273" s="367"/>
      <c r="D13273" s="367"/>
      <c r="E13273" s="367"/>
      <c r="F13273" s="360"/>
      <c r="G13273" s="360"/>
      <c r="H13273" s="360"/>
      <c r="I13273" s="360"/>
      <c r="J13273" s="365"/>
      <c r="K13273" s="365"/>
      <c r="L13273" s="365"/>
    </row>
    <row r="13274" spans="2:12" ht="28.5">
      <c r="B13274" s="367"/>
      <c r="C13274" s="367"/>
      <c r="D13274" s="367"/>
      <c r="E13274" s="367"/>
      <c r="F13274" s="359" t="s">
        <v>14394</v>
      </c>
      <c r="G13274" s="359" t="s">
        <v>14395</v>
      </c>
      <c r="H13274" s="359" t="s">
        <v>14370</v>
      </c>
      <c r="I13274" s="359" t="s">
        <v>14395</v>
      </c>
      <c r="J13274" s="365"/>
      <c r="K13274" s="365"/>
      <c r="L13274" s="365"/>
    </row>
    <row r="13275" spans="2:12">
      <c r="B13275" s="367"/>
      <c r="C13275" s="367"/>
      <c r="D13275" s="367"/>
      <c r="E13275" s="367"/>
      <c r="F13275" s="360"/>
      <c r="G13275" s="360"/>
      <c r="H13275" s="360"/>
      <c r="I13275" s="360"/>
      <c r="J13275" s="365"/>
      <c r="K13275" s="365"/>
      <c r="L13275" s="365"/>
    </row>
    <row r="13276" spans="2:12">
      <c r="B13276" s="368"/>
      <c r="C13276" s="368"/>
      <c r="D13276" s="368"/>
      <c r="E13276" s="368"/>
      <c r="F13276" s="362"/>
      <c r="G13276" s="362"/>
      <c r="H13276" s="361" t="s">
        <v>14332</v>
      </c>
      <c r="I13276" s="362"/>
      <c r="J13276" s="366"/>
      <c r="K13276" s="366"/>
      <c r="L13276" s="366"/>
    </row>
    <row r="13277" spans="2:12">
      <c r="B13277" s="358" t="s">
        <v>21442</v>
      </c>
      <c r="C13277" s="358" t="s">
        <v>21443</v>
      </c>
      <c r="D13277" s="358" t="s">
        <v>21444</v>
      </c>
      <c r="E13277" s="358" t="s">
        <v>8356</v>
      </c>
      <c r="F13277" s="358" t="s">
        <v>14430</v>
      </c>
      <c r="G13277" s="358" t="s">
        <v>14431</v>
      </c>
      <c r="H13277" s="358" t="s">
        <v>14341</v>
      </c>
      <c r="I13277" s="358" t="s">
        <v>14431</v>
      </c>
      <c r="J13277" s="358"/>
      <c r="K13277" s="358"/>
      <c r="L13277" s="358"/>
    </row>
    <row r="13278" spans="2:12">
      <c r="B13278" s="367"/>
      <c r="C13278" s="367"/>
      <c r="D13278" s="367"/>
      <c r="E13278" s="367"/>
      <c r="F13278" s="360"/>
      <c r="G13278" s="360"/>
      <c r="H13278" s="360"/>
      <c r="I13278" s="360"/>
      <c r="J13278" s="365"/>
      <c r="K13278" s="365"/>
      <c r="L13278" s="365"/>
    </row>
    <row r="13279" spans="2:12" ht="28.5">
      <c r="B13279" s="368"/>
      <c r="C13279" s="368"/>
      <c r="D13279" s="368"/>
      <c r="E13279" s="368"/>
      <c r="F13279" s="361" t="s">
        <v>14472</v>
      </c>
      <c r="G13279" s="361" t="s">
        <v>14473</v>
      </c>
      <c r="H13279" s="361" t="s">
        <v>14332</v>
      </c>
      <c r="I13279" s="361" t="s">
        <v>14473</v>
      </c>
      <c r="J13279" s="366"/>
      <c r="K13279" s="366"/>
      <c r="L13279" s="366"/>
    </row>
    <row r="13280" spans="2:12">
      <c r="B13280" s="358" t="s">
        <v>21445</v>
      </c>
      <c r="C13280" s="358" t="s">
        <v>21446</v>
      </c>
      <c r="D13280" s="358" t="s">
        <v>21447</v>
      </c>
      <c r="E13280" s="358" t="s">
        <v>21448</v>
      </c>
      <c r="F13280" s="358" t="s">
        <v>14420</v>
      </c>
      <c r="G13280" s="358" t="s">
        <v>14429</v>
      </c>
      <c r="H13280" s="358" t="s">
        <v>14341</v>
      </c>
      <c r="I13280" s="358" t="s">
        <v>14429</v>
      </c>
      <c r="J13280" s="358"/>
      <c r="K13280" s="358"/>
      <c r="L13280" s="358"/>
    </row>
    <row r="13281" spans="2:12">
      <c r="B13281" s="367"/>
      <c r="C13281" s="367"/>
      <c r="D13281" s="367"/>
      <c r="E13281" s="367"/>
      <c r="F13281" s="360"/>
      <c r="G13281" s="360"/>
      <c r="H13281" s="360"/>
      <c r="I13281" s="360"/>
      <c r="J13281" s="365"/>
      <c r="K13281" s="365"/>
      <c r="L13281" s="365"/>
    </row>
    <row r="13282" spans="2:12">
      <c r="B13282" s="367"/>
      <c r="C13282" s="367"/>
      <c r="D13282" s="367"/>
      <c r="E13282" s="367"/>
      <c r="F13282" s="359" t="s">
        <v>14430</v>
      </c>
      <c r="G13282" s="359" t="s">
        <v>14431</v>
      </c>
      <c r="H13282" s="359" t="s">
        <v>14367</v>
      </c>
      <c r="I13282" s="359" t="s">
        <v>14431</v>
      </c>
      <c r="J13282" s="365"/>
      <c r="K13282" s="365"/>
      <c r="L13282" s="365"/>
    </row>
    <row r="13283" spans="2:12">
      <c r="B13283" s="367"/>
      <c r="C13283" s="367"/>
      <c r="D13283" s="367"/>
      <c r="E13283" s="367"/>
      <c r="F13283" s="360"/>
      <c r="G13283" s="360"/>
      <c r="H13283" s="360"/>
      <c r="I13283" s="360"/>
      <c r="J13283" s="365"/>
      <c r="K13283" s="365"/>
      <c r="L13283" s="365"/>
    </row>
    <row r="13284" spans="2:12" ht="28.5">
      <c r="B13284" s="368"/>
      <c r="C13284" s="368"/>
      <c r="D13284" s="368"/>
      <c r="E13284" s="368"/>
      <c r="F13284" s="361" t="s">
        <v>14472</v>
      </c>
      <c r="G13284" s="361" t="s">
        <v>14473</v>
      </c>
      <c r="H13284" s="361" t="s">
        <v>14332</v>
      </c>
      <c r="I13284" s="361" t="s">
        <v>14473</v>
      </c>
      <c r="J13284" s="366"/>
      <c r="K13284" s="366"/>
      <c r="L13284" s="366"/>
    </row>
    <row r="13285" spans="2:12" ht="42.75">
      <c r="B13285" s="358" t="s">
        <v>21449</v>
      </c>
      <c r="C13285" s="358" t="s">
        <v>21450</v>
      </c>
      <c r="D13285" s="358" t="s">
        <v>21451</v>
      </c>
      <c r="E13285" s="358" t="s">
        <v>8356</v>
      </c>
      <c r="F13285" s="358" t="s">
        <v>29335</v>
      </c>
      <c r="G13285" s="358" t="s">
        <v>14383</v>
      </c>
      <c r="H13285" s="358" t="s">
        <v>14378</v>
      </c>
      <c r="I13285" s="358" t="s">
        <v>14383</v>
      </c>
      <c r="J13285" s="358"/>
      <c r="K13285" s="358"/>
      <c r="L13285" s="358"/>
    </row>
    <row r="13286" spans="2:12">
      <c r="B13286" s="367"/>
      <c r="C13286" s="367"/>
      <c r="D13286" s="367"/>
      <c r="E13286" s="367"/>
      <c r="F13286" s="360"/>
      <c r="G13286" s="360"/>
      <c r="H13286" s="360"/>
      <c r="I13286" s="360"/>
      <c r="J13286" s="365"/>
      <c r="K13286" s="365"/>
      <c r="L13286" s="365"/>
    </row>
    <row r="13287" spans="2:12">
      <c r="B13287" s="367"/>
      <c r="C13287" s="367"/>
      <c r="D13287" s="367"/>
      <c r="E13287" s="367"/>
      <c r="F13287" s="359" t="s">
        <v>14430</v>
      </c>
      <c r="G13287" s="359" t="s">
        <v>14421</v>
      </c>
      <c r="H13287" s="359" t="s">
        <v>14341</v>
      </c>
      <c r="I13287" s="359" t="s">
        <v>14421</v>
      </c>
      <c r="J13287" s="365"/>
      <c r="K13287" s="365"/>
      <c r="L13287" s="365"/>
    </row>
    <row r="13288" spans="2:12">
      <c r="B13288" s="367"/>
      <c r="C13288" s="367"/>
      <c r="D13288" s="367"/>
      <c r="E13288" s="367"/>
      <c r="F13288" s="360"/>
      <c r="G13288" s="360"/>
      <c r="H13288" s="360"/>
      <c r="I13288" s="360"/>
      <c r="J13288" s="365"/>
      <c r="K13288" s="365"/>
      <c r="L13288" s="365"/>
    </row>
    <row r="13289" spans="2:12" ht="28.5">
      <c r="B13289" s="367"/>
      <c r="C13289" s="367"/>
      <c r="D13289" s="367"/>
      <c r="E13289" s="367"/>
      <c r="F13289" s="359" t="s">
        <v>14371</v>
      </c>
      <c r="G13289" s="359" t="s">
        <v>29336</v>
      </c>
      <c r="H13289" s="359" t="s">
        <v>14381</v>
      </c>
      <c r="I13289" s="359" t="s">
        <v>29336</v>
      </c>
      <c r="J13289" s="365"/>
      <c r="K13289" s="365"/>
      <c r="L13289" s="365"/>
    </row>
    <row r="13290" spans="2:12">
      <c r="B13290" s="367"/>
      <c r="C13290" s="367"/>
      <c r="D13290" s="367"/>
      <c r="E13290" s="367"/>
      <c r="F13290" s="360"/>
      <c r="G13290" s="360"/>
      <c r="H13290" s="360"/>
      <c r="I13290" s="360"/>
      <c r="J13290" s="365"/>
      <c r="K13290" s="365"/>
      <c r="L13290" s="365"/>
    </row>
    <row r="13291" spans="2:12" ht="28.5">
      <c r="B13291" s="367"/>
      <c r="C13291" s="367"/>
      <c r="D13291" s="367"/>
      <c r="E13291" s="367"/>
      <c r="F13291" s="359" t="s">
        <v>14374</v>
      </c>
      <c r="G13291" s="359" t="s">
        <v>14372</v>
      </c>
      <c r="H13291" s="359" t="s">
        <v>14370</v>
      </c>
      <c r="I13291" s="359" t="s">
        <v>14373</v>
      </c>
      <c r="J13291" s="365"/>
      <c r="K13291" s="365"/>
      <c r="L13291" s="365"/>
    </row>
    <row r="13292" spans="2:12">
      <c r="B13292" s="367"/>
      <c r="C13292" s="367"/>
      <c r="D13292" s="367"/>
      <c r="E13292" s="367"/>
      <c r="F13292" s="360"/>
      <c r="G13292" s="360"/>
      <c r="H13292" s="360"/>
      <c r="I13292" s="360"/>
      <c r="J13292" s="365"/>
      <c r="K13292" s="365"/>
      <c r="L13292" s="365"/>
    </row>
    <row r="13293" spans="2:12">
      <c r="B13293" s="368"/>
      <c r="C13293" s="368"/>
      <c r="D13293" s="368"/>
      <c r="E13293" s="368"/>
      <c r="F13293" s="362"/>
      <c r="G13293" s="361" t="s">
        <v>14373</v>
      </c>
      <c r="H13293" s="361" t="s">
        <v>14332</v>
      </c>
      <c r="I13293" s="362"/>
      <c r="J13293" s="366"/>
      <c r="K13293" s="366"/>
      <c r="L13293" s="366"/>
    </row>
    <row r="13294" spans="2:12" ht="42.75">
      <c r="B13294" s="358" t="s">
        <v>21452</v>
      </c>
      <c r="C13294" s="358" t="s">
        <v>21453</v>
      </c>
      <c r="D13294" s="358" t="s">
        <v>21454</v>
      </c>
      <c r="E13294" s="358" t="s">
        <v>21455</v>
      </c>
      <c r="F13294" s="358" t="s">
        <v>14462</v>
      </c>
      <c r="G13294" s="358" t="s">
        <v>14463</v>
      </c>
      <c r="H13294" s="358" t="s">
        <v>8356</v>
      </c>
      <c r="I13294" s="358" t="s">
        <v>14463</v>
      </c>
      <c r="J13294" s="358"/>
      <c r="K13294" s="358"/>
      <c r="L13294" s="358"/>
    </row>
    <row r="13295" spans="2:12">
      <c r="B13295" s="368"/>
      <c r="C13295" s="368"/>
      <c r="D13295" s="368"/>
      <c r="E13295" s="368"/>
      <c r="F13295" s="368"/>
      <c r="G13295" s="368"/>
      <c r="H13295" s="368"/>
      <c r="I13295" s="368"/>
      <c r="J13295" s="366"/>
      <c r="K13295" s="366"/>
      <c r="L13295" s="366"/>
    </row>
    <row r="13296" spans="2:12">
      <c r="B13296" s="358" t="s">
        <v>21456</v>
      </c>
      <c r="C13296" s="358" t="s">
        <v>21457</v>
      </c>
      <c r="D13296" s="358" t="s">
        <v>21458</v>
      </c>
      <c r="E13296" s="358" t="s">
        <v>21459</v>
      </c>
      <c r="F13296" s="358" t="s">
        <v>14356</v>
      </c>
      <c r="G13296" s="358" t="s">
        <v>14340</v>
      </c>
      <c r="H13296" s="358" t="s">
        <v>14341</v>
      </c>
      <c r="I13296" s="358" t="s">
        <v>14340</v>
      </c>
      <c r="J13296" s="358"/>
      <c r="K13296" s="358"/>
      <c r="L13296" s="358"/>
    </row>
    <row r="13297" spans="2:12">
      <c r="B13297" s="367"/>
      <c r="C13297" s="367"/>
      <c r="D13297" s="367"/>
      <c r="E13297" s="367"/>
      <c r="F13297" s="360"/>
      <c r="G13297" s="360"/>
      <c r="H13297" s="360"/>
      <c r="I13297" s="360"/>
      <c r="J13297" s="365"/>
      <c r="K13297" s="365"/>
      <c r="L13297" s="365"/>
    </row>
    <row r="13298" spans="2:12" ht="28.5">
      <c r="B13298" s="367"/>
      <c r="C13298" s="367"/>
      <c r="D13298" s="367"/>
      <c r="E13298" s="367"/>
      <c r="F13298" s="359" t="s">
        <v>28938</v>
      </c>
      <c r="G13298" s="359" t="s">
        <v>14421</v>
      </c>
      <c r="H13298" s="359" t="s">
        <v>14367</v>
      </c>
      <c r="I13298" s="359" t="s">
        <v>14421</v>
      </c>
      <c r="J13298" s="365"/>
      <c r="K13298" s="365"/>
      <c r="L13298" s="365"/>
    </row>
    <row r="13299" spans="2:12">
      <c r="B13299" s="367"/>
      <c r="C13299" s="367"/>
      <c r="D13299" s="367"/>
      <c r="E13299" s="367"/>
      <c r="F13299" s="360"/>
      <c r="G13299" s="360"/>
      <c r="H13299" s="360"/>
      <c r="I13299" s="360"/>
      <c r="J13299" s="365"/>
      <c r="K13299" s="365"/>
      <c r="L13299" s="365"/>
    </row>
    <row r="13300" spans="2:12">
      <c r="B13300" s="367"/>
      <c r="C13300" s="367"/>
      <c r="D13300" s="367"/>
      <c r="E13300" s="367"/>
      <c r="F13300" s="359" t="s">
        <v>14391</v>
      </c>
      <c r="G13300" s="359" t="s">
        <v>14429</v>
      </c>
      <c r="H13300" s="359" t="s">
        <v>14370</v>
      </c>
      <c r="I13300" s="359" t="s">
        <v>14429</v>
      </c>
      <c r="J13300" s="365"/>
      <c r="K13300" s="365"/>
      <c r="L13300" s="365"/>
    </row>
    <row r="13301" spans="2:12">
      <c r="B13301" s="367"/>
      <c r="C13301" s="367"/>
      <c r="D13301" s="367"/>
      <c r="E13301" s="367"/>
      <c r="F13301" s="360"/>
      <c r="G13301" s="360"/>
      <c r="H13301" s="360"/>
      <c r="I13301" s="360"/>
      <c r="J13301" s="365"/>
      <c r="K13301" s="365"/>
      <c r="L13301" s="365"/>
    </row>
    <row r="13302" spans="2:12" ht="28.5">
      <c r="B13302" s="367"/>
      <c r="C13302" s="367"/>
      <c r="D13302" s="367"/>
      <c r="E13302" s="367"/>
      <c r="F13302" s="359" t="s">
        <v>14394</v>
      </c>
      <c r="G13302" s="359" t="s">
        <v>14392</v>
      </c>
      <c r="H13302" s="359" t="s">
        <v>14332</v>
      </c>
      <c r="I13302" s="359" t="s">
        <v>14392</v>
      </c>
      <c r="J13302" s="365"/>
      <c r="K13302" s="365"/>
      <c r="L13302" s="365"/>
    </row>
    <row r="13303" spans="2:12">
      <c r="B13303" s="367"/>
      <c r="C13303" s="367"/>
      <c r="D13303" s="367"/>
      <c r="E13303" s="367"/>
      <c r="F13303" s="360"/>
      <c r="G13303" s="360"/>
      <c r="H13303" s="360"/>
      <c r="I13303" s="360"/>
      <c r="J13303" s="365"/>
      <c r="K13303" s="365"/>
      <c r="L13303" s="365"/>
    </row>
    <row r="13304" spans="2:12">
      <c r="B13304" s="368"/>
      <c r="C13304" s="368"/>
      <c r="D13304" s="368"/>
      <c r="E13304" s="368"/>
      <c r="F13304" s="362"/>
      <c r="G13304" s="361" t="s">
        <v>14395</v>
      </c>
      <c r="H13304" s="362"/>
      <c r="I13304" s="361" t="s">
        <v>14395</v>
      </c>
      <c r="J13304" s="366"/>
      <c r="K13304" s="366"/>
      <c r="L13304" s="366"/>
    </row>
    <row r="13305" spans="2:12" ht="42.75">
      <c r="B13305" s="358" t="s">
        <v>21460</v>
      </c>
      <c r="C13305" s="358" t="s">
        <v>21461</v>
      </c>
      <c r="D13305" s="358" t="s">
        <v>21462</v>
      </c>
      <c r="E13305" s="358" t="s">
        <v>21463</v>
      </c>
      <c r="F13305" s="358" t="s">
        <v>14430</v>
      </c>
      <c r="G13305" s="358" t="s">
        <v>14431</v>
      </c>
      <c r="H13305" s="358" t="s">
        <v>14341</v>
      </c>
      <c r="I13305" s="358" t="s">
        <v>14431</v>
      </c>
      <c r="J13305" s="358"/>
      <c r="K13305" s="358"/>
      <c r="L13305" s="358"/>
    </row>
    <row r="13306" spans="2:12">
      <c r="B13306" s="367"/>
      <c r="C13306" s="367"/>
      <c r="D13306" s="367"/>
      <c r="E13306" s="367"/>
      <c r="F13306" s="360"/>
      <c r="G13306" s="360"/>
      <c r="H13306" s="360"/>
      <c r="I13306" s="360"/>
      <c r="J13306" s="365"/>
      <c r="K13306" s="365"/>
      <c r="L13306" s="365"/>
    </row>
    <row r="13307" spans="2:12">
      <c r="B13307" s="367"/>
      <c r="C13307" s="367"/>
      <c r="D13307" s="367"/>
      <c r="E13307" s="367"/>
      <c r="F13307" s="359" t="s">
        <v>14371</v>
      </c>
      <c r="G13307" s="359" t="s">
        <v>14372</v>
      </c>
      <c r="H13307" s="359" t="s">
        <v>14370</v>
      </c>
      <c r="I13307" s="359" t="s">
        <v>14373</v>
      </c>
      <c r="J13307" s="365"/>
      <c r="K13307" s="365"/>
      <c r="L13307" s="365"/>
    </row>
    <row r="13308" spans="2:12">
      <c r="B13308" s="367"/>
      <c r="C13308" s="367"/>
      <c r="D13308" s="367"/>
      <c r="E13308" s="367"/>
      <c r="F13308" s="360"/>
      <c r="G13308" s="360"/>
      <c r="H13308" s="360"/>
      <c r="I13308" s="360"/>
      <c r="J13308" s="365"/>
      <c r="K13308" s="365"/>
      <c r="L13308" s="365"/>
    </row>
    <row r="13309" spans="2:12" ht="28.5">
      <c r="B13309" s="368"/>
      <c r="C13309" s="368"/>
      <c r="D13309" s="368"/>
      <c r="E13309" s="368"/>
      <c r="F13309" s="361" t="s">
        <v>14374</v>
      </c>
      <c r="G13309" s="361" t="s">
        <v>14373</v>
      </c>
      <c r="H13309" s="361" t="s">
        <v>14332</v>
      </c>
      <c r="I13309" s="362"/>
      <c r="J13309" s="366"/>
      <c r="K13309" s="366"/>
      <c r="L13309" s="366"/>
    </row>
    <row r="13310" spans="2:12" ht="28.5">
      <c r="B13310" s="358" t="s">
        <v>21464</v>
      </c>
      <c r="C13310" s="358" t="s">
        <v>21465</v>
      </c>
      <c r="D13310" s="358" t="s">
        <v>21466</v>
      </c>
      <c r="E13310" s="358" t="s">
        <v>8356</v>
      </c>
      <c r="F13310" s="358" t="s">
        <v>14371</v>
      </c>
      <c r="G13310" s="358" t="s">
        <v>14372</v>
      </c>
      <c r="H13310" s="358" t="s">
        <v>14370</v>
      </c>
      <c r="I13310" s="358" t="s">
        <v>14373</v>
      </c>
      <c r="J13310" s="358"/>
      <c r="K13310" s="358"/>
      <c r="L13310" s="358"/>
    </row>
    <row r="13311" spans="2:12">
      <c r="B13311" s="367"/>
      <c r="C13311" s="367"/>
      <c r="D13311" s="367"/>
      <c r="E13311" s="367"/>
      <c r="F13311" s="360"/>
      <c r="G13311" s="360"/>
      <c r="H13311" s="360"/>
      <c r="I13311" s="367"/>
      <c r="J13311" s="365"/>
      <c r="K13311" s="365"/>
      <c r="L13311" s="365"/>
    </row>
    <row r="13312" spans="2:12" ht="28.5">
      <c r="B13312" s="368"/>
      <c r="C13312" s="368"/>
      <c r="D13312" s="368"/>
      <c r="E13312" s="368"/>
      <c r="F13312" s="361" t="s">
        <v>14374</v>
      </c>
      <c r="G13312" s="361" t="s">
        <v>14373</v>
      </c>
      <c r="H13312" s="361" t="s">
        <v>14422</v>
      </c>
      <c r="I13312" s="368"/>
      <c r="J13312" s="366"/>
      <c r="K13312" s="366"/>
      <c r="L13312" s="366"/>
    </row>
    <row r="13313" spans="2:12" ht="57">
      <c r="B13313" s="358" t="s">
        <v>21467</v>
      </c>
      <c r="C13313" s="358" t="s">
        <v>27702</v>
      </c>
      <c r="D13313" s="358" t="s">
        <v>21468</v>
      </c>
      <c r="E13313" s="358" t="s">
        <v>21469</v>
      </c>
      <c r="F13313" s="358" t="s">
        <v>14368</v>
      </c>
      <c r="G13313" s="358" t="s">
        <v>14388</v>
      </c>
      <c r="H13313" s="358" t="s">
        <v>14341</v>
      </c>
      <c r="I13313" s="358" t="s">
        <v>14388</v>
      </c>
      <c r="J13313" s="358"/>
      <c r="K13313" s="358"/>
      <c r="L13313" s="358"/>
    </row>
    <row r="13314" spans="2:12">
      <c r="B13314" s="367"/>
      <c r="C13314" s="367"/>
      <c r="D13314" s="367"/>
      <c r="E13314" s="367"/>
      <c r="F13314" s="360"/>
      <c r="G13314" s="360"/>
      <c r="H13314" s="360"/>
      <c r="I13314" s="360"/>
      <c r="J13314" s="365"/>
      <c r="K13314" s="365"/>
      <c r="L13314" s="365"/>
    </row>
    <row r="13315" spans="2:12">
      <c r="B13315" s="367"/>
      <c r="C13315" s="367"/>
      <c r="D13315" s="367"/>
      <c r="E13315" s="367"/>
      <c r="F13315" s="359" t="s">
        <v>14389</v>
      </c>
      <c r="G13315" s="359" t="s">
        <v>14390</v>
      </c>
      <c r="H13315" s="359" t="s">
        <v>14367</v>
      </c>
      <c r="I13315" s="359" t="s">
        <v>14390</v>
      </c>
      <c r="J13315" s="365"/>
      <c r="K13315" s="365"/>
      <c r="L13315" s="365"/>
    </row>
    <row r="13316" spans="2:12">
      <c r="B13316" s="367"/>
      <c r="C13316" s="367"/>
      <c r="D13316" s="367"/>
      <c r="E13316" s="367"/>
      <c r="F13316" s="360"/>
      <c r="G13316" s="360"/>
      <c r="H13316" s="360"/>
      <c r="I13316" s="360"/>
      <c r="J13316" s="365"/>
      <c r="K13316" s="365"/>
      <c r="L13316" s="365"/>
    </row>
    <row r="13317" spans="2:12">
      <c r="B13317" s="367"/>
      <c r="C13317" s="367"/>
      <c r="D13317" s="367"/>
      <c r="E13317" s="367"/>
      <c r="F13317" s="359" t="s">
        <v>14430</v>
      </c>
      <c r="G13317" s="359" t="s">
        <v>14431</v>
      </c>
      <c r="H13317" s="359" t="s">
        <v>14370</v>
      </c>
      <c r="I13317" s="359" t="s">
        <v>14431</v>
      </c>
      <c r="J13317" s="365"/>
      <c r="K13317" s="365"/>
      <c r="L13317" s="365"/>
    </row>
    <row r="13318" spans="2:12">
      <c r="B13318" s="367"/>
      <c r="C13318" s="367"/>
      <c r="D13318" s="367"/>
      <c r="E13318" s="367"/>
      <c r="F13318" s="360"/>
      <c r="G13318" s="360"/>
      <c r="H13318" s="360"/>
      <c r="I13318" s="360"/>
      <c r="J13318" s="365"/>
      <c r="K13318" s="365"/>
      <c r="L13318" s="365"/>
    </row>
    <row r="13319" spans="2:12">
      <c r="B13319" s="367"/>
      <c r="C13319" s="367"/>
      <c r="D13319" s="367"/>
      <c r="E13319" s="367"/>
      <c r="F13319" s="359" t="s">
        <v>14371</v>
      </c>
      <c r="G13319" s="359" t="s">
        <v>14372</v>
      </c>
      <c r="H13319" s="359" t="s">
        <v>14332</v>
      </c>
      <c r="I13319" s="359" t="s">
        <v>14373</v>
      </c>
      <c r="J13319" s="365"/>
      <c r="K13319" s="365"/>
      <c r="L13319" s="365"/>
    </row>
    <row r="13320" spans="2:12">
      <c r="B13320" s="367"/>
      <c r="C13320" s="367"/>
      <c r="D13320" s="367"/>
      <c r="E13320" s="367"/>
      <c r="F13320" s="360"/>
      <c r="G13320" s="360"/>
      <c r="H13320" s="360"/>
      <c r="I13320" s="360"/>
      <c r="J13320" s="365"/>
      <c r="K13320" s="365"/>
      <c r="L13320" s="365"/>
    </row>
    <row r="13321" spans="2:12" ht="28.5">
      <c r="B13321" s="368"/>
      <c r="C13321" s="368"/>
      <c r="D13321" s="368"/>
      <c r="E13321" s="368"/>
      <c r="F13321" s="361" t="s">
        <v>14374</v>
      </c>
      <c r="G13321" s="361" t="s">
        <v>14373</v>
      </c>
      <c r="H13321" s="362"/>
      <c r="I13321" s="362"/>
      <c r="J13321" s="366"/>
      <c r="K13321" s="366"/>
      <c r="L13321" s="366"/>
    </row>
    <row r="13322" spans="2:12" ht="42.75">
      <c r="B13322" s="358" t="s">
        <v>21470</v>
      </c>
      <c r="C13322" s="358" t="s">
        <v>21471</v>
      </c>
      <c r="D13322" s="358" t="s">
        <v>21472</v>
      </c>
      <c r="E13322" s="358" t="s">
        <v>21473</v>
      </c>
      <c r="F13322" s="358" t="s">
        <v>14472</v>
      </c>
      <c r="G13322" s="358" t="s">
        <v>14473</v>
      </c>
      <c r="H13322" s="358" t="s">
        <v>8356</v>
      </c>
      <c r="I13322" s="358" t="s">
        <v>14473</v>
      </c>
      <c r="J13322" s="358"/>
      <c r="K13322" s="358"/>
      <c r="L13322" s="358"/>
    </row>
    <row r="13323" spans="2:12">
      <c r="B13323" s="368"/>
      <c r="C13323" s="368"/>
      <c r="D13323" s="368"/>
      <c r="E13323" s="368"/>
      <c r="F13323" s="368"/>
      <c r="G13323" s="368"/>
      <c r="H13323" s="368"/>
      <c r="I13323" s="368"/>
      <c r="J13323" s="366"/>
      <c r="K13323" s="366"/>
      <c r="L13323" s="366"/>
    </row>
    <row r="13324" spans="2:12">
      <c r="B13324" s="358" t="s">
        <v>21474</v>
      </c>
      <c r="C13324" s="358" t="s">
        <v>21475</v>
      </c>
      <c r="D13324" s="358" t="s">
        <v>21476</v>
      </c>
      <c r="E13324" s="358" t="s">
        <v>21477</v>
      </c>
      <c r="F13324" s="358" t="s">
        <v>14389</v>
      </c>
      <c r="G13324" s="358" t="s">
        <v>14390</v>
      </c>
      <c r="H13324" s="358" t="s">
        <v>14367</v>
      </c>
      <c r="I13324" s="358" t="s">
        <v>14390</v>
      </c>
      <c r="J13324" s="358"/>
      <c r="K13324" s="358"/>
      <c r="L13324" s="358"/>
    </row>
    <row r="13325" spans="2:12">
      <c r="B13325" s="367"/>
      <c r="C13325" s="367"/>
      <c r="D13325" s="367"/>
      <c r="E13325" s="367"/>
      <c r="F13325" s="360"/>
      <c r="G13325" s="360"/>
      <c r="H13325" s="360"/>
      <c r="I13325" s="360"/>
      <c r="J13325" s="365"/>
      <c r="K13325" s="365"/>
      <c r="L13325" s="365"/>
    </row>
    <row r="13326" spans="2:12" ht="28.5">
      <c r="B13326" s="367"/>
      <c r="C13326" s="367"/>
      <c r="D13326" s="367"/>
      <c r="E13326" s="367"/>
      <c r="F13326" s="359" t="s">
        <v>14394</v>
      </c>
      <c r="G13326" s="359" t="s">
        <v>14395</v>
      </c>
      <c r="H13326" s="359" t="s">
        <v>14370</v>
      </c>
      <c r="I13326" s="359" t="s">
        <v>14395</v>
      </c>
      <c r="J13326" s="365"/>
      <c r="K13326" s="365"/>
      <c r="L13326" s="365"/>
    </row>
    <row r="13327" spans="2:12">
      <c r="B13327" s="367"/>
      <c r="C13327" s="367"/>
      <c r="D13327" s="367"/>
      <c r="E13327" s="367"/>
      <c r="F13327" s="360"/>
      <c r="G13327" s="360"/>
      <c r="H13327" s="360"/>
      <c r="I13327" s="360"/>
      <c r="J13327" s="365"/>
      <c r="K13327" s="365"/>
      <c r="L13327" s="365"/>
    </row>
    <row r="13328" spans="2:12">
      <c r="B13328" s="368"/>
      <c r="C13328" s="368"/>
      <c r="D13328" s="368"/>
      <c r="E13328" s="368"/>
      <c r="F13328" s="362"/>
      <c r="G13328" s="362"/>
      <c r="H13328" s="361" t="s">
        <v>14422</v>
      </c>
      <c r="I13328" s="362"/>
      <c r="J13328" s="366"/>
      <c r="K13328" s="366"/>
      <c r="L13328" s="366"/>
    </row>
    <row r="13329" spans="2:12" ht="85.5">
      <c r="B13329" s="358" t="s">
        <v>21478</v>
      </c>
      <c r="C13329" s="358" t="s">
        <v>29337</v>
      </c>
      <c r="D13329" s="358" t="s">
        <v>21479</v>
      </c>
      <c r="E13329" s="358" t="s">
        <v>21480</v>
      </c>
      <c r="F13329" s="358" t="s">
        <v>14391</v>
      </c>
      <c r="G13329" s="358" t="s">
        <v>14392</v>
      </c>
      <c r="H13329" s="358" t="s">
        <v>14367</v>
      </c>
      <c r="I13329" s="358" t="s">
        <v>14392</v>
      </c>
      <c r="J13329" s="358"/>
      <c r="K13329" s="358"/>
      <c r="L13329" s="358"/>
    </row>
    <row r="13330" spans="2:12">
      <c r="B13330" s="367"/>
      <c r="C13330" s="367"/>
      <c r="D13330" s="367"/>
      <c r="E13330" s="367"/>
      <c r="F13330" s="367"/>
      <c r="G13330" s="367"/>
      <c r="H13330" s="360"/>
      <c r="I13330" s="367"/>
      <c r="J13330" s="365"/>
      <c r="K13330" s="365"/>
      <c r="L13330" s="365"/>
    </row>
    <row r="13331" spans="2:12">
      <c r="B13331" s="368"/>
      <c r="C13331" s="368"/>
      <c r="D13331" s="368"/>
      <c r="E13331" s="368"/>
      <c r="F13331" s="368"/>
      <c r="G13331" s="368"/>
      <c r="H13331" s="361" t="s">
        <v>14422</v>
      </c>
      <c r="I13331" s="368"/>
      <c r="J13331" s="366"/>
      <c r="K13331" s="366"/>
      <c r="L13331" s="366"/>
    </row>
    <row r="13332" spans="2:12">
      <c r="B13332" s="358" t="s">
        <v>21481</v>
      </c>
      <c r="C13332" s="358" t="s">
        <v>21482</v>
      </c>
      <c r="D13332" s="358" t="s">
        <v>21483</v>
      </c>
      <c r="E13332" s="358" t="s">
        <v>21484</v>
      </c>
      <c r="F13332" s="358" t="s">
        <v>14389</v>
      </c>
      <c r="G13332" s="358" t="s">
        <v>14390</v>
      </c>
      <c r="H13332" s="358" t="s">
        <v>14367</v>
      </c>
      <c r="I13332" s="358" t="s">
        <v>14390</v>
      </c>
      <c r="J13332" s="358"/>
      <c r="K13332" s="358"/>
      <c r="L13332" s="358"/>
    </row>
    <row r="13333" spans="2:12">
      <c r="B13333" s="367"/>
      <c r="C13333" s="367"/>
      <c r="D13333" s="367"/>
      <c r="E13333" s="367"/>
      <c r="F13333" s="360"/>
      <c r="G13333" s="360"/>
      <c r="H13333" s="360"/>
      <c r="I13333" s="360"/>
      <c r="J13333" s="365"/>
      <c r="K13333" s="365"/>
      <c r="L13333" s="365"/>
    </row>
    <row r="13334" spans="2:12">
      <c r="B13334" s="367"/>
      <c r="C13334" s="367"/>
      <c r="D13334" s="367"/>
      <c r="E13334" s="367"/>
      <c r="F13334" s="359" t="s">
        <v>14391</v>
      </c>
      <c r="G13334" s="359" t="s">
        <v>14392</v>
      </c>
      <c r="H13334" s="359" t="s">
        <v>14422</v>
      </c>
      <c r="I13334" s="359" t="s">
        <v>14392</v>
      </c>
      <c r="J13334" s="365"/>
      <c r="K13334" s="365"/>
      <c r="L13334" s="365"/>
    </row>
    <row r="13335" spans="2:12">
      <c r="B13335" s="367"/>
      <c r="C13335" s="367"/>
      <c r="D13335" s="367"/>
      <c r="E13335" s="367"/>
      <c r="F13335" s="360"/>
      <c r="G13335" s="360"/>
      <c r="H13335" s="360"/>
      <c r="I13335" s="360"/>
      <c r="J13335" s="365"/>
      <c r="K13335" s="365"/>
      <c r="L13335" s="365"/>
    </row>
    <row r="13336" spans="2:12" ht="28.5">
      <c r="B13336" s="368"/>
      <c r="C13336" s="368"/>
      <c r="D13336" s="368"/>
      <c r="E13336" s="368"/>
      <c r="F13336" s="361" t="s">
        <v>14462</v>
      </c>
      <c r="G13336" s="361" t="s">
        <v>14463</v>
      </c>
      <c r="H13336" s="362"/>
      <c r="I13336" s="361" t="s">
        <v>14463</v>
      </c>
      <c r="J13336" s="366"/>
      <c r="K13336" s="366"/>
      <c r="L13336" s="366"/>
    </row>
    <row r="13337" spans="2:12" ht="28.5">
      <c r="B13337" s="358" t="s">
        <v>21485</v>
      </c>
      <c r="C13337" s="358" t="s">
        <v>27703</v>
      </c>
      <c r="D13337" s="358" t="s">
        <v>21486</v>
      </c>
      <c r="E13337" s="358" t="s">
        <v>21487</v>
      </c>
      <c r="F13337" s="358" t="s">
        <v>14420</v>
      </c>
      <c r="G13337" s="358" t="s">
        <v>14429</v>
      </c>
      <c r="H13337" s="358" t="s">
        <v>14341</v>
      </c>
      <c r="I13337" s="358" t="s">
        <v>14429</v>
      </c>
      <c r="J13337" s="358"/>
      <c r="K13337" s="358"/>
      <c r="L13337" s="358"/>
    </row>
    <row r="13338" spans="2:12">
      <c r="B13338" s="367"/>
      <c r="C13338" s="367"/>
      <c r="D13338" s="367"/>
      <c r="E13338" s="367"/>
      <c r="F13338" s="360"/>
      <c r="G13338" s="360"/>
      <c r="H13338" s="360"/>
      <c r="I13338" s="360"/>
      <c r="J13338" s="365"/>
      <c r="K13338" s="365"/>
      <c r="L13338" s="365"/>
    </row>
    <row r="13339" spans="2:12">
      <c r="B13339" s="367"/>
      <c r="C13339" s="367"/>
      <c r="D13339" s="367"/>
      <c r="E13339" s="367"/>
      <c r="F13339" s="359" t="s">
        <v>14430</v>
      </c>
      <c r="G13339" s="359" t="s">
        <v>14431</v>
      </c>
      <c r="H13339" s="359" t="s">
        <v>14367</v>
      </c>
      <c r="I13339" s="359" t="s">
        <v>14431</v>
      </c>
      <c r="J13339" s="365"/>
      <c r="K13339" s="365"/>
      <c r="L13339" s="365"/>
    </row>
    <row r="13340" spans="2:12">
      <c r="B13340" s="367"/>
      <c r="C13340" s="367"/>
      <c r="D13340" s="367"/>
      <c r="E13340" s="367"/>
      <c r="F13340" s="360"/>
      <c r="G13340" s="360"/>
      <c r="H13340" s="360"/>
      <c r="I13340" s="360"/>
      <c r="J13340" s="365"/>
      <c r="K13340" s="365"/>
      <c r="L13340" s="365"/>
    </row>
    <row r="13341" spans="2:12" ht="28.5">
      <c r="B13341" s="367"/>
      <c r="C13341" s="367"/>
      <c r="D13341" s="367"/>
      <c r="E13341" s="367"/>
      <c r="F13341" s="359" t="s">
        <v>14394</v>
      </c>
      <c r="G13341" s="359" t="s">
        <v>14395</v>
      </c>
      <c r="H13341" s="359" t="s">
        <v>14370</v>
      </c>
      <c r="I13341" s="359" t="s">
        <v>14395</v>
      </c>
      <c r="J13341" s="365"/>
      <c r="K13341" s="365"/>
      <c r="L13341" s="365"/>
    </row>
    <row r="13342" spans="2:12">
      <c r="B13342" s="367"/>
      <c r="C13342" s="367"/>
      <c r="D13342" s="367"/>
      <c r="E13342" s="367"/>
      <c r="F13342" s="360"/>
      <c r="G13342" s="360"/>
      <c r="H13342" s="360"/>
      <c r="I13342" s="360"/>
      <c r="J13342" s="365"/>
      <c r="K13342" s="365"/>
      <c r="L13342" s="365"/>
    </row>
    <row r="13343" spans="2:12">
      <c r="B13343" s="368"/>
      <c r="C13343" s="368"/>
      <c r="D13343" s="368"/>
      <c r="E13343" s="368"/>
      <c r="F13343" s="362"/>
      <c r="G13343" s="362"/>
      <c r="H13343" s="361" t="s">
        <v>14332</v>
      </c>
      <c r="I13343" s="362"/>
      <c r="J13343" s="366"/>
      <c r="K13343" s="366"/>
      <c r="L13343" s="366"/>
    </row>
    <row r="13344" spans="2:12" ht="28.5">
      <c r="B13344" s="358" t="s">
        <v>21488</v>
      </c>
      <c r="C13344" s="358" t="s">
        <v>27704</v>
      </c>
      <c r="D13344" s="358" t="s">
        <v>21489</v>
      </c>
      <c r="E13344" s="358" t="s">
        <v>21490</v>
      </c>
      <c r="F13344" s="358" t="s">
        <v>14371</v>
      </c>
      <c r="G13344" s="358" t="s">
        <v>14372</v>
      </c>
      <c r="H13344" s="358" t="s">
        <v>14370</v>
      </c>
      <c r="I13344" s="358" t="s">
        <v>14373</v>
      </c>
      <c r="J13344" s="358"/>
      <c r="K13344" s="358"/>
      <c r="L13344" s="358"/>
    </row>
    <row r="13345" spans="2:12">
      <c r="B13345" s="367"/>
      <c r="C13345" s="367"/>
      <c r="D13345" s="367"/>
      <c r="E13345" s="367"/>
      <c r="F13345" s="360"/>
      <c r="G13345" s="360"/>
      <c r="H13345" s="360"/>
      <c r="I13345" s="367"/>
      <c r="J13345" s="365"/>
      <c r="K13345" s="365"/>
      <c r="L13345" s="365"/>
    </row>
    <row r="13346" spans="2:12" ht="28.5">
      <c r="B13346" s="368"/>
      <c r="C13346" s="368"/>
      <c r="D13346" s="368"/>
      <c r="E13346" s="368"/>
      <c r="F13346" s="361" t="s">
        <v>14374</v>
      </c>
      <c r="G13346" s="361" t="s">
        <v>14373</v>
      </c>
      <c r="H13346" s="361" t="s">
        <v>14422</v>
      </c>
      <c r="I13346" s="368"/>
      <c r="J13346" s="366"/>
      <c r="K13346" s="366"/>
      <c r="L13346" s="366"/>
    </row>
    <row r="13347" spans="2:12">
      <c r="B13347" s="358" t="s">
        <v>21491</v>
      </c>
      <c r="C13347" s="358" t="s">
        <v>21492</v>
      </c>
      <c r="D13347" s="358" t="s">
        <v>21493</v>
      </c>
      <c r="E13347" s="358" t="s">
        <v>8356</v>
      </c>
      <c r="F13347" s="358" t="s">
        <v>14430</v>
      </c>
      <c r="G13347" s="358" t="s">
        <v>14431</v>
      </c>
      <c r="H13347" s="358" t="s">
        <v>14341</v>
      </c>
      <c r="I13347" s="358" t="s">
        <v>14431</v>
      </c>
      <c r="J13347" s="358"/>
      <c r="K13347" s="358"/>
      <c r="L13347" s="358"/>
    </row>
    <row r="13348" spans="2:12">
      <c r="B13348" s="367"/>
      <c r="C13348" s="367"/>
      <c r="D13348" s="367"/>
      <c r="E13348" s="367"/>
      <c r="F13348" s="360"/>
      <c r="G13348" s="360"/>
      <c r="H13348" s="360"/>
      <c r="I13348" s="360"/>
      <c r="J13348" s="365"/>
      <c r="K13348" s="365"/>
      <c r="L13348" s="365"/>
    </row>
    <row r="13349" spans="2:12" ht="28.5">
      <c r="B13349" s="368"/>
      <c r="C13349" s="368"/>
      <c r="D13349" s="368"/>
      <c r="E13349" s="368"/>
      <c r="F13349" s="361" t="s">
        <v>14472</v>
      </c>
      <c r="G13349" s="361" t="s">
        <v>14473</v>
      </c>
      <c r="H13349" s="361" t="s">
        <v>14332</v>
      </c>
      <c r="I13349" s="361" t="s">
        <v>14473</v>
      </c>
      <c r="J13349" s="366"/>
      <c r="K13349" s="366"/>
      <c r="L13349" s="366"/>
    </row>
    <row r="13350" spans="2:12" ht="42.75">
      <c r="B13350" s="358" t="s">
        <v>21494</v>
      </c>
      <c r="C13350" s="358" t="s">
        <v>21495</v>
      </c>
      <c r="D13350" s="358" t="s">
        <v>21496</v>
      </c>
      <c r="E13350" s="358" t="s">
        <v>21497</v>
      </c>
      <c r="F13350" s="358" t="s">
        <v>28990</v>
      </c>
      <c r="G13350" s="358" t="s">
        <v>14421</v>
      </c>
      <c r="H13350" s="358" t="s">
        <v>14341</v>
      </c>
      <c r="I13350" s="358" t="s">
        <v>14421</v>
      </c>
      <c r="J13350" s="358"/>
      <c r="K13350" s="358"/>
      <c r="L13350" s="358"/>
    </row>
    <row r="13351" spans="2:12">
      <c r="B13351" s="367"/>
      <c r="C13351" s="367"/>
      <c r="D13351" s="367"/>
      <c r="E13351" s="367"/>
      <c r="F13351" s="360"/>
      <c r="G13351" s="360"/>
      <c r="H13351" s="360"/>
      <c r="I13351" s="360"/>
      <c r="J13351" s="365"/>
      <c r="K13351" s="365"/>
      <c r="L13351" s="365"/>
    </row>
    <row r="13352" spans="2:12">
      <c r="B13352" s="367"/>
      <c r="C13352" s="367"/>
      <c r="D13352" s="367"/>
      <c r="E13352" s="367"/>
      <c r="F13352" s="359" t="s">
        <v>14389</v>
      </c>
      <c r="G13352" s="359" t="s">
        <v>14429</v>
      </c>
      <c r="H13352" s="359" t="s">
        <v>14381</v>
      </c>
      <c r="I13352" s="359" t="s">
        <v>14429</v>
      </c>
      <c r="J13352" s="365"/>
      <c r="K13352" s="365"/>
      <c r="L13352" s="365"/>
    </row>
    <row r="13353" spans="2:12">
      <c r="B13353" s="367"/>
      <c r="C13353" s="367"/>
      <c r="D13353" s="367"/>
      <c r="E13353" s="367"/>
      <c r="F13353" s="360"/>
      <c r="G13353" s="360"/>
      <c r="H13353" s="360"/>
      <c r="I13353" s="360"/>
      <c r="J13353" s="365"/>
      <c r="K13353" s="365"/>
      <c r="L13353" s="365"/>
    </row>
    <row r="13354" spans="2:12" ht="28.5">
      <c r="B13354" s="367"/>
      <c r="C13354" s="367"/>
      <c r="D13354" s="367"/>
      <c r="E13354" s="367"/>
      <c r="F13354" s="359" t="s">
        <v>14430</v>
      </c>
      <c r="G13354" s="359" t="s">
        <v>29141</v>
      </c>
      <c r="H13354" s="359" t="s">
        <v>14367</v>
      </c>
      <c r="I13354" s="359" t="s">
        <v>29141</v>
      </c>
      <c r="J13354" s="365"/>
      <c r="K13354" s="365"/>
      <c r="L13354" s="365"/>
    </row>
    <row r="13355" spans="2:12">
      <c r="B13355" s="367"/>
      <c r="C13355" s="367"/>
      <c r="D13355" s="367"/>
      <c r="E13355" s="367"/>
      <c r="F13355" s="360"/>
      <c r="G13355" s="360"/>
      <c r="H13355" s="360"/>
      <c r="I13355" s="360"/>
      <c r="J13355" s="365"/>
      <c r="K13355" s="365"/>
      <c r="L13355" s="365"/>
    </row>
    <row r="13356" spans="2:12">
      <c r="B13356" s="367"/>
      <c r="C13356" s="367"/>
      <c r="D13356" s="367"/>
      <c r="E13356" s="367"/>
      <c r="F13356" s="359" t="s">
        <v>14391</v>
      </c>
      <c r="G13356" s="359" t="s">
        <v>14431</v>
      </c>
      <c r="H13356" s="359" t="s">
        <v>14370</v>
      </c>
      <c r="I13356" s="359" t="s">
        <v>14431</v>
      </c>
      <c r="J13356" s="365"/>
      <c r="K13356" s="365"/>
      <c r="L13356" s="365"/>
    </row>
    <row r="13357" spans="2:12">
      <c r="B13357" s="367"/>
      <c r="C13357" s="367"/>
      <c r="D13357" s="367"/>
      <c r="E13357" s="367"/>
      <c r="F13357" s="360"/>
      <c r="G13357" s="360"/>
      <c r="H13357" s="360"/>
      <c r="I13357" s="360"/>
      <c r="J13357" s="365"/>
      <c r="K13357" s="365"/>
      <c r="L13357" s="365"/>
    </row>
    <row r="13358" spans="2:12" ht="28.5">
      <c r="B13358" s="367"/>
      <c r="C13358" s="367"/>
      <c r="D13358" s="367"/>
      <c r="E13358" s="367"/>
      <c r="F13358" s="359" t="s">
        <v>14394</v>
      </c>
      <c r="G13358" s="359" t="s">
        <v>14392</v>
      </c>
      <c r="H13358" s="359" t="s">
        <v>14332</v>
      </c>
      <c r="I13358" s="359" t="s">
        <v>14392</v>
      </c>
      <c r="J13358" s="365"/>
      <c r="K13358" s="365"/>
      <c r="L13358" s="365"/>
    </row>
    <row r="13359" spans="2:12">
      <c r="B13359" s="367"/>
      <c r="C13359" s="367"/>
      <c r="D13359" s="367"/>
      <c r="E13359" s="367"/>
      <c r="F13359" s="360"/>
      <c r="G13359" s="360"/>
      <c r="H13359" s="360"/>
      <c r="I13359" s="360"/>
      <c r="J13359" s="365"/>
      <c r="K13359" s="365"/>
      <c r="L13359" s="365"/>
    </row>
    <row r="13360" spans="2:12">
      <c r="B13360" s="368"/>
      <c r="C13360" s="368"/>
      <c r="D13360" s="368"/>
      <c r="E13360" s="368"/>
      <c r="F13360" s="362"/>
      <c r="G13360" s="361" t="s">
        <v>14395</v>
      </c>
      <c r="H13360" s="362"/>
      <c r="I13360" s="361" t="s">
        <v>14395</v>
      </c>
      <c r="J13360" s="366"/>
      <c r="K13360" s="366"/>
      <c r="L13360" s="366"/>
    </row>
    <row r="13361" spans="2:12" ht="28.5">
      <c r="B13361" s="358" t="s">
        <v>21498</v>
      </c>
      <c r="C13361" s="358" t="s">
        <v>29338</v>
      </c>
      <c r="D13361" s="358" t="s">
        <v>21499</v>
      </c>
      <c r="E13361" s="358" t="s">
        <v>8356</v>
      </c>
      <c r="F13361" s="358" t="s">
        <v>14462</v>
      </c>
      <c r="G13361" s="358" t="s">
        <v>14463</v>
      </c>
      <c r="H13361" s="358" t="s">
        <v>8356</v>
      </c>
      <c r="I13361" s="358" t="s">
        <v>14463</v>
      </c>
      <c r="J13361" s="358"/>
      <c r="K13361" s="358"/>
      <c r="L13361" s="358"/>
    </row>
    <row r="13362" spans="2:12">
      <c r="B13362" s="368"/>
      <c r="C13362" s="368"/>
      <c r="D13362" s="368"/>
      <c r="E13362" s="368"/>
      <c r="F13362" s="368"/>
      <c r="G13362" s="368"/>
      <c r="H13362" s="368"/>
      <c r="I13362" s="368"/>
      <c r="J13362" s="366"/>
      <c r="K13362" s="366"/>
      <c r="L13362" s="366"/>
    </row>
    <row r="13363" spans="2:12" ht="85.5">
      <c r="B13363" s="358" t="s">
        <v>21500</v>
      </c>
      <c r="C13363" s="358" t="s">
        <v>21501</v>
      </c>
      <c r="D13363" s="358" t="s">
        <v>21502</v>
      </c>
      <c r="E13363" s="358" t="s">
        <v>8356</v>
      </c>
      <c r="F13363" s="358" t="s">
        <v>14430</v>
      </c>
      <c r="G13363" s="358" t="s">
        <v>14431</v>
      </c>
      <c r="H13363" s="358" t="s">
        <v>14341</v>
      </c>
      <c r="I13363" s="358" t="s">
        <v>14431</v>
      </c>
      <c r="J13363" s="358"/>
      <c r="K13363" s="358"/>
      <c r="L13363" s="358"/>
    </row>
    <row r="13364" spans="2:12">
      <c r="B13364" s="367"/>
      <c r="C13364" s="367"/>
      <c r="D13364" s="367"/>
      <c r="E13364" s="367"/>
      <c r="F13364" s="367"/>
      <c r="G13364" s="367"/>
      <c r="H13364" s="360"/>
      <c r="I13364" s="367"/>
      <c r="J13364" s="365"/>
      <c r="K13364" s="365"/>
      <c r="L13364" s="365"/>
    </row>
    <row r="13365" spans="2:12">
      <c r="B13365" s="368"/>
      <c r="C13365" s="368"/>
      <c r="D13365" s="368"/>
      <c r="E13365" s="368"/>
      <c r="F13365" s="368"/>
      <c r="G13365" s="368"/>
      <c r="H13365" s="361" t="s">
        <v>14332</v>
      </c>
      <c r="I13365" s="368"/>
      <c r="J13365" s="366"/>
      <c r="K13365" s="366"/>
      <c r="L13365" s="366"/>
    </row>
    <row r="13366" spans="2:12" ht="28.5">
      <c r="B13366" s="358" t="s">
        <v>21503</v>
      </c>
      <c r="C13366" s="358" t="s">
        <v>21504</v>
      </c>
      <c r="D13366" s="358" t="s">
        <v>21505</v>
      </c>
      <c r="E13366" s="358" t="s">
        <v>21506</v>
      </c>
      <c r="F13366" s="358" t="s">
        <v>16426</v>
      </c>
      <c r="G13366" s="358" t="s">
        <v>15011</v>
      </c>
      <c r="H13366" s="358" t="s">
        <v>14954</v>
      </c>
      <c r="I13366" s="358" t="s">
        <v>15011</v>
      </c>
      <c r="J13366" s="358"/>
      <c r="K13366" s="358"/>
      <c r="L13366" s="358"/>
    </row>
    <row r="13367" spans="2:12">
      <c r="B13367" s="367"/>
      <c r="C13367" s="367"/>
      <c r="D13367" s="367"/>
      <c r="E13367" s="367"/>
      <c r="F13367" s="360"/>
      <c r="G13367" s="360"/>
      <c r="H13367" s="360"/>
      <c r="I13367" s="360"/>
      <c r="J13367" s="365"/>
      <c r="K13367" s="365"/>
      <c r="L13367" s="365"/>
    </row>
    <row r="13368" spans="2:12">
      <c r="B13368" s="367"/>
      <c r="C13368" s="367"/>
      <c r="D13368" s="367"/>
      <c r="E13368" s="367"/>
      <c r="F13368" s="359" t="s">
        <v>14430</v>
      </c>
      <c r="G13368" s="359" t="s">
        <v>14431</v>
      </c>
      <c r="H13368" s="359" t="s">
        <v>14341</v>
      </c>
      <c r="I13368" s="359" t="s">
        <v>14431</v>
      </c>
      <c r="J13368" s="365"/>
      <c r="K13368" s="365"/>
      <c r="L13368" s="365"/>
    </row>
    <row r="13369" spans="2:12">
      <c r="B13369" s="367"/>
      <c r="C13369" s="367"/>
      <c r="D13369" s="367"/>
      <c r="E13369" s="367"/>
      <c r="F13369" s="360"/>
      <c r="G13369" s="360"/>
      <c r="H13369" s="360"/>
      <c r="I13369" s="360"/>
      <c r="J13369" s="365"/>
      <c r="K13369" s="365"/>
      <c r="L13369" s="365"/>
    </row>
    <row r="13370" spans="2:12" ht="28.5">
      <c r="B13370" s="368"/>
      <c r="C13370" s="368"/>
      <c r="D13370" s="368"/>
      <c r="E13370" s="368"/>
      <c r="F13370" s="361" t="s">
        <v>14472</v>
      </c>
      <c r="G13370" s="361" t="s">
        <v>14473</v>
      </c>
      <c r="H13370" s="361" t="s">
        <v>14332</v>
      </c>
      <c r="I13370" s="361" t="s">
        <v>14473</v>
      </c>
      <c r="J13370" s="366"/>
      <c r="K13370" s="366"/>
      <c r="L13370" s="366"/>
    </row>
    <row r="13371" spans="2:12">
      <c r="B13371" s="358" t="s">
        <v>21507</v>
      </c>
      <c r="C13371" s="358" t="s">
        <v>21508</v>
      </c>
      <c r="D13371" s="358" t="s">
        <v>21509</v>
      </c>
      <c r="E13371" s="358" t="s">
        <v>21510</v>
      </c>
      <c r="F13371" s="358" t="s">
        <v>14505</v>
      </c>
      <c r="G13371" s="358" t="s">
        <v>14506</v>
      </c>
      <c r="H13371" s="358" t="s">
        <v>14328</v>
      </c>
      <c r="I13371" s="358" t="s">
        <v>14506</v>
      </c>
      <c r="J13371" s="358"/>
      <c r="K13371" s="358"/>
      <c r="L13371" s="358"/>
    </row>
    <row r="13372" spans="2:12">
      <c r="B13372" s="367"/>
      <c r="C13372" s="367"/>
      <c r="D13372" s="367"/>
      <c r="E13372" s="367"/>
      <c r="F13372" s="360"/>
      <c r="G13372" s="360"/>
      <c r="H13372" s="360"/>
      <c r="I13372" s="360"/>
      <c r="J13372" s="365"/>
      <c r="K13372" s="365"/>
      <c r="L13372" s="365"/>
    </row>
    <row r="13373" spans="2:12">
      <c r="B13373" s="367"/>
      <c r="C13373" s="367"/>
      <c r="D13373" s="367"/>
      <c r="E13373" s="367"/>
      <c r="F13373" s="359" t="s">
        <v>21511</v>
      </c>
      <c r="G13373" s="359" t="s">
        <v>16363</v>
      </c>
      <c r="H13373" s="359" t="s">
        <v>14367</v>
      </c>
      <c r="I13373" s="359" t="s">
        <v>16363</v>
      </c>
      <c r="J13373" s="365"/>
      <c r="K13373" s="365"/>
      <c r="L13373" s="365"/>
    </row>
    <row r="13374" spans="2:12">
      <c r="B13374" s="367"/>
      <c r="C13374" s="367"/>
      <c r="D13374" s="367"/>
      <c r="E13374" s="367"/>
      <c r="F13374" s="360"/>
      <c r="G13374" s="360"/>
      <c r="H13374" s="360"/>
      <c r="I13374" s="360"/>
      <c r="J13374" s="365"/>
      <c r="K13374" s="365"/>
      <c r="L13374" s="365"/>
    </row>
    <row r="13375" spans="2:12">
      <c r="B13375" s="367"/>
      <c r="C13375" s="367"/>
      <c r="D13375" s="367"/>
      <c r="E13375" s="367"/>
      <c r="F13375" s="359" t="s">
        <v>14389</v>
      </c>
      <c r="G13375" s="359" t="s">
        <v>14390</v>
      </c>
      <c r="H13375" s="359" t="s">
        <v>14370</v>
      </c>
      <c r="I13375" s="359" t="s">
        <v>14390</v>
      </c>
      <c r="J13375" s="365"/>
      <c r="K13375" s="365"/>
      <c r="L13375" s="365"/>
    </row>
    <row r="13376" spans="2:12">
      <c r="B13376" s="367"/>
      <c r="C13376" s="367"/>
      <c r="D13376" s="367"/>
      <c r="E13376" s="367"/>
      <c r="F13376" s="360"/>
      <c r="G13376" s="360"/>
      <c r="H13376" s="360"/>
      <c r="I13376" s="360"/>
      <c r="J13376" s="365"/>
      <c r="K13376" s="365"/>
      <c r="L13376" s="365"/>
    </row>
    <row r="13377" spans="2:12">
      <c r="B13377" s="367"/>
      <c r="C13377" s="367"/>
      <c r="D13377" s="367"/>
      <c r="E13377" s="367"/>
      <c r="F13377" s="359" t="s">
        <v>14391</v>
      </c>
      <c r="G13377" s="359" t="s">
        <v>14392</v>
      </c>
      <c r="H13377" s="359" t="s">
        <v>14332</v>
      </c>
      <c r="I13377" s="359" t="s">
        <v>14392</v>
      </c>
      <c r="J13377" s="365"/>
      <c r="K13377" s="365"/>
      <c r="L13377" s="365"/>
    </row>
    <row r="13378" spans="2:12">
      <c r="B13378" s="367"/>
      <c r="C13378" s="367"/>
      <c r="D13378" s="367"/>
      <c r="E13378" s="367"/>
      <c r="F13378" s="360"/>
      <c r="G13378" s="360"/>
      <c r="H13378" s="360"/>
      <c r="I13378" s="360"/>
      <c r="J13378" s="365"/>
      <c r="K13378" s="365"/>
      <c r="L13378" s="365"/>
    </row>
    <row r="13379" spans="2:12" ht="28.5">
      <c r="B13379" s="368"/>
      <c r="C13379" s="368"/>
      <c r="D13379" s="368"/>
      <c r="E13379" s="368"/>
      <c r="F13379" s="361" t="s">
        <v>14394</v>
      </c>
      <c r="G13379" s="361" t="s">
        <v>14395</v>
      </c>
      <c r="H13379" s="362"/>
      <c r="I13379" s="361" t="s">
        <v>14395</v>
      </c>
      <c r="J13379" s="366"/>
      <c r="K13379" s="366"/>
      <c r="L13379" s="366"/>
    </row>
    <row r="13380" spans="2:12" ht="28.5">
      <c r="B13380" s="358" t="s">
        <v>21512</v>
      </c>
      <c r="C13380" s="358" t="s">
        <v>21513</v>
      </c>
      <c r="D13380" s="358" t="s">
        <v>21514</v>
      </c>
      <c r="E13380" s="358" t="s">
        <v>21515</v>
      </c>
      <c r="F13380" s="358" t="s">
        <v>28964</v>
      </c>
      <c r="G13380" s="358" t="s">
        <v>14429</v>
      </c>
      <c r="H13380" s="358" t="s">
        <v>14341</v>
      </c>
      <c r="I13380" s="358" t="s">
        <v>14429</v>
      </c>
      <c r="J13380" s="358"/>
      <c r="K13380" s="358"/>
      <c r="L13380" s="358"/>
    </row>
    <row r="13381" spans="2:12">
      <c r="B13381" s="367"/>
      <c r="C13381" s="367"/>
      <c r="D13381" s="367"/>
      <c r="E13381" s="367"/>
      <c r="F13381" s="360"/>
      <c r="G13381" s="360"/>
      <c r="H13381" s="360"/>
      <c r="I13381" s="360"/>
      <c r="J13381" s="365"/>
      <c r="K13381" s="365"/>
      <c r="L13381" s="365"/>
    </row>
    <row r="13382" spans="2:12" ht="28.5">
      <c r="B13382" s="367"/>
      <c r="C13382" s="367"/>
      <c r="D13382" s="367"/>
      <c r="E13382" s="367"/>
      <c r="F13382" s="359" t="s">
        <v>14430</v>
      </c>
      <c r="G13382" s="359" t="s">
        <v>28797</v>
      </c>
      <c r="H13382" s="359" t="s">
        <v>14381</v>
      </c>
      <c r="I13382" s="359" t="s">
        <v>28797</v>
      </c>
      <c r="J13382" s="365"/>
      <c r="K13382" s="365"/>
      <c r="L13382" s="365"/>
    </row>
    <row r="13383" spans="2:12">
      <c r="B13383" s="367"/>
      <c r="C13383" s="367"/>
      <c r="D13383" s="367"/>
      <c r="E13383" s="367"/>
      <c r="F13383" s="360"/>
      <c r="G13383" s="360"/>
      <c r="H13383" s="360"/>
      <c r="I13383" s="360"/>
      <c r="J13383" s="365"/>
      <c r="K13383" s="365"/>
      <c r="L13383" s="365"/>
    </row>
    <row r="13384" spans="2:12">
      <c r="B13384" s="367"/>
      <c r="C13384" s="367"/>
      <c r="D13384" s="367"/>
      <c r="E13384" s="367"/>
      <c r="F13384" s="359" t="s">
        <v>14391</v>
      </c>
      <c r="G13384" s="359" t="s">
        <v>14392</v>
      </c>
      <c r="H13384" s="359" t="s">
        <v>14367</v>
      </c>
      <c r="I13384" s="359" t="s">
        <v>14392</v>
      </c>
      <c r="J13384" s="365"/>
      <c r="K13384" s="365"/>
      <c r="L13384" s="365"/>
    </row>
    <row r="13385" spans="2:12">
      <c r="B13385" s="367"/>
      <c r="C13385" s="367"/>
      <c r="D13385" s="367"/>
      <c r="E13385" s="367"/>
      <c r="F13385" s="360"/>
      <c r="G13385" s="360"/>
      <c r="H13385" s="360"/>
      <c r="I13385" s="360"/>
      <c r="J13385" s="365"/>
      <c r="K13385" s="365"/>
      <c r="L13385" s="365"/>
    </row>
    <row r="13386" spans="2:12">
      <c r="B13386" s="367"/>
      <c r="C13386" s="367"/>
      <c r="D13386" s="367"/>
      <c r="E13386" s="367"/>
      <c r="F13386" s="359" t="s">
        <v>14371</v>
      </c>
      <c r="G13386" s="359" t="s">
        <v>14372</v>
      </c>
      <c r="H13386" s="359" t="s">
        <v>29339</v>
      </c>
      <c r="I13386" s="359" t="s">
        <v>14373</v>
      </c>
      <c r="J13386" s="365"/>
      <c r="K13386" s="365"/>
      <c r="L13386" s="365"/>
    </row>
    <row r="13387" spans="2:12">
      <c r="B13387" s="367"/>
      <c r="C13387" s="367"/>
      <c r="D13387" s="367"/>
      <c r="E13387" s="367"/>
      <c r="F13387" s="360"/>
      <c r="G13387" s="360"/>
      <c r="H13387" s="360"/>
      <c r="I13387" s="360"/>
      <c r="J13387" s="365"/>
      <c r="K13387" s="365"/>
      <c r="L13387" s="365"/>
    </row>
    <row r="13388" spans="2:12" ht="28.5">
      <c r="B13388" s="368"/>
      <c r="C13388" s="368"/>
      <c r="D13388" s="368"/>
      <c r="E13388" s="368"/>
      <c r="F13388" s="361" t="s">
        <v>14374</v>
      </c>
      <c r="G13388" s="361" t="s">
        <v>14373</v>
      </c>
      <c r="H13388" s="362"/>
      <c r="I13388" s="362"/>
      <c r="J13388" s="366"/>
      <c r="K13388" s="366"/>
      <c r="L13388" s="366"/>
    </row>
    <row r="13389" spans="2:12" ht="28.5">
      <c r="B13389" s="358" t="s">
        <v>21516</v>
      </c>
      <c r="C13389" s="358" t="s">
        <v>27705</v>
      </c>
      <c r="D13389" s="358" t="s">
        <v>21517</v>
      </c>
      <c r="E13389" s="358" t="s">
        <v>21518</v>
      </c>
      <c r="F13389" s="358" t="s">
        <v>14391</v>
      </c>
      <c r="G13389" s="358" t="s">
        <v>14392</v>
      </c>
      <c r="H13389" s="358" t="s">
        <v>14367</v>
      </c>
      <c r="I13389" s="358" t="s">
        <v>14392</v>
      </c>
      <c r="J13389" s="358"/>
      <c r="K13389" s="358"/>
      <c r="L13389" s="358"/>
    </row>
    <row r="13390" spans="2:12">
      <c r="B13390" s="367"/>
      <c r="C13390" s="367"/>
      <c r="D13390" s="367"/>
      <c r="E13390" s="367"/>
      <c r="F13390" s="367"/>
      <c r="G13390" s="367"/>
      <c r="H13390" s="360"/>
      <c r="I13390" s="367"/>
      <c r="J13390" s="365"/>
      <c r="K13390" s="365"/>
      <c r="L13390" s="365"/>
    </row>
    <row r="13391" spans="2:12">
      <c r="B13391" s="368"/>
      <c r="C13391" s="368"/>
      <c r="D13391" s="368"/>
      <c r="E13391" s="368"/>
      <c r="F13391" s="368"/>
      <c r="G13391" s="368"/>
      <c r="H13391" s="361" t="s">
        <v>14422</v>
      </c>
      <c r="I13391" s="368"/>
      <c r="J13391" s="366"/>
      <c r="K13391" s="366"/>
      <c r="L13391" s="366"/>
    </row>
    <row r="13392" spans="2:12" ht="42.75">
      <c r="B13392" s="358" t="s">
        <v>21519</v>
      </c>
      <c r="C13392" s="358" t="s">
        <v>27706</v>
      </c>
      <c r="D13392" s="358" t="s">
        <v>21520</v>
      </c>
      <c r="E13392" s="358" t="s">
        <v>21521</v>
      </c>
      <c r="F13392" s="358" t="s">
        <v>14394</v>
      </c>
      <c r="G13392" s="358" t="s">
        <v>14395</v>
      </c>
      <c r="H13392" s="358" t="s">
        <v>14370</v>
      </c>
      <c r="I13392" s="358" t="s">
        <v>14395</v>
      </c>
      <c r="J13392" s="358"/>
      <c r="K13392" s="358"/>
      <c r="L13392" s="358"/>
    </row>
    <row r="13393" spans="2:12">
      <c r="B13393" s="368"/>
      <c r="C13393" s="368"/>
      <c r="D13393" s="368"/>
      <c r="E13393" s="368"/>
      <c r="F13393" s="368"/>
      <c r="G13393" s="368"/>
      <c r="H13393" s="368"/>
      <c r="I13393" s="368"/>
      <c r="J13393" s="366"/>
      <c r="K13393" s="366"/>
      <c r="L13393" s="366"/>
    </row>
    <row r="13394" spans="2:12" ht="42.75">
      <c r="B13394" s="358" t="s">
        <v>21522</v>
      </c>
      <c r="C13394" s="358" t="s">
        <v>21523</v>
      </c>
      <c r="D13394" s="358" t="s">
        <v>21524</v>
      </c>
      <c r="E13394" s="358" t="s">
        <v>21525</v>
      </c>
      <c r="F13394" s="358" t="s">
        <v>14462</v>
      </c>
      <c r="G13394" s="358" t="s">
        <v>14463</v>
      </c>
      <c r="H13394" s="358" t="s">
        <v>8356</v>
      </c>
      <c r="I13394" s="358" t="s">
        <v>14463</v>
      </c>
      <c r="J13394" s="358"/>
      <c r="K13394" s="358"/>
      <c r="L13394" s="358"/>
    </row>
    <row r="13395" spans="2:12">
      <c r="B13395" s="368"/>
      <c r="C13395" s="368"/>
      <c r="D13395" s="368"/>
      <c r="E13395" s="368"/>
      <c r="F13395" s="368"/>
      <c r="G13395" s="368"/>
      <c r="H13395" s="368"/>
      <c r="I13395" s="368"/>
      <c r="J13395" s="366"/>
      <c r="K13395" s="366"/>
      <c r="L13395" s="366"/>
    </row>
    <row r="13396" spans="2:12">
      <c r="B13396" s="358" t="s">
        <v>21526</v>
      </c>
      <c r="C13396" s="358" t="s">
        <v>30276</v>
      </c>
      <c r="D13396" s="358" t="s">
        <v>21527</v>
      </c>
      <c r="E13396" s="358" t="s">
        <v>21528</v>
      </c>
      <c r="F13396" s="358" t="s">
        <v>14430</v>
      </c>
      <c r="G13396" s="358" t="s">
        <v>14431</v>
      </c>
      <c r="H13396" s="358" t="s">
        <v>14341</v>
      </c>
      <c r="I13396" s="358" t="s">
        <v>14431</v>
      </c>
      <c r="J13396" s="358"/>
      <c r="K13396" s="358"/>
      <c r="L13396" s="358"/>
    </row>
    <row r="13397" spans="2:12">
      <c r="B13397" s="367"/>
      <c r="C13397" s="367"/>
      <c r="D13397" s="367"/>
      <c r="E13397" s="367"/>
      <c r="F13397" s="367"/>
      <c r="G13397" s="367"/>
      <c r="H13397" s="360"/>
      <c r="I13397" s="367"/>
      <c r="J13397" s="365"/>
      <c r="K13397" s="365"/>
      <c r="L13397" s="365"/>
    </row>
    <row r="13398" spans="2:12">
      <c r="B13398" s="368"/>
      <c r="C13398" s="368"/>
      <c r="D13398" s="368"/>
      <c r="E13398" s="368"/>
      <c r="F13398" s="368"/>
      <c r="G13398" s="368"/>
      <c r="H13398" s="361" t="s">
        <v>14332</v>
      </c>
      <c r="I13398" s="368"/>
      <c r="J13398" s="366"/>
      <c r="K13398" s="366"/>
      <c r="L13398" s="366"/>
    </row>
    <row r="13399" spans="2:12" ht="42.75">
      <c r="B13399" s="358" t="s">
        <v>21529</v>
      </c>
      <c r="C13399" s="358" t="s">
        <v>27707</v>
      </c>
      <c r="D13399" s="358" t="s">
        <v>21530</v>
      </c>
      <c r="E13399" s="358" t="s">
        <v>8356</v>
      </c>
      <c r="F13399" s="358" t="s">
        <v>14391</v>
      </c>
      <c r="G13399" s="358" t="s">
        <v>14392</v>
      </c>
      <c r="H13399" s="358" t="s">
        <v>14367</v>
      </c>
      <c r="I13399" s="358" t="s">
        <v>14392</v>
      </c>
      <c r="J13399" s="358"/>
      <c r="K13399" s="358"/>
      <c r="L13399" s="358"/>
    </row>
    <row r="13400" spans="2:12">
      <c r="B13400" s="367"/>
      <c r="C13400" s="367"/>
      <c r="D13400" s="367"/>
      <c r="E13400" s="367"/>
      <c r="F13400" s="360"/>
      <c r="G13400" s="360"/>
      <c r="H13400" s="360"/>
      <c r="I13400" s="360"/>
      <c r="J13400" s="365"/>
      <c r="K13400" s="365"/>
      <c r="L13400" s="365"/>
    </row>
    <row r="13401" spans="2:12" ht="28.5">
      <c r="B13401" s="368"/>
      <c r="C13401" s="368"/>
      <c r="D13401" s="368"/>
      <c r="E13401" s="368"/>
      <c r="F13401" s="361" t="s">
        <v>14472</v>
      </c>
      <c r="G13401" s="361" t="s">
        <v>14473</v>
      </c>
      <c r="H13401" s="361" t="s">
        <v>14422</v>
      </c>
      <c r="I13401" s="361" t="s">
        <v>14473</v>
      </c>
      <c r="J13401" s="366"/>
      <c r="K13401" s="366"/>
      <c r="L13401" s="366"/>
    </row>
    <row r="13402" spans="2:12" ht="57">
      <c r="B13402" s="358" t="s">
        <v>21531</v>
      </c>
      <c r="C13402" s="358" t="s">
        <v>30277</v>
      </c>
      <c r="D13402" s="358" t="s">
        <v>21532</v>
      </c>
      <c r="E13402" s="358" t="s">
        <v>21533</v>
      </c>
      <c r="F13402" s="358" t="s">
        <v>14420</v>
      </c>
      <c r="G13402" s="358" t="s">
        <v>14429</v>
      </c>
      <c r="H13402" s="358" t="s">
        <v>14341</v>
      </c>
      <c r="I13402" s="358" t="s">
        <v>14429</v>
      </c>
      <c r="J13402" s="358"/>
      <c r="K13402" s="358"/>
      <c r="L13402" s="358"/>
    </row>
    <row r="13403" spans="2:12">
      <c r="B13403" s="367"/>
      <c r="C13403" s="367"/>
      <c r="D13403" s="367"/>
      <c r="E13403" s="367"/>
      <c r="F13403" s="360"/>
      <c r="G13403" s="360"/>
      <c r="H13403" s="360"/>
      <c r="I13403" s="360"/>
      <c r="J13403" s="365"/>
      <c r="K13403" s="365"/>
      <c r="L13403" s="365"/>
    </row>
    <row r="13404" spans="2:12">
      <c r="B13404" s="367"/>
      <c r="C13404" s="367"/>
      <c r="D13404" s="367"/>
      <c r="E13404" s="367"/>
      <c r="F13404" s="359" t="s">
        <v>14430</v>
      </c>
      <c r="G13404" s="359" t="s">
        <v>14431</v>
      </c>
      <c r="H13404" s="359" t="s">
        <v>14367</v>
      </c>
      <c r="I13404" s="359" t="s">
        <v>14431</v>
      </c>
      <c r="J13404" s="365"/>
      <c r="K13404" s="365"/>
      <c r="L13404" s="365"/>
    </row>
    <row r="13405" spans="2:12">
      <c r="B13405" s="367"/>
      <c r="C13405" s="367"/>
      <c r="D13405" s="367"/>
      <c r="E13405" s="367"/>
      <c r="F13405" s="360"/>
      <c r="G13405" s="360"/>
      <c r="H13405" s="360"/>
      <c r="I13405" s="360"/>
      <c r="J13405" s="365"/>
      <c r="K13405" s="365"/>
      <c r="L13405" s="365"/>
    </row>
    <row r="13406" spans="2:12" ht="28.5">
      <c r="B13406" s="367"/>
      <c r="C13406" s="367"/>
      <c r="D13406" s="367"/>
      <c r="E13406" s="367"/>
      <c r="F13406" s="359" t="s">
        <v>14394</v>
      </c>
      <c r="G13406" s="359" t="s">
        <v>14395</v>
      </c>
      <c r="H13406" s="359" t="s">
        <v>14370</v>
      </c>
      <c r="I13406" s="359" t="s">
        <v>14395</v>
      </c>
      <c r="J13406" s="365"/>
      <c r="K13406" s="365"/>
      <c r="L13406" s="365"/>
    </row>
    <row r="13407" spans="2:12">
      <c r="B13407" s="367"/>
      <c r="C13407" s="367"/>
      <c r="D13407" s="367"/>
      <c r="E13407" s="367"/>
      <c r="F13407" s="360"/>
      <c r="G13407" s="360"/>
      <c r="H13407" s="360"/>
      <c r="I13407" s="360"/>
      <c r="J13407" s="365"/>
      <c r="K13407" s="365"/>
      <c r="L13407" s="365"/>
    </row>
    <row r="13408" spans="2:12">
      <c r="B13408" s="368"/>
      <c r="C13408" s="368"/>
      <c r="D13408" s="368"/>
      <c r="E13408" s="368"/>
      <c r="F13408" s="362"/>
      <c r="G13408" s="362"/>
      <c r="H13408" s="361" t="s">
        <v>14332</v>
      </c>
      <c r="I13408" s="362"/>
      <c r="J13408" s="366"/>
      <c r="K13408" s="366"/>
      <c r="L13408" s="366"/>
    </row>
    <row r="13409" spans="2:12" ht="28.5">
      <c r="B13409" s="358" t="s">
        <v>21534</v>
      </c>
      <c r="C13409" s="358" t="s">
        <v>21535</v>
      </c>
      <c r="D13409" s="358" t="s">
        <v>21536</v>
      </c>
      <c r="E13409" s="358" t="s">
        <v>21537</v>
      </c>
      <c r="F13409" s="358" t="s">
        <v>14394</v>
      </c>
      <c r="G13409" s="358" t="s">
        <v>14395</v>
      </c>
      <c r="H13409" s="358" t="s">
        <v>14370</v>
      </c>
      <c r="I13409" s="358" t="s">
        <v>14395</v>
      </c>
      <c r="J13409" s="358"/>
      <c r="K13409" s="358"/>
      <c r="L13409" s="358"/>
    </row>
    <row r="13410" spans="2:12">
      <c r="B13410" s="368"/>
      <c r="C13410" s="368"/>
      <c r="D13410" s="368"/>
      <c r="E13410" s="368"/>
      <c r="F13410" s="368"/>
      <c r="G13410" s="368"/>
      <c r="H13410" s="368"/>
      <c r="I13410" s="368"/>
      <c r="J13410" s="366"/>
      <c r="K13410" s="366"/>
      <c r="L13410" s="366"/>
    </row>
    <row r="13411" spans="2:12" ht="28.5">
      <c r="B13411" s="358" t="s">
        <v>21538</v>
      </c>
      <c r="C13411" s="358" t="s">
        <v>21539</v>
      </c>
      <c r="D13411" s="358" t="s">
        <v>21540</v>
      </c>
      <c r="E13411" s="358" t="s">
        <v>21541</v>
      </c>
      <c r="F13411" s="358" t="s">
        <v>14391</v>
      </c>
      <c r="G13411" s="358" t="s">
        <v>14392</v>
      </c>
      <c r="H13411" s="358" t="s">
        <v>14367</v>
      </c>
      <c r="I13411" s="358" t="s">
        <v>14392</v>
      </c>
      <c r="J13411" s="358"/>
      <c r="K13411" s="358"/>
      <c r="L13411" s="358"/>
    </row>
    <row r="13412" spans="2:12">
      <c r="B13412" s="367"/>
      <c r="C13412" s="367"/>
      <c r="D13412" s="367"/>
      <c r="E13412" s="367"/>
      <c r="F13412" s="367"/>
      <c r="G13412" s="367"/>
      <c r="H13412" s="360"/>
      <c r="I13412" s="367"/>
      <c r="J13412" s="365"/>
      <c r="K13412" s="365"/>
      <c r="L13412" s="365"/>
    </row>
    <row r="13413" spans="2:12">
      <c r="B13413" s="368"/>
      <c r="C13413" s="368"/>
      <c r="D13413" s="368"/>
      <c r="E13413" s="368"/>
      <c r="F13413" s="368"/>
      <c r="G13413" s="368"/>
      <c r="H13413" s="361" t="s">
        <v>14422</v>
      </c>
      <c r="I13413" s="368"/>
      <c r="J13413" s="366"/>
      <c r="K13413" s="366"/>
      <c r="L13413" s="366"/>
    </row>
    <row r="13414" spans="2:12" ht="42.75">
      <c r="B13414" s="358" t="s">
        <v>21542</v>
      </c>
      <c r="C13414" s="358" t="s">
        <v>29340</v>
      </c>
      <c r="D13414" s="358" t="s">
        <v>21543</v>
      </c>
      <c r="E13414" s="358" t="s">
        <v>21544</v>
      </c>
      <c r="F13414" s="358" t="s">
        <v>29041</v>
      </c>
      <c r="G13414" s="358" t="s">
        <v>14383</v>
      </c>
      <c r="H13414" s="358" t="s">
        <v>14378</v>
      </c>
      <c r="I13414" s="358" t="s">
        <v>14383</v>
      </c>
      <c r="J13414" s="358"/>
      <c r="K13414" s="358"/>
      <c r="L13414" s="358"/>
    </row>
    <row r="13415" spans="2:12">
      <c r="B13415" s="367"/>
      <c r="C13415" s="367"/>
      <c r="D13415" s="367"/>
      <c r="E13415" s="367"/>
      <c r="F13415" s="360"/>
      <c r="G13415" s="360"/>
      <c r="H13415" s="360"/>
      <c r="I13415" s="360"/>
      <c r="J13415" s="365"/>
      <c r="K13415" s="365"/>
      <c r="L13415" s="365"/>
    </row>
    <row r="13416" spans="2:12" ht="28.5">
      <c r="B13416" s="367"/>
      <c r="C13416" s="367"/>
      <c r="D13416" s="367"/>
      <c r="E13416" s="367"/>
      <c r="F13416" s="359" t="s">
        <v>14430</v>
      </c>
      <c r="G13416" s="359" t="s">
        <v>28797</v>
      </c>
      <c r="H13416" s="359" t="s">
        <v>14341</v>
      </c>
      <c r="I13416" s="359" t="s">
        <v>28797</v>
      </c>
      <c r="J13416" s="365"/>
      <c r="K13416" s="365"/>
      <c r="L13416" s="365"/>
    </row>
    <row r="13417" spans="2:12">
      <c r="B13417" s="367"/>
      <c r="C13417" s="367"/>
      <c r="D13417" s="367"/>
      <c r="E13417" s="367"/>
      <c r="F13417" s="360"/>
      <c r="G13417" s="360"/>
      <c r="H13417" s="360"/>
      <c r="I13417" s="360"/>
      <c r="J13417" s="365"/>
      <c r="K13417" s="365"/>
      <c r="L13417" s="365"/>
    </row>
    <row r="13418" spans="2:12">
      <c r="B13418" s="367"/>
      <c r="C13418" s="367"/>
      <c r="D13418" s="367"/>
      <c r="E13418" s="367"/>
      <c r="F13418" s="359" t="s">
        <v>14371</v>
      </c>
      <c r="G13418" s="359" t="s">
        <v>14372</v>
      </c>
      <c r="H13418" s="359" t="s">
        <v>14381</v>
      </c>
      <c r="I13418" s="359" t="s">
        <v>14373</v>
      </c>
      <c r="J13418" s="365"/>
      <c r="K13418" s="365"/>
      <c r="L13418" s="365"/>
    </row>
    <row r="13419" spans="2:12">
      <c r="B13419" s="367"/>
      <c r="C13419" s="367"/>
      <c r="D13419" s="367"/>
      <c r="E13419" s="367"/>
      <c r="F13419" s="360"/>
      <c r="G13419" s="360"/>
      <c r="H13419" s="360"/>
      <c r="I13419" s="360"/>
      <c r="J13419" s="365"/>
      <c r="K13419" s="365"/>
      <c r="L13419" s="365"/>
    </row>
    <row r="13420" spans="2:12" ht="28.5">
      <c r="B13420" s="367"/>
      <c r="C13420" s="367"/>
      <c r="D13420" s="367"/>
      <c r="E13420" s="367"/>
      <c r="F13420" s="359" t="s">
        <v>14374</v>
      </c>
      <c r="G13420" s="359" t="s">
        <v>14373</v>
      </c>
      <c r="H13420" s="359" t="s">
        <v>14370</v>
      </c>
      <c r="I13420" s="360"/>
      <c r="J13420" s="365"/>
      <c r="K13420" s="365"/>
      <c r="L13420" s="365"/>
    </row>
    <row r="13421" spans="2:12">
      <c r="B13421" s="367"/>
      <c r="C13421" s="367"/>
      <c r="D13421" s="367"/>
      <c r="E13421" s="367"/>
      <c r="F13421" s="360"/>
      <c r="G13421" s="360"/>
      <c r="H13421" s="360"/>
      <c r="I13421" s="360"/>
      <c r="J13421" s="365"/>
      <c r="K13421" s="365"/>
      <c r="L13421" s="365"/>
    </row>
    <row r="13422" spans="2:12">
      <c r="B13422" s="368"/>
      <c r="C13422" s="368"/>
      <c r="D13422" s="368"/>
      <c r="E13422" s="368"/>
      <c r="F13422" s="362"/>
      <c r="G13422" s="362"/>
      <c r="H13422" s="361" t="s">
        <v>14332</v>
      </c>
      <c r="I13422" s="362"/>
      <c r="J13422" s="366"/>
      <c r="K13422" s="366"/>
      <c r="L13422" s="366"/>
    </row>
    <row r="13423" spans="2:12" ht="57">
      <c r="B13423" s="358" t="s">
        <v>21545</v>
      </c>
      <c r="C13423" s="358" t="s">
        <v>29341</v>
      </c>
      <c r="D13423" s="358" t="s">
        <v>21546</v>
      </c>
      <c r="E13423" s="358" t="s">
        <v>8356</v>
      </c>
      <c r="F13423" s="358" t="s">
        <v>14462</v>
      </c>
      <c r="G13423" s="358" t="s">
        <v>14463</v>
      </c>
      <c r="H13423" s="358" t="s">
        <v>8356</v>
      </c>
      <c r="I13423" s="358" t="s">
        <v>14463</v>
      </c>
      <c r="J13423" s="358"/>
      <c r="K13423" s="358"/>
      <c r="L13423" s="358"/>
    </row>
    <row r="13424" spans="2:12">
      <c r="B13424" s="368"/>
      <c r="C13424" s="368"/>
      <c r="D13424" s="368"/>
      <c r="E13424" s="368"/>
      <c r="F13424" s="368"/>
      <c r="G13424" s="368"/>
      <c r="H13424" s="368"/>
      <c r="I13424" s="368"/>
      <c r="J13424" s="366"/>
      <c r="K13424" s="366"/>
      <c r="L13424" s="366"/>
    </row>
    <row r="13425" spans="2:12">
      <c r="B13425" s="358" t="s">
        <v>21547</v>
      </c>
      <c r="C13425" s="358" t="s">
        <v>21548</v>
      </c>
      <c r="D13425" s="358" t="s">
        <v>21549</v>
      </c>
      <c r="E13425" s="358" t="s">
        <v>8356</v>
      </c>
      <c r="F13425" s="358" t="s">
        <v>14430</v>
      </c>
      <c r="G13425" s="358" t="s">
        <v>14431</v>
      </c>
      <c r="H13425" s="358" t="s">
        <v>14341</v>
      </c>
      <c r="I13425" s="358" t="s">
        <v>14431</v>
      </c>
      <c r="J13425" s="358"/>
      <c r="K13425" s="358"/>
      <c r="L13425" s="358"/>
    </row>
    <row r="13426" spans="2:12">
      <c r="B13426" s="367"/>
      <c r="C13426" s="367"/>
      <c r="D13426" s="367"/>
      <c r="E13426" s="367"/>
      <c r="F13426" s="367"/>
      <c r="G13426" s="367"/>
      <c r="H13426" s="360"/>
      <c r="I13426" s="367"/>
      <c r="J13426" s="365"/>
      <c r="K13426" s="365"/>
      <c r="L13426" s="365"/>
    </row>
    <row r="13427" spans="2:12">
      <c r="B13427" s="368"/>
      <c r="C13427" s="368"/>
      <c r="D13427" s="368"/>
      <c r="E13427" s="368"/>
      <c r="F13427" s="368"/>
      <c r="G13427" s="368"/>
      <c r="H13427" s="361" t="s">
        <v>14332</v>
      </c>
      <c r="I13427" s="368"/>
      <c r="J13427" s="366"/>
      <c r="K13427" s="366"/>
      <c r="L13427" s="366"/>
    </row>
    <row r="13428" spans="2:12" ht="28.5">
      <c r="B13428" s="358" t="s">
        <v>21550</v>
      </c>
      <c r="C13428" s="358" t="s">
        <v>21551</v>
      </c>
      <c r="D13428" s="358" t="s">
        <v>21552</v>
      </c>
      <c r="E13428" s="358" t="s">
        <v>21553</v>
      </c>
      <c r="F13428" s="358" t="s">
        <v>28964</v>
      </c>
      <c r="G13428" s="358" t="s">
        <v>14429</v>
      </c>
      <c r="H13428" s="358" t="s">
        <v>14341</v>
      </c>
      <c r="I13428" s="358" t="s">
        <v>14429</v>
      </c>
      <c r="J13428" s="358"/>
      <c r="K13428" s="358"/>
      <c r="L13428" s="358"/>
    </row>
    <row r="13429" spans="2:12">
      <c r="B13429" s="367"/>
      <c r="C13429" s="367"/>
      <c r="D13429" s="367"/>
      <c r="E13429" s="367"/>
      <c r="F13429" s="360"/>
      <c r="G13429" s="360"/>
      <c r="H13429" s="360"/>
      <c r="I13429" s="360"/>
      <c r="J13429" s="365"/>
      <c r="K13429" s="365"/>
      <c r="L13429" s="365"/>
    </row>
    <row r="13430" spans="2:12" ht="28.5">
      <c r="B13430" s="367"/>
      <c r="C13430" s="367"/>
      <c r="D13430" s="367"/>
      <c r="E13430" s="367"/>
      <c r="F13430" s="359" t="s">
        <v>14430</v>
      </c>
      <c r="G13430" s="359" t="s">
        <v>28797</v>
      </c>
      <c r="H13430" s="359" t="s">
        <v>14381</v>
      </c>
      <c r="I13430" s="359" t="s">
        <v>28797</v>
      </c>
      <c r="J13430" s="365"/>
      <c r="K13430" s="365"/>
      <c r="L13430" s="365"/>
    </row>
    <row r="13431" spans="2:12">
      <c r="B13431" s="367"/>
      <c r="C13431" s="367"/>
      <c r="D13431" s="367"/>
      <c r="E13431" s="367"/>
      <c r="F13431" s="360"/>
      <c r="G13431" s="360"/>
      <c r="H13431" s="360"/>
      <c r="I13431" s="360"/>
      <c r="J13431" s="365"/>
      <c r="K13431" s="365"/>
      <c r="L13431" s="365"/>
    </row>
    <row r="13432" spans="2:12">
      <c r="B13432" s="367"/>
      <c r="C13432" s="367"/>
      <c r="D13432" s="367"/>
      <c r="E13432" s="367"/>
      <c r="F13432" s="359" t="s">
        <v>14391</v>
      </c>
      <c r="G13432" s="359" t="s">
        <v>14392</v>
      </c>
      <c r="H13432" s="359" t="s">
        <v>14367</v>
      </c>
      <c r="I13432" s="359" t="s">
        <v>14392</v>
      </c>
      <c r="J13432" s="365"/>
      <c r="K13432" s="365"/>
      <c r="L13432" s="365"/>
    </row>
    <row r="13433" spans="2:12">
      <c r="B13433" s="367"/>
      <c r="C13433" s="367"/>
      <c r="D13433" s="367"/>
      <c r="E13433" s="367"/>
      <c r="F13433" s="360"/>
      <c r="G13433" s="360"/>
      <c r="H13433" s="360"/>
      <c r="I13433" s="360"/>
      <c r="J13433" s="365"/>
      <c r="K13433" s="365"/>
      <c r="L13433" s="365"/>
    </row>
    <row r="13434" spans="2:12">
      <c r="B13434" s="368"/>
      <c r="C13434" s="368"/>
      <c r="D13434" s="368"/>
      <c r="E13434" s="368"/>
      <c r="F13434" s="362"/>
      <c r="G13434" s="362"/>
      <c r="H13434" s="361" t="s">
        <v>14332</v>
      </c>
      <c r="I13434" s="362"/>
      <c r="J13434" s="366"/>
      <c r="K13434" s="366"/>
      <c r="L13434" s="366"/>
    </row>
    <row r="13435" spans="2:12" ht="57">
      <c r="B13435" s="358" t="s">
        <v>21554</v>
      </c>
      <c r="C13435" s="358" t="s">
        <v>29342</v>
      </c>
      <c r="D13435" s="358" t="s">
        <v>21555</v>
      </c>
      <c r="E13435" s="358" t="s">
        <v>8356</v>
      </c>
      <c r="F13435" s="358" t="s">
        <v>14391</v>
      </c>
      <c r="G13435" s="358" t="s">
        <v>14392</v>
      </c>
      <c r="H13435" s="358" t="s">
        <v>14367</v>
      </c>
      <c r="I13435" s="358" t="s">
        <v>14392</v>
      </c>
      <c r="J13435" s="358"/>
      <c r="K13435" s="358"/>
      <c r="L13435" s="358"/>
    </row>
    <row r="13436" spans="2:12">
      <c r="B13436" s="367"/>
      <c r="C13436" s="367"/>
      <c r="D13436" s="367"/>
      <c r="E13436" s="367"/>
      <c r="F13436" s="367"/>
      <c r="G13436" s="367"/>
      <c r="H13436" s="360"/>
      <c r="I13436" s="367"/>
      <c r="J13436" s="365"/>
      <c r="K13436" s="365"/>
      <c r="L13436" s="365"/>
    </row>
    <row r="13437" spans="2:12">
      <c r="B13437" s="368"/>
      <c r="C13437" s="368"/>
      <c r="D13437" s="368"/>
      <c r="E13437" s="368"/>
      <c r="F13437" s="368"/>
      <c r="G13437" s="368"/>
      <c r="H13437" s="361" t="s">
        <v>14422</v>
      </c>
      <c r="I13437" s="368"/>
      <c r="J13437" s="366"/>
      <c r="K13437" s="366"/>
      <c r="L13437" s="366"/>
    </row>
    <row r="13438" spans="2:12" ht="57">
      <c r="B13438" s="358" t="s">
        <v>21556</v>
      </c>
      <c r="C13438" s="358" t="s">
        <v>27708</v>
      </c>
      <c r="D13438" s="358" t="s">
        <v>21557</v>
      </c>
      <c r="E13438" s="358" t="s">
        <v>21558</v>
      </c>
      <c r="F13438" s="358" t="s">
        <v>14391</v>
      </c>
      <c r="G13438" s="358" t="s">
        <v>14392</v>
      </c>
      <c r="H13438" s="358" t="s">
        <v>14367</v>
      </c>
      <c r="I13438" s="358" t="s">
        <v>14392</v>
      </c>
      <c r="J13438" s="358"/>
      <c r="K13438" s="358"/>
      <c r="L13438" s="358"/>
    </row>
    <row r="13439" spans="2:12">
      <c r="B13439" s="367"/>
      <c r="C13439" s="367"/>
      <c r="D13439" s="367"/>
      <c r="E13439" s="367"/>
      <c r="F13439" s="367"/>
      <c r="G13439" s="367"/>
      <c r="H13439" s="360"/>
      <c r="I13439" s="367"/>
      <c r="J13439" s="365"/>
      <c r="K13439" s="365"/>
      <c r="L13439" s="365"/>
    </row>
    <row r="13440" spans="2:12">
      <c r="B13440" s="368"/>
      <c r="C13440" s="368"/>
      <c r="D13440" s="368"/>
      <c r="E13440" s="368"/>
      <c r="F13440" s="368"/>
      <c r="G13440" s="368"/>
      <c r="H13440" s="361" t="s">
        <v>14422</v>
      </c>
      <c r="I13440" s="368"/>
      <c r="J13440" s="366"/>
      <c r="K13440" s="366"/>
      <c r="L13440" s="366"/>
    </row>
    <row r="13441" spans="2:12" ht="28.5">
      <c r="B13441" s="358" t="s">
        <v>21559</v>
      </c>
      <c r="C13441" s="358" t="s">
        <v>21560</v>
      </c>
      <c r="D13441" s="358" t="s">
        <v>21561</v>
      </c>
      <c r="E13441" s="358" t="s">
        <v>21562</v>
      </c>
      <c r="F13441" s="358" t="s">
        <v>14391</v>
      </c>
      <c r="G13441" s="358" t="s">
        <v>14392</v>
      </c>
      <c r="H13441" s="358" t="s">
        <v>14367</v>
      </c>
      <c r="I13441" s="358" t="s">
        <v>14392</v>
      </c>
      <c r="J13441" s="358"/>
      <c r="K13441" s="358"/>
      <c r="L13441" s="358"/>
    </row>
    <row r="13442" spans="2:12">
      <c r="B13442" s="367"/>
      <c r="C13442" s="367"/>
      <c r="D13442" s="367"/>
      <c r="E13442" s="367"/>
      <c r="F13442" s="360"/>
      <c r="G13442" s="360"/>
      <c r="H13442" s="360"/>
      <c r="I13442" s="360"/>
      <c r="J13442" s="365"/>
      <c r="K13442" s="365"/>
      <c r="L13442" s="365"/>
    </row>
    <row r="13443" spans="2:12" ht="28.5">
      <c r="B13443" s="367"/>
      <c r="C13443" s="367"/>
      <c r="D13443" s="367"/>
      <c r="E13443" s="367"/>
      <c r="F13443" s="359" t="s">
        <v>14394</v>
      </c>
      <c r="G13443" s="359" t="s">
        <v>14395</v>
      </c>
      <c r="H13443" s="359" t="s">
        <v>14370</v>
      </c>
      <c r="I13443" s="359" t="s">
        <v>14395</v>
      </c>
      <c r="J13443" s="365"/>
      <c r="K13443" s="365"/>
      <c r="L13443" s="365"/>
    </row>
    <row r="13444" spans="2:12">
      <c r="B13444" s="367"/>
      <c r="C13444" s="367"/>
      <c r="D13444" s="367"/>
      <c r="E13444" s="367"/>
      <c r="F13444" s="360"/>
      <c r="G13444" s="360"/>
      <c r="H13444" s="360"/>
      <c r="I13444" s="360"/>
      <c r="J13444" s="365"/>
      <c r="K13444" s="365"/>
      <c r="L13444" s="365"/>
    </row>
    <row r="13445" spans="2:12">
      <c r="B13445" s="368"/>
      <c r="C13445" s="368"/>
      <c r="D13445" s="368"/>
      <c r="E13445" s="368"/>
      <c r="F13445" s="362"/>
      <c r="G13445" s="362"/>
      <c r="H13445" s="361" t="s">
        <v>14422</v>
      </c>
      <c r="I13445" s="362"/>
      <c r="J13445" s="366"/>
      <c r="K13445" s="366"/>
      <c r="L13445" s="366"/>
    </row>
    <row r="13446" spans="2:12" ht="42.75">
      <c r="B13446" s="358" t="s">
        <v>21563</v>
      </c>
      <c r="C13446" s="358" t="s">
        <v>27709</v>
      </c>
      <c r="D13446" s="358" t="s">
        <v>21564</v>
      </c>
      <c r="E13446" s="358" t="s">
        <v>21565</v>
      </c>
      <c r="F13446" s="358" t="s">
        <v>28990</v>
      </c>
      <c r="G13446" s="358" t="s">
        <v>14421</v>
      </c>
      <c r="H13446" s="358" t="s">
        <v>14381</v>
      </c>
      <c r="I13446" s="358" t="s">
        <v>14421</v>
      </c>
      <c r="J13446" s="358"/>
      <c r="K13446" s="358"/>
      <c r="L13446" s="358"/>
    </row>
    <row r="13447" spans="2:12">
      <c r="B13447" s="367"/>
      <c r="C13447" s="367"/>
      <c r="D13447" s="367"/>
      <c r="E13447" s="367"/>
      <c r="F13447" s="360"/>
      <c r="G13447" s="360"/>
      <c r="H13447" s="360"/>
      <c r="I13447" s="360"/>
      <c r="J13447" s="365"/>
      <c r="K13447" s="365"/>
      <c r="L13447" s="365"/>
    </row>
    <row r="13448" spans="2:12">
      <c r="B13448" s="367"/>
      <c r="C13448" s="367"/>
      <c r="D13448" s="367"/>
      <c r="E13448" s="367"/>
      <c r="F13448" s="359" t="s">
        <v>14391</v>
      </c>
      <c r="G13448" s="359" t="s">
        <v>14429</v>
      </c>
      <c r="H13448" s="359" t="s">
        <v>14367</v>
      </c>
      <c r="I13448" s="359" t="s">
        <v>14429</v>
      </c>
      <c r="J13448" s="365"/>
      <c r="K13448" s="365"/>
      <c r="L13448" s="365"/>
    </row>
    <row r="13449" spans="2:12">
      <c r="B13449" s="367"/>
      <c r="C13449" s="367"/>
      <c r="D13449" s="367"/>
      <c r="E13449" s="367"/>
      <c r="F13449" s="360"/>
      <c r="G13449" s="360"/>
      <c r="H13449" s="360"/>
      <c r="I13449" s="360"/>
      <c r="J13449" s="365"/>
      <c r="K13449" s="365"/>
      <c r="L13449" s="365"/>
    </row>
    <row r="13450" spans="2:12" ht="28.5">
      <c r="B13450" s="367"/>
      <c r="C13450" s="367"/>
      <c r="D13450" s="367"/>
      <c r="E13450" s="367"/>
      <c r="F13450" s="359" t="s">
        <v>14371</v>
      </c>
      <c r="G13450" s="359" t="s">
        <v>29140</v>
      </c>
      <c r="H13450" s="359" t="s">
        <v>14370</v>
      </c>
      <c r="I13450" s="359" t="s">
        <v>29140</v>
      </c>
      <c r="J13450" s="365"/>
      <c r="K13450" s="365"/>
      <c r="L13450" s="365"/>
    </row>
    <row r="13451" spans="2:12">
      <c r="B13451" s="367"/>
      <c r="C13451" s="367"/>
      <c r="D13451" s="367"/>
      <c r="E13451" s="367"/>
      <c r="F13451" s="360"/>
      <c r="G13451" s="360"/>
      <c r="H13451" s="360"/>
      <c r="I13451" s="360"/>
      <c r="J13451" s="365"/>
      <c r="K13451" s="365"/>
      <c r="L13451" s="365"/>
    </row>
    <row r="13452" spans="2:12" ht="28.5">
      <c r="B13452" s="367"/>
      <c r="C13452" s="367"/>
      <c r="D13452" s="367"/>
      <c r="E13452" s="367"/>
      <c r="F13452" s="359" t="s">
        <v>14374</v>
      </c>
      <c r="G13452" s="359" t="s">
        <v>14372</v>
      </c>
      <c r="H13452" s="359" t="s">
        <v>14422</v>
      </c>
      <c r="I13452" s="359" t="s">
        <v>14373</v>
      </c>
      <c r="J13452" s="365"/>
      <c r="K13452" s="365"/>
      <c r="L13452" s="365"/>
    </row>
    <row r="13453" spans="2:12">
      <c r="B13453" s="367"/>
      <c r="C13453" s="367"/>
      <c r="D13453" s="367"/>
      <c r="E13453" s="367"/>
      <c r="F13453" s="360"/>
      <c r="G13453" s="360"/>
      <c r="H13453" s="360"/>
      <c r="I13453" s="360"/>
      <c r="J13453" s="365"/>
      <c r="K13453" s="365"/>
      <c r="L13453" s="365"/>
    </row>
    <row r="13454" spans="2:12">
      <c r="B13454" s="368"/>
      <c r="C13454" s="368"/>
      <c r="D13454" s="368"/>
      <c r="E13454" s="368"/>
      <c r="F13454" s="362"/>
      <c r="G13454" s="361" t="s">
        <v>14373</v>
      </c>
      <c r="H13454" s="362"/>
      <c r="I13454" s="362"/>
      <c r="J13454" s="366"/>
      <c r="K13454" s="366"/>
      <c r="L13454" s="366"/>
    </row>
    <row r="13455" spans="2:12" ht="85.5">
      <c r="B13455" s="358" t="s">
        <v>21566</v>
      </c>
      <c r="C13455" s="358" t="s">
        <v>29343</v>
      </c>
      <c r="D13455" s="358" t="s">
        <v>21567</v>
      </c>
      <c r="E13455" s="358" t="s">
        <v>8356</v>
      </c>
      <c r="F13455" s="358" t="s">
        <v>14430</v>
      </c>
      <c r="G13455" s="358" t="s">
        <v>14431</v>
      </c>
      <c r="H13455" s="358" t="s">
        <v>14341</v>
      </c>
      <c r="I13455" s="358" t="s">
        <v>14431</v>
      </c>
      <c r="J13455" s="358"/>
      <c r="K13455" s="358"/>
      <c r="L13455" s="358"/>
    </row>
    <row r="13456" spans="2:12">
      <c r="B13456" s="367"/>
      <c r="C13456" s="367"/>
      <c r="D13456" s="367"/>
      <c r="E13456" s="367"/>
      <c r="F13456" s="367"/>
      <c r="G13456" s="367"/>
      <c r="H13456" s="360"/>
      <c r="I13456" s="367"/>
      <c r="J13456" s="365"/>
      <c r="K13456" s="365"/>
      <c r="L13456" s="365"/>
    </row>
    <row r="13457" spans="2:12">
      <c r="B13457" s="368"/>
      <c r="C13457" s="368"/>
      <c r="D13457" s="368"/>
      <c r="E13457" s="368"/>
      <c r="F13457" s="368"/>
      <c r="G13457" s="368"/>
      <c r="H13457" s="361" t="s">
        <v>14332</v>
      </c>
      <c r="I13457" s="368"/>
      <c r="J13457" s="366"/>
      <c r="K13457" s="366"/>
      <c r="L13457" s="366"/>
    </row>
    <row r="13458" spans="2:12" ht="28.5">
      <c r="B13458" s="358" t="s">
        <v>21568</v>
      </c>
      <c r="C13458" s="358" t="s">
        <v>27710</v>
      </c>
      <c r="D13458" s="358" t="s">
        <v>21569</v>
      </c>
      <c r="E13458" s="358" t="s">
        <v>21570</v>
      </c>
      <c r="F13458" s="358" t="s">
        <v>14430</v>
      </c>
      <c r="G13458" s="358" t="s">
        <v>14431</v>
      </c>
      <c r="H13458" s="358" t="s">
        <v>14341</v>
      </c>
      <c r="I13458" s="358" t="s">
        <v>14431</v>
      </c>
      <c r="J13458" s="358"/>
      <c r="K13458" s="358"/>
      <c r="L13458" s="358"/>
    </row>
    <row r="13459" spans="2:12">
      <c r="B13459" s="367"/>
      <c r="C13459" s="367"/>
      <c r="D13459" s="367"/>
      <c r="E13459" s="367"/>
      <c r="F13459" s="367"/>
      <c r="G13459" s="367"/>
      <c r="H13459" s="360"/>
      <c r="I13459" s="367"/>
      <c r="J13459" s="365"/>
      <c r="K13459" s="365"/>
      <c r="L13459" s="365"/>
    </row>
    <row r="13460" spans="2:12">
      <c r="B13460" s="368"/>
      <c r="C13460" s="368"/>
      <c r="D13460" s="368"/>
      <c r="E13460" s="368"/>
      <c r="F13460" s="368"/>
      <c r="G13460" s="368"/>
      <c r="H13460" s="361" t="s">
        <v>14332</v>
      </c>
      <c r="I13460" s="368"/>
      <c r="J13460" s="366"/>
      <c r="K13460" s="366"/>
      <c r="L13460" s="366"/>
    </row>
    <row r="13461" spans="2:12" ht="57">
      <c r="B13461" s="358" t="s">
        <v>21571</v>
      </c>
      <c r="C13461" s="358" t="s">
        <v>21572</v>
      </c>
      <c r="D13461" s="358" t="s">
        <v>21573</v>
      </c>
      <c r="E13461" s="358" t="s">
        <v>8356</v>
      </c>
      <c r="F13461" s="358" t="s">
        <v>14368</v>
      </c>
      <c r="G13461" s="358" t="s">
        <v>14388</v>
      </c>
      <c r="H13461" s="358" t="s">
        <v>14367</v>
      </c>
      <c r="I13461" s="358" t="s">
        <v>14388</v>
      </c>
      <c r="J13461" s="358"/>
      <c r="K13461" s="358"/>
      <c r="L13461" s="358"/>
    </row>
    <row r="13462" spans="2:12">
      <c r="B13462" s="367"/>
      <c r="C13462" s="367"/>
      <c r="D13462" s="367"/>
      <c r="E13462" s="367"/>
      <c r="F13462" s="360"/>
      <c r="G13462" s="360"/>
      <c r="H13462" s="360"/>
      <c r="I13462" s="360"/>
      <c r="J13462" s="365"/>
      <c r="K13462" s="365"/>
      <c r="L13462" s="365"/>
    </row>
    <row r="13463" spans="2:12" ht="28.5">
      <c r="B13463" s="368"/>
      <c r="C13463" s="368"/>
      <c r="D13463" s="368"/>
      <c r="E13463" s="368"/>
      <c r="F13463" s="361" t="s">
        <v>14472</v>
      </c>
      <c r="G13463" s="361" t="s">
        <v>14473</v>
      </c>
      <c r="H13463" s="361" t="s">
        <v>14422</v>
      </c>
      <c r="I13463" s="361" t="s">
        <v>14473</v>
      </c>
      <c r="J13463" s="366"/>
      <c r="K13463" s="366"/>
      <c r="L13463" s="366"/>
    </row>
    <row r="13464" spans="2:12" ht="28.5">
      <c r="B13464" s="358" t="s">
        <v>21574</v>
      </c>
      <c r="C13464" s="358" t="s">
        <v>27711</v>
      </c>
      <c r="D13464" s="358" t="s">
        <v>21575</v>
      </c>
      <c r="E13464" s="358" t="s">
        <v>8356</v>
      </c>
      <c r="F13464" s="358" t="s">
        <v>14371</v>
      </c>
      <c r="G13464" s="358" t="s">
        <v>14372</v>
      </c>
      <c r="H13464" s="358" t="s">
        <v>14370</v>
      </c>
      <c r="I13464" s="358" t="s">
        <v>14373</v>
      </c>
      <c r="J13464" s="358"/>
      <c r="K13464" s="358"/>
      <c r="L13464" s="358"/>
    </row>
    <row r="13465" spans="2:12">
      <c r="B13465" s="367"/>
      <c r="C13465" s="367"/>
      <c r="D13465" s="367"/>
      <c r="E13465" s="367"/>
      <c r="F13465" s="360"/>
      <c r="G13465" s="360"/>
      <c r="H13465" s="360"/>
      <c r="I13465" s="367"/>
      <c r="J13465" s="365"/>
      <c r="K13465" s="365"/>
      <c r="L13465" s="365"/>
    </row>
    <row r="13466" spans="2:12" ht="28.5">
      <c r="B13466" s="368"/>
      <c r="C13466" s="368"/>
      <c r="D13466" s="368"/>
      <c r="E13466" s="368"/>
      <c r="F13466" s="361" t="s">
        <v>14374</v>
      </c>
      <c r="G13466" s="361" t="s">
        <v>14373</v>
      </c>
      <c r="H13466" s="361" t="s">
        <v>14422</v>
      </c>
      <c r="I13466" s="368"/>
      <c r="J13466" s="366"/>
      <c r="K13466" s="366"/>
      <c r="L13466" s="366"/>
    </row>
    <row r="13467" spans="2:12" ht="42.75">
      <c r="B13467" s="358" t="s">
        <v>21576</v>
      </c>
      <c r="C13467" s="358" t="s">
        <v>27712</v>
      </c>
      <c r="D13467" s="358" t="s">
        <v>21577</v>
      </c>
      <c r="E13467" s="358" t="s">
        <v>8356</v>
      </c>
      <c r="F13467" s="358" t="s">
        <v>14420</v>
      </c>
      <c r="G13467" s="358" t="s">
        <v>14429</v>
      </c>
      <c r="H13467" s="358" t="s">
        <v>14341</v>
      </c>
      <c r="I13467" s="358" t="s">
        <v>14429</v>
      </c>
      <c r="J13467" s="358"/>
      <c r="K13467" s="358"/>
      <c r="L13467" s="358"/>
    </row>
    <row r="13468" spans="2:12">
      <c r="B13468" s="367"/>
      <c r="C13468" s="367"/>
      <c r="D13468" s="367"/>
      <c r="E13468" s="367"/>
      <c r="F13468" s="360"/>
      <c r="G13468" s="360"/>
      <c r="H13468" s="360"/>
      <c r="I13468" s="360"/>
      <c r="J13468" s="365"/>
      <c r="K13468" s="365"/>
      <c r="L13468" s="365"/>
    </row>
    <row r="13469" spans="2:12">
      <c r="B13469" s="367"/>
      <c r="C13469" s="367"/>
      <c r="D13469" s="367"/>
      <c r="E13469" s="367"/>
      <c r="F13469" s="359" t="s">
        <v>14430</v>
      </c>
      <c r="G13469" s="359" t="s">
        <v>14431</v>
      </c>
      <c r="H13469" s="359" t="s">
        <v>14367</v>
      </c>
      <c r="I13469" s="359" t="s">
        <v>14431</v>
      </c>
      <c r="J13469" s="365"/>
      <c r="K13469" s="365"/>
      <c r="L13469" s="365"/>
    </row>
    <row r="13470" spans="2:12">
      <c r="B13470" s="367"/>
      <c r="C13470" s="367"/>
      <c r="D13470" s="367"/>
      <c r="E13470" s="367"/>
      <c r="F13470" s="360"/>
      <c r="G13470" s="360"/>
      <c r="H13470" s="360"/>
      <c r="I13470" s="360"/>
      <c r="J13470" s="365"/>
      <c r="K13470" s="365"/>
      <c r="L13470" s="365"/>
    </row>
    <row r="13471" spans="2:12">
      <c r="B13471" s="367"/>
      <c r="C13471" s="367"/>
      <c r="D13471" s="367"/>
      <c r="E13471" s="367"/>
      <c r="F13471" s="359" t="s">
        <v>14391</v>
      </c>
      <c r="G13471" s="359" t="s">
        <v>14392</v>
      </c>
      <c r="H13471" s="359" t="s">
        <v>14332</v>
      </c>
      <c r="I13471" s="359" t="s">
        <v>14392</v>
      </c>
      <c r="J13471" s="365"/>
      <c r="K13471" s="365"/>
      <c r="L13471" s="365"/>
    </row>
    <row r="13472" spans="2:12">
      <c r="B13472" s="367"/>
      <c r="C13472" s="367"/>
      <c r="D13472" s="367"/>
      <c r="E13472" s="367"/>
      <c r="F13472" s="360"/>
      <c r="G13472" s="360"/>
      <c r="H13472" s="360"/>
      <c r="I13472" s="360"/>
      <c r="J13472" s="365"/>
      <c r="K13472" s="365"/>
      <c r="L13472" s="365"/>
    </row>
    <row r="13473" spans="2:12" ht="28.5">
      <c r="B13473" s="368"/>
      <c r="C13473" s="368"/>
      <c r="D13473" s="368"/>
      <c r="E13473" s="368"/>
      <c r="F13473" s="361" t="s">
        <v>14472</v>
      </c>
      <c r="G13473" s="361" t="s">
        <v>14473</v>
      </c>
      <c r="H13473" s="362"/>
      <c r="I13473" s="361" t="s">
        <v>14473</v>
      </c>
      <c r="J13473" s="366"/>
      <c r="K13473" s="366"/>
      <c r="L13473" s="366"/>
    </row>
    <row r="13474" spans="2:12" ht="28.5">
      <c r="B13474" s="358" t="s">
        <v>21578</v>
      </c>
      <c r="C13474" s="358" t="s">
        <v>27713</v>
      </c>
      <c r="D13474" s="358" t="s">
        <v>21579</v>
      </c>
      <c r="E13474" s="358" t="s">
        <v>8356</v>
      </c>
      <c r="F13474" s="358" t="s">
        <v>14420</v>
      </c>
      <c r="G13474" s="358" t="s">
        <v>14429</v>
      </c>
      <c r="H13474" s="358" t="s">
        <v>14381</v>
      </c>
      <c r="I13474" s="358" t="s">
        <v>14429</v>
      </c>
      <c r="J13474" s="358"/>
      <c r="K13474" s="358"/>
      <c r="L13474" s="358"/>
    </row>
    <row r="13475" spans="2:12">
      <c r="B13475" s="367"/>
      <c r="C13475" s="367"/>
      <c r="D13475" s="367"/>
      <c r="E13475" s="367"/>
      <c r="F13475" s="360"/>
      <c r="G13475" s="360"/>
      <c r="H13475" s="360"/>
      <c r="I13475" s="360"/>
      <c r="J13475" s="365"/>
      <c r="K13475" s="365"/>
      <c r="L13475" s="365"/>
    </row>
    <row r="13476" spans="2:12" ht="28.5">
      <c r="B13476" s="367"/>
      <c r="C13476" s="367"/>
      <c r="D13476" s="367"/>
      <c r="E13476" s="367"/>
      <c r="F13476" s="359" t="s">
        <v>14460</v>
      </c>
      <c r="G13476" s="359" t="s">
        <v>28995</v>
      </c>
      <c r="H13476" s="359" t="s">
        <v>14367</v>
      </c>
      <c r="I13476" s="359" t="s">
        <v>28995</v>
      </c>
      <c r="J13476" s="365"/>
      <c r="K13476" s="365"/>
      <c r="L13476" s="365"/>
    </row>
    <row r="13477" spans="2:12">
      <c r="B13477" s="367"/>
      <c r="C13477" s="367"/>
      <c r="D13477" s="367"/>
      <c r="E13477" s="367"/>
      <c r="F13477" s="360"/>
      <c r="G13477" s="360"/>
      <c r="H13477" s="360"/>
      <c r="I13477" s="360"/>
      <c r="J13477" s="365"/>
      <c r="K13477" s="365"/>
      <c r="L13477" s="365"/>
    </row>
    <row r="13478" spans="2:12" ht="28.5">
      <c r="B13478" s="368"/>
      <c r="C13478" s="368"/>
      <c r="D13478" s="368"/>
      <c r="E13478" s="368"/>
      <c r="F13478" s="361" t="s">
        <v>14462</v>
      </c>
      <c r="G13478" s="362"/>
      <c r="H13478" s="361" t="s">
        <v>14422</v>
      </c>
      <c r="I13478" s="362"/>
      <c r="J13478" s="366"/>
      <c r="K13478" s="366"/>
      <c r="L13478" s="366"/>
    </row>
    <row r="13479" spans="2:12">
      <c r="B13479" s="358" t="s">
        <v>21580</v>
      </c>
      <c r="C13479" s="358" t="s">
        <v>27714</v>
      </c>
      <c r="D13479" s="358" t="s">
        <v>21581</v>
      </c>
      <c r="E13479" s="358" t="s">
        <v>21582</v>
      </c>
      <c r="F13479" s="358" t="s">
        <v>14420</v>
      </c>
      <c r="G13479" s="358" t="s">
        <v>14429</v>
      </c>
      <c r="H13479" s="358" t="s">
        <v>14367</v>
      </c>
      <c r="I13479" s="358" t="s">
        <v>14429</v>
      </c>
      <c r="J13479" s="358"/>
      <c r="K13479" s="358"/>
      <c r="L13479" s="358"/>
    </row>
    <row r="13480" spans="2:12">
      <c r="B13480" s="367"/>
      <c r="C13480" s="367"/>
      <c r="D13480" s="367"/>
      <c r="E13480" s="367"/>
      <c r="F13480" s="360"/>
      <c r="G13480" s="360"/>
      <c r="H13480" s="360"/>
      <c r="I13480" s="360"/>
      <c r="J13480" s="365"/>
      <c r="K13480" s="365"/>
      <c r="L13480" s="365"/>
    </row>
    <row r="13481" spans="2:12" ht="28.5">
      <c r="B13481" s="367"/>
      <c r="C13481" s="367"/>
      <c r="D13481" s="367"/>
      <c r="E13481" s="367"/>
      <c r="F13481" s="359" t="s">
        <v>14394</v>
      </c>
      <c r="G13481" s="359" t="s">
        <v>14395</v>
      </c>
      <c r="H13481" s="359" t="s">
        <v>14370</v>
      </c>
      <c r="I13481" s="359" t="s">
        <v>14395</v>
      </c>
      <c r="J13481" s="365"/>
      <c r="K13481" s="365"/>
      <c r="L13481" s="365"/>
    </row>
    <row r="13482" spans="2:12">
      <c r="B13482" s="367"/>
      <c r="C13482" s="367"/>
      <c r="D13482" s="367"/>
      <c r="E13482" s="367"/>
      <c r="F13482" s="360"/>
      <c r="G13482" s="360"/>
      <c r="H13482" s="360"/>
      <c r="I13482" s="360"/>
      <c r="J13482" s="365"/>
      <c r="K13482" s="365"/>
      <c r="L13482" s="365"/>
    </row>
    <row r="13483" spans="2:12">
      <c r="B13483" s="368"/>
      <c r="C13483" s="368"/>
      <c r="D13483" s="368"/>
      <c r="E13483" s="368"/>
      <c r="F13483" s="362"/>
      <c r="G13483" s="362"/>
      <c r="H13483" s="361" t="s">
        <v>14422</v>
      </c>
      <c r="I13483" s="362"/>
      <c r="J13483" s="366"/>
      <c r="K13483" s="366"/>
      <c r="L13483" s="366"/>
    </row>
    <row r="13484" spans="2:12" ht="28.5">
      <c r="B13484" s="358" t="s">
        <v>21583</v>
      </c>
      <c r="C13484" s="358" t="s">
        <v>21584</v>
      </c>
      <c r="D13484" s="358" t="s">
        <v>21585</v>
      </c>
      <c r="E13484" s="358" t="s">
        <v>21586</v>
      </c>
      <c r="F13484" s="358" t="s">
        <v>14391</v>
      </c>
      <c r="G13484" s="358" t="s">
        <v>14392</v>
      </c>
      <c r="H13484" s="358" t="s">
        <v>14367</v>
      </c>
      <c r="I13484" s="358" t="s">
        <v>14392</v>
      </c>
      <c r="J13484" s="358"/>
      <c r="K13484" s="358"/>
      <c r="L13484" s="358"/>
    </row>
    <row r="13485" spans="2:12">
      <c r="B13485" s="367"/>
      <c r="C13485" s="367"/>
      <c r="D13485" s="367"/>
      <c r="E13485" s="367"/>
      <c r="F13485" s="360"/>
      <c r="G13485" s="360"/>
      <c r="H13485" s="360"/>
      <c r="I13485" s="360"/>
      <c r="J13485" s="365"/>
      <c r="K13485" s="365"/>
      <c r="L13485" s="365"/>
    </row>
    <row r="13486" spans="2:12" ht="28.5">
      <c r="B13486" s="367"/>
      <c r="C13486" s="367"/>
      <c r="D13486" s="367"/>
      <c r="E13486" s="367"/>
      <c r="F13486" s="359" t="s">
        <v>14394</v>
      </c>
      <c r="G13486" s="359" t="s">
        <v>14395</v>
      </c>
      <c r="H13486" s="359" t="s">
        <v>14370</v>
      </c>
      <c r="I13486" s="359" t="s">
        <v>14395</v>
      </c>
      <c r="J13486" s="365"/>
      <c r="K13486" s="365"/>
      <c r="L13486" s="365"/>
    </row>
    <row r="13487" spans="2:12">
      <c r="B13487" s="367"/>
      <c r="C13487" s="367"/>
      <c r="D13487" s="367"/>
      <c r="E13487" s="367"/>
      <c r="F13487" s="360"/>
      <c r="G13487" s="360"/>
      <c r="H13487" s="360"/>
      <c r="I13487" s="360"/>
      <c r="J13487" s="365"/>
      <c r="K13487" s="365"/>
      <c r="L13487" s="365"/>
    </row>
    <row r="13488" spans="2:12">
      <c r="B13488" s="368"/>
      <c r="C13488" s="368"/>
      <c r="D13488" s="368"/>
      <c r="E13488" s="368"/>
      <c r="F13488" s="362"/>
      <c r="G13488" s="362"/>
      <c r="H13488" s="361" t="s">
        <v>14422</v>
      </c>
      <c r="I13488" s="362"/>
      <c r="J13488" s="366"/>
      <c r="K13488" s="366"/>
      <c r="L13488" s="366"/>
    </row>
    <row r="13489" spans="2:12">
      <c r="B13489" s="358" t="s">
        <v>21587</v>
      </c>
      <c r="C13489" s="358" t="s">
        <v>21588</v>
      </c>
      <c r="D13489" s="358" t="s">
        <v>21589</v>
      </c>
      <c r="E13489" s="358" t="s">
        <v>21590</v>
      </c>
      <c r="F13489" s="358" t="s">
        <v>14430</v>
      </c>
      <c r="G13489" s="358" t="s">
        <v>14431</v>
      </c>
      <c r="H13489" s="358" t="s">
        <v>14341</v>
      </c>
      <c r="I13489" s="358" t="s">
        <v>14431</v>
      </c>
      <c r="J13489" s="358"/>
      <c r="K13489" s="358"/>
      <c r="L13489" s="358"/>
    </row>
    <row r="13490" spans="2:12">
      <c r="B13490" s="367"/>
      <c r="C13490" s="367"/>
      <c r="D13490" s="367"/>
      <c r="E13490" s="367"/>
      <c r="F13490" s="367"/>
      <c r="G13490" s="367"/>
      <c r="H13490" s="360"/>
      <c r="I13490" s="367"/>
      <c r="J13490" s="365"/>
      <c r="K13490" s="365"/>
      <c r="L13490" s="365"/>
    </row>
    <row r="13491" spans="2:12">
      <c r="B13491" s="368"/>
      <c r="C13491" s="368"/>
      <c r="D13491" s="368"/>
      <c r="E13491" s="368"/>
      <c r="F13491" s="368"/>
      <c r="G13491" s="368"/>
      <c r="H13491" s="361" t="s">
        <v>14332</v>
      </c>
      <c r="I13491" s="368"/>
      <c r="J13491" s="366"/>
      <c r="K13491" s="366"/>
      <c r="L13491" s="366"/>
    </row>
    <row r="13492" spans="2:12" ht="99.75">
      <c r="B13492" s="358" t="s">
        <v>21591</v>
      </c>
      <c r="C13492" s="358" t="s">
        <v>29344</v>
      </c>
      <c r="D13492" s="358" t="s">
        <v>21592</v>
      </c>
      <c r="E13492" s="358" t="s">
        <v>8356</v>
      </c>
      <c r="F13492" s="358" t="s">
        <v>14472</v>
      </c>
      <c r="G13492" s="358" t="s">
        <v>14473</v>
      </c>
      <c r="H13492" s="358" t="s">
        <v>8356</v>
      </c>
      <c r="I13492" s="358" t="s">
        <v>14473</v>
      </c>
      <c r="J13492" s="358"/>
      <c r="K13492" s="358"/>
      <c r="L13492" s="358"/>
    </row>
    <row r="13493" spans="2:12">
      <c r="B13493" s="368"/>
      <c r="C13493" s="368"/>
      <c r="D13493" s="368"/>
      <c r="E13493" s="368"/>
      <c r="F13493" s="368"/>
      <c r="G13493" s="368"/>
      <c r="H13493" s="368"/>
      <c r="I13493" s="368"/>
      <c r="J13493" s="366"/>
      <c r="K13493" s="366"/>
      <c r="L13493" s="366"/>
    </row>
    <row r="13494" spans="2:12" ht="42.75">
      <c r="B13494" s="358" t="s">
        <v>21593</v>
      </c>
      <c r="C13494" s="358" t="s">
        <v>21594</v>
      </c>
      <c r="D13494" s="358" t="s">
        <v>21595</v>
      </c>
      <c r="E13494" s="358" t="s">
        <v>21596</v>
      </c>
      <c r="F13494" s="358" t="s">
        <v>14430</v>
      </c>
      <c r="G13494" s="358" t="s">
        <v>14431</v>
      </c>
      <c r="H13494" s="358" t="s">
        <v>14341</v>
      </c>
      <c r="I13494" s="358" t="s">
        <v>14431</v>
      </c>
      <c r="J13494" s="358"/>
      <c r="K13494" s="358"/>
      <c r="L13494" s="358"/>
    </row>
    <row r="13495" spans="2:12">
      <c r="B13495" s="367"/>
      <c r="C13495" s="367"/>
      <c r="D13495" s="367"/>
      <c r="E13495" s="367"/>
      <c r="F13495" s="360"/>
      <c r="G13495" s="360"/>
      <c r="H13495" s="360"/>
      <c r="I13495" s="360"/>
      <c r="J13495" s="365"/>
      <c r="K13495" s="365"/>
      <c r="L13495" s="365"/>
    </row>
    <row r="13496" spans="2:12">
      <c r="B13496" s="367"/>
      <c r="C13496" s="367"/>
      <c r="D13496" s="367"/>
      <c r="E13496" s="367"/>
      <c r="F13496" s="359" t="s">
        <v>14391</v>
      </c>
      <c r="G13496" s="359" t="s">
        <v>14392</v>
      </c>
      <c r="H13496" s="359" t="s">
        <v>14367</v>
      </c>
      <c r="I13496" s="359" t="s">
        <v>14392</v>
      </c>
      <c r="J13496" s="365"/>
      <c r="K13496" s="365"/>
      <c r="L13496" s="365"/>
    </row>
    <row r="13497" spans="2:12">
      <c r="B13497" s="367"/>
      <c r="C13497" s="367"/>
      <c r="D13497" s="367"/>
      <c r="E13497" s="367"/>
      <c r="F13497" s="360"/>
      <c r="G13497" s="360"/>
      <c r="H13497" s="360"/>
      <c r="I13497" s="360"/>
      <c r="J13497" s="365"/>
      <c r="K13497" s="365"/>
      <c r="L13497" s="365"/>
    </row>
    <row r="13498" spans="2:12" ht="28.5">
      <c r="B13498" s="368"/>
      <c r="C13498" s="368"/>
      <c r="D13498" s="368"/>
      <c r="E13498" s="368"/>
      <c r="F13498" s="361" t="s">
        <v>14472</v>
      </c>
      <c r="G13498" s="361" t="s">
        <v>14473</v>
      </c>
      <c r="H13498" s="361" t="s">
        <v>14332</v>
      </c>
      <c r="I13498" s="361" t="s">
        <v>14473</v>
      </c>
      <c r="J13498" s="366"/>
      <c r="K13498" s="366"/>
      <c r="L13498" s="366"/>
    </row>
    <row r="13499" spans="2:12" ht="42.75">
      <c r="B13499" s="358" t="s">
        <v>21597</v>
      </c>
      <c r="C13499" s="358" t="s">
        <v>21598</v>
      </c>
      <c r="D13499" s="358" t="s">
        <v>21599</v>
      </c>
      <c r="E13499" s="358" t="s">
        <v>21600</v>
      </c>
      <c r="F13499" s="358" t="s">
        <v>14430</v>
      </c>
      <c r="G13499" s="358" t="s">
        <v>14431</v>
      </c>
      <c r="H13499" s="358" t="s">
        <v>14341</v>
      </c>
      <c r="I13499" s="358" t="s">
        <v>14431</v>
      </c>
      <c r="J13499" s="358"/>
      <c r="K13499" s="358"/>
      <c r="L13499" s="358"/>
    </row>
    <row r="13500" spans="2:12">
      <c r="B13500" s="367"/>
      <c r="C13500" s="367"/>
      <c r="D13500" s="367"/>
      <c r="E13500" s="367"/>
      <c r="F13500" s="360"/>
      <c r="G13500" s="360"/>
      <c r="H13500" s="360"/>
      <c r="I13500" s="360"/>
      <c r="J13500" s="365"/>
      <c r="K13500" s="365"/>
      <c r="L13500" s="365"/>
    </row>
    <row r="13501" spans="2:12">
      <c r="B13501" s="367"/>
      <c r="C13501" s="367"/>
      <c r="D13501" s="367"/>
      <c r="E13501" s="367"/>
      <c r="F13501" s="359" t="s">
        <v>14391</v>
      </c>
      <c r="G13501" s="359" t="s">
        <v>14392</v>
      </c>
      <c r="H13501" s="359" t="s">
        <v>14367</v>
      </c>
      <c r="I13501" s="359" t="s">
        <v>14392</v>
      </c>
      <c r="J13501" s="365"/>
      <c r="K13501" s="365"/>
      <c r="L13501" s="365"/>
    </row>
    <row r="13502" spans="2:12">
      <c r="B13502" s="367"/>
      <c r="C13502" s="367"/>
      <c r="D13502" s="367"/>
      <c r="E13502" s="367"/>
      <c r="F13502" s="360"/>
      <c r="G13502" s="360"/>
      <c r="H13502" s="360"/>
      <c r="I13502" s="360"/>
      <c r="J13502" s="365"/>
      <c r="K13502" s="365"/>
      <c r="L13502" s="365"/>
    </row>
    <row r="13503" spans="2:12" ht="28.5">
      <c r="B13503" s="368"/>
      <c r="C13503" s="368"/>
      <c r="D13503" s="368"/>
      <c r="E13503" s="368"/>
      <c r="F13503" s="361" t="s">
        <v>14472</v>
      </c>
      <c r="G13503" s="361" t="s">
        <v>14473</v>
      </c>
      <c r="H13503" s="361" t="s">
        <v>14332</v>
      </c>
      <c r="I13503" s="361" t="s">
        <v>14473</v>
      </c>
      <c r="J13503" s="366"/>
      <c r="K13503" s="366"/>
      <c r="L13503" s="366"/>
    </row>
    <row r="13504" spans="2:12" ht="28.5">
      <c r="B13504" s="358" t="s">
        <v>21601</v>
      </c>
      <c r="C13504" s="358" t="s">
        <v>21602</v>
      </c>
      <c r="D13504" s="358" t="s">
        <v>21603</v>
      </c>
      <c r="E13504" s="358" t="s">
        <v>8356</v>
      </c>
      <c r="F13504" s="358" t="s">
        <v>14391</v>
      </c>
      <c r="G13504" s="358" t="s">
        <v>14392</v>
      </c>
      <c r="H13504" s="358" t="s">
        <v>14367</v>
      </c>
      <c r="I13504" s="358" t="s">
        <v>14392</v>
      </c>
      <c r="J13504" s="358"/>
      <c r="K13504" s="358"/>
      <c r="L13504" s="358"/>
    </row>
    <row r="13505" spans="2:12">
      <c r="B13505" s="367"/>
      <c r="C13505" s="367"/>
      <c r="D13505" s="367"/>
      <c r="E13505" s="367"/>
      <c r="F13505" s="367"/>
      <c r="G13505" s="367"/>
      <c r="H13505" s="360"/>
      <c r="I13505" s="367"/>
      <c r="J13505" s="365"/>
      <c r="K13505" s="365"/>
      <c r="L13505" s="365"/>
    </row>
    <row r="13506" spans="2:12">
      <c r="B13506" s="368"/>
      <c r="C13506" s="368"/>
      <c r="D13506" s="368"/>
      <c r="E13506" s="368"/>
      <c r="F13506" s="368"/>
      <c r="G13506" s="368"/>
      <c r="H13506" s="361" t="s">
        <v>14422</v>
      </c>
      <c r="I13506" s="368"/>
      <c r="J13506" s="366"/>
      <c r="K13506" s="366"/>
      <c r="L13506" s="366"/>
    </row>
    <row r="13507" spans="2:12">
      <c r="B13507" s="358" t="s">
        <v>21604</v>
      </c>
      <c r="C13507" s="358" t="s">
        <v>21605</v>
      </c>
      <c r="D13507" s="358" t="s">
        <v>21606</v>
      </c>
      <c r="E13507" s="358" t="s">
        <v>21607</v>
      </c>
      <c r="F13507" s="358" t="s">
        <v>14391</v>
      </c>
      <c r="G13507" s="358" t="s">
        <v>14392</v>
      </c>
      <c r="H13507" s="358" t="s">
        <v>14367</v>
      </c>
      <c r="I13507" s="358" t="s">
        <v>14392</v>
      </c>
      <c r="J13507" s="358"/>
      <c r="K13507" s="358"/>
      <c r="L13507" s="358"/>
    </row>
    <row r="13508" spans="2:12">
      <c r="B13508" s="367"/>
      <c r="C13508" s="367"/>
      <c r="D13508" s="367"/>
      <c r="E13508" s="367"/>
      <c r="F13508" s="360"/>
      <c r="G13508" s="360"/>
      <c r="H13508" s="360"/>
      <c r="I13508" s="360"/>
      <c r="J13508" s="365"/>
      <c r="K13508" s="365"/>
      <c r="L13508" s="365"/>
    </row>
    <row r="13509" spans="2:12" ht="28.5">
      <c r="B13509" s="368"/>
      <c r="C13509" s="368"/>
      <c r="D13509" s="368"/>
      <c r="E13509" s="368"/>
      <c r="F13509" s="361" t="s">
        <v>14462</v>
      </c>
      <c r="G13509" s="361" t="s">
        <v>14463</v>
      </c>
      <c r="H13509" s="361" t="s">
        <v>14422</v>
      </c>
      <c r="I13509" s="361" t="s">
        <v>14463</v>
      </c>
      <c r="J13509" s="366"/>
      <c r="K13509" s="366"/>
      <c r="L13509" s="366"/>
    </row>
    <row r="13510" spans="2:12" ht="42.75">
      <c r="B13510" s="358" t="s">
        <v>21608</v>
      </c>
      <c r="C13510" s="358" t="s">
        <v>27715</v>
      </c>
      <c r="D13510" s="358" t="s">
        <v>21609</v>
      </c>
      <c r="E13510" s="358" t="s">
        <v>21610</v>
      </c>
      <c r="F13510" s="358" t="s">
        <v>29345</v>
      </c>
      <c r="G13510" s="358" t="s">
        <v>14429</v>
      </c>
      <c r="H13510" s="358" t="s">
        <v>14381</v>
      </c>
      <c r="I13510" s="358" t="s">
        <v>14429</v>
      </c>
      <c r="J13510" s="358"/>
      <c r="K13510" s="358"/>
      <c r="L13510" s="358"/>
    </row>
    <row r="13511" spans="2:12">
      <c r="B13511" s="367"/>
      <c r="C13511" s="367"/>
      <c r="D13511" s="367"/>
      <c r="E13511" s="367"/>
      <c r="F13511" s="360"/>
      <c r="G13511" s="360"/>
      <c r="H13511" s="360"/>
      <c r="I13511" s="360"/>
      <c r="J13511" s="365"/>
      <c r="K13511" s="365"/>
      <c r="L13511" s="365"/>
    </row>
    <row r="13512" spans="2:12" ht="28.5">
      <c r="B13512" s="367"/>
      <c r="C13512" s="367"/>
      <c r="D13512" s="367"/>
      <c r="E13512" s="367"/>
      <c r="F13512" s="359" t="s">
        <v>14374</v>
      </c>
      <c r="G13512" s="359" t="s">
        <v>29143</v>
      </c>
      <c r="H13512" s="359" t="s">
        <v>14367</v>
      </c>
      <c r="I13512" s="359" t="s">
        <v>28567</v>
      </c>
      <c r="J13512" s="365"/>
      <c r="K13512" s="365"/>
      <c r="L13512" s="365"/>
    </row>
    <row r="13513" spans="2:12">
      <c r="B13513" s="367"/>
      <c r="C13513" s="367"/>
      <c r="D13513" s="367"/>
      <c r="E13513" s="367"/>
      <c r="F13513" s="360"/>
      <c r="G13513" s="360"/>
      <c r="H13513" s="360"/>
      <c r="I13513" s="360"/>
      <c r="J13513" s="365"/>
      <c r="K13513" s="365"/>
      <c r="L13513" s="365"/>
    </row>
    <row r="13514" spans="2:12">
      <c r="B13514" s="367"/>
      <c r="C13514" s="367"/>
      <c r="D13514" s="367"/>
      <c r="E13514" s="367"/>
      <c r="F13514" s="360"/>
      <c r="G13514" s="359" t="s">
        <v>14373</v>
      </c>
      <c r="H13514" s="359" t="s">
        <v>14370</v>
      </c>
      <c r="I13514" s="360"/>
      <c r="J13514" s="365"/>
      <c r="K13514" s="365"/>
      <c r="L13514" s="365"/>
    </row>
    <row r="13515" spans="2:12">
      <c r="B13515" s="367"/>
      <c r="C13515" s="367"/>
      <c r="D13515" s="367"/>
      <c r="E13515" s="367"/>
      <c r="F13515" s="360"/>
      <c r="G13515" s="360"/>
      <c r="H13515" s="360"/>
      <c r="I13515" s="360"/>
      <c r="J13515" s="365"/>
      <c r="K13515" s="365"/>
      <c r="L13515" s="365"/>
    </row>
    <row r="13516" spans="2:12">
      <c r="B13516" s="368"/>
      <c r="C13516" s="368"/>
      <c r="D13516" s="368"/>
      <c r="E13516" s="368"/>
      <c r="F13516" s="362"/>
      <c r="G13516" s="362"/>
      <c r="H13516" s="361" t="s">
        <v>14422</v>
      </c>
      <c r="I13516" s="362"/>
      <c r="J13516" s="366"/>
      <c r="K13516" s="366"/>
      <c r="L13516" s="366"/>
    </row>
    <row r="13517" spans="2:12" ht="42.75">
      <c r="B13517" s="358" t="s">
        <v>21611</v>
      </c>
      <c r="C13517" s="358" t="s">
        <v>29346</v>
      </c>
      <c r="D13517" s="358" t="s">
        <v>21612</v>
      </c>
      <c r="E13517" s="358" t="s">
        <v>8356</v>
      </c>
      <c r="F13517" s="358" t="s">
        <v>14391</v>
      </c>
      <c r="G13517" s="358" t="s">
        <v>14392</v>
      </c>
      <c r="H13517" s="358" t="s">
        <v>14367</v>
      </c>
      <c r="I13517" s="358" t="s">
        <v>14392</v>
      </c>
      <c r="J13517" s="358"/>
      <c r="K13517" s="358"/>
      <c r="L13517" s="358"/>
    </row>
    <row r="13518" spans="2:12">
      <c r="B13518" s="367"/>
      <c r="C13518" s="367"/>
      <c r="D13518" s="367"/>
      <c r="E13518" s="367"/>
      <c r="F13518" s="360"/>
      <c r="G13518" s="360"/>
      <c r="H13518" s="360"/>
      <c r="I13518" s="360"/>
      <c r="J13518" s="365"/>
      <c r="K13518" s="365"/>
      <c r="L13518" s="365"/>
    </row>
    <row r="13519" spans="2:12">
      <c r="B13519" s="367"/>
      <c r="C13519" s="367"/>
      <c r="D13519" s="367"/>
      <c r="E13519" s="367"/>
      <c r="F13519" s="359" t="s">
        <v>14371</v>
      </c>
      <c r="G13519" s="359" t="s">
        <v>14372</v>
      </c>
      <c r="H13519" s="359" t="s">
        <v>14370</v>
      </c>
      <c r="I13519" s="359" t="s">
        <v>14373</v>
      </c>
      <c r="J13519" s="365"/>
      <c r="K13519" s="365"/>
      <c r="L13519" s="365"/>
    </row>
    <row r="13520" spans="2:12">
      <c r="B13520" s="367"/>
      <c r="C13520" s="367"/>
      <c r="D13520" s="367"/>
      <c r="E13520" s="367"/>
      <c r="F13520" s="360"/>
      <c r="G13520" s="360"/>
      <c r="H13520" s="360"/>
      <c r="I13520" s="360"/>
      <c r="J13520" s="365"/>
      <c r="K13520" s="365"/>
      <c r="L13520" s="365"/>
    </row>
    <row r="13521" spans="2:12" ht="28.5">
      <c r="B13521" s="368"/>
      <c r="C13521" s="368"/>
      <c r="D13521" s="368"/>
      <c r="E13521" s="368"/>
      <c r="F13521" s="361" t="s">
        <v>14374</v>
      </c>
      <c r="G13521" s="361" t="s">
        <v>14373</v>
      </c>
      <c r="H13521" s="361" t="s">
        <v>14422</v>
      </c>
      <c r="I13521" s="362"/>
      <c r="J13521" s="366"/>
      <c r="K13521" s="366"/>
      <c r="L13521" s="366"/>
    </row>
    <row r="13522" spans="2:12" ht="28.5">
      <c r="B13522" s="358" t="s">
        <v>21613</v>
      </c>
      <c r="C13522" s="358" t="s">
        <v>21614</v>
      </c>
      <c r="D13522" s="358" t="s">
        <v>21615</v>
      </c>
      <c r="E13522" s="358" t="s">
        <v>21616</v>
      </c>
      <c r="F13522" s="358" t="s">
        <v>14384</v>
      </c>
      <c r="G13522" s="358" t="s">
        <v>29027</v>
      </c>
      <c r="H13522" s="358" t="s">
        <v>14381</v>
      </c>
      <c r="I13522" s="358" t="s">
        <v>29027</v>
      </c>
      <c r="J13522" s="358"/>
      <c r="K13522" s="358"/>
      <c r="L13522" s="358"/>
    </row>
    <row r="13523" spans="2:12">
      <c r="B13523" s="367"/>
      <c r="C13523" s="367"/>
      <c r="D13523" s="367"/>
      <c r="E13523" s="367"/>
      <c r="F13523" s="360"/>
      <c r="G13523" s="360"/>
      <c r="H13523" s="360"/>
      <c r="I13523" s="360"/>
      <c r="J13523" s="365"/>
      <c r="K13523" s="365"/>
      <c r="L13523" s="365"/>
    </row>
    <row r="13524" spans="2:12" ht="28.5">
      <c r="B13524" s="367"/>
      <c r="C13524" s="367"/>
      <c r="D13524" s="367"/>
      <c r="E13524" s="367"/>
      <c r="F13524" s="359" t="s">
        <v>29049</v>
      </c>
      <c r="G13524" s="359" t="s">
        <v>14372</v>
      </c>
      <c r="H13524" s="359" t="s">
        <v>14367</v>
      </c>
      <c r="I13524" s="359" t="s">
        <v>14373</v>
      </c>
      <c r="J13524" s="365"/>
      <c r="K13524" s="365"/>
      <c r="L13524" s="365"/>
    </row>
    <row r="13525" spans="2:12">
      <c r="B13525" s="367"/>
      <c r="C13525" s="367"/>
      <c r="D13525" s="367"/>
      <c r="E13525" s="367"/>
      <c r="F13525" s="360"/>
      <c r="G13525" s="360"/>
      <c r="H13525" s="360"/>
      <c r="I13525" s="360"/>
      <c r="J13525" s="365"/>
      <c r="K13525" s="365"/>
      <c r="L13525" s="365"/>
    </row>
    <row r="13526" spans="2:12" ht="28.5">
      <c r="B13526" s="367"/>
      <c r="C13526" s="367"/>
      <c r="D13526" s="367"/>
      <c r="E13526" s="367"/>
      <c r="F13526" s="359" t="s">
        <v>14374</v>
      </c>
      <c r="G13526" s="359" t="s">
        <v>14373</v>
      </c>
      <c r="H13526" s="359" t="s">
        <v>14370</v>
      </c>
      <c r="I13526" s="360"/>
      <c r="J13526" s="365"/>
      <c r="K13526" s="365"/>
      <c r="L13526" s="365"/>
    </row>
    <row r="13527" spans="2:12">
      <c r="B13527" s="367"/>
      <c r="C13527" s="367"/>
      <c r="D13527" s="367"/>
      <c r="E13527" s="367"/>
      <c r="F13527" s="360"/>
      <c r="G13527" s="360"/>
      <c r="H13527" s="360"/>
      <c r="I13527" s="360"/>
      <c r="J13527" s="365"/>
      <c r="K13527" s="365"/>
      <c r="L13527" s="365"/>
    </row>
    <row r="13528" spans="2:12">
      <c r="B13528" s="368"/>
      <c r="C13528" s="368"/>
      <c r="D13528" s="368"/>
      <c r="E13528" s="368"/>
      <c r="F13528" s="362"/>
      <c r="G13528" s="362"/>
      <c r="H13528" s="361" t="s">
        <v>14332</v>
      </c>
      <c r="I13528" s="362"/>
      <c r="J13528" s="366"/>
      <c r="K13528" s="366"/>
      <c r="L13528" s="366"/>
    </row>
    <row r="13529" spans="2:12" ht="42.75">
      <c r="B13529" s="358" t="s">
        <v>21617</v>
      </c>
      <c r="C13529" s="358" t="s">
        <v>21618</v>
      </c>
      <c r="D13529" s="358" t="s">
        <v>21619</v>
      </c>
      <c r="E13529" s="358" t="s">
        <v>21620</v>
      </c>
      <c r="F13529" s="358" t="s">
        <v>14462</v>
      </c>
      <c r="G13529" s="358" t="s">
        <v>14463</v>
      </c>
      <c r="H13529" s="358" t="s">
        <v>8356</v>
      </c>
      <c r="I13529" s="358" t="s">
        <v>14463</v>
      </c>
      <c r="J13529" s="358"/>
      <c r="K13529" s="358"/>
      <c r="L13529" s="358"/>
    </row>
    <row r="13530" spans="2:12">
      <c r="B13530" s="368"/>
      <c r="C13530" s="368"/>
      <c r="D13530" s="368"/>
      <c r="E13530" s="368"/>
      <c r="F13530" s="368"/>
      <c r="G13530" s="368"/>
      <c r="H13530" s="368"/>
      <c r="I13530" s="368"/>
      <c r="J13530" s="366"/>
      <c r="K13530" s="366"/>
      <c r="L13530" s="366"/>
    </row>
    <row r="13531" spans="2:12" ht="85.5">
      <c r="B13531" s="358" t="s">
        <v>21621</v>
      </c>
      <c r="C13531" s="358" t="s">
        <v>29347</v>
      </c>
      <c r="D13531" s="358" t="s">
        <v>21622</v>
      </c>
      <c r="E13531" s="358" t="s">
        <v>8356</v>
      </c>
      <c r="F13531" s="358" t="s">
        <v>14430</v>
      </c>
      <c r="G13531" s="358" t="s">
        <v>14431</v>
      </c>
      <c r="H13531" s="358" t="s">
        <v>14341</v>
      </c>
      <c r="I13531" s="358" t="s">
        <v>14431</v>
      </c>
      <c r="J13531" s="358"/>
      <c r="K13531" s="358"/>
      <c r="L13531" s="358"/>
    </row>
    <row r="13532" spans="2:12">
      <c r="B13532" s="367"/>
      <c r="C13532" s="367"/>
      <c r="D13532" s="367"/>
      <c r="E13532" s="367"/>
      <c r="F13532" s="367"/>
      <c r="G13532" s="367"/>
      <c r="H13532" s="360"/>
      <c r="I13532" s="367"/>
      <c r="J13532" s="365"/>
      <c r="K13532" s="365"/>
      <c r="L13532" s="365"/>
    </row>
    <row r="13533" spans="2:12">
      <c r="B13533" s="368"/>
      <c r="C13533" s="368"/>
      <c r="D13533" s="368"/>
      <c r="E13533" s="368"/>
      <c r="F13533" s="368"/>
      <c r="G13533" s="368"/>
      <c r="H13533" s="361" t="s">
        <v>14332</v>
      </c>
      <c r="I13533" s="368"/>
      <c r="J13533" s="366"/>
      <c r="K13533" s="366"/>
      <c r="L13533" s="366"/>
    </row>
    <row r="13534" spans="2:12" ht="28.5">
      <c r="B13534" s="358" t="s">
        <v>21623</v>
      </c>
      <c r="C13534" s="358" t="s">
        <v>27716</v>
      </c>
      <c r="D13534" s="358" t="s">
        <v>21624</v>
      </c>
      <c r="E13534" s="358" t="s">
        <v>8356</v>
      </c>
      <c r="F13534" s="358" t="s">
        <v>14462</v>
      </c>
      <c r="G13534" s="358" t="s">
        <v>14463</v>
      </c>
      <c r="H13534" s="358" t="s">
        <v>8356</v>
      </c>
      <c r="I13534" s="358" t="s">
        <v>14463</v>
      </c>
      <c r="J13534" s="358"/>
      <c r="K13534" s="358"/>
      <c r="L13534" s="358"/>
    </row>
    <row r="13535" spans="2:12">
      <c r="B13535" s="368"/>
      <c r="C13535" s="368"/>
      <c r="D13535" s="368"/>
      <c r="E13535" s="368"/>
      <c r="F13535" s="368"/>
      <c r="G13535" s="368"/>
      <c r="H13535" s="368"/>
      <c r="I13535" s="368"/>
      <c r="J13535" s="366"/>
      <c r="K13535" s="366"/>
      <c r="L13535" s="366"/>
    </row>
    <row r="13536" spans="2:12">
      <c r="B13536" s="358" t="s">
        <v>21625</v>
      </c>
      <c r="C13536" s="358" t="s">
        <v>29348</v>
      </c>
      <c r="D13536" s="358" t="s">
        <v>21626</v>
      </c>
      <c r="E13536" s="358" t="s">
        <v>21627</v>
      </c>
      <c r="F13536" s="358" t="s">
        <v>14391</v>
      </c>
      <c r="G13536" s="358" t="s">
        <v>14392</v>
      </c>
      <c r="H13536" s="358" t="s">
        <v>14367</v>
      </c>
      <c r="I13536" s="358" t="s">
        <v>14392</v>
      </c>
      <c r="J13536" s="358"/>
      <c r="K13536" s="358"/>
      <c r="L13536" s="358"/>
    </row>
    <row r="13537" spans="2:12">
      <c r="B13537" s="367"/>
      <c r="C13537" s="367"/>
      <c r="D13537" s="367"/>
      <c r="E13537" s="367"/>
      <c r="F13537" s="360"/>
      <c r="G13537" s="360"/>
      <c r="H13537" s="360"/>
      <c r="I13537" s="360"/>
      <c r="J13537" s="365"/>
      <c r="K13537" s="365"/>
      <c r="L13537" s="365"/>
    </row>
    <row r="13538" spans="2:12" ht="28.5">
      <c r="B13538" s="368"/>
      <c r="C13538" s="368"/>
      <c r="D13538" s="368"/>
      <c r="E13538" s="368"/>
      <c r="F13538" s="361" t="s">
        <v>14472</v>
      </c>
      <c r="G13538" s="361" t="s">
        <v>14473</v>
      </c>
      <c r="H13538" s="361" t="s">
        <v>14422</v>
      </c>
      <c r="I13538" s="361" t="s">
        <v>14473</v>
      </c>
      <c r="J13538" s="366"/>
      <c r="K13538" s="366"/>
      <c r="L13538" s="366"/>
    </row>
    <row r="13539" spans="2:12" ht="28.5">
      <c r="B13539" s="358" t="s">
        <v>21628</v>
      </c>
      <c r="C13539" s="358" t="s">
        <v>27717</v>
      </c>
      <c r="D13539" s="358" t="s">
        <v>21629</v>
      </c>
      <c r="E13539" s="358" t="s">
        <v>21630</v>
      </c>
      <c r="F13539" s="358" t="s">
        <v>14460</v>
      </c>
      <c r="G13539" s="358" t="s">
        <v>29140</v>
      </c>
      <c r="H13539" s="358" t="s">
        <v>14381</v>
      </c>
      <c r="I13539" s="358" t="s">
        <v>29140</v>
      </c>
      <c r="J13539" s="358"/>
      <c r="K13539" s="358"/>
      <c r="L13539" s="358"/>
    </row>
    <row r="13540" spans="2:12">
      <c r="B13540" s="367"/>
      <c r="C13540" s="367"/>
      <c r="D13540" s="367"/>
      <c r="E13540" s="367"/>
      <c r="F13540" s="360"/>
      <c r="G13540" s="367"/>
      <c r="H13540" s="360"/>
      <c r="I13540" s="367"/>
      <c r="J13540" s="365"/>
      <c r="K13540" s="365"/>
      <c r="L13540" s="365"/>
    </row>
    <row r="13541" spans="2:12">
      <c r="B13541" s="367"/>
      <c r="C13541" s="367"/>
      <c r="D13541" s="367"/>
      <c r="E13541" s="367"/>
      <c r="F13541" s="359" t="s">
        <v>14391</v>
      </c>
      <c r="G13541" s="367"/>
      <c r="H13541" s="359" t="s">
        <v>14367</v>
      </c>
      <c r="I13541" s="367"/>
      <c r="J13541" s="365"/>
      <c r="K13541" s="365"/>
      <c r="L13541" s="365"/>
    </row>
    <row r="13542" spans="2:12">
      <c r="B13542" s="367"/>
      <c r="C13542" s="367"/>
      <c r="D13542" s="367"/>
      <c r="E13542" s="367"/>
      <c r="F13542" s="360"/>
      <c r="G13542" s="367"/>
      <c r="H13542" s="360"/>
      <c r="I13542" s="367"/>
      <c r="J13542" s="365"/>
      <c r="K13542" s="365"/>
      <c r="L13542" s="365"/>
    </row>
    <row r="13543" spans="2:12">
      <c r="B13543" s="368"/>
      <c r="C13543" s="368"/>
      <c r="D13543" s="368"/>
      <c r="E13543" s="368"/>
      <c r="F13543" s="362"/>
      <c r="G13543" s="368"/>
      <c r="H13543" s="361" t="s">
        <v>14422</v>
      </c>
      <c r="I13543" s="368"/>
      <c r="J13543" s="366"/>
      <c r="K13543" s="366"/>
      <c r="L13543" s="366"/>
    </row>
    <row r="13544" spans="2:12">
      <c r="B13544" s="358" t="s">
        <v>21631</v>
      </c>
      <c r="C13544" s="358" t="s">
        <v>27718</v>
      </c>
      <c r="D13544" s="358" t="s">
        <v>21632</v>
      </c>
      <c r="E13544" s="358" t="s">
        <v>21633</v>
      </c>
      <c r="F13544" s="358" t="s">
        <v>14430</v>
      </c>
      <c r="G13544" s="358" t="s">
        <v>14431</v>
      </c>
      <c r="H13544" s="358" t="s">
        <v>14341</v>
      </c>
      <c r="I13544" s="358" t="s">
        <v>14431</v>
      </c>
      <c r="J13544" s="358"/>
      <c r="K13544" s="358"/>
      <c r="L13544" s="358"/>
    </row>
    <row r="13545" spans="2:12">
      <c r="B13545" s="367"/>
      <c r="C13545" s="367"/>
      <c r="D13545" s="367"/>
      <c r="E13545" s="367"/>
      <c r="F13545" s="367"/>
      <c r="G13545" s="367"/>
      <c r="H13545" s="360"/>
      <c r="I13545" s="367"/>
      <c r="J13545" s="365"/>
      <c r="K13545" s="365"/>
      <c r="L13545" s="365"/>
    </row>
    <row r="13546" spans="2:12">
      <c r="B13546" s="368"/>
      <c r="C13546" s="368"/>
      <c r="D13546" s="368"/>
      <c r="E13546" s="368"/>
      <c r="F13546" s="368"/>
      <c r="G13546" s="368"/>
      <c r="H13546" s="361" t="s">
        <v>14332</v>
      </c>
      <c r="I13546" s="368"/>
      <c r="J13546" s="366"/>
      <c r="K13546" s="366"/>
      <c r="L13546" s="366"/>
    </row>
    <row r="13547" spans="2:12">
      <c r="B13547" s="358" t="s">
        <v>21634</v>
      </c>
      <c r="C13547" s="358" t="s">
        <v>21635</v>
      </c>
      <c r="D13547" s="358" t="s">
        <v>21636</v>
      </c>
      <c r="E13547" s="358" t="s">
        <v>21637</v>
      </c>
      <c r="F13547" s="358" t="s">
        <v>14391</v>
      </c>
      <c r="G13547" s="358" t="s">
        <v>14392</v>
      </c>
      <c r="H13547" s="358" t="s">
        <v>14367</v>
      </c>
      <c r="I13547" s="358" t="s">
        <v>14392</v>
      </c>
      <c r="J13547" s="358"/>
      <c r="K13547" s="358"/>
      <c r="L13547" s="358"/>
    </row>
    <row r="13548" spans="2:12">
      <c r="B13548" s="367"/>
      <c r="C13548" s="367"/>
      <c r="D13548" s="367"/>
      <c r="E13548" s="367"/>
      <c r="F13548" s="360"/>
      <c r="G13548" s="360"/>
      <c r="H13548" s="360"/>
      <c r="I13548" s="360"/>
      <c r="J13548" s="365"/>
      <c r="K13548" s="365"/>
      <c r="L13548" s="365"/>
    </row>
    <row r="13549" spans="2:12">
      <c r="B13549" s="367"/>
      <c r="C13549" s="367"/>
      <c r="D13549" s="367"/>
      <c r="E13549" s="367"/>
      <c r="F13549" s="359" t="s">
        <v>14371</v>
      </c>
      <c r="G13549" s="359" t="s">
        <v>14372</v>
      </c>
      <c r="H13549" s="359" t="s">
        <v>14370</v>
      </c>
      <c r="I13549" s="359" t="s">
        <v>14373</v>
      </c>
      <c r="J13549" s="365"/>
      <c r="K13549" s="365"/>
      <c r="L13549" s="365"/>
    </row>
    <row r="13550" spans="2:12">
      <c r="B13550" s="367"/>
      <c r="C13550" s="367"/>
      <c r="D13550" s="367"/>
      <c r="E13550" s="367"/>
      <c r="F13550" s="360"/>
      <c r="G13550" s="360"/>
      <c r="H13550" s="360"/>
      <c r="I13550" s="360"/>
      <c r="J13550" s="365"/>
      <c r="K13550" s="365"/>
      <c r="L13550" s="365"/>
    </row>
    <row r="13551" spans="2:12" ht="28.5">
      <c r="B13551" s="368"/>
      <c r="C13551" s="368"/>
      <c r="D13551" s="368"/>
      <c r="E13551" s="368"/>
      <c r="F13551" s="361" t="s">
        <v>14374</v>
      </c>
      <c r="G13551" s="361" t="s">
        <v>14373</v>
      </c>
      <c r="H13551" s="361" t="s">
        <v>14422</v>
      </c>
      <c r="I13551" s="362"/>
      <c r="J13551" s="366"/>
      <c r="K13551" s="366"/>
      <c r="L13551" s="366"/>
    </row>
    <row r="13552" spans="2:12" ht="42.75">
      <c r="B13552" s="358" t="s">
        <v>21638</v>
      </c>
      <c r="C13552" s="358" t="s">
        <v>29349</v>
      </c>
      <c r="D13552" s="358" t="s">
        <v>21639</v>
      </c>
      <c r="E13552" s="358" t="s">
        <v>8356</v>
      </c>
      <c r="F13552" s="358" t="s">
        <v>14430</v>
      </c>
      <c r="G13552" s="358" t="s">
        <v>14431</v>
      </c>
      <c r="H13552" s="358" t="s">
        <v>14341</v>
      </c>
      <c r="I13552" s="358" t="s">
        <v>14431</v>
      </c>
      <c r="J13552" s="358"/>
      <c r="K13552" s="358"/>
      <c r="L13552" s="358"/>
    </row>
    <row r="13553" spans="2:12">
      <c r="B13553" s="367"/>
      <c r="C13553" s="367"/>
      <c r="D13553" s="367"/>
      <c r="E13553" s="367"/>
      <c r="F13553" s="367"/>
      <c r="G13553" s="367"/>
      <c r="H13553" s="360"/>
      <c r="I13553" s="367"/>
      <c r="J13553" s="365"/>
      <c r="K13553" s="365"/>
      <c r="L13553" s="365"/>
    </row>
    <row r="13554" spans="2:12">
      <c r="B13554" s="368"/>
      <c r="C13554" s="368"/>
      <c r="D13554" s="368"/>
      <c r="E13554" s="368"/>
      <c r="F13554" s="368"/>
      <c r="G13554" s="368"/>
      <c r="H13554" s="361" t="s">
        <v>14332</v>
      </c>
      <c r="I13554" s="368"/>
      <c r="J13554" s="366"/>
      <c r="K13554" s="366"/>
      <c r="L13554" s="366"/>
    </row>
    <row r="13555" spans="2:12" ht="57">
      <c r="B13555" s="358" t="s">
        <v>21640</v>
      </c>
      <c r="C13555" s="358" t="s">
        <v>21641</v>
      </c>
      <c r="D13555" s="358" t="s">
        <v>21642</v>
      </c>
      <c r="E13555" s="358" t="s">
        <v>21643</v>
      </c>
      <c r="F13555" s="358" t="s">
        <v>14430</v>
      </c>
      <c r="G13555" s="358" t="s">
        <v>14431</v>
      </c>
      <c r="H13555" s="358" t="s">
        <v>14341</v>
      </c>
      <c r="I13555" s="358" t="s">
        <v>14431</v>
      </c>
      <c r="J13555" s="358"/>
      <c r="K13555" s="358"/>
      <c r="L13555" s="358"/>
    </row>
    <row r="13556" spans="2:12">
      <c r="B13556" s="367"/>
      <c r="C13556" s="367"/>
      <c r="D13556" s="367"/>
      <c r="E13556" s="367"/>
      <c r="F13556" s="367"/>
      <c r="G13556" s="367"/>
      <c r="H13556" s="360"/>
      <c r="I13556" s="367"/>
      <c r="J13556" s="365"/>
      <c r="K13556" s="365"/>
      <c r="L13556" s="365"/>
    </row>
    <row r="13557" spans="2:12">
      <c r="B13557" s="368"/>
      <c r="C13557" s="368"/>
      <c r="D13557" s="368"/>
      <c r="E13557" s="368"/>
      <c r="F13557" s="368"/>
      <c r="G13557" s="368"/>
      <c r="H13557" s="361" t="s">
        <v>14332</v>
      </c>
      <c r="I13557" s="368"/>
      <c r="J13557" s="366"/>
      <c r="K13557" s="366"/>
      <c r="L13557" s="366"/>
    </row>
    <row r="13558" spans="2:12">
      <c r="B13558" s="358" t="s">
        <v>21644</v>
      </c>
      <c r="C13558" s="358" t="s">
        <v>21645</v>
      </c>
      <c r="D13558" s="358" t="s">
        <v>21646</v>
      </c>
      <c r="E13558" s="358" t="s">
        <v>21647</v>
      </c>
      <c r="F13558" s="358" t="s">
        <v>21511</v>
      </c>
      <c r="G13558" s="358" t="s">
        <v>16363</v>
      </c>
      <c r="H13558" s="358" t="s">
        <v>14328</v>
      </c>
      <c r="I13558" s="358" t="s">
        <v>16363</v>
      </c>
      <c r="J13558" s="358"/>
      <c r="K13558" s="358"/>
      <c r="L13558" s="358"/>
    </row>
    <row r="13559" spans="2:12">
      <c r="B13559" s="367"/>
      <c r="C13559" s="367"/>
      <c r="D13559" s="367"/>
      <c r="E13559" s="367"/>
      <c r="F13559" s="360"/>
      <c r="G13559" s="360"/>
      <c r="H13559" s="360"/>
      <c r="I13559" s="360"/>
      <c r="J13559" s="365"/>
      <c r="K13559" s="365"/>
      <c r="L13559" s="365"/>
    </row>
    <row r="13560" spans="2:12">
      <c r="B13560" s="367"/>
      <c r="C13560" s="367"/>
      <c r="D13560" s="367"/>
      <c r="E13560" s="367"/>
      <c r="F13560" s="359" t="s">
        <v>14391</v>
      </c>
      <c r="G13560" s="359" t="s">
        <v>14392</v>
      </c>
      <c r="H13560" s="359" t="s">
        <v>14367</v>
      </c>
      <c r="I13560" s="359" t="s">
        <v>14392</v>
      </c>
      <c r="J13560" s="365"/>
      <c r="K13560" s="365"/>
      <c r="L13560" s="365"/>
    </row>
    <row r="13561" spans="2:12">
      <c r="B13561" s="367"/>
      <c r="C13561" s="367"/>
      <c r="D13561" s="367"/>
      <c r="E13561" s="367"/>
      <c r="F13561" s="360"/>
      <c r="G13561" s="360"/>
      <c r="H13561" s="360"/>
      <c r="I13561" s="360"/>
      <c r="J13561" s="365"/>
      <c r="K13561" s="365"/>
      <c r="L13561" s="365"/>
    </row>
    <row r="13562" spans="2:12">
      <c r="B13562" s="367"/>
      <c r="C13562" s="367"/>
      <c r="D13562" s="367"/>
      <c r="E13562" s="367"/>
      <c r="F13562" s="359" t="s">
        <v>14371</v>
      </c>
      <c r="G13562" s="359" t="s">
        <v>14372</v>
      </c>
      <c r="H13562" s="359" t="s">
        <v>14370</v>
      </c>
      <c r="I13562" s="359" t="s">
        <v>14373</v>
      </c>
      <c r="J13562" s="365"/>
      <c r="K13562" s="365"/>
      <c r="L13562" s="365"/>
    </row>
    <row r="13563" spans="2:12">
      <c r="B13563" s="367"/>
      <c r="C13563" s="367"/>
      <c r="D13563" s="367"/>
      <c r="E13563" s="367"/>
      <c r="F13563" s="360"/>
      <c r="G13563" s="360"/>
      <c r="H13563" s="360"/>
      <c r="I13563" s="360"/>
      <c r="J13563" s="365"/>
      <c r="K13563" s="365"/>
      <c r="L13563" s="365"/>
    </row>
    <row r="13564" spans="2:12" ht="28.5">
      <c r="B13564" s="368"/>
      <c r="C13564" s="368"/>
      <c r="D13564" s="368"/>
      <c r="E13564" s="368"/>
      <c r="F13564" s="361" t="s">
        <v>14374</v>
      </c>
      <c r="G13564" s="361" t="s">
        <v>14373</v>
      </c>
      <c r="H13564" s="361" t="s">
        <v>14332</v>
      </c>
      <c r="I13564" s="362"/>
      <c r="J13564" s="366"/>
      <c r="K13564" s="366"/>
      <c r="L13564" s="366"/>
    </row>
    <row r="13565" spans="2:12" ht="28.5">
      <c r="B13565" s="358" t="s">
        <v>21648</v>
      </c>
      <c r="C13565" s="358" t="s">
        <v>27719</v>
      </c>
      <c r="D13565" s="358" t="s">
        <v>21649</v>
      </c>
      <c r="E13565" s="358" t="s">
        <v>8356</v>
      </c>
      <c r="F13565" s="358" t="s">
        <v>14394</v>
      </c>
      <c r="G13565" s="358" t="s">
        <v>14395</v>
      </c>
      <c r="H13565" s="358" t="s">
        <v>14370</v>
      </c>
      <c r="I13565" s="358" t="s">
        <v>14395</v>
      </c>
      <c r="J13565" s="358"/>
      <c r="K13565" s="358"/>
      <c r="L13565" s="358"/>
    </row>
    <row r="13566" spans="2:12">
      <c r="B13566" s="368"/>
      <c r="C13566" s="368"/>
      <c r="D13566" s="368"/>
      <c r="E13566" s="368"/>
      <c r="F13566" s="368"/>
      <c r="G13566" s="368"/>
      <c r="H13566" s="368"/>
      <c r="I13566" s="368"/>
      <c r="J13566" s="366"/>
      <c r="K13566" s="366"/>
      <c r="L13566" s="366"/>
    </row>
    <row r="13567" spans="2:12" ht="28.5">
      <c r="B13567" s="358" t="s">
        <v>21650</v>
      </c>
      <c r="C13567" s="358" t="s">
        <v>21651</v>
      </c>
      <c r="D13567" s="358" t="s">
        <v>21652</v>
      </c>
      <c r="E13567" s="358" t="s">
        <v>21653</v>
      </c>
      <c r="F13567" s="358" t="s">
        <v>14420</v>
      </c>
      <c r="G13567" s="358" t="s">
        <v>14429</v>
      </c>
      <c r="H13567" s="358" t="s">
        <v>14367</v>
      </c>
      <c r="I13567" s="358" t="s">
        <v>14429</v>
      </c>
      <c r="J13567" s="358"/>
      <c r="K13567" s="358"/>
      <c r="L13567" s="358"/>
    </row>
    <row r="13568" spans="2:12">
      <c r="B13568" s="367"/>
      <c r="C13568" s="367"/>
      <c r="D13568" s="367"/>
      <c r="E13568" s="367"/>
      <c r="F13568" s="367"/>
      <c r="G13568" s="367"/>
      <c r="H13568" s="360"/>
      <c r="I13568" s="367"/>
      <c r="J13568" s="365"/>
      <c r="K13568" s="365"/>
      <c r="L13568" s="365"/>
    </row>
    <row r="13569" spans="2:12">
      <c r="B13569" s="368"/>
      <c r="C13569" s="368"/>
      <c r="D13569" s="368"/>
      <c r="E13569" s="368"/>
      <c r="F13569" s="368"/>
      <c r="G13569" s="368"/>
      <c r="H13569" s="361" t="s">
        <v>14422</v>
      </c>
      <c r="I13569" s="368"/>
      <c r="J13569" s="366"/>
      <c r="K13569" s="366"/>
      <c r="L13569" s="366"/>
    </row>
    <row r="13570" spans="2:12" ht="28.5">
      <c r="B13570" s="358" t="s">
        <v>21654</v>
      </c>
      <c r="C13570" s="358" t="s">
        <v>21655</v>
      </c>
      <c r="D13570" s="358" t="s">
        <v>21656</v>
      </c>
      <c r="E13570" s="358" t="s">
        <v>21657</v>
      </c>
      <c r="F13570" s="358" t="s">
        <v>14391</v>
      </c>
      <c r="G13570" s="358" t="s">
        <v>14392</v>
      </c>
      <c r="H13570" s="358" t="s">
        <v>14367</v>
      </c>
      <c r="I13570" s="358" t="s">
        <v>14392</v>
      </c>
      <c r="J13570" s="358"/>
      <c r="K13570" s="358"/>
      <c r="L13570" s="358"/>
    </row>
    <row r="13571" spans="2:12">
      <c r="B13571" s="367"/>
      <c r="C13571" s="367"/>
      <c r="D13571" s="367"/>
      <c r="E13571" s="367"/>
      <c r="F13571" s="360"/>
      <c r="G13571" s="360"/>
      <c r="H13571" s="360"/>
      <c r="I13571" s="360"/>
      <c r="J13571" s="365"/>
      <c r="K13571" s="365"/>
      <c r="L13571" s="365"/>
    </row>
    <row r="13572" spans="2:12" ht="28.5">
      <c r="B13572" s="368"/>
      <c r="C13572" s="368"/>
      <c r="D13572" s="368"/>
      <c r="E13572" s="368"/>
      <c r="F13572" s="361" t="s">
        <v>14472</v>
      </c>
      <c r="G13572" s="361" t="s">
        <v>14473</v>
      </c>
      <c r="H13572" s="361" t="s">
        <v>14422</v>
      </c>
      <c r="I13572" s="361" t="s">
        <v>14473</v>
      </c>
      <c r="J13572" s="366"/>
      <c r="K13572" s="366"/>
      <c r="L13572" s="366"/>
    </row>
    <row r="13573" spans="2:12" ht="57">
      <c r="B13573" s="358" t="s">
        <v>21658</v>
      </c>
      <c r="C13573" s="358" t="s">
        <v>21659</v>
      </c>
      <c r="D13573" s="358" t="s">
        <v>21660</v>
      </c>
      <c r="E13573" s="358" t="s">
        <v>21661</v>
      </c>
      <c r="F13573" s="358" t="s">
        <v>14430</v>
      </c>
      <c r="G13573" s="358" t="s">
        <v>14431</v>
      </c>
      <c r="H13573" s="358" t="s">
        <v>14341</v>
      </c>
      <c r="I13573" s="358" t="s">
        <v>14431</v>
      </c>
      <c r="J13573" s="358"/>
      <c r="K13573" s="358"/>
      <c r="L13573" s="358"/>
    </row>
    <row r="13574" spans="2:12">
      <c r="B13574" s="367"/>
      <c r="C13574" s="367"/>
      <c r="D13574" s="367"/>
      <c r="E13574" s="367"/>
      <c r="F13574" s="360"/>
      <c r="G13574" s="360"/>
      <c r="H13574" s="360"/>
      <c r="I13574" s="360"/>
      <c r="J13574" s="365"/>
      <c r="K13574" s="365"/>
      <c r="L13574" s="365"/>
    </row>
    <row r="13575" spans="2:12">
      <c r="B13575" s="367"/>
      <c r="C13575" s="367"/>
      <c r="D13575" s="367"/>
      <c r="E13575" s="367"/>
      <c r="F13575" s="359" t="s">
        <v>14391</v>
      </c>
      <c r="G13575" s="359" t="s">
        <v>14392</v>
      </c>
      <c r="H13575" s="359" t="s">
        <v>14367</v>
      </c>
      <c r="I13575" s="359" t="s">
        <v>14392</v>
      </c>
      <c r="J13575" s="365"/>
      <c r="K13575" s="365"/>
      <c r="L13575" s="365"/>
    </row>
    <row r="13576" spans="2:12">
      <c r="B13576" s="367"/>
      <c r="C13576" s="367"/>
      <c r="D13576" s="367"/>
      <c r="E13576" s="367"/>
      <c r="F13576" s="360"/>
      <c r="G13576" s="360"/>
      <c r="H13576" s="360"/>
      <c r="I13576" s="360"/>
      <c r="J13576" s="365"/>
      <c r="K13576" s="365"/>
      <c r="L13576" s="365"/>
    </row>
    <row r="13577" spans="2:12">
      <c r="B13577" s="368"/>
      <c r="C13577" s="368"/>
      <c r="D13577" s="368"/>
      <c r="E13577" s="368"/>
      <c r="F13577" s="362"/>
      <c r="G13577" s="362"/>
      <c r="H13577" s="361" t="s">
        <v>14332</v>
      </c>
      <c r="I13577" s="362"/>
      <c r="J13577" s="366"/>
      <c r="K13577" s="366"/>
      <c r="L13577" s="366"/>
    </row>
    <row r="13578" spans="2:12">
      <c r="B13578" s="358" t="s">
        <v>21662</v>
      </c>
      <c r="C13578" s="358" t="s">
        <v>21663</v>
      </c>
      <c r="D13578" s="358" t="s">
        <v>21664</v>
      </c>
      <c r="E13578" s="358" t="s">
        <v>21665</v>
      </c>
      <c r="F13578" s="358" t="s">
        <v>14420</v>
      </c>
      <c r="G13578" s="358" t="s">
        <v>14429</v>
      </c>
      <c r="H13578" s="358" t="s">
        <v>14367</v>
      </c>
      <c r="I13578" s="358" t="s">
        <v>14429</v>
      </c>
      <c r="J13578" s="358"/>
      <c r="K13578" s="358"/>
      <c r="L13578" s="358"/>
    </row>
    <row r="13579" spans="2:12">
      <c r="B13579" s="367"/>
      <c r="C13579" s="367"/>
      <c r="D13579" s="367"/>
      <c r="E13579" s="367"/>
      <c r="F13579" s="367"/>
      <c r="G13579" s="367"/>
      <c r="H13579" s="360"/>
      <c r="I13579" s="367"/>
      <c r="J13579" s="365"/>
      <c r="K13579" s="365"/>
      <c r="L13579" s="365"/>
    </row>
    <row r="13580" spans="2:12">
      <c r="B13580" s="368"/>
      <c r="C13580" s="368"/>
      <c r="D13580" s="368"/>
      <c r="E13580" s="368"/>
      <c r="F13580" s="368"/>
      <c r="G13580" s="368"/>
      <c r="H13580" s="361" t="s">
        <v>14422</v>
      </c>
      <c r="I13580" s="368"/>
      <c r="J13580" s="366"/>
      <c r="K13580" s="366"/>
      <c r="L13580" s="366"/>
    </row>
    <row r="13581" spans="2:12" ht="28.5">
      <c r="B13581" s="358" t="s">
        <v>21666</v>
      </c>
      <c r="C13581" s="358" t="s">
        <v>21667</v>
      </c>
      <c r="D13581" s="358" t="s">
        <v>21668</v>
      </c>
      <c r="E13581" s="358" t="s">
        <v>21669</v>
      </c>
      <c r="F13581" s="358" t="s">
        <v>14371</v>
      </c>
      <c r="G13581" s="358" t="s">
        <v>14372</v>
      </c>
      <c r="H13581" s="358" t="s">
        <v>14370</v>
      </c>
      <c r="I13581" s="358" t="s">
        <v>14373</v>
      </c>
      <c r="J13581" s="358"/>
      <c r="K13581" s="358"/>
      <c r="L13581" s="358"/>
    </row>
    <row r="13582" spans="2:12">
      <c r="B13582" s="367"/>
      <c r="C13582" s="367"/>
      <c r="D13582" s="367"/>
      <c r="E13582" s="367"/>
      <c r="F13582" s="360"/>
      <c r="G13582" s="360"/>
      <c r="H13582" s="360"/>
      <c r="I13582" s="367"/>
      <c r="J13582" s="365"/>
      <c r="K13582" s="365"/>
      <c r="L13582" s="365"/>
    </row>
    <row r="13583" spans="2:12" ht="28.5">
      <c r="B13583" s="368"/>
      <c r="C13583" s="368"/>
      <c r="D13583" s="368"/>
      <c r="E13583" s="368"/>
      <c r="F13583" s="361" t="s">
        <v>14374</v>
      </c>
      <c r="G13583" s="361" t="s">
        <v>14373</v>
      </c>
      <c r="H13583" s="361" t="s">
        <v>14422</v>
      </c>
      <c r="I13583" s="368"/>
      <c r="J13583" s="366"/>
      <c r="K13583" s="366"/>
      <c r="L13583" s="366"/>
    </row>
    <row r="13584" spans="2:12" ht="28.5">
      <c r="B13584" s="358" t="s">
        <v>21670</v>
      </c>
      <c r="C13584" s="358" t="s">
        <v>27720</v>
      </c>
      <c r="D13584" s="358" t="s">
        <v>21671</v>
      </c>
      <c r="E13584" s="358" t="s">
        <v>21672</v>
      </c>
      <c r="F13584" s="358" t="s">
        <v>14420</v>
      </c>
      <c r="G13584" s="358" t="s">
        <v>14429</v>
      </c>
      <c r="H13584" s="358" t="s">
        <v>14367</v>
      </c>
      <c r="I13584" s="358" t="s">
        <v>14429</v>
      </c>
      <c r="J13584" s="358"/>
      <c r="K13584" s="358"/>
      <c r="L13584" s="358"/>
    </row>
    <row r="13585" spans="2:12">
      <c r="B13585" s="367"/>
      <c r="C13585" s="367"/>
      <c r="D13585" s="367"/>
      <c r="E13585" s="367"/>
      <c r="F13585" s="367"/>
      <c r="G13585" s="367"/>
      <c r="H13585" s="360"/>
      <c r="I13585" s="367"/>
      <c r="J13585" s="365"/>
      <c r="K13585" s="365"/>
      <c r="L13585" s="365"/>
    </row>
    <row r="13586" spans="2:12">
      <c r="B13586" s="368"/>
      <c r="C13586" s="368"/>
      <c r="D13586" s="368"/>
      <c r="E13586" s="368"/>
      <c r="F13586" s="368"/>
      <c r="G13586" s="368"/>
      <c r="H13586" s="361" t="s">
        <v>14422</v>
      </c>
      <c r="I13586" s="368"/>
      <c r="J13586" s="366"/>
      <c r="K13586" s="366"/>
      <c r="L13586" s="366"/>
    </row>
    <row r="13587" spans="2:12" ht="99.75">
      <c r="B13587" s="358" t="s">
        <v>21673</v>
      </c>
      <c r="C13587" s="358" t="s">
        <v>30278</v>
      </c>
      <c r="D13587" s="358" t="s">
        <v>21674</v>
      </c>
      <c r="E13587" s="358" t="s">
        <v>8356</v>
      </c>
      <c r="F13587" s="358" t="s">
        <v>14389</v>
      </c>
      <c r="G13587" s="358" t="s">
        <v>14390</v>
      </c>
      <c r="H13587" s="358" t="s">
        <v>14367</v>
      </c>
      <c r="I13587" s="358" t="s">
        <v>14390</v>
      </c>
      <c r="J13587" s="358"/>
      <c r="K13587" s="358"/>
      <c r="L13587" s="358"/>
    </row>
    <row r="13588" spans="2:12">
      <c r="B13588" s="367"/>
      <c r="C13588" s="367"/>
      <c r="D13588" s="367"/>
      <c r="E13588" s="367"/>
      <c r="F13588" s="360"/>
      <c r="G13588" s="360"/>
      <c r="H13588" s="360"/>
      <c r="I13588" s="360"/>
      <c r="J13588" s="365"/>
      <c r="K13588" s="365"/>
      <c r="L13588" s="365"/>
    </row>
    <row r="13589" spans="2:12" ht="28.5">
      <c r="B13589" s="367"/>
      <c r="C13589" s="367"/>
      <c r="D13589" s="367"/>
      <c r="E13589" s="367"/>
      <c r="F13589" s="359" t="s">
        <v>14394</v>
      </c>
      <c r="G13589" s="359" t="s">
        <v>14395</v>
      </c>
      <c r="H13589" s="359" t="s">
        <v>14370</v>
      </c>
      <c r="I13589" s="359" t="s">
        <v>14395</v>
      </c>
      <c r="J13589" s="365"/>
      <c r="K13589" s="365"/>
      <c r="L13589" s="365"/>
    </row>
    <row r="13590" spans="2:12">
      <c r="B13590" s="367"/>
      <c r="C13590" s="367"/>
      <c r="D13590" s="367"/>
      <c r="E13590" s="367"/>
      <c r="F13590" s="360"/>
      <c r="G13590" s="360"/>
      <c r="H13590" s="360"/>
      <c r="I13590" s="360"/>
      <c r="J13590" s="365"/>
      <c r="K13590" s="365"/>
      <c r="L13590" s="365"/>
    </row>
    <row r="13591" spans="2:12">
      <c r="B13591" s="368"/>
      <c r="C13591" s="368"/>
      <c r="D13591" s="368"/>
      <c r="E13591" s="368"/>
      <c r="F13591" s="362"/>
      <c r="G13591" s="362"/>
      <c r="H13591" s="361" t="s">
        <v>14422</v>
      </c>
      <c r="I13591" s="362"/>
      <c r="J13591" s="366"/>
      <c r="K13591" s="366"/>
      <c r="L13591" s="366"/>
    </row>
    <row r="13592" spans="2:12" ht="71.25">
      <c r="B13592" s="358" t="s">
        <v>21675</v>
      </c>
      <c r="C13592" s="358" t="s">
        <v>29350</v>
      </c>
      <c r="D13592" s="358" t="s">
        <v>21676</v>
      </c>
      <c r="E13592" s="358" t="s">
        <v>8356</v>
      </c>
      <c r="F13592" s="358" t="s">
        <v>14371</v>
      </c>
      <c r="G13592" s="358" t="s">
        <v>14372</v>
      </c>
      <c r="H13592" s="358" t="s">
        <v>14370</v>
      </c>
      <c r="I13592" s="358" t="s">
        <v>14373</v>
      </c>
      <c r="J13592" s="358"/>
      <c r="K13592" s="358"/>
      <c r="L13592" s="358"/>
    </row>
    <row r="13593" spans="2:12">
      <c r="B13593" s="367"/>
      <c r="C13593" s="367"/>
      <c r="D13593" s="367"/>
      <c r="E13593" s="367"/>
      <c r="F13593" s="360"/>
      <c r="G13593" s="360"/>
      <c r="H13593" s="360"/>
      <c r="I13593" s="367"/>
      <c r="J13593" s="365"/>
      <c r="K13593" s="365"/>
      <c r="L13593" s="365"/>
    </row>
    <row r="13594" spans="2:12" ht="28.5">
      <c r="B13594" s="368"/>
      <c r="C13594" s="368"/>
      <c r="D13594" s="368"/>
      <c r="E13594" s="368"/>
      <c r="F13594" s="361" t="s">
        <v>14374</v>
      </c>
      <c r="G13594" s="361" t="s">
        <v>14373</v>
      </c>
      <c r="H13594" s="361" t="s">
        <v>14422</v>
      </c>
      <c r="I13594" s="368"/>
      <c r="J13594" s="366"/>
      <c r="K13594" s="366"/>
      <c r="L13594" s="366"/>
    </row>
    <row r="13595" spans="2:12">
      <c r="B13595" s="358" t="s">
        <v>21677</v>
      </c>
      <c r="C13595" s="358" t="s">
        <v>27721</v>
      </c>
      <c r="D13595" s="358" t="s">
        <v>21678</v>
      </c>
      <c r="E13595" s="358" t="s">
        <v>21679</v>
      </c>
      <c r="F13595" s="358" t="s">
        <v>14386</v>
      </c>
      <c r="G13595" s="358" t="s">
        <v>14387</v>
      </c>
      <c r="H13595" s="358" t="s">
        <v>14367</v>
      </c>
      <c r="I13595" s="358" t="s">
        <v>14387</v>
      </c>
      <c r="J13595" s="358"/>
      <c r="K13595" s="358"/>
      <c r="L13595" s="358"/>
    </row>
    <row r="13596" spans="2:12">
      <c r="B13596" s="367"/>
      <c r="C13596" s="367"/>
      <c r="D13596" s="367"/>
      <c r="E13596" s="367"/>
      <c r="F13596" s="367"/>
      <c r="G13596" s="367"/>
      <c r="H13596" s="360"/>
      <c r="I13596" s="367"/>
      <c r="J13596" s="365"/>
      <c r="K13596" s="365"/>
      <c r="L13596" s="365"/>
    </row>
    <row r="13597" spans="2:12">
      <c r="B13597" s="368"/>
      <c r="C13597" s="368"/>
      <c r="D13597" s="368"/>
      <c r="E13597" s="368"/>
      <c r="F13597" s="368"/>
      <c r="G13597" s="368"/>
      <c r="H13597" s="361" t="s">
        <v>14422</v>
      </c>
      <c r="I13597" s="368"/>
      <c r="J13597" s="366"/>
      <c r="K13597" s="366"/>
      <c r="L13597" s="366"/>
    </row>
    <row r="13598" spans="2:12" ht="42.75">
      <c r="B13598" s="358" t="s">
        <v>21680</v>
      </c>
      <c r="C13598" s="358" t="s">
        <v>21681</v>
      </c>
      <c r="D13598" s="358" t="s">
        <v>21682</v>
      </c>
      <c r="E13598" s="358" t="s">
        <v>8356</v>
      </c>
      <c r="F13598" s="358" t="s">
        <v>14391</v>
      </c>
      <c r="G13598" s="358" t="s">
        <v>14392</v>
      </c>
      <c r="H13598" s="358" t="s">
        <v>14367</v>
      </c>
      <c r="I13598" s="358" t="s">
        <v>14392</v>
      </c>
      <c r="J13598" s="358"/>
      <c r="K13598" s="358"/>
      <c r="L13598" s="358"/>
    </row>
    <row r="13599" spans="2:12">
      <c r="B13599" s="367"/>
      <c r="C13599" s="367"/>
      <c r="D13599" s="367"/>
      <c r="E13599" s="367"/>
      <c r="F13599" s="367"/>
      <c r="G13599" s="367"/>
      <c r="H13599" s="360"/>
      <c r="I13599" s="367"/>
      <c r="J13599" s="365"/>
      <c r="K13599" s="365"/>
      <c r="L13599" s="365"/>
    </row>
    <row r="13600" spans="2:12">
      <c r="B13600" s="368"/>
      <c r="C13600" s="368"/>
      <c r="D13600" s="368"/>
      <c r="E13600" s="368"/>
      <c r="F13600" s="368"/>
      <c r="G13600" s="368"/>
      <c r="H13600" s="361" t="s">
        <v>14422</v>
      </c>
      <c r="I13600" s="368"/>
      <c r="J13600" s="366"/>
      <c r="K13600" s="366"/>
      <c r="L13600" s="366"/>
    </row>
    <row r="13601" spans="2:12">
      <c r="B13601" s="358" t="s">
        <v>21683</v>
      </c>
      <c r="C13601" s="358" t="s">
        <v>21684</v>
      </c>
      <c r="D13601" s="358" t="s">
        <v>21685</v>
      </c>
      <c r="E13601" s="358" t="s">
        <v>21686</v>
      </c>
      <c r="F13601" s="358" t="s">
        <v>14356</v>
      </c>
      <c r="G13601" s="358" t="s">
        <v>14340</v>
      </c>
      <c r="H13601" s="358" t="s">
        <v>14341</v>
      </c>
      <c r="I13601" s="358" t="s">
        <v>14340</v>
      </c>
      <c r="J13601" s="358"/>
      <c r="K13601" s="358"/>
      <c r="L13601" s="358"/>
    </row>
    <row r="13602" spans="2:12">
      <c r="B13602" s="367"/>
      <c r="C13602" s="367"/>
      <c r="D13602" s="367"/>
      <c r="E13602" s="367"/>
      <c r="F13602" s="360"/>
      <c r="G13602" s="360"/>
      <c r="H13602" s="360"/>
      <c r="I13602" s="360"/>
      <c r="J13602" s="365"/>
      <c r="K13602" s="365"/>
      <c r="L13602" s="365"/>
    </row>
    <row r="13603" spans="2:12">
      <c r="B13603" s="367"/>
      <c r="C13603" s="367"/>
      <c r="D13603" s="367"/>
      <c r="E13603" s="367"/>
      <c r="F13603" s="359" t="s">
        <v>14420</v>
      </c>
      <c r="G13603" s="359" t="s">
        <v>14429</v>
      </c>
      <c r="H13603" s="359" t="s">
        <v>14367</v>
      </c>
      <c r="I13603" s="359" t="s">
        <v>14429</v>
      </c>
      <c r="J13603" s="365"/>
      <c r="K13603" s="365"/>
      <c r="L13603" s="365"/>
    </row>
    <row r="13604" spans="2:12">
      <c r="B13604" s="367"/>
      <c r="C13604" s="367"/>
      <c r="D13604" s="367"/>
      <c r="E13604" s="367"/>
      <c r="F13604" s="360"/>
      <c r="G13604" s="360"/>
      <c r="H13604" s="360"/>
      <c r="I13604" s="360"/>
      <c r="J13604" s="365"/>
      <c r="K13604" s="365"/>
      <c r="L13604" s="365"/>
    </row>
    <row r="13605" spans="2:12" ht="28.5">
      <c r="B13605" s="368"/>
      <c r="C13605" s="368"/>
      <c r="D13605" s="368"/>
      <c r="E13605" s="368"/>
      <c r="F13605" s="361" t="s">
        <v>14472</v>
      </c>
      <c r="G13605" s="361" t="s">
        <v>14473</v>
      </c>
      <c r="H13605" s="361" t="s">
        <v>14332</v>
      </c>
      <c r="I13605" s="361" t="s">
        <v>14473</v>
      </c>
      <c r="J13605" s="366"/>
      <c r="K13605" s="366"/>
      <c r="L13605" s="366"/>
    </row>
    <row r="13606" spans="2:12" ht="57">
      <c r="B13606" s="358" t="s">
        <v>21687</v>
      </c>
      <c r="C13606" s="358" t="s">
        <v>29351</v>
      </c>
      <c r="D13606" s="358" t="s">
        <v>21688</v>
      </c>
      <c r="E13606" s="358" t="s">
        <v>21689</v>
      </c>
      <c r="F13606" s="358" t="s">
        <v>28964</v>
      </c>
      <c r="G13606" s="358" t="s">
        <v>14429</v>
      </c>
      <c r="H13606" s="358" t="s">
        <v>14341</v>
      </c>
      <c r="I13606" s="358" t="s">
        <v>14429</v>
      </c>
      <c r="J13606" s="358"/>
      <c r="K13606" s="358"/>
      <c r="L13606" s="358"/>
    </row>
    <row r="13607" spans="2:12">
      <c r="B13607" s="367"/>
      <c r="C13607" s="367"/>
      <c r="D13607" s="367"/>
      <c r="E13607" s="367"/>
      <c r="F13607" s="360"/>
      <c r="G13607" s="360"/>
      <c r="H13607" s="360"/>
      <c r="I13607" s="360"/>
      <c r="J13607" s="365"/>
      <c r="K13607" s="365"/>
      <c r="L13607" s="365"/>
    </row>
    <row r="13608" spans="2:12" ht="28.5">
      <c r="B13608" s="367"/>
      <c r="C13608" s="367"/>
      <c r="D13608" s="367"/>
      <c r="E13608" s="367"/>
      <c r="F13608" s="359" t="s">
        <v>14430</v>
      </c>
      <c r="G13608" s="359" t="s">
        <v>28797</v>
      </c>
      <c r="H13608" s="359" t="s">
        <v>14381</v>
      </c>
      <c r="I13608" s="359" t="s">
        <v>28797</v>
      </c>
      <c r="J13608" s="365"/>
      <c r="K13608" s="365"/>
      <c r="L13608" s="365"/>
    </row>
    <row r="13609" spans="2:12">
      <c r="B13609" s="367"/>
      <c r="C13609" s="367"/>
      <c r="D13609" s="367"/>
      <c r="E13609" s="367"/>
      <c r="F13609" s="360"/>
      <c r="G13609" s="360"/>
      <c r="H13609" s="360"/>
      <c r="I13609" s="360"/>
      <c r="J13609" s="365"/>
      <c r="K13609" s="365"/>
      <c r="L13609" s="365"/>
    </row>
    <row r="13610" spans="2:12">
      <c r="B13610" s="367"/>
      <c r="C13610" s="367"/>
      <c r="D13610" s="367"/>
      <c r="E13610" s="367"/>
      <c r="F13610" s="360"/>
      <c r="G13610" s="360"/>
      <c r="H13610" s="359" t="s">
        <v>14367</v>
      </c>
      <c r="I13610" s="360"/>
      <c r="J13610" s="365"/>
      <c r="K13610" s="365"/>
      <c r="L13610" s="365"/>
    </row>
    <row r="13611" spans="2:12">
      <c r="B13611" s="367"/>
      <c r="C13611" s="367"/>
      <c r="D13611" s="367"/>
      <c r="E13611" s="367"/>
      <c r="F13611" s="360"/>
      <c r="G13611" s="360"/>
      <c r="H13611" s="360"/>
      <c r="I13611" s="360"/>
      <c r="J13611" s="365"/>
      <c r="K13611" s="365"/>
      <c r="L13611" s="365"/>
    </row>
    <row r="13612" spans="2:12">
      <c r="B13612" s="368"/>
      <c r="C13612" s="368"/>
      <c r="D13612" s="368"/>
      <c r="E13612" s="368"/>
      <c r="F13612" s="362"/>
      <c r="G13612" s="362"/>
      <c r="H13612" s="361" t="s">
        <v>14332</v>
      </c>
      <c r="I13612" s="362"/>
      <c r="J13612" s="366"/>
      <c r="K13612" s="366"/>
      <c r="L13612" s="366"/>
    </row>
    <row r="13613" spans="2:12" ht="142.5">
      <c r="B13613" s="358" t="s">
        <v>21690</v>
      </c>
      <c r="C13613" s="358" t="s">
        <v>29352</v>
      </c>
      <c r="D13613" s="358" t="s">
        <v>21691</v>
      </c>
      <c r="E13613" s="358"/>
      <c r="F13613" s="358" t="s">
        <v>29353</v>
      </c>
      <c r="G13613" s="358" t="s">
        <v>14459</v>
      </c>
      <c r="H13613" s="358" t="s">
        <v>14367</v>
      </c>
      <c r="I13613" s="358" t="s">
        <v>14459</v>
      </c>
      <c r="J13613" s="358"/>
      <c r="K13613" s="358"/>
      <c r="L13613" s="358"/>
    </row>
    <row r="13614" spans="2:12">
      <c r="B13614" s="367"/>
      <c r="C13614" s="367"/>
      <c r="D13614" s="367"/>
      <c r="E13614" s="365"/>
      <c r="F13614" s="360"/>
      <c r="G13614" s="360"/>
      <c r="H13614" s="360"/>
      <c r="I13614" s="360"/>
      <c r="J13614" s="365"/>
      <c r="K13614" s="365"/>
      <c r="L13614" s="365"/>
    </row>
    <row r="13615" spans="2:12" ht="28.5">
      <c r="B13615" s="367"/>
      <c r="C13615" s="367"/>
      <c r="D13615" s="367"/>
      <c r="E13615" s="365"/>
      <c r="F13615" s="359" t="s">
        <v>29354</v>
      </c>
      <c r="G13615" s="359" t="s">
        <v>14421</v>
      </c>
      <c r="H13615" s="359" t="s">
        <v>14341</v>
      </c>
      <c r="I13615" s="359" t="s">
        <v>14421</v>
      </c>
      <c r="J13615" s="365"/>
      <c r="K13615" s="365"/>
      <c r="L13615" s="365"/>
    </row>
    <row r="13616" spans="2:12">
      <c r="B13616" s="367"/>
      <c r="C13616" s="367"/>
      <c r="D13616" s="367"/>
      <c r="E13616" s="365"/>
      <c r="F13616" s="360"/>
      <c r="G13616" s="360"/>
      <c r="H13616" s="360"/>
      <c r="I13616" s="360"/>
      <c r="J13616" s="365"/>
      <c r="K13616" s="365"/>
      <c r="L13616" s="365"/>
    </row>
    <row r="13617" spans="2:12">
      <c r="B13617" s="367"/>
      <c r="C13617" s="367"/>
      <c r="D13617" s="367"/>
      <c r="E13617" s="365"/>
      <c r="F13617" s="360"/>
      <c r="G13617" s="359" t="s">
        <v>14429</v>
      </c>
      <c r="H13617" s="359" t="s">
        <v>14381</v>
      </c>
      <c r="I13617" s="359" t="s">
        <v>14429</v>
      </c>
      <c r="J13617" s="365"/>
      <c r="K13617" s="365"/>
      <c r="L13617" s="365"/>
    </row>
    <row r="13618" spans="2:12">
      <c r="B13618" s="367"/>
      <c r="C13618" s="367"/>
      <c r="D13618" s="367"/>
      <c r="E13618" s="365"/>
      <c r="F13618" s="360"/>
      <c r="G13618" s="360"/>
      <c r="H13618" s="360"/>
      <c r="I13618" s="360"/>
      <c r="J13618" s="365"/>
      <c r="K13618" s="365"/>
      <c r="L13618" s="365"/>
    </row>
    <row r="13619" spans="2:12">
      <c r="B13619" s="367"/>
      <c r="C13619" s="367"/>
      <c r="D13619" s="367"/>
      <c r="E13619" s="365"/>
      <c r="F13619" s="360"/>
      <c r="G13619" s="359" t="s">
        <v>14340</v>
      </c>
      <c r="H13619" s="359" t="s">
        <v>14332</v>
      </c>
      <c r="I13619" s="359" t="s">
        <v>14340</v>
      </c>
      <c r="J13619" s="365"/>
      <c r="K13619" s="365"/>
      <c r="L13619" s="365"/>
    </row>
    <row r="13620" spans="2:12">
      <c r="B13620" s="367"/>
      <c r="C13620" s="367"/>
      <c r="D13620" s="367"/>
      <c r="E13620" s="365"/>
      <c r="F13620" s="360"/>
      <c r="G13620" s="360"/>
      <c r="H13620" s="360"/>
      <c r="I13620" s="360"/>
      <c r="J13620" s="365"/>
      <c r="K13620" s="365"/>
      <c r="L13620" s="365"/>
    </row>
    <row r="13621" spans="2:12">
      <c r="B13621" s="368"/>
      <c r="C13621" s="368"/>
      <c r="D13621" s="368"/>
      <c r="E13621" s="366"/>
      <c r="F13621" s="362"/>
      <c r="G13621" s="361" t="s">
        <v>21693</v>
      </c>
      <c r="H13621" s="362"/>
      <c r="I13621" s="361" t="s">
        <v>21693</v>
      </c>
      <c r="J13621" s="366"/>
      <c r="K13621" s="366"/>
      <c r="L13621" s="366"/>
    </row>
    <row r="13622" spans="2:12" ht="28.5">
      <c r="B13622" s="358" t="s">
        <v>21694</v>
      </c>
      <c r="C13622" s="358" t="s">
        <v>27722</v>
      </c>
      <c r="D13622" s="358" t="s">
        <v>21695</v>
      </c>
      <c r="E13622" s="358" t="s">
        <v>21696</v>
      </c>
      <c r="F13622" s="358" t="s">
        <v>14391</v>
      </c>
      <c r="G13622" s="358" t="s">
        <v>14392</v>
      </c>
      <c r="H13622" s="358" t="s">
        <v>14367</v>
      </c>
      <c r="I13622" s="358" t="s">
        <v>14392</v>
      </c>
      <c r="J13622" s="358"/>
      <c r="K13622" s="358"/>
      <c r="L13622" s="358"/>
    </row>
    <row r="13623" spans="2:12">
      <c r="B13623" s="367"/>
      <c r="C13623" s="367"/>
      <c r="D13623" s="367"/>
      <c r="E13623" s="367"/>
      <c r="F13623" s="360"/>
      <c r="G13623" s="360"/>
      <c r="H13623" s="360"/>
      <c r="I13623" s="360"/>
      <c r="J13623" s="365"/>
      <c r="K13623" s="365"/>
      <c r="L13623" s="365"/>
    </row>
    <row r="13624" spans="2:12" ht="28.5">
      <c r="B13624" s="368"/>
      <c r="C13624" s="368"/>
      <c r="D13624" s="368"/>
      <c r="E13624" s="368"/>
      <c r="F13624" s="361" t="s">
        <v>14472</v>
      </c>
      <c r="G13624" s="361" t="s">
        <v>14473</v>
      </c>
      <c r="H13624" s="361" t="s">
        <v>14422</v>
      </c>
      <c r="I13624" s="361" t="s">
        <v>14473</v>
      </c>
      <c r="J13624" s="366"/>
      <c r="K13624" s="366"/>
      <c r="L13624" s="366"/>
    </row>
    <row r="13625" spans="2:12" ht="57">
      <c r="B13625" s="358" t="s">
        <v>21697</v>
      </c>
      <c r="C13625" s="358" t="s">
        <v>21698</v>
      </c>
      <c r="D13625" s="358" t="s">
        <v>21699</v>
      </c>
      <c r="E13625" s="358" t="s">
        <v>8356</v>
      </c>
      <c r="F13625" s="358" t="s">
        <v>28955</v>
      </c>
      <c r="G13625" s="358" t="s">
        <v>14483</v>
      </c>
      <c r="H13625" s="358" t="s">
        <v>14378</v>
      </c>
      <c r="I13625" s="358" t="s">
        <v>14483</v>
      </c>
      <c r="J13625" s="358"/>
      <c r="K13625" s="358"/>
      <c r="L13625" s="358"/>
    </row>
    <row r="13626" spans="2:12">
      <c r="B13626" s="367"/>
      <c r="C13626" s="367"/>
      <c r="D13626" s="367"/>
      <c r="E13626" s="367"/>
      <c r="F13626" s="360"/>
      <c r="G13626" s="360"/>
      <c r="H13626" s="360"/>
      <c r="I13626" s="360"/>
      <c r="J13626" s="365"/>
      <c r="K13626" s="365"/>
      <c r="L13626" s="365"/>
    </row>
    <row r="13627" spans="2:12">
      <c r="B13627" s="367"/>
      <c r="C13627" s="367"/>
      <c r="D13627" s="367"/>
      <c r="E13627" s="367"/>
      <c r="F13627" s="359" t="s">
        <v>14386</v>
      </c>
      <c r="G13627" s="359" t="s">
        <v>14429</v>
      </c>
      <c r="H13627" s="359" t="s">
        <v>14332</v>
      </c>
      <c r="I13627" s="359" t="s">
        <v>14429</v>
      </c>
      <c r="J13627" s="365"/>
      <c r="K13627" s="365"/>
      <c r="L13627" s="365"/>
    </row>
    <row r="13628" spans="2:12">
      <c r="B13628" s="367"/>
      <c r="C13628" s="367"/>
      <c r="D13628" s="367"/>
      <c r="E13628" s="367"/>
      <c r="F13628" s="360"/>
      <c r="G13628" s="360"/>
      <c r="H13628" s="360"/>
      <c r="I13628" s="360"/>
      <c r="J13628" s="365"/>
      <c r="K13628" s="365"/>
      <c r="L13628" s="365"/>
    </row>
    <row r="13629" spans="2:12">
      <c r="B13629" s="367"/>
      <c r="C13629" s="367"/>
      <c r="D13629" s="367"/>
      <c r="E13629" s="367"/>
      <c r="F13629" s="359" t="s">
        <v>14391</v>
      </c>
      <c r="G13629" s="359" t="s">
        <v>14387</v>
      </c>
      <c r="H13629" s="360"/>
      <c r="I13629" s="359" t="s">
        <v>14387</v>
      </c>
      <c r="J13629" s="365"/>
      <c r="K13629" s="365"/>
      <c r="L13629" s="365"/>
    </row>
    <row r="13630" spans="2:12">
      <c r="B13630" s="367"/>
      <c r="C13630" s="367"/>
      <c r="D13630" s="367"/>
      <c r="E13630" s="367"/>
      <c r="F13630" s="360"/>
      <c r="G13630" s="360"/>
      <c r="H13630" s="360"/>
      <c r="I13630" s="360"/>
      <c r="J13630" s="365"/>
      <c r="K13630" s="365"/>
      <c r="L13630" s="365"/>
    </row>
    <row r="13631" spans="2:12">
      <c r="B13631" s="368"/>
      <c r="C13631" s="368"/>
      <c r="D13631" s="368"/>
      <c r="E13631" s="368"/>
      <c r="F13631" s="362"/>
      <c r="G13631" s="361" t="s">
        <v>14392</v>
      </c>
      <c r="H13631" s="362"/>
      <c r="I13631" s="361" t="s">
        <v>14392</v>
      </c>
      <c r="J13631" s="366"/>
      <c r="K13631" s="366"/>
      <c r="L13631" s="366"/>
    </row>
    <row r="13632" spans="2:12">
      <c r="B13632" s="358" t="s">
        <v>21700</v>
      </c>
      <c r="C13632" s="358" t="s">
        <v>21701</v>
      </c>
      <c r="D13632" s="358" t="s">
        <v>21702</v>
      </c>
      <c r="E13632" s="358" t="s">
        <v>21703</v>
      </c>
      <c r="F13632" s="358" t="s">
        <v>14368</v>
      </c>
      <c r="G13632" s="358" t="s">
        <v>14388</v>
      </c>
      <c r="H13632" s="358" t="s">
        <v>14341</v>
      </c>
      <c r="I13632" s="358" t="s">
        <v>14388</v>
      </c>
      <c r="J13632" s="358"/>
      <c r="K13632" s="358"/>
      <c r="L13632" s="358"/>
    </row>
    <row r="13633" spans="2:12">
      <c r="B13633" s="367"/>
      <c r="C13633" s="367"/>
      <c r="D13633" s="367"/>
      <c r="E13633" s="367"/>
      <c r="F13633" s="360"/>
      <c r="G13633" s="360"/>
      <c r="H13633" s="360"/>
      <c r="I13633" s="360"/>
      <c r="J13633" s="365"/>
      <c r="K13633" s="365"/>
      <c r="L13633" s="365"/>
    </row>
    <row r="13634" spans="2:12">
      <c r="B13634" s="367"/>
      <c r="C13634" s="367"/>
      <c r="D13634" s="367"/>
      <c r="E13634" s="367"/>
      <c r="F13634" s="359" t="s">
        <v>14389</v>
      </c>
      <c r="G13634" s="359" t="s">
        <v>14390</v>
      </c>
      <c r="H13634" s="359" t="s">
        <v>14367</v>
      </c>
      <c r="I13634" s="359" t="s">
        <v>14390</v>
      </c>
      <c r="J13634" s="365"/>
      <c r="K13634" s="365"/>
      <c r="L13634" s="365"/>
    </row>
    <row r="13635" spans="2:12">
      <c r="B13635" s="367"/>
      <c r="C13635" s="367"/>
      <c r="D13635" s="367"/>
      <c r="E13635" s="367"/>
      <c r="F13635" s="360"/>
      <c r="G13635" s="360"/>
      <c r="H13635" s="360"/>
      <c r="I13635" s="360"/>
      <c r="J13635" s="365"/>
      <c r="K13635" s="365"/>
      <c r="L13635" s="365"/>
    </row>
    <row r="13636" spans="2:12">
      <c r="B13636" s="367"/>
      <c r="C13636" s="367"/>
      <c r="D13636" s="367"/>
      <c r="E13636" s="367"/>
      <c r="F13636" s="359" t="s">
        <v>14430</v>
      </c>
      <c r="G13636" s="359" t="s">
        <v>14431</v>
      </c>
      <c r="H13636" s="359" t="s">
        <v>14332</v>
      </c>
      <c r="I13636" s="359" t="s">
        <v>14431</v>
      </c>
      <c r="J13636" s="365"/>
      <c r="K13636" s="365"/>
      <c r="L13636" s="365"/>
    </row>
    <row r="13637" spans="2:12">
      <c r="B13637" s="367"/>
      <c r="C13637" s="367"/>
      <c r="D13637" s="367"/>
      <c r="E13637" s="367"/>
      <c r="F13637" s="360"/>
      <c r="G13637" s="360"/>
      <c r="H13637" s="360"/>
      <c r="I13637" s="360"/>
      <c r="J13637" s="365"/>
      <c r="K13637" s="365"/>
      <c r="L13637" s="365"/>
    </row>
    <row r="13638" spans="2:12">
      <c r="B13638" s="367"/>
      <c r="C13638" s="367"/>
      <c r="D13638" s="367"/>
      <c r="E13638" s="367"/>
      <c r="F13638" s="359" t="s">
        <v>14391</v>
      </c>
      <c r="G13638" s="359" t="s">
        <v>14392</v>
      </c>
      <c r="H13638" s="360"/>
      <c r="I13638" s="359" t="s">
        <v>14392</v>
      </c>
      <c r="J13638" s="365"/>
      <c r="K13638" s="365"/>
      <c r="L13638" s="365"/>
    </row>
    <row r="13639" spans="2:12">
      <c r="B13639" s="367"/>
      <c r="C13639" s="367"/>
      <c r="D13639" s="367"/>
      <c r="E13639" s="367"/>
      <c r="F13639" s="360"/>
      <c r="G13639" s="360"/>
      <c r="H13639" s="360"/>
      <c r="I13639" s="360"/>
      <c r="J13639" s="365"/>
      <c r="K13639" s="365"/>
      <c r="L13639" s="365"/>
    </row>
    <row r="13640" spans="2:12" ht="28.5">
      <c r="B13640" s="368"/>
      <c r="C13640" s="368"/>
      <c r="D13640" s="368"/>
      <c r="E13640" s="368"/>
      <c r="F13640" s="361" t="s">
        <v>14472</v>
      </c>
      <c r="G13640" s="361" t="s">
        <v>14473</v>
      </c>
      <c r="H13640" s="362"/>
      <c r="I13640" s="361" t="s">
        <v>14473</v>
      </c>
      <c r="J13640" s="366"/>
      <c r="K13640" s="366"/>
      <c r="L13640" s="366"/>
    </row>
    <row r="13641" spans="2:12" ht="28.5">
      <c r="B13641" s="358" t="s">
        <v>21704</v>
      </c>
      <c r="C13641" s="358" t="s">
        <v>21705</v>
      </c>
      <c r="D13641" s="358" t="s">
        <v>21706</v>
      </c>
      <c r="E13641" s="358" t="s">
        <v>21707</v>
      </c>
      <c r="F13641" s="358" t="s">
        <v>14391</v>
      </c>
      <c r="G13641" s="358" t="s">
        <v>14392</v>
      </c>
      <c r="H13641" s="358" t="s">
        <v>14367</v>
      </c>
      <c r="I13641" s="358" t="s">
        <v>14392</v>
      </c>
      <c r="J13641" s="358"/>
      <c r="K13641" s="358"/>
      <c r="L13641" s="358"/>
    </row>
    <row r="13642" spans="2:12">
      <c r="B13642" s="367"/>
      <c r="C13642" s="367"/>
      <c r="D13642" s="367"/>
      <c r="E13642" s="367"/>
      <c r="F13642" s="367"/>
      <c r="G13642" s="367"/>
      <c r="H13642" s="360"/>
      <c r="I13642" s="367"/>
      <c r="J13642" s="365"/>
      <c r="K13642" s="365"/>
      <c r="L13642" s="365"/>
    </row>
    <row r="13643" spans="2:12">
      <c r="B13643" s="368"/>
      <c r="C13643" s="368"/>
      <c r="D13643" s="368"/>
      <c r="E13643" s="368"/>
      <c r="F13643" s="368"/>
      <c r="G13643" s="368"/>
      <c r="H13643" s="361" t="s">
        <v>14422</v>
      </c>
      <c r="I13643" s="368"/>
      <c r="J13643" s="366"/>
      <c r="K13643" s="366"/>
      <c r="L13643" s="366"/>
    </row>
    <row r="13644" spans="2:12" ht="42.75">
      <c r="B13644" s="358" t="s">
        <v>21708</v>
      </c>
      <c r="C13644" s="358" t="s">
        <v>29355</v>
      </c>
      <c r="D13644" s="358" t="s">
        <v>21709</v>
      </c>
      <c r="E13644" s="358" t="s">
        <v>21710</v>
      </c>
      <c r="F13644" s="358" t="s">
        <v>14386</v>
      </c>
      <c r="G13644" s="358" t="s">
        <v>14387</v>
      </c>
      <c r="H13644" s="358" t="s">
        <v>14367</v>
      </c>
      <c r="I13644" s="358" t="s">
        <v>14387</v>
      </c>
      <c r="J13644" s="358"/>
      <c r="K13644" s="358"/>
      <c r="L13644" s="358"/>
    </row>
    <row r="13645" spans="2:12">
      <c r="B13645" s="367"/>
      <c r="C13645" s="367"/>
      <c r="D13645" s="367"/>
      <c r="E13645" s="367"/>
      <c r="F13645" s="360"/>
      <c r="G13645" s="360"/>
      <c r="H13645" s="360"/>
      <c r="I13645" s="360"/>
      <c r="J13645" s="365"/>
      <c r="K13645" s="365"/>
      <c r="L13645" s="365"/>
    </row>
    <row r="13646" spans="2:12">
      <c r="B13646" s="367"/>
      <c r="C13646" s="367"/>
      <c r="D13646" s="367"/>
      <c r="E13646" s="367"/>
      <c r="F13646" s="359" t="s">
        <v>14389</v>
      </c>
      <c r="G13646" s="359" t="s">
        <v>14390</v>
      </c>
      <c r="H13646" s="359" t="s">
        <v>14370</v>
      </c>
      <c r="I13646" s="359" t="s">
        <v>14390</v>
      </c>
      <c r="J13646" s="365"/>
      <c r="K13646" s="365"/>
      <c r="L13646" s="365"/>
    </row>
    <row r="13647" spans="2:12">
      <c r="B13647" s="367"/>
      <c r="C13647" s="367"/>
      <c r="D13647" s="367"/>
      <c r="E13647" s="367"/>
      <c r="F13647" s="360"/>
      <c r="G13647" s="360"/>
      <c r="H13647" s="360"/>
      <c r="I13647" s="360"/>
      <c r="J13647" s="365"/>
      <c r="K13647" s="365"/>
      <c r="L13647" s="365"/>
    </row>
    <row r="13648" spans="2:12">
      <c r="B13648" s="367"/>
      <c r="C13648" s="367"/>
      <c r="D13648" s="367"/>
      <c r="E13648" s="367"/>
      <c r="F13648" s="359" t="s">
        <v>14371</v>
      </c>
      <c r="G13648" s="359" t="s">
        <v>14372</v>
      </c>
      <c r="H13648" s="359" t="s">
        <v>14422</v>
      </c>
      <c r="I13648" s="359" t="s">
        <v>14373</v>
      </c>
      <c r="J13648" s="365"/>
      <c r="K13648" s="365"/>
      <c r="L13648" s="365"/>
    </row>
    <row r="13649" spans="2:12">
      <c r="B13649" s="367"/>
      <c r="C13649" s="367"/>
      <c r="D13649" s="367"/>
      <c r="E13649" s="367"/>
      <c r="F13649" s="360"/>
      <c r="G13649" s="360"/>
      <c r="H13649" s="360"/>
      <c r="I13649" s="360"/>
      <c r="J13649" s="365"/>
      <c r="K13649" s="365"/>
      <c r="L13649" s="365"/>
    </row>
    <row r="13650" spans="2:12" ht="28.5">
      <c r="B13650" s="368"/>
      <c r="C13650" s="368"/>
      <c r="D13650" s="368"/>
      <c r="E13650" s="368"/>
      <c r="F13650" s="361" t="s">
        <v>14374</v>
      </c>
      <c r="G13650" s="361" t="s">
        <v>14373</v>
      </c>
      <c r="H13650" s="362"/>
      <c r="I13650" s="362"/>
      <c r="J13650" s="366"/>
      <c r="K13650" s="366"/>
      <c r="L13650" s="366"/>
    </row>
    <row r="13651" spans="2:12" ht="42.75">
      <c r="B13651" s="358" t="s">
        <v>21711</v>
      </c>
      <c r="C13651" s="358" t="s">
        <v>29356</v>
      </c>
      <c r="D13651" s="358" t="s">
        <v>21712</v>
      </c>
      <c r="E13651" s="358" t="s">
        <v>21713</v>
      </c>
      <c r="F13651" s="358" t="s">
        <v>14386</v>
      </c>
      <c r="G13651" s="358" t="s">
        <v>14387</v>
      </c>
      <c r="H13651" s="358" t="s">
        <v>14367</v>
      </c>
      <c r="I13651" s="358" t="s">
        <v>14387</v>
      </c>
      <c r="J13651" s="358"/>
      <c r="K13651" s="358"/>
      <c r="L13651" s="358"/>
    </row>
    <row r="13652" spans="2:12">
      <c r="B13652" s="367"/>
      <c r="C13652" s="367"/>
      <c r="D13652" s="367"/>
      <c r="E13652" s="367"/>
      <c r="F13652" s="360"/>
      <c r="G13652" s="360"/>
      <c r="H13652" s="360"/>
      <c r="I13652" s="360"/>
      <c r="J13652" s="365"/>
      <c r="K13652" s="365"/>
      <c r="L13652" s="365"/>
    </row>
    <row r="13653" spans="2:12">
      <c r="B13653" s="367"/>
      <c r="C13653" s="367"/>
      <c r="D13653" s="367"/>
      <c r="E13653" s="367"/>
      <c r="F13653" s="359" t="s">
        <v>14389</v>
      </c>
      <c r="G13653" s="359" t="s">
        <v>14390</v>
      </c>
      <c r="H13653" s="359" t="s">
        <v>14370</v>
      </c>
      <c r="I13653" s="359" t="s">
        <v>14390</v>
      </c>
      <c r="J13653" s="365"/>
      <c r="K13653" s="365"/>
      <c r="L13653" s="365"/>
    </row>
    <row r="13654" spans="2:12">
      <c r="B13654" s="367"/>
      <c r="C13654" s="367"/>
      <c r="D13654" s="367"/>
      <c r="E13654" s="367"/>
      <c r="F13654" s="360"/>
      <c r="G13654" s="360"/>
      <c r="H13654" s="360"/>
      <c r="I13654" s="360"/>
      <c r="J13654" s="365"/>
      <c r="K13654" s="365"/>
      <c r="L13654" s="365"/>
    </row>
    <row r="13655" spans="2:12">
      <c r="B13655" s="367"/>
      <c r="C13655" s="367"/>
      <c r="D13655" s="367"/>
      <c r="E13655" s="367"/>
      <c r="F13655" s="359" t="s">
        <v>14371</v>
      </c>
      <c r="G13655" s="359" t="s">
        <v>14372</v>
      </c>
      <c r="H13655" s="359" t="s">
        <v>14422</v>
      </c>
      <c r="I13655" s="359" t="s">
        <v>14373</v>
      </c>
      <c r="J13655" s="365"/>
      <c r="K13655" s="365"/>
      <c r="L13655" s="365"/>
    </row>
    <row r="13656" spans="2:12">
      <c r="B13656" s="367"/>
      <c r="C13656" s="367"/>
      <c r="D13656" s="367"/>
      <c r="E13656" s="367"/>
      <c r="F13656" s="360"/>
      <c r="G13656" s="360"/>
      <c r="H13656" s="360"/>
      <c r="I13656" s="360"/>
      <c r="J13656" s="365"/>
      <c r="K13656" s="365"/>
      <c r="L13656" s="365"/>
    </row>
    <row r="13657" spans="2:12" ht="28.5">
      <c r="B13657" s="368"/>
      <c r="C13657" s="368"/>
      <c r="D13657" s="368"/>
      <c r="E13657" s="368"/>
      <c r="F13657" s="361" t="s">
        <v>14374</v>
      </c>
      <c r="G13657" s="361" t="s">
        <v>14373</v>
      </c>
      <c r="H13657" s="362"/>
      <c r="I13657" s="362"/>
      <c r="J13657" s="366"/>
      <c r="K13657" s="366"/>
      <c r="L13657" s="366"/>
    </row>
    <row r="13658" spans="2:12" ht="28.5">
      <c r="B13658" s="358" t="s">
        <v>21714</v>
      </c>
      <c r="C13658" s="358" t="s">
        <v>21715</v>
      </c>
      <c r="D13658" s="358" t="s">
        <v>21716</v>
      </c>
      <c r="E13658" s="358" t="s">
        <v>21717</v>
      </c>
      <c r="F13658" s="358" t="s">
        <v>14443</v>
      </c>
      <c r="G13658" s="358" t="s">
        <v>14444</v>
      </c>
      <c r="H13658" s="358" t="s">
        <v>14381</v>
      </c>
      <c r="I13658" s="358" t="s">
        <v>14444</v>
      </c>
      <c r="J13658" s="358"/>
      <c r="K13658" s="358" t="s">
        <v>28898</v>
      </c>
      <c r="L13658" s="358"/>
    </row>
    <row r="13659" spans="2:12">
      <c r="B13659" s="367"/>
      <c r="C13659" s="367"/>
      <c r="D13659" s="367"/>
      <c r="E13659" s="367"/>
      <c r="F13659" s="360"/>
      <c r="G13659" s="360"/>
      <c r="H13659" s="360"/>
      <c r="I13659" s="360"/>
      <c r="J13659" s="365"/>
      <c r="K13659" s="360"/>
      <c r="L13659" s="365"/>
    </row>
    <row r="13660" spans="2:12">
      <c r="B13660" s="367"/>
      <c r="C13660" s="367"/>
      <c r="D13660" s="367"/>
      <c r="E13660" s="367"/>
      <c r="F13660" s="359" t="s">
        <v>14420</v>
      </c>
      <c r="G13660" s="359" t="s">
        <v>14429</v>
      </c>
      <c r="H13660" s="359" t="s">
        <v>14367</v>
      </c>
      <c r="I13660" s="359" t="s">
        <v>14429</v>
      </c>
      <c r="J13660" s="365"/>
      <c r="K13660" s="359" t="s">
        <v>29357</v>
      </c>
      <c r="L13660" s="365"/>
    </row>
    <row r="13661" spans="2:12">
      <c r="B13661" s="367"/>
      <c r="C13661" s="367"/>
      <c r="D13661" s="367"/>
      <c r="E13661" s="367"/>
      <c r="F13661" s="360"/>
      <c r="G13661" s="360"/>
      <c r="H13661" s="360"/>
      <c r="I13661" s="360"/>
      <c r="J13661" s="365"/>
      <c r="K13661" s="360"/>
      <c r="L13661" s="365"/>
    </row>
    <row r="13662" spans="2:12">
      <c r="B13662" s="368"/>
      <c r="C13662" s="368"/>
      <c r="D13662" s="368"/>
      <c r="E13662" s="368"/>
      <c r="F13662" s="361" t="s">
        <v>14386</v>
      </c>
      <c r="G13662" s="361" t="s">
        <v>14387</v>
      </c>
      <c r="H13662" s="361" t="s">
        <v>14422</v>
      </c>
      <c r="I13662" s="361" t="s">
        <v>14387</v>
      </c>
      <c r="J13662" s="366"/>
      <c r="K13662" s="362"/>
      <c r="L13662" s="366"/>
    </row>
    <row r="13663" spans="2:12" ht="42.75">
      <c r="B13663" s="358" t="s">
        <v>21718</v>
      </c>
      <c r="C13663" s="358" t="s">
        <v>29358</v>
      </c>
      <c r="D13663" s="358" t="s">
        <v>8356</v>
      </c>
      <c r="E13663" s="358" t="s">
        <v>8356</v>
      </c>
      <c r="F13663" s="358" t="s">
        <v>14420</v>
      </c>
      <c r="G13663" s="358" t="s">
        <v>14459</v>
      </c>
      <c r="H13663" s="358" t="s">
        <v>14367</v>
      </c>
      <c r="I13663" s="358" t="s">
        <v>14459</v>
      </c>
      <c r="J13663" s="358"/>
      <c r="K13663" s="358" t="s">
        <v>14552</v>
      </c>
      <c r="L13663" s="358"/>
    </row>
    <row r="13664" spans="2:12">
      <c r="B13664" s="367"/>
      <c r="C13664" s="367"/>
      <c r="D13664" s="367"/>
      <c r="E13664" s="367"/>
      <c r="F13664" s="360"/>
      <c r="G13664" s="360"/>
      <c r="H13664" s="360"/>
      <c r="I13664" s="360"/>
      <c r="J13664" s="365"/>
      <c r="K13664" s="367"/>
      <c r="L13664" s="365"/>
    </row>
    <row r="13665" spans="2:12" ht="28.5">
      <c r="B13665" s="367"/>
      <c r="C13665" s="367"/>
      <c r="D13665" s="367"/>
      <c r="E13665" s="367"/>
      <c r="F13665" s="359" t="s">
        <v>29049</v>
      </c>
      <c r="G13665" s="359" t="s">
        <v>14429</v>
      </c>
      <c r="H13665" s="359" t="s">
        <v>14370</v>
      </c>
      <c r="I13665" s="359" t="s">
        <v>14429</v>
      </c>
      <c r="J13665" s="365"/>
      <c r="K13665" s="367"/>
      <c r="L13665" s="365"/>
    </row>
    <row r="13666" spans="2:12">
      <c r="B13666" s="367"/>
      <c r="C13666" s="367"/>
      <c r="D13666" s="367"/>
      <c r="E13666" s="367"/>
      <c r="F13666" s="360"/>
      <c r="G13666" s="360"/>
      <c r="H13666" s="360"/>
      <c r="I13666" s="360"/>
      <c r="J13666" s="365"/>
      <c r="K13666" s="367"/>
      <c r="L13666" s="365"/>
    </row>
    <row r="13667" spans="2:12" ht="28.5">
      <c r="B13667" s="367"/>
      <c r="C13667" s="367"/>
      <c r="D13667" s="367"/>
      <c r="E13667" s="367"/>
      <c r="F13667" s="359" t="s">
        <v>14374</v>
      </c>
      <c r="G13667" s="359" t="s">
        <v>14372</v>
      </c>
      <c r="H13667" s="359" t="s">
        <v>14422</v>
      </c>
      <c r="I13667" s="359" t="s">
        <v>14373</v>
      </c>
      <c r="J13667" s="365"/>
      <c r="K13667" s="367"/>
      <c r="L13667" s="365"/>
    </row>
    <row r="13668" spans="2:12">
      <c r="B13668" s="367"/>
      <c r="C13668" s="367"/>
      <c r="D13668" s="367"/>
      <c r="E13668" s="367"/>
      <c r="F13668" s="360"/>
      <c r="G13668" s="360"/>
      <c r="H13668" s="360"/>
      <c r="I13668" s="360"/>
      <c r="J13668" s="365"/>
      <c r="K13668" s="367"/>
      <c r="L13668" s="365"/>
    </row>
    <row r="13669" spans="2:12">
      <c r="B13669" s="368"/>
      <c r="C13669" s="368"/>
      <c r="D13669" s="368"/>
      <c r="E13669" s="368"/>
      <c r="F13669" s="362"/>
      <c r="G13669" s="361" t="s">
        <v>14373</v>
      </c>
      <c r="H13669" s="362"/>
      <c r="I13669" s="362"/>
      <c r="J13669" s="366"/>
      <c r="K13669" s="368"/>
      <c r="L13669" s="366"/>
    </row>
    <row r="13670" spans="2:12">
      <c r="B13670" s="358" t="s">
        <v>21719</v>
      </c>
      <c r="C13670" s="358" t="s">
        <v>21720</v>
      </c>
      <c r="D13670" s="358" t="s">
        <v>21721</v>
      </c>
      <c r="E13670" s="358" t="s">
        <v>21722</v>
      </c>
      <c r="F13670" s="358" t="s">
        <v>14507</v>
      </c>
      <c r="G13670" s="358" t="s">
        <v>14819</v>
      </c>
      <c r="H13670" s="358" t="s">
        <v>14381</v>
      </c>
      <c r="I13670" s="358" t="s">
        <v>14819</v>
      </c>
      <c r="J13670" s="358"/>
      <c r="K13670" s="358"/>
      <c r="L13670" s="358"/>
    </row>
    <row r="13671" spans="2:12">
      <c r="B13671" s="367"/>
      <c r="C13671" s="367"/>
      <c r="D13671" s="367"/>
      <c r="E13671" s="367"/>
      <c r="F13671" s="367"/>
      <c r="G13671" s="367"/>
      <c r="H13671" s="360"/>
      <c r="I13671" s="367"/>
      <c r="J13671" s="365"/>
      <c r="K13671" s="365"/>
      <c r="L13671" s="365"/>
    </row>
    <row r="13672" spans="2:12">
      <c r="B13672" s="368"/>
      <c r="C13672" s="368"/>
      <c r="D13672" s="368"/>
      <c r="E13672" s="368"/>
      <c r="F13672" s="368"/>
      <c r="G13672" s="368"/>
      <c r="H13672" s="361" t="s">
        <v>14422</v>
      </c>
      <c r="I13672" s="368"/>
      <c r="J13672" s="366"/>
      <c r="K13672" s="366"/>
      <c r="L13672" s="366"/>
    </row>
    <row r="13673" spans="2:12">
      <c r="B13673" s="354" t="s">
        <v>14492</v>
      </c>
      <c r="C13673" s="369"/>
      <c r="D13673" s="369"/>
      <c r="E13673" s="369"/>
      <c r="F13673" s="369"/>
      <c r="G13673" s="369"/>
      <c r="H13673" s="369"/>
      <c r="I13673" s="369"/>
      <c r="J13673" s="369"/>
      <c r="K13673" s="369"/>
      <c r="L13673" s="370"/>
    </row>
    <row r="13674" spans="2:12">
      <c r="B13674" s="358" t="s">
        <v>13147</v>
      </c>
      <c r="C13674" s="358" t="s">
        <v>21723</v>
      </c>
      <c r="D13674" s="358" t="s">
        <v>510</v>
      </c>
      <c r="E13674" s="358" t="s">
        <v>511</v>
      </c>
      <c r="F13674" s="358" t="s">
        <v>14424</v>
      </c>
      <c r="G13674" s="358" t="s">
        <v>14481</v>
      </c>
      <c r="H13674" s="358" t="s">
        <v>14381</v>
      </c>
      <c r="I13674" s="358" t="s">
        <v>14481</v>
      </c>
      <c r="J13674" s="358"/>
      <c r="K13674" s="358"/>
      <c r="L13674" s="358"/>
    </row>
    <row r="13675" spans="2:12">
      <c r="B13675" s="367"/>
      <c r="C13675" s="367"/>
      <c r="D13675" s="367"/>
      <c r="E13675" s="367"/>
      <c r="F13675" s="367"/>
      <c r="G13675" s="367"/>
      <c r="H13675" s="360"/>
      <c r="I13675" s="367"/>
      <c r="J13675" s="365"/>
      <c r="K13675" s="365"/>
      <c r="L13675" s="365"/>
    </row>
    <row r="13676" spans="2:12">
      <c r="B13676" s="368"/>
      <c r="C13676" s="368"/>
      <c r="D13676" s="368"/>
      <c r="E13676" s="368"/>
      <c r="F13676" s="368"/>
      <c r="G13676" s="368"/>
      <c r="H13676" s="361" t="s">
        <v>14332</v>
      </c>
      <c r="I13676" s="368"/>
      <c r="J13676" s="366"/>
      <c r="K13676" s="366"/>
      <c r="L13676" s="366"/>
    </row>
    <row r="13677" spans="2:12">
      <c r="B13677" s="354" t="s">
        <v>28528</v>
      </c>
      <c r="C13677" s="369"/>
      <c r="D13677" s="369"/>
      <c r="E13677" s="369"/>
      <c r="F13677" s="369"/>
      <c r="G13677" s="369"/>
      <c r="H13677" s="369"/>
      <c r="I13677" s="369"/>
      <c r="J13677" s="369"/>
      <c r="K13677" s="369"/>
      <c r="L13677" s="370"/>
    </row>
    <row r="13678" spans="2:12" ht="128.25">
      <c r="B13678" s="358" t="s">
        <v>13149</v>
      </c>
      <c r="C13678" s="358" t="s">
        <v>29359</v>
      </c>
      <c r="D13678" s="358" t="s">
        <v>13154</v>
      </c>
      <c r="E13678" s="358" t="s">
        <v>13155</v>
      </c>
      <c r="F13678" s="358" t="s">
        <v>14443</v>
      </c>
      <c r="G13678" s="358" t="s">
        <v>14444</v>
      </c>
      <c r="H13678" s="358" t="s">
        <v>14381</v>
      </c>
      <c r="I13678" s="358" t="s">
        <v>14444</v>
      </c>
      <c r="J13678" s="358"/>
      <c r="K13678" s="358"/>
      <c r="L13678" s="358"/>
    </row>
    <row r="13679" spans="2:12">
      <c r="B13679" s="367"/>
      <c r="C13679" s="367"/>
      <c r="D13679" s="360"/>
      <c r="E13679" s="360"/>
      <c r="F13679" s="360"/>
      <c r="G13679" s="360"/>
      <c r="H13679" s="360"/>
      <c r="I13679" s="360"/>
      <c r="J13679" s="365"/>
      <c r="K13679" s="365"/>
      <c r="L13679" s="365"/>
    </row>
    <row r="13680" spans="2:12" ht="28.5">
      <c r="B13680" s="367"/>
      <c r="C13680" s="367"/>
      <c r="D13680" s="359" t="s">
        <v>13158</v>
      </c>
      <c r="E13680" s="359" t="s">
        <v>13159</v>
      </c>
      <c r="F13680" s="359" t="s">
        <v>14424</v>
      </c>
      <c r="G13680" s="359" t="s">
        <v>28740</v>
      </c>
      <c r="H13680" s="359" t="s">
        <v>14367</v>
      </c>
      <c r="I13680" s="359" t="s">
        <v>28740</v>
      </c>
      <c r="J13680" s="365"/>
      <c r="K13680" s="365"/>
      <c r="L13680" s="365"/>
    </row>
    <row r="13681" spans="2:12">
      <c r="B13681" s="367"/>
      <c r="C13681" s="367"/>
      <c r="D13681" s="360"/>
      <c r="E13681" s="360"/>
      <c r="F13681" s="360"/>
      <c r="G13681" s="360"/>
      <c r="H13681" s="360"/>
      <c r="I13681" s="360"/>
      <c r="J13681" s="365"/>
      <c r="K13681" s="365"/>
      <c r="L13681" s="365"/>
    </row>
    <row r="13682" spans="2:12" ht="28.5">
      <c r="B13682" s="367"/>
      <c r="C13682" s="367"/>
      <c r="D13682" s="359" t="s">
        <v>13161</v>
      </c>
      <c r="E13682" s="359" t="s">
        <v>13162</v>
      </c>
      <c r="F13682" s="359" t="s">
        <v>14384</v>
      </c>
      <c r="G13682" s="359" t="s">
        <v>14459</v>
      </c>
      <c r="H13682" s="359" t="s">
        <v>14370</v>
      </c>
      <c r="I13682" s="359" t="s">
        <v>14459</v>
      </c>
      <c r="J13682" s="365"/>
      <c r="K13682" s="365"/>
      <c r="L13682" s="365"/>
    </row>
    <row r="13683" spans="2:12">
      <c r="B13683" s="367"/>
      <c r="C13683" s="367"/>
      <c r="D13683" s="360"/>
      <c r="E13683" s="360"/>
      <c r="F13683" s="360"/>
      <c r="G13683" s="360"/>
      <c r="H13683" s="360"/>
      <c r="I13683" s="360"/>
      <c r="J13683" s="365"/>
      <c r="K13683" s="365"/>
      <c r="L13683" s="365"/>
    </row>
    <row r="13684" spans="2:12" ht="28.5">
      <c r="B13684" s="367"/>
      <c r="C13684" s="367"/>
      <c r="D13684" s="359" t="s">
        <v>13165</v>
      </c>
      <c r="E13684" s="359" t="s">
        <v>13166</v>
      </c>
      <c r="F13684" s="359" t="s">
        <v>28938</v>
      </c>
      <c r="G13684" s="359" t="s">
        <v>14429</v>
      </c>
      <c r="H13684" s="359" t="s">
        <v>14332</v>
      </c>
      <c r="I13684" s="359" t="s">
        <v>14429</v>
      </c>
      <c r="J13684" s="365"/>
      <c r="K13684" s="365"/>
      <c r="L13684" s="365"/>
    </row>
    <row r="13685" spans="2:12">
      <c r="B13685" s="367"/>
      <c r="C13685" s="367"/>
      <c r="D13685" s="360"/>
      <c r="E13685" s="360"/>
      <c r="F13685" s="360"/>
      <c r="G13685" s="360"/>
      <c r="H13685" s="360"/>
      <c r="I13685" s="360"/>
      <c r="J13685" s="365"/>
      <c r="K13685" s="365"/>
      <c r="L13685" s="365"/>
    </row>
    <row r="13686" spans="2:12" ht="28.5">
      <c r="B13686" s="367"/>
      <c r="C13686" s="367"/>
      <c r="D13686" s="359" t="s">
        <v>13169</v>
      </c>
      <c r="E13686" s="359" t="s">
        <v>13170</v>
      </c>
      <c r="F13686" s="359" t="s">
        <v>17277</v>
      </c>
      <c r="G13686" s="359" t="s">
        <v>17278</v>
      </c>
      <c r="H13686" s="360"/>
      <c r="I13686" s="359" t="s">
        <v>17278</v>
      </c>
      <c r="J13686" s="365"/>
      <c r="K13686" s="365"/>
      <c r="L13686" s="365"/>
    </row>
    <row r="13687" spans="2:12">
      <c r="B13687" s="367"/>
      <c r="C13687" s="367"/>
      <c r="D13687" s="360"/>
      <c r="E13687" s="360"/>
      <c r="F13687" s="360"/>
      <c r="G13687" s="360"/>
      <c r="H13687" s="360"/>
      <c r="I13687" s="360"/>
      <c r="J13687" s="365"/>
      <c r="K13687" s="365"/>
      <c r="L13687" s="365"/>
    </row>
    <row r="13688" spans="2:12" ht="28.5">
      <c r="B13688" s="368"/>
      <c r="C13688" s="368"/>
      <c r="D13688" s="362"/>
      <c r="E13688" s="362"/>
      <c r="F13688" s="361" t="s">
        <v>14394</v>
      </c>
      <c r="G13688" s="361" t="s">
        <v>14395</v>
      </c>
      <c r="H13688" s="362"/>
      <c r="I13688" s="361" t="s">
        <v>14395</v>
      </c>
      <c r="J13688" s="366"/>
      <c r="K13688" s="366"/>
      <c r="L13688" s="366"/>
    </row>
    <row r="13689" spans="2:12" ht="42.75">
      <c r="B13689" s="358" t="s">
        <v>21724</v>
      </c>
      <c r="C13689" s="358" t="s">
        <v>21725</v>
      </c>
      <c r="D13689" s="358" t="s">
        <v>8356</v>
      </c>
      <c r="E13689" s="358" t="s">
        <v>21726</v>
      </c>
      <c r="F13689" s="358" t="s">
        <v>28964</v>
      </c>
      <c r="G13689" s="358" t="s">
        <v>14429</v>
      </c>
      <c r="H13689" s="358" t="s">
        <v>14381</v>
      </c>
      <c r="I13689" s="358" t="s">
        <v>14429</v>
      </c>
      <c r="J13689" s="358"/>
      <c r="K13689" s="358" t="s">
        <v>29360</v>
      </c>
      <c r="L13689" s="358"/>
    </row>
    <row r="13690" spans="2:12">
      <c r="B13690" s="367"/>
      <c r="C13690" s="367"/>
      <c r="D13690" s="367"/>
      <c r="E13690" s="367"/>
      <c r="F13690" s="360"/>
      <c r="G13690" s="360"/>
      <c r="H13690" s="360"/>
      <c r="I13690" s="360"/>
      <c r="J13690" s="365"/>
      <c r="K13690" s="360"/>
      <c r="L13690" s="365"/>
    </row>
    <row r="13691" spans="2:12" ht="28.5">
      <c r="B13691" s="367"/>
      <c r="C13691" s="367"/>
      <c r="D13691" s="367"/>
      <c r="E13691" s="367"/>
      <c r="F13691" s="359" t="s">
        <v>14391</v>
      </c>
      <c r="G13691" s="359" t="s">
        <v>29140</v>
      </c>
      <c r="H13691" s="359" t="s">
        <v>14367</v>
      </c>
      <c r="I13691" s="359" t="s">
        <v>29140</v>
      </c>
      <c r="J13691" s="365"/>
      <c r="K13691" s="359" t="s">
        <v>16660</v>
      </c>
      <c r="L13691" s="365"/>
    </row>
    <row r="13692" spans="2:12">
      <c r="B13692" s="367"/>
      <c r="C13692" s="367"/>
      <c r="D13692" s="367"/>
      <c r="E13692" s="367"/>
      <c r="F13692" s="360"/>
      <c r="G13692" s="360"/>
      <c r="H13692" s="360"/>
      <c r="I13692" s="360"/>
      <c r="J13692" s="365"/>
      <c r="K13692" s="360"/>
      <c r="L13692" s="365"/>
    </row>
    <row r="13693" spans="2:12">
      <c r="B13693" s="367"/>
      <c r="C13693" s="367"/>
      <c r="D13693" s="367"/>
      <c r="E13693" s="367"/>
      <c r="F13693" s="359" t="s">
        <v>14371</v>
      </c>
      <c r="G13693" s="359" t="s">
        <v>14372</v>
      </c>
      <c r="H13693" s="359" t="s">
        <v>14370</v>
      </c>
      <c r="I13693" s="359" t="s">
        <v>14373</v>
      </c>
      <c r="J13693" s="365"/>
      <c r="K13693" s="360"/>
      <c r="L13693" s="365"/>
    </row>
    <row r="13694" spans="2:12">
      <c r="B13694" s="367"/>
      <c r="C13694" s="367"/>
      <c r="D13694" s="367"/>
      <c r="E13694" s="367"/>
      <c r="F13694" s="360"/>
      <c r="G13694" s="360"/>
      <c r="H13694" s="360"/>
      <c r="I13694" s="360"/>
      <c r="J13694" s="365"/>
      <c r="K13694" s="360"/>
      <c r="L13694" s="365"/>
    </row>
    <row r="13695" spans="2:12" ht="28.5">
      <c r="B13695" s="368"/>
      <c r="C13695" s="368"/>
      <c r="D13695" s="368"/>
      <c r="E13695" s="368"/>
      <c r="F13695" s="361" t="s">
        <v>14374</v>
      </c>
      <c r="G13695" s="361" t="s">
        <v>14373</v>
      </c>
      <c r="H13695" s="361" t="s">
        <v>14422</v>
      </c>
      <c r="I13695" s="362"/>
      <c r="J13695" s="366"/>
      <c r="K13695" s="362"/>
      <c r="L13695" s="366"/>
    </row>
    <row r="13696" spans="2:12" ht="28.5">
      <c r="B13696" s="358" t="s">
        <v>10412</v>
      </c>
      <c r="C13696" s="358" t="s">
        <v>27723</v>
      </c>
      <c r="D13696" s="358" t="s">
        <v>10413</v>
      </c>
      <c r="E13696" s="358" t="s">
        <v>10414</v>
      </c>
      <c r="F13696" s="358" t="s">
        <v>14376</v>
      </c>
      <c r="G13696" s="358" t="s">
        <v>14669</v>
      </c>
      <c r="H13696" s="358" t="s">
        <v>14381</v>
      </c>
      <c r="I13696" s="358" t="s">
        <v>14669</v>
      </c>
      <c r="J13696" s="358"/>
      <c r="K13696" s="358"/>
      <c r="L13696" s="358"/>
    </row>
    <row r="13697" spans="2:12">
      <c r="B13697" s="367"/>
      <c r="C13697" s="367"/>
      <c r="D13697" s="367"/>
      <c r="E13697" s="367"/>
      <c r="F13697" s="360"/>
      <c r="G13697" s="360"/>
      <c r="H13697" s="360"/>
      <c r="I13697" s="360"/>
      <c r="J13697" s="365"/>
      <c r="K13697" s="365"/>
      <c r="L13697" s="365"/>
    </row>
    <row r="13698" spans="2:12">
      <c r="B13698" s="367"/>
      <c r="C13698" s="367"/>
      <c r="D13698" s="367"/>
      <c r="E13698" s="367"/>
      <c r="F13698" s="359" t="s">
        <v>14371</v>
      </c>
      <c r="G13698" s="359" t="s">
        <v>14372</v>
      </c>
      <c r="H13698" s="359" t="s">
        <v>14370</v>
      </c>
      <c r="I13698" s="359" t="s">
        <v>14373</v>
      </c>
      <c r="J13698" s="365"/>
      <c r="K13698" s="365"/>
      <c r="L13698" s="365"/>
    </row>
    <row r="13699" spans="2:12">
      <c r="B13699" s="367"/>
      <c r="C13699" s="367"/>
      <c r="D13699" s="367"/>
      <c r="E13699" s="367"/>
      <c r="F13699" s="360"/>
      <c r="G13699" s="360"/>
      <c r="H13699" s="360"/>
      <c r="I13699" s="360"/>
      <c r="J13699" s="365"/>
      <c r="K13699" s="365"/>
      <c r="L13699" s="365"/>
    </row>
    <row r="13700" spans="2:12" ht="28.5">
      <c r="B13700" s="368"/>
      <c r="C13700" s="368"/>
      <c r="D13700" s="368"/>
      <c r="E13700" s="368"/>
      <c r="F13700" s="361" t="s">
        <v>14374</v>
      </c>
      <c r="G13700" s="361" t="s">
        <v>14373</v>
      </c>
      <c r="H13700" s="361" t="s">
        <v>14332</v>
      </c>
      <c r="I13700" s="362"/>
      <c r="J13700" s="366"/>
      <c r="K13700" s="366"/>
      <c r="L13700" s="366"/>
    </row>
    <row r="13701" spans="2:12" ht="28.5">
      <c r="B13701" s="358" t="s">
        <v>21727</v>
      </c>
      <c r="C13701" s="358" t="s">
        <v>27724</v>
      </c>
      <c r="D13701" s="358" t="s">
        <v>21728</v>
      </c>
      <c r="E13701" s="358" t="s">
        <v>21729</v>
      </c>
      <c r="F13701" s="358" t="s">
        <v>14391</v>
      </c>
      <c r="G13701" s="358" t="s">
        <v>14392</v>
      </c>
      <c r="H13701" s="358" t="s">
        <v>14367</v>
      </c>
      <c r="I13701" s="358" t="s">
        <v>14392</v>
      </c>
      <c r="J13701" s="358"/>
      <c r="K13701" s="358"/>
      <c r="L13701" s="358"/>
    </row>
    <row r="13702" spans="2:12">
      <c r="B13702" s="367"/>
      <c r="C13702" s="367"/>
      <c r="D13702" s="367"/>
      <c r="E13702" s="367"/>
      <c r="F13702" s="367"/>
      <c r="G13702" s="367"/>
      <c r="H13702" s="360"/>
      <c r="I13702" s="367"/>
      <c r="J13702" s="365"/>
      <c r="K13702" s="365"/>
      <c r="L13702" s="365"/>
    </row>
    <row r="13703" spans="2:12">
      <c r="B13703" s="368"/>
      <c r="C13703" s="368"/>
      <c r="D13703" s="368"/>
      <c r="E13703" s="368"/>
      <c r="F13703" s="368"/>
      <c r="G13703" s="368"/>
      <c r="H13703" s="361" t="s">
        <v>14422</v>
      </c>
      <c r="I13703" s="368"/>
      <c r="J13703" s="366"/>
      <c r="K13703" s="366"/>
      <c r="L13703" s="366"/>
    </row>
    <row r="13704" spans="2:12" ht="28.5">
      <c r="B13704" s="358" t="s">
        <v>21730</v>
      </c>
      <c r="C13704" s="358" t="s">
        <v>27725</v>
      </c>
      <c r="D13704" s="358" t="s">
        <v>21731</v>
      </c>
      <c r="E13704" s="358" t="s">
        <v>21732</v>
      </c>
      <c r="F13704" s="358" t="s">
        <v>14430</v>
      </c>
      <c r="G13704" s="358" t="s">
        <v>14431</v>
      </c>
      <c r="H13704" s="358" t="s">
        <v>14341</v>
      </c>
      <c r="I13704" s="358" t="s">
        <v>14431</v>
      </c>
      <c r="J13704" s="358"/>
      <c r="K13704" s="358"/>
      <c r="L13704" s="358"/>
    </row>
    <row r="13705" spans="2:12">
      <c r="B13705" s="367"/>
      <c r="C13705" s="367"/>
      <c r="D13705" s="367"/>
      <c r="E13705" s="367"/>
      <c r="F13705" s="367"/>
      <c r="G13705" s="367"/>
      <c r="H13705" s="360"/>
      <c r="I13705" s="367"/>
      <c r="J13705" s="365"/>
      <c r="K13705" s="365"/>
      <c r="L13705" s="365"/>
    </row>
    <row r="13706" spans="2:12">
      <c r="B13706" s="368"/>
      <c r="C13706" s="368"/>
      <c r="D13706" s="368"/>
      <c r="E13706" s="368"/>
      <c r="F13706" s="368"/>
      <c r="G13706" s="368"/>
      <c r="H13706" s="361" t="s">
        <v>14332</v>
      </c>
      <c r="I13706" s="368"/>
      <c r="J13706" s="366"/>
      <c r="K13706" s="366"/>
      <c r="L13706" s="366"/>
    </row>
    <row r="13707" spans="2:12" ht="28.5">
      <c r="B13707" s="358" t="s">
        <v>21733</v>
      </c>
      <c r="C13707" s="358" t="s">
        <v>21734</v>
      </c>
      <c r="D13707" s="358" t="s">
        <v>21735</v>
      </c>
      <c r="E13707" s="358" t="s">
        <v>21736</v>
      </c>
      <c r="F13707" s="358" t="s">
        <v>14386</v>
      </c>
      <c r="G13707" s="358" t="s">
        <v>14387</v>
      </c>
      <c r="H13707" s="358" t="s">
        <v>14367</v>
      </c>
      <c r="I13707" s="358" t="s">
        <v>14387</v>
      </c>
      <c r="J13707" s="358"/>
      <c r="K13707" s="358"/>
      <c r="L13707" s="358"/>
    </row>
    <row r="13708" spans="2:12">
      <c r="B13708" s="367"/>
      <c r="C13708" s="367"/>
      <c r="D13708" s="367"/>
      <c r="E13708" s="367"/>
      <c r="F13708" s="367"/>
      <c r="G13708" s="367"/>
      <c r="H13708" s="360"/>
      <c r="I13708" s="367"/>
      <c r="J13708" s="365"/>
      <c r="K13708" s="365"/>
      <c r="L13708" s="365"/>
    </row>
    <row r="13709" spans="2:12">
      <c r="B13709" s="368"/>
      <c r="C13709" s="368"/>
      <c r="D13709" s="368"/>
      <c r="E13709" s="368"/>
      <c r="F13709" s="368"/>
      <c r="G13709" s="368"/>
      <c r="H13709" s="361" t="s">
        <v>14422</v>
      </c>
      <c r="I13709" s="368"/>
      <c r="J13709" s="366"/>
      <c r="K13709" s="366"/>
      <c r="L13709" s="366"/>
    </row>
    <row r="13710" spans="2:12">
      <c r="B13710" s="358" t="s">
        <v>21737</v>
      </c>
      <c r="C13710" s="358" t="s">
        <v>21738</v>
      </c>
      <c r="D13710" s="358" t="s">
        <v>21739</v>
      </c>
      <c r="E13710" s="358" t="s">
        <v>21740</v>
      </c>
      <c r="F13710" s="358" t="s">
        <v>14420</v>
      </c>
      <c r="G13710" s="358" t="s">
        <v>14459</v>
      </c>
      <c r="H13710" s="358" t="s">
        <v>14341</v>
      </c>
      <c r="I13710" s="358" t="s">
        <v>14459</v>
      </c>
      <c r="J13710" s="358"/>
      <c r="K13710" s="358"/>
      <c r="L13710" s="358"/>
    </row>
    <row r="13711" spans="2:12">
      <c r="B13711" s="367"/>
      <c r="C13711" s="367"/>
      <c r="D13711" s="367"/>
      <c r="E13711" s="367"/>
      <c r="F13711" s="360"/>
      <c r="G13711" s="360"/>
      <c r="H13711" s="360"/>
      <c r="I13711" s="360"/>
      <c r="J13711" s="365"/>
      <c r="K13711" s="365"/>
      <c r="L13711" s="365"/>
    </row>
    <row r="13712" spans="2:12">
      <c r="B13712" s="367"/>
      <c r="C13712" s="367"/>
      <c r="D13712" s="367"/>
      <c r="E13712" s="367"/>
      <c r="F13712" s="359" t="s">
        <v>14356</v>
      </c>
      <c r="G13712" s="359" t="s">
        <v>14340</v>
      </c>
      <c r="H13712" s="359" t="s">
        <v>14367</v>
      </c>
      <c r="I13712" s="359" t="s">
        <v>14340</v>
      </c>
      <c r="J13712" s="365"/>
      <c r="K13712" s="365"/>
      <c r="L13712" s="365"/>
    </row>
    <row r="13713" spans="2:12">
      <c r="B13713" s="367"/>
      <c r="C13713" s="367"/>
      <c r="D13713" s="367"/>
      <c r="E13713" s="367"/>
      <c r="F13713" s="360"/>
      <c r="G13713" s="360"/>
      <c r="H13713" s="360"/>
      <c r="I13713" s="360"/>
      <c r="J13713" s="365"/>
      <c r="K13713" s="365"/>
      <c r="L13713" s="365"/>
    </row>
    <row r="13714" spans="2:12">
      <c r="B13714" s="367"/>
      <c r="C13714" s="367"/>
      <c r="D13714" s="367"/>
      <c r="E13714" s="367"/>
      <c r="F13714" s="359" t="s">
        <v>14391</v>
      </c>
      <c r="G13714" s="359" t="s">
        <v>14392</v>
      </c>
      <c r="H13714" s="359" t="s">
        <v>14332</v>
      </c>
      <c r="I13714" s="359" t="s">
        <v>14392</v>
      </c>
      <c r="J13714" s="365"/>
      <c r="K13714" s="365"/>
      <c r="L13714" s="365"/>
    </row>
    <row r="13715" spans="2:12">
      <c r="B13715" s="367"/>
      <c r="C13715" s="367"/>
      <c r="D13715" s="367"/>
      <c r="E13715" s="367"/>
      <c r="F13715" s="360"/>
      <c r="G13715" s="360"/>
      <c r="H13715" s="360"/>
      <c r="I13715" s="360"/>
      <c r="J13715" s="365"/>
      <c r="K13715" s="365"/>
      <c r="L13715" s="365"/>
    </row>
    <row r="13716" spans="2:12" ht="28.5">
      <c r="B13716" s="368"/>
      <c r="C13716" s="368"/>
      <c r="D13716" s="368"/>
      <c r="E13716" s="368"/>
      <c r="F13716" s="361" t="s">
        <v>14472</v>
      </c>
      <c r="G13716" s="361" t="s">
        <v>14473</v>
      </c>
      <c r="H13716" s="362"/>
      <c r="I13716" s="361" t="s">
        <v>14473</v>
      </c>
      <c r="J13716" s="366"/>
      <c r="K13716" s="366"/>
      <c r="L13716" s="366"/>
    </row>
    <row r="13717" spans="2:12" ht="57">
      <c r="B13717" s="358" t="s">
        <v>21741</v>
      </c>
      <c r="C13717" s="358" t="s">
        <v>29361</v>
      </c>
      <c r="D13717" s="358" t="s">
        <v>21742</v>
      </c>
      <c r="E13717" s="358" t="s">
        <v>8356</v>
      </c>
      <c r="F13717" s="358" t="s">
        <v>14391</v>
      </c>
      <c r="G13717" s="358" t="s">
        <v>14392</v>
      </c>
      <c r="H13717" s="358" t="s">
        <v>14367</v>
      </c>
      <c r="I13717" s="358" t="s">
        <v>14392</v>
      </c>
      <c r="J13717" s="358"/>
      <c r="K13717" s="358"/>
      <c r="L13717" s="358"/>
    </row>
    <row r="13718" spans="2:12">
      <c r="B13718" s="367"/>
      <c r="C13718" s="367"/>
      <c r="D13718" s="367"/>
      <c r="E13718" s="367"/>
      <c r="F13718" s="367"/>
      <c r="G13718" s="367"/>
      <c r="H13718" s="360"/>
      <c r="I13718" s="367"/>
      <c r="J13718" s="365"/>
      <c r="K13718" s="365"/>
      <c r="L13718" s="365"/>
    </row>
    <row r="13719" spans="2:12">
      <c r="B13719" s="368"/>
      <c r="C13719" s="368"/>
      <c r="D13719" s="368"/>
      <c r="E13719" s="368"/>
      <c r="F13719" s="368"/>
      <c r="G13719" s="368"/>
      <c r="H13719" s="361" t="s">
        <v>14422</v>
      </c>
      <c r="I13719" s="368"/>
      <c r="J13719" s="366"/>
      <c r="K13719" s="366"/>
      <c r="L13719" s="366"/>
    </row>
    <row r="13720" spans="2:12" ht="42.75">
      <c r="B13720" s="358" t="s">
        <v>21743</v>
      </c>
      <c r="C13720" s="358" t="s">
        <v>27726</v>
      </c>
      <c r="D13720" s="358" t="s">
        <v>21744</v>
      </c>
      <c r="E13720" s="358" t="s">
        <v>21745</v>
      </c>
      <c r="F13720" s="358" t="s">
        <v>14462</v>
      </c>
      <c r="G13720" s="358" t="s">
        <v>14463</v>
      </c>
      <c r="H13720" s="358" t="s">
        <v>8356</v>
      </c>
      <c r="I13720" s="358" t="s">
        <v>14463</v>
      </c>
      <c r="J13720" s="358"/>
      <c r="K13720" s="358"/>
      <c r="L13720" s="358"/>
    </row>
    <row r="13721" spans="2:12">
      <c r="B13721" s="368"/>
      <c r="C13721" s="368"/>
      <c r="D13721" s="368"/>
      <c r="E13721" s="368"/>
      <c r="F13721" s="368"/>
      <c r="G13721" s="368"/>
      <c r="H13721" s="368"/>
      <c r="I13721" s="368"/>
      <c r="J13721" s="366"/>
      <c r="K13721" s="366"/>
      <c r="L13721" s="366"/>
    </row>
    <row r="13722" spans="2:12" ht="42.75">
      <c r="B13722" s="358" t="s">
        <v>21746</v>
      </c>
      <c r="C13722" s="358" t="s">
        <v>30279</v>
      </c>
      <c r="D13722" s="358" t="s">
        <v>21747</v>
      </c>
      <c r="E13722" s="358" t="s">
        <v>21748</v>
      </c>
      <c r="F13722" s="358" t="s">
        <v>14430</v>
      </c>
      <c r="G13722" s="358" t="s">
        <v>14431</v>
      </c>
      <c r="H13722" s="358" t="s">
        <v>14341</v>
      </c>
      <c r="I13722" s="358" t="s">
        <v>14431</v>
      </c>
      <c r="J13722" s="358"/>
      <c r="K13722" s="358"/>
      <c r="L13722" s="358"/>
    </row>
    <row r="13723" spans="2:12">
      <c r="B13723" s="367"/>
      <c r="C13723" s="367"/>
      <c r="D13723" s="367"/>
      <c r="E13723" s="367"/>
      <c r="F13723" s="360"/>
      <c r="G13723" s="360"/>
      <c r="H13723" s="360"/>
      <c r="I13723" s="360"/>
      <c r="J13723" s="365"/>
      <c r="K13723" s="365"/>
      <c r="L13723" s="365"/>
    </row>
    <row r="13724" spans="2:12">
      <c r="B13724" s="367"/>
      <c r="C13724" s="367"/>
      <c r="D13724" s="367"/>
      <c r="E13724" s="367"/>
      <c r="F13724" s="359" t="s">
        <v>14391</v>
      </c>
      <c r="G13724" s="359" t="s">
        <v>14392</v>
      </c>
      <c r="H13724" s="359" t="s">
        <v>14367</v>
      </c>
      <c r="I13724" s="359" t="s">
        <v>14392</v>
      </c>
      <c r="J13724" s="365"/>
      <c r="K13724" s="365"/>
      <c r="L13724" s="365"/>
    </row>
    <row r="13725" spans="2:12">
      <c r="B13725" s="367"/>
      <c r="C13725" s="367"/>
      <c r="D13725" s="367"/>
      <c r="E13725" s="367"/>
      <c r="F13725" s="360"/>
      <c r="G13725" s="360"/>
      <c r="H13725" s="360"/>
      <c r="I13725" s="360"/>
      <c r="J13725" s="365"/>
      <c r="K13725" s="365"/>
      <c r="L13725" s="365"/>
    </row>
    <row r="13726" spans="2:12">
      <c r="B13726" s="368"/>
      <c r="C13726" s="368"/>
      <c r="D13726" s="368"/>
      <c r="E13726" s="368"/>
      <c r="F13726" s="362"/>
      <c r="G13726" s="362"/>
      <c r="H13726" s="361" t="s">
        <v>14332</v>
      </c>
      <c r="I13726" s="362"/>
      <c r="J13726" s="366"/>
      <c r="K13726" s="366"/>
      <c r="L13726" s="366"/>
    </row>
    <row r="13727" spans="2:12" ht="28.5">
      <c r="B13727" s="358" t="s">
        <v>21749</v>
      </c>
      <c r="C13727" s="358" t="s">
        <v>30280</v>
      </c>
      <c r="D13727" s="358" t="s">
        <v>21750</v>
      </c>
      <c r="E13727" s="358" t="s">
        <v>21751</v>
      </c>
      <c r="F13727" s="358" t="s">
        <v>14420</v>
      </c>
      <c r="G13727" s="358" t="s">
        <v>14429</v>
      </c>
      <c r="H13727" s="358" t="s">
        <v>14341</v>
      </c>
      <c r="I13727" s="358" t="s">
        <v>14429</v>
      </c>
      <c r="J13727" s="358"/>
      <c r="K13727" s="358"/>
      <c r="L13727" s="358"/>
    </row>
    <row r="13728" spans="2:12">
      <c r="B13728" s="367"/>
      <c r="C13728" s="367"/>
      <c r="D13728" s="367"/>
      <c r="E13728" s="367"/>
      <c r="F13728" s="360"/>
      <c r="G13728" s="360"/>
      <c r="H13728" s="360"/>
      <c r="I13728" s="360"/>
      <c r="J13728" s="365"/>
      <c r="K13728" s="365"/>
      <c r="L13728" s="365"/>
    </row>
    <row r="13729" spans="2:12">
      <c r="B13729" s="367"/>
      <c r="C13729" s="367"/>
      <c r="D13729" s="367"/>
      <c r="E13729" s="367"/>
      <c r="F13729" s="359" t="s">
        <v>14356</v>
      </c>
      <c r="G13729" s="359" t="s">
        <v>14340</v>
      </c>
      <c r="H13729" s="359" t="s">
        <v>14367</v>
      </c>
      <c r="I13729" s="359" t="s">
        <v>14340</v>
      </c>
      <c r="J13729" s="365"/>
      <c r="K13729" s="365"/>
      <c r="L13729" s="365"/>
    </row>
    <row r="13730" spans="2:12">
      <c r="B13730" s="367"/>
      <c r="C13730" s="367"/>
      <c r="D13730" s="367"/>
      <c r="E13730" s="367"/>
      <c r="F13730" s="360"/>
      <c r="G13730" s="360"/>
      <c r="H13730" s="360"/>
      <c r="I13730" s="360"/>
      <c r="J13730" s="365"/>
      <c r="K13730" s="365"/>
      <c r="L13730" s="365"/>
    </row>
    <row r="13731" spans="2:12">
      <c r="B13731" s="368"/>
      <c r="C13731" s="368"/>
      <c r="D13731" s="368"/>
      <c r="E13731" s="368"/>
      <c r="F13731" s="361" t="s">
        <v>14391</v>
      </c>
      <c r="G13731" s="361" t="s">
        <v>14392</v>
      </c>
      <c r="H13731" s="361" t="s">
        <v>14332</v>
      </c>
      <c r="I13731" s="361" t="s">
        <v>14392</v>
      </c>
      <c r="J13731" s="366"/>
      <c r="K13731" s="366"/>
      <c r="L13731" s="366"/>
    </row>
    <row r="13732" spans="2:12">
      <c r="B13732" s="358" t="s">
        <v>21752</v>
      </c>
      <c r="C13732" s="358" t="s">
        <v>27727</v>
      </c>
      <c r="D13732" s="358" t="s">
        <v>21753</v>
      </c>
      <c r="E13732" s="358" t="s">
        <v>21754</v>
      </c>
      <c r="F13732" s="358" t="s">
        <v>14430</v>
      </c>
      <c r="G13732" s="358" t="s">
        <v>14431</v>
      </c>
      <c r="H13732" s="358" t="s">
        <v>14341</v>
      </c>
      <c r="I13732" s="358" t="s">
        <v>14431</v>
      </c>
      <c r="J13732" s="358"/>
      <c r="K13732" s="358"/>
      <c r="L13732" s="358"/>
    </row>
    <row r="13733" spans="2:12">
      <c r="B13733" s="367"/>
      <c r="C13733" s="367"/>
      <c r="D13733" s="367"/>
      <c r="E13733" s="367"/>
      <c r="F13733" s="367"/>
      <c r="G13733" s="367"/>
      <c r="H13733" s="360"/>
      <c r="I13733" s="367"/>
      <c r="J13733" s="365"/>
      <c r="K13733" s="365"/>
      <c r="L13733" s="365"/>
    </row>
    <row r="13734" spans="2:12">
      <c r="B13734" s="368"/>
      <c r="C13734" s="368"/>
      <c r="D13734" s="368"/>
      <c r="E13734" s="368"/>
      <c r="F13734" s="368"/>
      <c r="G13734" s="368"/>
      <c r="H13734" s="361" t="s">
        <v>14332</v>
      </c>
      <c r="I13734" s="368"/>
      <c r="J13734" s="366"/>
      <c r="K13734" s="366"/>
      <c r="L13734" s="366"/>
    </row>
    <row r="13735" spans="2:12">
      <c r="B13735" s="358" t="s">
        <v>21755</v>
      </c>
      <c r="C13735" s="358" t="s">
        <v>21756</v>
      </c>
      <c r="D13735" s="358" t="s">
        <v>21757</v>
      </c>
      <c r="E13735" s="358" t="s">
        <v>21758</v>
      </c>
      <c r="F13735" s="358" t="s">
        <v>14418</v>
      </c>
      <c r="G13735" s="358" t="s">
        <v>14419</v>
      </c>
      <c r="H13735" s="358" t="s">
        <v>14328</v>
      </c>
      <c r="I13735" s="358" t="s">
        <v>14419</v>
      </c>
      <c r="J13735" s="358"/>
      <c r="K13735" s="358"/>
      <c r="L13735" s="358"/>
    </row>
    <row r="13736" spans="2:12">
      <c r="B13736" s="367"/>
      <c r="C13736" s="367"/>
      <c r="D13736" s="367"/>
      <c r="E13736" s="367"/>
      <c r="F13736" s="360"/>
      <c r="G13736" s="360"/>
      <c r="H13736" s="360"/>
      <c r="I13736" s="360"/>
      <c r="J13736" s="365"/>
      <c r="K13736" s="365"/>
      <c r="L13736" s="365"/>
    </row>
    <row r="13737" spans="2:12">
      <c r="B13737" s="367"/>
      <c r="C13737" s="367"/>
      <c r="D13737" s="367"/>
      <c r="E13737" s="367"/>
      <c r="F13737" s="359" t="s">
        <v>14443</v>
      </c>
      <c r="G13737" s="359" t="s">
        <v>14444</v>
      </c>
      <c r="H13737" s="359" t="s">
        <v>14341</v>
      </c>
      <c r="I13737" s="359" t="s">
        <v>14444</v>
      </c>
      <c r="J13737" s="365"/>
      <c r="K13737" s="365"/>
      <c r="L13737" s="365"/>
    </row>
    <row r="13738" spans="2:12">
      <c r="B13738" s="367"/>
      <c r="C13738" s="367"/>
      <c r="D13738" s="367"/>
      <c r="E13738" s="367"/>
      <c r="F13738" s="360"/>
      <c r="G13738" s="360"/>
      <c r="H13738" s="360"/>
      <c r="I13738" s="360"/>
      <c r="J13738" s="365"/>
      <c r="K13738" s="365"/>
      <c r="L13738" s="365"/>
    </row>
    <row r="13739" spans="2:12">
      <c r="B13739" s="367"/>
      <c r="C13739" s="367"/>
      <c r="D13739" s="367"/>
      <c r="E13739" s="367"/>
      <c r="F13739" s="359" t="s">
        <v>14356</v>
      </c>
      <c r="G13739" s="359" t="s">
        <v>14340</v>
      </c>
      <c r="H13739" s="359" t="s">
        <v>14381</v>
      </c>
      <c r="I13739" s="359" t="s">
        <v>14340</v>
      </c>
      <c r="J13739" s="365"/>
      <c r="K13739" s="365"/>
      <c r="L13739" s="365"/>
    </row>
    <row r="13740" spans="2:12">
      <c r="B13740" s="367"/>
      <c r="C13740" s="367"/>
      <c r="D13740" s="367"/>
      <c r="E13740" s="367"/>
      <c r="F13740" s="360"/>
      <c r="G13740" s="360"/>
      <c r="H13740" s="360"/>
      <c r="I13740" s="360"/>
      <c r="J13740" s="365"/>
      <c r="K13740" s="365"/>
      <c r="L13740" s="365"/>
    </row>
    <row r="13741" spans="2:12">
      <c r="B13741" s="367"/>
      <c r="C13741" s="367"/>
      <c r="D13741" s="367"/>
      <c r="E13741" s="367"/>
      <c r="F13741" s="359" t="s">
        <v>14391</v>
      </c>
      <c r="G13741" s="359" t="s">
        <v>14392</v>
      </c>
      <c r="H13741" s="359" t="s">
        <v>14367</v>
      </c>
      <c r="I13741" s="359" t="s">
        <v>14392</v>
      </c>
      <c r="J13741" s="365"/>
      <c r="K13741" s="365"/>
      <c r="L13741" s="365"/>
    </row>
    <row r="13742" spans="2:12">
      <c r="B13742" s="367"/>
      <c r="C13742" s="367"/>
      <c r="D13742" s="367"/>
      <c r="E13742" s="367"/>
      <c r="F13742" s="360"/>
      <c r="G13742" s="360"/>
      <c r="H13742" s="360"/>
      <c r="I13742" s="360"/>
      <c r="J13742" s="365"/>
      <c r="K13742" s="365"/>
      <c r="L13742" s="365"/>
    </row>
    <row r="13743" spans="2:12">
      <c r="B13743" s="368"/>
      <c r="C13743" s="368"/>
      <c r="D13743" s="368"/>
      <c r="E13743" s="368"/>
      <c r="F13743" s="362"/>
      <c r="G13743" s="362"/>
      <c r="H13743" s="361" t="s">
        <v>14332</v>
      </c>
      <c r="I13743" s="362"/>
      <c r="J13743" s="366"/>
      <c r="K13743" s="366"/>
      <c r="L13743" s="366"/>
    </row>
    <row r="13744" spans="2:12" ht="42.75">
      <c r="B13744" s="358" t="s">
        <v>21759</v>
      </c>
      <c r="C13744" s="358" t="s">
        <v>29362</v>
      </c>
      <c r="D13744" s="358" t="s">
        <v>21760</v>
      </c>
      <c r="E13744" s="358" t="s">
        <v>21761</v>
      </c>
      <c r="F13744" s="358" t="s">
        <v>14430</v>
      </c>
      <c r="G13744" s="358" t="s">
        <v>14431</v>
      </c>
      <c r="H13744" s="358" t="s">
        <v>14341</v>
      </c>
      <c r="I13744" s="358" t="s">
        <v>14431</v>
      </c>
      <c r="J13744" s="358"/>
      <c r="K13744" s="358"/>
      <c r="L13744" s="358"/>
    </row>
    <row r="13745" spans="2:12">
      <c r="B13745" s="367"/>
      <c r="C13745" s="367"/>
      <c r="D13745" s="367"/>
      <c r="E13745" s="367"/>
      <c r="F13745" s="367"/>
      <c r="G13745" s="367"/>
      <c r="H13745" s="360"/>
      <c r="I13745" s="367"/>
      <c r="J13745" s="365"/>
      <c r="K13745" s="365"/>
      <c r="L13745" s="365"/>
    </row>
    <row r="13746" spans="2:12">
      <c r="B13746" s="368"/>
      <c r="C13746" s="368"/>
      <c r="D13746" s="368"/>
      <c r="E13746" s="368"/>
      <c r="F13746" s="368"/>
      <c r="G13746" s="368"/>
      <c r="H13746" s="361" t="s">
        <v>14332</v>
      </c>
      <c r="I13746" s="368"/>
      <c r="J13746" s="366"/>
      <c r="K13746" s="366"/>
      <c r="L13746" s="366"/>
    </row>
    <row r="13747" spans="2:12" ht="28.5">
      <c r="B13747" s="358" t="s">
        <v>21762</v>
      </c>
      <c r="C13747" s="358" t="s">
        <v>21763</v>
      </c>
      <c r="D13747" s="358" t="s">
        <v>21764</v>
      </c>
      <c r="E13747" s="358" t="s">
        <v>21765</v>
      </c>
      <c r="F13747" s="358" t="s">
        <v>14462</v>
      </c>
      <c r="G13747" s="358" t="s">
        <v>14463</v>
      </c>
      <c r="H13747" s="358" t="s">
        <v>8356</v>
      </c>
      <c r="I13747" s="358" t="s">
        <v>14463</v>
      </c>
      <c r="J13747" s="358"/>
      <c r="K13747" s="358"/>
      <c r="L13747" s="358"/>
    </row>
    <row r="13748" spans="2:12">
      <c r="B13748" s="368"/>
      <c r="C13748" s="368"/>
      <c r="D13748" s="368"/>
      <c r="E13748" s="368"/>
      <c r="F13748" s="368"/>
      <c r="G13748" s="368"/>
      <c r="H13748" s="368"/>
      <c r="I13748" s="368"/>
      <c r="J13748" s="366"/>
      <c r="K13748" s="366"/>
      <c r="L13748" s="366"/>
    </row>
    <row r="13749" spans="2:12" ht="42.75">
      <c r="B13749" s="358" t="s">
        <v>21766</v>
      </c>
      <c r="C13749" s="358" t="s">
        <v>21767</v>
      </c>
      <c r="D13749" s="358" t="s">
        <v>21768</v>
      </c>
      <c r="E13749" s="358" t="s">
        <v>21769</v>
      </c>
      <c r="F13749" s="358" t="s">
        <v>14462</v>
      </c>
      <c r="G13749" s="358" t="s">
        <v>14463</v>
      </c>
      <c r="H13749" s="358" t="s">
        <v>8356</v>
      </c>
      <c r="I13749" s="358" t="s">
        <v>14463</v>
      </c>
      <c r="J13749" s="358"/>
      <c r="K13749" s="358"/>
      <c r="L13749" s="358"/>
    </row>
    <row r="13750" spans="2:12">
      <c r="B13750" s="368"/>
      <c r="C13750" s="368"/>
      <c r="D13750" s="368"/>
      <c r="E13750" s="368"/>
      <c r="F13750" s="368"/>
      <c r="G13750" s="368"/>
      <c r="H13750" s="368"/>
      <c r="I13750" s="368"/>
      <c r="J13750" s="366"/>
      <c r="K13750" s="366"/>
      <c r="L13750" s="366"/>
    </row>
    <row r="13751" spans="2:12" ht="28.5">
      <c r="B13751" s="358" t="s">
        <v>21770</v>
      </c>
      <c r="C13751" s="358" t="s">
        <v>29363</v>
      </c>
      <c r="D13751" s="358" t="s">
        <v>21771</v>
      </c>
      <c r="E13751" s="358" t="s">
        <v>21772</v>
      </c>
      <c r="F13751" s="358" t="s">
        <v>14420</v>
      </c>
      <c r="G13751" s="358" t="s">
        <v>14429</v>
      </c>
      <c r="H13751" s="358" t="s">
        <v>14367</v>
      </c>
      <c r="I13751" s="358" t="s">
        <v>14429</v>
      </c>
      <c r="J13751" s="358"/>
      <c r="K13751" s="358"/>
      <c r="L13751" s="358"/>
    </row>
    <row r="13752" spans="2:12">
      <c r="B13752" s="367"/>
      <c r="C13752" s="367"/>
      <c r="D13752" s="367"/>
      <c r="E13752" s="367"/>
      <c r="F13752" s="360"/>
      <c r="G13752" s="360"/>
      <c r="H13752" s="360"/>
      <c r="I13752" s="360"/>
      <c r="J13752" s="365"/>
      <c r="K13752" s="365"/>
      <c r="L13752" s="365"/>
    </row>
    <row r="13753" spans="2:12">
      <c r="B13753" s="368"/>
      <c r="C13753" s="368"/>
      <c r="D13753" s="368"/>
      <c r="E13753" s="368"/>
      <c r="F13753" s="361" t="s">
        <v>14391</v>
      </c>
      <c r="G13753" s="361" t="s">
        <v>14392</v>
      </c>
      <c r="H13753" s="361" t="s">
        <v>14422</v>
      </c>
      <c r="I13753" s="361" t="s">
        <v>14392</v>
      </c>
      <c r="J13753" s="366"/>
      <c r="K13753" s="366"/>
      <c r="L13753" s="366"/>
    </row>
    <row r="13754" spans="2:12">
      <c r="B13754" s="358" t="s">
        <v>21773</v>
      </c>
      <c r="C13754" s="358" t="s">
        <v>21774</v>
      </c>
      <c r="D13754" s="358" t="s">
        <v>21775</v>
      </c>
      <c r="E13754" s="358" t="s">
        <v>21776</v>
      </c>
      <c r="F13754" s="358" t="s">
        <v>14371</v>
      </c>
      <c r="G13754" s="358" t="s">
        <v>14372</v>
      </c>
      <c r="H13754" s="358" t="s">
        <v>14370</v>
      </c>
      <c r="I13754" s="358" t="s">
        <v>14373</v>
      </c>
      <c r="J13754" s="358"/>
      <c r="K13754" s="358"/>
      <c r="L13754" s="358"/>
    </row>
    <row r="13755" spans="2:12">
      <c r="B13755" s="367"/>
      <c r="C13755" s="367"/>
      <c r="D13755" s="367"/>
      <c r="E13755" s="367"/>
      <c r="F13755" s="360"/>
      <c r="G13755" s="360"/>
      <c r="H13755" s="360"/>
      <c r="I13755" s="367"/>
      <c r="J13755" s="365"/>
      <c r="K13755" s="365"/>
      <c r="L13755" s="365"/>
    </row>
    <row r="13756" spans="2:12" ht="28.5">
      <c r="B13756" s="368"/>
      <c r="C13756" s="368"/>
      <c r="D13756" s="368"/>
      <c r="E13756" s="368"/>
      <c r="F13756" s="361" t="s">
        <v>14374</v>
      </c>
      <c r="G13756" s="361" t="s">
        <v>14373</v>
      </c>
      <c r="H13756" s="361" t="s">
        <v>14422</v>
      </c>
      <c r="I13756" s="368"/>
      <c r="J13756" s="366"/>
      <c r="K13756" s="366"/>
      <c r="L13756" s="366"/>
    </row>
    <row r="13757" spans="2:12">
      <c r="B13757" s="358" t="s">
        <v>21777</v>
      </c>
      <c r="C13757" s="358" t="s">
        <v>27728</v>
      </c>
      <c r="D13757" s="358" t="s">
        <v>21778</v>
      </c>
      <c r="E13757" s="358" t="s">
        <v>21779</v>
      </c>
      <c r="F13757" s="358" t="s">
        <v>14418</v>
      </c>
      <c r="G13757" s="358" t="s">
        <v>14419</v>
      </c>
      <c r="H13757" s="358" t="s">
        <v>14328</v>
      </c>
      <c r="I13757" s="358" t="s">
        <v>14419</v>
      </c>
      <c r="J13757" s="358"/>
      <c r="K13757" s="358"/>
      <c r="L13757" s="358"/>
    </row>
    <row r="13758" spans="2:12">
      <c r="B13758" s="367"/>
      <c r="C13758" s="367"/>
      <c r="D13758" s="367"/>
      <c r="E13758" s="367"/>
      <c r="F13758" s="360"/>
      <c r="G13758" s="360"/>
      <c r="H13758" s="360"/>
      <c r="I13758" s="360"/>
      <c r="J13758" s="365"/>
      <c r="K13758" s="365"/>
      <c r="L13758" s="365"/>
    </row>
    <row r="13759" spans="2:12">
      <c r="B13759" s="367"/>
      <c r="C13759" s="367"/>
      <c r="D13759" s="367"/>
      <c r="E13759" s="367"/>
      <c r="F13759" s="359" t="s">
        <v>14430</v>
      </c>
      <c r="G13759" s="359" t="s">
        <v>14431</v>
      </c>
      <c r="H13759" s="359" t="s">
        <v>14341</v>
      </c>
      <c r="I13759" s="359" t="s">
        <v>14431</v>
      </c>
      <c r="J13759" s="365"/>
      <c r="K13759" s="365"/>
      <c r="L13759" s="365"/>
    </row>
    <row r="13760" spans="2:12">
      <c r="B13760" s="367"/>
      <c r="C13760" s="367"/>
      <c r="D13760" s="367"/>
      <c r="E13760" s="367"/>
      <c r="F13760" s="360"/>
      <c r="G13760" s="360"/>
      <c r="H13760" s="360"/>
      <c r="I13760" s="360"/>
      <c r="J13760" s="365"/>
      <c r="K13760" s="365"/>
      <c r="L13760" s="365"/>
    </row>
    <row r="13761" spans="2:12">
      <c r="B13761" s="367"/>
      <c r="C13761" s="367"/>
      <c r="D13761" s="367"/>
      <c r="E13761" s="367"/>
      <c r="F13761" s="359" t="s">
        <v>14391</v>
      </c>
      <c r="G13761" s="359" t="s">
        <v>14392</v>
      </c>
      <c r="H13761" s="359" t="s">
        <v>14367</v>
      </c>
      <c r="I13761" s="359" t="s">
        <v>14392</v>
      </c>
      <c r="J13761" s="365"/>
      <c r="K13761" s="365"/>
      <c r="L13761" s="365"/>
    </row>
    <row r="13762" spans="2:12">
      <c r="B13762" s="367"/>
      <c r="C13762" s="367"/>
      <c r="D13762" s="367"/>
      <c r="E13762" s="367"/>
      <c r="F13762" s="360"/>
      <c r="G13762" s="360"/>
      <c r="H13762" s="360"/>
      <c r="I13762" s="360"/>
      <c r="J13762" s="365"/>
      <c r="K13762" s="365"/>
      <c r="L13762" s="365"/>
    </row>
    <row r="13763" spans="2:12">
      <c r="B13763" s="368"/>
      <c r="C13763" s="368"/>
      <c r="D13763" s="368"/>
      <c r="E13763" s="368"/>
      <c r="F13763" s="362"/>
      <c r="G13763" s="362"/>
      <c r="H13763" s="361" t="s">
        <v>14332</v>
      </c>
      <c r="I13763" s="362"/>
      <c r="J13763" s="366"/>
      <c r="K13763" s="366"/>
      <c r="L13763" s="366"/>
    </row>
    <row r="13764" spans="2:12" ht="28.5">
      <c r="B13764" s="358" t="s">
        <v>21780</v>
      </c>
      <c r="C13764" s="358" t="s">
        <v>21781</v>
      </c>
      <c r="D13764" s="358" t="s">
        <v>21782</v>
      </c>
      <c r="E13764" s="358" t="s">
        <v>21783</v>
      </c>
      <c r="F13764" s="358" t="s">
        <v>14389</v>
      </c>
      <c r="G13764" s="358" t="s">
        <v>14390</v>
      </c>
      <c r="H13764" s="358" t="s">
        <v>14367</v>
      </c>
      <c r="I13764" s="358" t="s">
        <v>14390</v>
      </c>
      <c r="J13764" s="358"/>
      <c r="K13764" s="358"/>
      <c r="L13764" s="358"/>
    </row>
    <row r="13765" spans="2:12">
      <c r="B13765" s="367"/>
      <c r="C13765" s="367"/>
      <c r="D13765" s="367"/>
      <c r="E13765" s="367"/>
      <c r="F13765" s="367"/>
      <c r="G13765" s="367"/>
      <c r="H13765" s="360"/>
      <c r="I13765" s="367"/>
      <c r="J13765" s="365"/>
      <c r="K13765" s="365"/>
      <c r="L13765" s="365"/>
    </row>
    <row r="13766" spans="2:12">
      <c r="B13766" s="368"/>
      <c r="C13766" s="368"/>
      <c r="D13766" s="368"/>
      <c r="E13766" s="368"/>
      <c r="F13766" s="368"/>
      <c r="G13766" s="368"/>
      <c r="H13766" s="361" t="s">
        <v>14422</v>
      </c>
      <c r="I13766" s="368"/>
      <c r="J13766" s="366"/>
      <c r="K13766" s="366"/>
      <c r="L13766" s="366"/>
    </row>
    <row r="13767" spans="2:12" ht="57">
      <c r="B13767" s="358" t="s">
        <v>21784</v>
      </c>
      <c r="C13767" s="358" t="s">
        <v>21785</v>
      </c>
      <c r="D13767" s="358" t="s">
        <v>21786</v>
      </c>
      <c r="E13767" s="358" t="s">
        <v>21787</v>
      </c>
      <c r="F13767" s="358" t="s">
        <v>14430</v>
      </c>
      <c r="G13767" s="358" t="s">
        <v>14431</v>
      </c>
      <c r="H13767" s="358" t="s">
        <v>14341</v>
      </c>
      <c r="I13767" s="358" t="s">
        <v>14431</v>
      </c>
      <c r="J13767" s="358"/>
      <c r="K13767" s="358"/>
      <c r="L13767" s="358"/>
    </row>
    <row r="13768" spans="2:12">
      <c r="B13768" s="367"/>
      <c r="C13768" s="367"/>
      <c r="D13768" s="367"/>
      <c r="E13768" s="367"/>
      <c r="F13768" s="367"/>
      <c r="G13768" s="367"/>
      <c r="H13768" s="360"/>
      <c r="I13768" s="367"/>
      <c r="J13768" s="365"/>
      <c r="K13768" s="365"/>
      <c r="L13768" s="365"/>
    </row>
    <row r="13769" spans="2:12">
      <c r="B13769" s="368"/>
      <c r="C13769" s="368"/>
      <c r="D13769" s="368"/>
      <c r="E13769" s="368"/>
      <c r="F13769" s="368"/>
      <c r="G13769" s="368"/>
      <c r="H13769" s="361" t="s">
        <v>14332</v>
      </c>
      <c r="I13769" s="368"/>
      <c r="J13769" s="366"/>
      <c r="K13769" s="366"/>
      <c r="L13769" s="366"/>
    </row>
    <row r="13770" spans="2:12" ht="57">
      <c r="B13770" s="358" t="s">
        <v>21788</v>
      </c>
      <c r="C13770" s="358" t="s">
        <v>30281</v>
      </c>
      <c r="D13770" s="358" t="s">
        <v>21789</v>
      </c>
      <c r="E13770" s="358" t="s">
        <v>21790</v>
      </c>
      <c r="F13770" s="358" t="s">
        <v>14420</v>
      </c>
      <c r="G13770" s="358" t="s">
        <v>14429</v>
      </c>
      <c r="H13770" s="358" t="s">
        <v>14367</v>
      </c>
      <c r="I13770" s="358" t="s">
        <v>14429</v>
      </c>
      <c r="J13770" s="358"/>
      <c r="K13770" s="358"/>
      <c r="L13770" s="358"/>
    </row>
    <row r="13771" spans="2:12">
      <c r="B13771" s="367"/>
      <c r="C13771" s="367"/>
      <c r="D13771" s="367"/>
      <c r="E13771" s="367"/>
      <c r="F13771" s="367"/>
      <c r="G13771" s="367"/>
      <c r="H13771" s="360"/>
      <c r="I13771" s="367"/>
      <c r="J13771" s="365"/>
      <c r="K13771" s="365"/>
      <c r="L13771" s="365"/>
    </row>
    <row r="13772" spans="2:12">
      <c r="B13772" s="368"/>
      <c r="C13772" s="368"/>
      <c r="D13772" s="368"/>
      <c r="E13772" s="368"/>
      <c r="F13772" s="368"/>
      <c r="G13772" s="368"/>
      <c r="H13772" s="361" t="s">
        <v>14422</v>
      </c>
      <c r="I13772" s="368"/>
      <c r="J13772" s="366"/>
      <c r="K13772" s="366"/>
      <c r="L13772" s="366"/>
    </row>
    <row r="13773" spans="2:12">
      <c r="B13773" s="358" t="s">
        <v>21791</v>
      </c>
      <c r="C13773" s="358" t="s">
        <v>27729</v>
      </c>
      <c r="D13773" s="358" t="s">
        <v>21792</v>
      </c>
      <c r="E13773" s="358" t="s">
        <v>21793</v>
      </c>
      <c r="F13773" s="358" t="s">
        <v>14420</v>
      </c>
      <c r="G13773" s="358" t="s">
        <v>14429</v>
      </c>
      <c r="H13773" s="358" t="s">
        <v>14367</v>
      </c>
      <c r="I13773" s="358" t="s">
        <v>14429</v>
      </c>
      <c r="J13773" s="358"/>
      <c r="K13773" s="358"/>
      <c r="L13773" s="358"/>
    </row>
    <row r="13774" spans="2:12">
      <c r="B13774" s="367"/>
      <c r="C13774" s="367"/>
      <c r="D13774" s="367"/>
      <c r="E13774" s="367"/>
      <c r="F13774" s="360"/>
      <c r="G13774" s="360"/>
      <c r="H13774" s="360"/>
      <c r="I13774" s="360"/>
      <c r="J13774" s="365"/>
      <c r="K13774" s="365"/>
      <c r="L13774" s="365"/>
    </row>
    <row r="13775" spans="2:12">
      <c r="B13775" s="367"/>
      <c r="C13775" s="367"/>
      <c r="D13775" s="367"/>
      <c r="E13775" s="367"/>
      <c r="F13775" s="359" t="s">
        <v>14391</v>
      </c>
      <c r="G13775" s="359" t="s">
        <v>14392</v>
      </c>
      <c r="H13775" s="359" t="s">
        <v>14370</v>
      </c>
      <c r="I13775" s="359" t="s">
        <v>14392</v>
      </c>
      <c r="J13775" s="365"/>
      <c r="K13775" s="365"/>
      <c r="L13775" s="365"/>
    </row>
    <row r="13776" spans="2:12">
      <c r="B13776" s="367"/>
      <c r="C13776" s="367"/>
      <c r="D13776" s="367"/>
      <c r="E13776" s="367"/>
      <c r="F13776" s="360"/>
      <c r="G13776" s="360"/>
      <c r="H13776" s="360"/>
      <c r="I13776" s="360"/>
      <c r="J13776" s="365"/>
      <c r="K13776" s="365"/>
      <c r="L13776" s="365"/>
    </row>
    <row r="13777" spans="2:12">
      <c r="B13777" s="368"/>
      <c r="C13777" s="368"/>
      <c r="D13777" s="368"/>
      <c r="E13777" s="368"/>
      <c r="F13777" s="361" t="s">
        <v>14371</v>
      </c>
      <c r="G13777" s="361" t="s">
        <v>14372</v>
      </c>
      <c r="H13777" s="361" t="s">
        <v>14422</v>
      </c>
      <c r="I13777" s="361" t="s">
        <v>14372</v>
      </c>
      <c r="J13777" s="366"/>
      <c r="K13777" s="366"/>
      <c r="L13777" s="366"/>
    </row>
    <row r="13778" spans="2:12">
      <c r="B13778" s="358" t="s">
        <v>21794</v>
      </c>
      <c r="C13778" s="358" t="s">
        <v>21795</v>
      </c>
      <c r="D13778" s="358" t="s">
        <v>21796</v>
      </c>
      <c r="E13778" s="358" t="s">
        <v>21797</v>
      </c>
      <c r="F13778" s="358" t="s">
        <v>14339</v>
      </c>
      <c r="G13778" s="358" t="s">
        <v>14340</v>
      </c>
      <c r="H13778" s="358" t="s">
        <v>14341</v>
      </c>
      <c r="I13778" s="358" t="s">
        <v>14340</v>
      </c>
      <c r="J13778" s="358"/>
      <c r="K13778" s="358"/>
      <c r="L13778" s="358"/>
    </row>
    <row r="13779" spans="2:12">
      <c r="B13779" s="367"/>
      <c r="C13779" s="367"/>
      <c r="D13779" s="367"/>
      <c r="E13779" s="367"/>
      <c r="F13779" s="360"/>
      <c r="G13779" s="360"/>
      <c r="H13779" s="360"/>
      <c r="I13779" s="360"/>
      <c r="J13779" s="365"/>
      <c r="K13779" s="365"/>
      <c r="L13779" s="365"/>
    </row>
    <row r="13780" spans="2:12">
      <c r="B13780" s="367"/>
      <c r="C13780" s="367"/>
      <c r="D13780" s="367"/>
      <c r="E13780" s="367"/>
      <c r="F13780" s="359" t="s">
        <v>14391</v>
      </c>
      <c r="G13780" s="359" t="s">
        <v>14392</v>
      </c>
      <c r="H13780" s="359" t="s">
        <v>14367</v>
      </c>
      <c r="I13780" s="359" t="s">
        <v>14392</v>
      </c>
      <c r="J13780" s="365"/>
      <c r="K13780" s="365"/>
      <c r="L13780" s="365"/>
    </row>
    <row r="13781" spans="2:12">
      <c r="B13781" s="367"/>
      <c r="C13781" s="367"/>
      <c r="D13781" s="367"/>
      <c r="E13781" s="367"/>
      <c r="F13781" s="360"/>
      <c r="G13781" s="360"/>
      <c r="H13781" s="360"/>
      <c r="I13781" s="360"/>
      <c r="J13781" s="365"/>
      <c r="K13781" s="365"/>
      <c r="L13781" s="365"/>
    </row>
    <row r="13782" spans="2:12">
      <c r="B13782" s="368"/>
      <c r="C13782" s="368"/>
      <c r="D13782" s="368"/>
      <c r="E13782" s="368"/>
      <c r="F13782" s="362"/>
      <c r="G13782" s="362"/>
      <c r="H13782" s="361" t="s">
        <v>14332</v>
      </c>
      <c r="I13782" s="362"/>
      <c r="J13782" s="366"/>
      <c r="K13782" s="366"/>
      <c r="L13782" s="366"/>
    </row>
    <row r="13783" spans="2:12" ht="28.5">
      <c r="B13783" s="358" t="s">
        <v>21798</v>
      </c>
      <c r="C13783" s="358" t="s">
        <v>21799</v>
      </c>
      <c r="D13783" s="358" t="s">
        <v>21800</v>
      </c>
      <c r="E13783" s="358" t="s">
        <v>21801</v>
      </c>
      <c r="F13783" s="358" t="s">
        <v>14391</v>
      </c>
      <c r="G13783" s="358" t="s">
        <v>14392</v>
      </c>
      <c r="H13783" s="358" t="s">
        <v>14367</v>
      </c>
      <c r="I13783" s="358" t="s">
        <v>14392</v>
      </c>
      <c r="J13783" s="358"/>
      <c r="K13783" s="358"/>
      <c r="L13783" s="358"/>
    </row>
    <row r="13784" spans="2:12">
      <c r="B13784" s="367"/>
      <c r="C13784" s="367"/>
      <c r="D13784" s="367"/>
      <c r="E13784" s="367"/>
      <c r="F13784" s="367"/>
      <c r="G13784" s="367"/>
      <c r="H13784" s="360"/>
      <c r="I13784" s="367"/>
      <c r="J13784" s="365"/>
      <c r="K13784" s="365"/>
      <c r="L13784" s="365"/>
    </row>
    <row r="13785" spans="2:12">
      <c r="B13785" s="368"/>
      <c r="C13785" s="368"/>
      <c r="D13785" s="368"/>
      <c r="E13785" s="368"/>
      <c r="F13785" s="368"/>
      <c r="G13785" s="368"/>
      <c r="H13785" s="361" t="s">
        <v>14422</v>
      </c>
      <c r="I13785" s="368"/>
      <c r="J13785" s="366"/>
      <c r="K13785" s="366"/>
      <c r="L13785" s="366"/>
    </row>
    <row r="13786" spans="2:12">
      <c r="B13786" s="358" t="s">
        <v>21802</v>
      </c>
      <c r="C13786" s="358" t="s">
        <v>21803</v>
      </c>
      <c r="D13786" s="358" t="s">
        <v>21804</v>
      </c>
      <c r="E13786" s="358" t="s">
        <v>21805</v>
      </c>
      <c r="F13786" s="358" t="s">
        <v>14430</v>
      </c>
      <c r="G13786" s="358" t="s">
        <v>14431</v>
      </c>
      <c r="H13786" s="358" t="s">
        <v>14341</v>
      </c>
      <c r="I13786" s="358" t="s">
        <v>14431</v>
      </c>
      <c r="J13786" s="358"/>
      <c r="K13786" s="358"/>
      <c r="L13786" s="358"/>
    </row>
    <row r="13787" spans="2:12">
      <c r="B13787" s="367"/>
      <c r="C13787" s="367"/>
      <c r="D13787" s="367"/>
      <c r="E13787" s="367"/>
      <c r="F13787" s="360"/>
      <c r="G13787" s="360"/>
      <c r="H13787" s="360"/>
      <c r="I13787" s="360"/>
      <c r="J13787" s="365"/>
      <c r="K13787" s="365"/>
      <c r="L13787" s="365"/>
    </row>
    <row r="13788" spans="2:12">
      <c r="B13788" s="367"/>
      <c r="C13788" s="367"/>
      <c r="D13788" s="367"/>
      <c r="E13788" s="367"/>
      <c r="F13788" s="359" t="s">
        <v>14391</v>
      </c>
      <c r="G13788" s="359" t="s">
        <v>14392</v>
      </c>
      <c r="H13788" s="359" t="s">
        <v>14367</v>
      </c>
      <c r="I13788" s="359" t="s">
        <v>14392</v>
      </c>
      <c r="J13788" s="365"/>
      <c r="K13788" s="365"/>
      <c r="L13788" s="365"/>
    </row>
    <row r="13789" spans="2:12">
      <c r="B13789" s="367"/>
      <c r="C13789" s="367"/>
      <c r="D13789" s="367"/>
      <c r="E13789" s="367"/>
      <c r="F13789" s="360"/>
      <c r="G13789" s="360"/>
      <c r="H13789" s="360"/>
      <c r="I13789" s="360"/>
      <c r="J13789" s="365"/>
      <c r="K13789" s="365"/>
      <c r="L13789" s="365"/>
    </row>
    <row r="13790" spans="2:12">
      <c r="B13790" s="368"/>
      <c r="C13790" s="368"/>
      <c r="D13790" s="368"/>
      <c r="E13790" s="368"/>
      <c r="F13790" s="362"/>
      <c r="G13790" s="362"/>
      <c r="H13790" s="361" t="s">
        <v>14332</v>
      </c>
      <c r="I13790" s="362"/>
      <c r="J13790" s="366"/>
      <c r="K13790" s="366"/>
      <c r="L13790" s="366"/>
    </row>
    <row r="13791" spans="2:12">
      <c r="B13791" s="358" t="s">
        <v>21806</v>
      </c>
      <c r="C13791" s="358" t="s">
        <v>30282</v>
      </c>
      <c r="D13791" s="358" t="s">
        <v>21807</v>
      </c>
      <c r="E13791" s="358" t="s">
        <v>21808</v>
      </c>
      <c r="F13791" s="358" t="s">
        <v>14430</v>
      </c>
      <c r="G13791" s="358" t="s">
        <v>14431</v>
      </c>
      <c r="H13791" s="358" t="s">
        <v>14341</v>
      </c>
      <c r="I13791" s="358" t="s">
        <v>14431</v>
      </c>
      <c r="J13791" s="358"/>
      <c r="K13791" s="358"/>
      <c r="L13791" s="358"/>
    </row>
    <row r="13792" spans="2:12">
      <c r="B13792" s="367"/>
      <c r="C13792" s="367"/>
      <c r="D13792" s="367"/>
      <c r="E13792" s="367"/>
      <c r="F13792" s="360"/>
      <c r="G13792" s="360"/>
      <c r="H13792" s="360"/>
      <c r="I13792" s="360"/>
      <c r="J13792" s="365"/>
      <c r="K13792" s="365"/>
      <c r="L13792" s="365"/>
    </row>
    <row r="13793" spans="2:12">
      <c r="B13793" s="367"/>
      <c r="C13793" s="367"/>
      <c r="D13793" s="367"/>
      <c r="E13793" s="367"/>
      <c r="F13793" s="359" t="s">
        <v>14371</v>
      </c>
      <c r="G13793" s="359" t="s">
        <v>14372</v>
      </c>
      <c r="H13793" s="359" t="s">
        <v>14370</v>
      </c>
      <c r="I13793" s="359" t="s">
        <v>14372</v>
      </c>
      <c r="J13793" s="365"/>
      <c r="K13793" s="365"/>
      <c r="L13793" s="365"/>
    </row>
    <row r="13794" spans="2:12">
      <c r="B13794" s="367"/>
      <c r="C13794" s="367"/>
      <c r="D13794" s="367"/>
      <c r="E13794" s="367"/>
      <c r="F13794" s="360"/>
      <c r="G13794" s="360"/>
      <c r="H13794" s="360"/>
      <c r="I13794" s="360"/>
      <c r="J13794" s="365"/>
      <c r="K13794" s="365"/>
      <c r="L13794" s="365"/>
    </row>
    <row r="13795" spans="2:12">
      <c r="B13795" s="368"/>
      <c r="C13795" s="368"/>
      <c r="D13795" s="368"/>
      <c r="E13795" s="368"/>
      <c r="F13795" s="362"/>
      <c r="G13795" s="362"/>
      <c r="H13795" s="361" t="s">
        <v>14332</v>
      </c>
      <c r="I13795" s="362"/>
      <c r="J13795" s="366"/>
      <c r="K13795" s="366"/>
      <c r="L13795" s="366"/>
    </row>
    <row r="13796" spans="2:12" ht="71.25">
      <c r="B13796" s="358" t="s">
        <v>21809</v>
      </c>
      <c r="C13796" s="358" t="s">
        <v>21810</v>
      </c>
      <c r="D13796" s="358" t="s">
        <v>21811</v>
      </c>
      <c r="E13796" s="358" t="s">
        <v>21812</v>
      </c>
      <c r="F13796" s="358" t="s">
        <v>14394</v>
      </c>
      <c r="G13796" s="358" t="s">
        <v>14395</v>
      </c>
      <c r="H13796" s="358" t="s">
        <v>14370</v>
      </c>
      <c r="I13796" s="358" t="s">
        <v>14395</v>
      </c>
      <c r="J13796" s="358"/>
      <c r="K13796" s="358"/>
      <c r="L13796" s="358"/>
    </row>
    <row r="13797" spans="2:12">
      <c r="B13797" s="368"/>
      <c r="C13797" s="368"/>
      <c r="D13797" s="368"/>
      <c r="E13797" s="368"/>
      <c r="F13797" s="368"/>
      <c r="G13797" s="368"/>
      <c r="H13797" s="368"/>
      <c r="I13797" s="368"/>
      <c r="J13797" s="366"/>
      <c r="K13797" s="366"/>
      <c r="L13797" s="366"/>
    </row>
    <row r="13798" spans="2:12">
      <c r="B13798" s="358" t="s">
        <v>21813</v>
      </c>
      <c r="C13798" s="358" t="s">
        <v>27730</v>
      </c>
      <c r="D13798" s="358" t="s">
        <v>21814</v>
      </c>
      <c r="E13798" s="358" t="s">
        <v>21815</v>
      </c>
      <c r="F13798" s="358" t="s">
        <v>14391</v>
      </c>
      <c r="G13798" s="358" t="s">
        <v>14392</v>
      </c>
      <c r="H13798" s="358" t="s">
        <v>14367</v>
      </c>
      <c r="I13798" s="358" t="s">
        <v>14392</v>
      </c>
      <c r="J13798" s="358"/>
      <c r="K13798" s="358"/>
      <c r="L13798" s="358"/>
    </row>
    <row r="13799" spans="2:12">
      <c r="B13799" s="367"/>
      <c r="C13799" s="367"/>
      <c r="D13799" s="367"/>
      <c r="E13799" s="367"/>
      <c r="F13799" s="367"/>
      <c r="G13799" s="367"/>
      <c r="H13799" s="360"/>
      <c r="I13799" s="367"/>
      <c r="J13799" s="365"/>
      <c r="K13799" s="365"/>
      <c r="L13799" s="365"/>
    </row>
    <row r="13800" spans="2:12">
      <c r="B13800" s="368"/>
      <c r="C13800" s="368"/>
      <c r="D13800" s="368"/>
      <c r="E13800" s="368"/>
      <c r="F13800" s="368"/>
      <c r="G13800" s="368"/>
      <c r="H13800" s="361" t="s">
        <v>14422</v>
      </c>
      <c r="I13800" s="368"/>
      <c r="J13800" s="366"/>
      <c r="K13800" s="366"/>
      <c r="L13800" s="366"/>
    </row>
    <row r="13801" spans="2:12">
      <c r="B13801" s="358" t="s">
        <v>21816</v>
      </c>
      <c r="C13801" s="358" t="s">
        <v>21817</v>
      </c>
      <c r="D13801" s="358" t="s">
        <v>21818</v>
      </c>
      <c r="E13801" s="358" t="s">
        <v>21819</v>
      </c>
      <c r="F13801" s="358" t="s">
        <v>14391</v>
      </c>
      <c r="G13801" s="358" t="s">
        <v>14392</v>
      </c>
      <c r="H13801" s="358" t="s">
        <v>14367</v>
      </c>
      <c r="I13801" s="358" t="s">
        <v>14392</v>
      </c>
      <c r="J13801" s="358"/>
      <c r="K13801" s="358"/>
      <c r="L13801" s="358"/>
    </row>
    <row r="13802" spans="2:12">
      <c r="B13802" s="367"/>
      <c r="C13802" s="367"/>
      <c r="D13802" s="367"/>
      <c r="E13802" s="367"/>
      <c r="F13802" s="360"/>
      <c r="G13802" s="360"/>
      <c r="H13802" s="360"/>
      <c r="I13802" s="360"/>
      <c r="J13802" s="365"/>
      <c r="K13802" s="365"/>
      <c r="L13802" s="365"/>
    </row>
    <row r="13803" spans="2:12" ht="28.5">
      <c r="B13803" s="367"/>
      <c r="C13803" s="367"/>
      <c r="D13803" s="367"/>
      <c r="E13803" s="367"/>
      <c r="F13803" s="359" t="s">
        <v>14394</v>
      </c>
      <c r="G13803" s="359" t="s">
        <v>14395</v>
      </c>
      <c r="H13803" s="359" t="s">
        <v>14370</v>
      </c>
      <c r="I13803" s="359" t="s">
        <v>14395</v>
      </c>
      <c r="J13803" s="365"/>
      <c r="K13803" s="365"/>
      <c r="L13803" s="365"/>
    </row>
    <row r="13804" spans="2:12">
      <c r="B13804" s="367"/>
      <c r="C13804" s="367"/>
      <c r="D13804" s="367"/>
      <c r="E13804" s="367"/>
      <c r="F13804" s="360"/>
      <c r="G13804" s="360"/>
      <c r="H13804" s="360"/>
      <c r="I13804" s="360"/>
      <c r="J13804" s="365"/>
      <c r="K13804" s="365"/>
      <c r="L13804" s="365"/>
    </row>
    <row r="13805" spans="2:12">
      <c r="B13805" s="368"/>
      <c r="C13805" s="368"/>
      <c r="D13805" s="368"/>
      <c r="E13805" s="368"/>
      <c r="F13805" s="362"/>
      <c r="G13805" s="362"/>
      <c r="H13805" s="361" t="s">
        <v>14422</v>
      </c>
      <c r="I13805" s="362"/>
      <c r="J13805" s="366"/>
      <c r="K13805" s="366"/>
      <c r="L13805" s="366"/>
    </row>
    <row r="13806" spans="2:12" ht="57">
      <c r="B13806" s="358" t="s">
        <v>21820</v>
      </c>
      <c r="C13806" s="358" t="s">
        <v>21821</v>
      </c>
      <c r="D13806" s="358" t="s">
        <v>21822</v>
      </c>
      <c r="E13806" s="358" t="s">
        <v>21823</v>
      </c>
      <c r="F13806" s="358" t="s">
        <v>14430</v>
      </c>
      <c r="G13806" s="358" t="s">
        <v>14431</v>
      </c>
      <c r="H13806" s="358" t="s">
        <v>14341</v>
      </c>
      <c r="I13806" s="358" t="s">
        <v>14431</v>
      </c>
      <c r="J13806" s="358"/>
      <c r="K13806" s="358"/>
      <c r="L13806" s="358"/>
    </row>
    <row r="13807" spans="2:12">
      <c r="B13807" s="367"/>
      <c r="C13807" s="367"/>
      <c r="D13807" s="367"/>
      <c r="E13807" s="367"/>
      <c r="F13807" s="360"/>
      <c r="G13807" s="360"/>
      <c r="H13807" s="360"/>
      <c r="I13807" s="360"/>
      <c r="J13807" s="365"/>
      <c r="K13807" s="365"/>
      <c r="L13807" s="365"/>
    </row>
    <row r="13808" spans="2:12" ht="28.5">
      <c r="B13808" s="368"/>
      <c r="C13808" s="368"/>
      <c r="D13808" s="368"/>
      <c r="E13808" s="368"/>
      <c r="F13808" s="361" t="s">
        <v>14472</v>
      </c>
      <c r="G13808" s="361" t="s">
        <v>14473</v>
      </c>
      <c r="H13808" s="361" t="s">
        <v>14332</v>
      </c>
      <c r="I13808" s="361" t="s">
        <v>14473</v>
      </c>
      <c r="J13808" s="366"/>
      <c r="K13808" s="366"/>
      <c r="L13808" s="366"/>
    </row>
    <row r="13809" spans="2:12" ht="71.25">
      <c r="B13809" s="358" t="s">
        <v>21824</v>
      </c>
      <c r="C13809" s="358" t="s">
        <v>21825</v>
      </c>
      <c r="D13809" s="358" t="s">
        <v>21826</v>
      </c>
      <c r="E13809" s="358" t="s">
        <v>21827</v>
      </c>
      <c r="F13809" s="358" t="s">
        <v>14430</v>
      </c>
      <c r="G13809" s="358" t="s">
        <v>14431</v>
      </c>
      <c r="H13809" s="358" t="s">
        <v>14341</v>
      </c>
      <c r="I13809" s="358" t="s">
        <v>14431</v>
      </c>
      <c r="J13809" s="358"/>
      <c r="K13809" s="358"/>
      <c r="L13809" s="358"/>
    </row>
    <row r="13810" spans="2:12">
      <c r="B13810" s="367"/>
      <c r="C13810" s="367"/>
      <c r="D13810" s="367"/>
      <c r="E13810" s="367"/>
      <c r="F13810" s="367"/>
      <c r="G13810" s="367"/>
      <c r="H13810" s="360"/>
      <c r="I13810" s="367"/>
      <c r="J13810" s="365"/>
      <c r="K13810" s="365"/>
      <c r="L13810" s="365"/>
    </row>
    <row r="13811" spans="2:12">
      <c r="B13811" s="368"/>
      <c r="C13811" s="368"/>
      <c r="D13811" s="368"/>
      <c r="E13811" s="368"/>
      <c r="F13811" s="368"/>
      <c r="G13811" s="368"/>
      <c r="H13811" s="361" t="s">
        <v>14332</v>
      </c>
      <c r="I13811" s="368"/>
      <c r="J13811" s="366"/>
      <c r="K13811" s="366"/>
      <c r="L13811" s="366"/>
    </row>
    <row r="13812" spans="2:12" ht="57">
      <c r="B13812" s="358" t="s">
        <v>21828</v>
      </c>
      <c r="C13812" s="358" t="s">
        <v>21829</v>
      </c>
      <c r="D13812" s="358" t="s">
        <v>21830</v>
      </c>
      <c r="E13812" s="358" t="s">
        <v>21831</v>
      </c>
      <c r="F13812" s="358" t="s">
        <v>14430</v>
      </c>
      <c r="G13812" s="358" t="s">
        <v>14431</v>
      </c>
      <c r="H13812" s="358" t="s">
        <v>14341</v>
      </c>
      <c r="I13812" s="358" t="s">
        <v>14431</v>
      </c>
      <c r="J13812" s="358"/>
      <c r="K13812" s="358"/>
      <c r="L13812" s="358"/>
    </row>
    <row r="13813" spans="2:12">
      <c r="B13813" s="367"/>
      <c r="C13813" s="367"/>
      <c r="D13813" s="367"/>
      <c r="E13813" s="367"/>
      <c r="F13813" s="360"/>
      <c r="G13813" s="360"/>
      <c r="H13813" s="360"/>
      <c r="I13813" s="360"/>
      <c r="J13813" s="365"/>
      <c r="K13813" s="365"/>
      <c r="L13813" s="365"/>
    </row>
    <row r="13814" spans="2:12" ht="28.5">
      <c r="B13814" s="368"/>
      <c r="C13814" s="368"/>
      <c r="D13814" s="368"/>
      <c r="E13814" s="368"/>
      <c r="F13814" s="361" t="s">
        <v>14472</v>
      </c>
      <c r="G13814" s="361" t="s">
        <v>14473</v>
      </c>
      <c r="H13814" s="361" t="s">
        <v>14332</v>
      </c>
      <c r="I13814" s="361" t="s">
        <v>14473</v>
      </c>
      <c r="J13814" s="366"/>
      <c r="K13814" s="366"/>
      <c r="L13814" s="366"/>
    </row>
    <row r="13815" spans="2:12" ht="71.25">
      <c r="B13815" s="358" t="s">
        <v>21832</v>
      </c>
      <c r="C13815" s="358" t="s">
        <v>27731</v>
      </c>
      <c r="D13815" s="358" t="s">
        <v>21833</v>
      </c>
      <c r="E13815" s="358" t="s">
        <v>21834</v>
      </c>
      <c r="F13815" s="358" t="s">
        <v>14430</v>
      </c>
      <c r="G13815" s="358" t="s">
        <v>14431</v>
      </c>
      <c r="H13815" s="358" t="s">
        <v>14341</v>
      </c>
      <c r="I13815" s="358" t="s">
        <v>14431</v>
      </c>
      <c r="J13815" s="358"/>
      <c r="K13815" s="358"/>
      <c r="L13815" s="358"/>
    </row>
    <row r="13816" spans="2:12">
      <c r="B13816" s="367"/>
      <c r="C13816" s="367"/>
      <c r="D13816" s="367"/>
      <c r="E13816" s="367"/>
      <c r="F13816" s="367"/>
      <c r="G13816" s="367"/>
      <c r="H13816" s="360"/>
      <c r="I13816" s="367"/>
      <c r="J13816" s="365"/>
      <c r="K13816" s="365"/>
      <c r="L13816" s="365"/>
    </row>
    <row r="13817" spans="2:12">
      <c r="B13817" s="368"/>
      <c r="C13817" s="368"/>
      <c r="D13817" s="368"/>
      <c r="E13817" s="368"/>
      <c r="F13817" s="368"/>
      <c r="G13817" s="368"/>
      <c r="H13817" s="361" t="s">
        <v>14332</v>
      </c>
      <c r="I13817" s="368"/>
      <c r="J13817" s="366"/>
      <c r="K13817" s="366"/>
      <c r="L13817" s="366"/>
    </row>
    <row r="13818" spans="2:12" ht="57">
      <c r="B13818" s="358" t="s">
        <v>21835</v>
      </c>
      <c r="C13818" s="358" t="s">
        <v>29364</v>
      </c>
      <c r="D13818" s="358" t="s">
        <v>21836</v>
      </c>
      <c r="E13818" s="358" t="s">
        <v>21837</v>
      </c>
      <c r="F13818" s="358" t="s">
        <v>14430</v>
      </c>
      <c r="G13818" s="358" t="s">
        <v>14431</v>
      </c>
      <c r="H13818" s="358" t="s">
        <v>14341</v>
      </c>
      <c r="I13818" s="358" t="s">
        <v>14431</v>
      </c>
      <c r="J13818" s="358"/>
      <c r="K13818" s="358"/>
      <c r="L13818" s="358"/>
    </row>
    <row r="13819" spans="2:12">
      <c r="B13819" s="367"/>
      <c r="C13819" s="367"/>
      <c r="D13819" s="367"/>
      <c r="E13819" s="367"/>
      <c r="F13819" s="367"/>
      <c r="G13819" s="367"/>
      <c r="H13819" s="360"/>
      <c r="I13819" s="367"/>
      <c r="J13819" s="365"/>
      <c r="K13819" s="365"/>
      <c r="L13819" s="365"/>
    </row>
    <row r="13820" spans="2:12">
      <c r="B13820" s="368"/>
      <c r="C13820" s="368"/>
      <c r="D13820" s="368"/>
      <c r="E13820" s="368"/>
      <c r="F13820" s="368"/>
      <c r="G13820" s="368"/>
      <c r="H13820" s="361" t="s">
        <v>14332</v>
      </c>
      <c r="I13820" s="368"/>
      <c r="J13820" s="366"/>
      <c r="K13820" s="366"/>
      <c r="L13820" s="366"/>
    </row>
    <row r="13821" spans="2:12" ht="28.5">
      <c r="B13821" s="358" t="s">
        <v>21838</v>
      </c>
      <c r="C13821" s="358" t="s">
        <v>21839</v>
      </c>
      <c r="D13821" s="358" t="s">
        <v>21840</v>
      </c>
      <c r="E13821" s="358" t="s">
        <v>21841</v>
      </c>
      <c r="F13821" s="358" t="s">
        <v>14391</v>
      </c>
      <c r="G13821" s="358" t="s">
        <v>14392</v>
      </c>
      <c r="H13821" s="358" t="s">
        <v>14367</v>
      </c>
      <c r="I13821" s="358" t="s">
        <v>14392</v>
      </c>
      <c r="J13821" s="358"/>
      <c r="K13821" s="358"/>
      <c r="L13821" s="358"/>
    </row>
    <row r="13822" spans="2:12">
      <c r="B13822" s="367"/>
      <c r="C13822" s="367"/>
      <c r="D13822" s="367"/>
      <c r="E13822" s="367"/>
      <c r="F13822" s="360"/>
      <c r="G13822" s="360"/>
      <c r="H13822" s="360"/>
      <c r="I13822" s="360"/>
      <c r="J13822" s="365"/>
      <c r="K13822" s="365"/>
      <c r="L13822" s="365"/>
    </row>
    <row r="13823" spans="2:12" ht="28.5">
      <c r="B13823" s="368"/>
      <c r="C13823" s="368"/>
      <c r="D13823" s="368"/>
      <c r="E13823" s="368"/>
      <c r="F13823" s="361" t="s">
        <v>14462</v>
      </c>
      <c r="G13823" s="361" t="s">
        <v>14463</v>
      </c>
      <c r="H13823" s="361" t="s">
        <v>14422</v>
      </c>
      <c r="I13823" s="361" t="s">
        <v>14463</v>
      </c>
      <c r="J13823" s="366"/>
      <c r="K13823" s="366"/>
      <c r="L13823" s="366"/>
    </row>
    <row r="13824" spans="2:12">
      <c r="B13824" s="358" t="s">
        <v>21842</v>
      </c>
      <c r="C13824" s="358" t="s">
        <v>21843</v>
      </c>
      <c r="D13824" s="358" t="s">
        <v>21844</v>
      </c>
      <c r="E13824" s="358" t="s">
        <v>21845</v>
      </c>
      <c r="F13824" s="358" t="s">
        <v>14391</v>
      </c>
      <c r="G13824" s="358" t="s">
        <v>14392</v>
      </c>
      <c r="H13824" s="358" t="s">
        <v>14367</v>
      </c>
      <c r="I13824" s="358" t="s">
        <v>14392</v>
      </c>
      <c r="J13824" s="358"/>
      <c r="K13824" s="358"/>
      <c r="L13824" s="358"/>
    </row>
    <row r="13825" spans="2:12">
      <c r="B13825" s="367"/>
      <c r="C13825" s="367"/>
      <c r="D13825" s="367"/>
      <c r="E13825" s="367"/>
      <c r="F13825" s="360"/>
      <c r="G13825" s="360"/>
      <c r="H13825" s="360"/>
      <c r="I13825" s="360"/>
      <c r="J13825" s="365"/>
      <c r="K13825" s="365"/>
      <c r="L13825" s="365"/>
    </row>
    <row r="13826" spans="2:12">
      <c r="B13826" s="367"/>
      <c r="C13826" s="367"/>
      <c r="D13826" s="367"/>
      <c r="E13826" s="367"/>
      <c r="F13826" s="359" t="s">
        <v>14371</v>
      </c>
      <c r="G13826" s="359" t="s">
        <v>14372</v>
      </c>
      <c r="H13826" s="359" t="s">
        <v>14370</v>
      </c>
      <c r="I13826" s="359" t="s">
        <v>14373</v>
      </c>
      <c r="J13826" s="365"/>
      <c r="K13826" s="365"/>
      <c r="L13826" s="365"/>
    </row>
    <row r="13827" spans="2:12">
      <c r="B13827" s="367"/>
      <c r="C13827" s="367"/>
      <c r="D13827" s="367"/>
      <c r="E13827" s="367"/>
      <c r="F13827" s="360"/>
      <c r="G13827" s="360"/>
      <c r="H13827" s="360"/>
      <c r="I13827" s="360"/>
      <c r="J13827" s="365"/>
      <c r="K13827" s="365"/>
      <c r="L13827" s="365"/>
    </row>
    <row r="13828" spans="2:12" ht="28.5">
      <c r="B13828" s="368"/>
      <c r="C13828" s="368"/>
      <c r="D13828" s="368"/>
      <c r="E13828" s="368"/>
      <c r="F13828" s="361" t="s">
        <v>14374</v>
      </c>
      <c r="G13828" s="361" t="s">
        <v>14373</v>
      </c>
      <c r="H13828" s="361" t="s">
        <v>14422</v>
      </c>
      <c r="I13828" s="362"/>
      <c r="J13828" s="366"/>
      <c r="K13828" s="366"/>
      <c r="L13828" s="366"/>
    </row>
    <row r="13829" spans="2:12" ht="28.5">
      <c r="B13829" s="358" t="s">
        <v>21846</v>
      </c>
      <c r="C13829" s="358" t="s">
        <v>21847</v>
      </c>
      <c r="D13829" s="358" t="s">
        <v>21848</v>
      </c>
      <c r="E13829" s="358" t="s">
        <v>21849</v>
      </c>
      <c r="F13829" s="358" t="s">
        <v>14462</v>
      </c>
      <c r="G13829" s="358" t="s">
        <v>14463</v>
      </c>
      <c r="H13829" s="358" t="s">
        <v>8356</v>
      </c>
      <c r="I13829" s="358" t="s">
        <v>14463</v>
      </c>
      <c r="J13829" s="358"/>
      <c r="K13829" s="358"/>
      <c r="L13829" s="358"/>
    </row>
    <row r="13830" spans="2:12">
      <c r="B13830" s="368"/>
      <c r="C13830" s="368"/>
      <c r="D13830" s="368"/>
      <c r="E13830" s="368"/>
      <c r="F13830" s="368"/>
      <c r="G13830" s="368"/>
      <c r="H13830" s="368"/>
      <c r="I13830" s="368"/>
      <c r="J13830" s="366"/>
      <c r="K13830" s="366"/>
      <c r="L13830" s="366"/>
    </row>
    <row r="13831" spans="2:12" ht="28.5">
      <c r="B13831" s="358" t="s">
        <v>21850</v>
      </c>
      <c r="C13831" s="358" t="s">
        <v>21851</v>
      </c>
      <c r="D13831" s="358" t="s">
        <v>21852</v>
      </c>
      <c r="E13831" s="358" t="s">
        <v>21853</v>
      </c>
      <c r="F13831" s="358" t="s">
        <v>14430</v>
      </c>
      <c r="G13831" s="358" t="s">
        <v>14431</v>
      </c>
      <c r="H13831" s="358" t="s">
        <v>14341</v>
      </c>
      <c r="I13831" s="358" t="s">
        <v>14431</v>
      </c>
      <c r="J13831" s="358"/>
      <c r="K13831" s="358"/>
      <c r="L13831" s="358"/>
    </row>
    <row r="13832" spans="2:12">
      <c r="B13832" s="367"/>
      <c r="C13832" s="367"/>
      <c r="D13832" s="367"/>
      <c r="E13832" s="367"/>
      <c r="F13832" s="360"/>
      <c r="G13832" s="360"/>
      <c r="H13832" s="360"/>
      <c r="I13832" s="360"/>
      <c r="J13832" s="365"/>
      <c r="K13832" s="365"/>
      <c r="L13832" s="365"/>
    </row>
    <row r="13833" spans="2:12" ht="28.5">
      <c r="B13833" s="367"/>
      <c r="C13833" s="367"/>
      <c r="D13833" s="367"/>
      <c r="E13833" s="367"/>
      <c r="F13833" s="359" t="s">
        <v>14394</v>
      </c>
      <c r="G13833" s="359" t="s">
        <v>14395</v>
      </c>
      <c r="H13833" s="359" t="s">
        <v>14370</v>
      </c>
      <c r="I13833" s="359" t="s">
        <v>14395</v>
      </c>
      <c r="J13833" s="365"/>
      <c r="K13833" s="365"/>
      <c r="L13833" s="365"/>
    </row>
    <row r="13834" spans="2:12">
      <c r="B13834" s="367"/>
      <c r="C13834" s="367"/>
      <c r="D13834" s="367"/>
      <c r="E13834" s="367"/>
      <c r="F13834" s="360"/>
      <c r="G13834" s="360"/>
      <c r="H13834" s="360"/>
      <c r="I13834" s="360"/>
      <c r="J13834" s="365"/>
      <c r="K13834" s="365"/>
      <c r="L13834" s="365"/>
    </row>
    <row r="13835" spans="2:12">
      <c r="B13835" s="368"/>
      <c r="C13835" s="368"/>
      <c r="D13835" s="368"/>
      <c r="E13835" s="368"/>
      <c r="F13835" s="362"/>
      <c r="G13835" s="362"/>
      <c r="H13835" s="361" t="s">
        <v>14332</v>
      </c>
      <c r="I13835" s="362"/>
      <c r="J13835" s="366"/>
      <c r="K13835" s="366"/>
      <c r="L13835" s="366"/>
    </row>
    <row r="13836" spans="2:12">
      <c r="B13836" s="358" t="s">
        <v>21854</v>
      </c>
      <c r="C13836" s="358" t="s">
        <v>27732</v>
      </c>
      <c r="D13836" s="358" t="s">
        <v>21855</v>
      </c>
      <c r="E13836" s="358" t="s">
        <v>21856</v>
      </c>
      <c r="F13836" s="358" t="s">
        <v>14418</v>
      </c>
      <c r="G13836" s="358" t="s">
        <v>14419</v>
      </c>
      <c r="H13836" s="358" t="s">
        <v>14328</v>
      </c>
      <c r="I13836" s="358" t="s">
        <v>14419</v>
      </c>
      <c r="J13836" s="358"/>
      <c r="K13836" s="358"/>
      <c r="L13836" s="358"/>
    </row>
    <row r="13837" spans="2:12">
      <c r="B13837" s="367"/>
      <c r="C13837" s="367"/>
      <c r="D13837" s="367"/>
      <c r="E13837" s="367"/>
      <c r="F13837" s="367"/>
      <c r="G13837" s="367"/>
      <c r="H13837" s="360"/>
      <c r="I13837" s="367"/>
      <c r="J13837" s="365"/>
      <c r="K13837" s="365"/>
      <c r="L13837" s="365"/>
    </row>
    <row r="13838" spans="2:12">
      <c r="B13838" s="368"/>
      <c r="C13838" s="368"/>
      <c r="D13838" s="368"/>
      <c r="E13838" s="368"/>
      <c r="F13838" s="368"/>
      <c r="G13838" s="368"/>
      <c r="H13838" s="361" t="s">
        <v>14422</v>
      </c>
      <c r="I13838" s="368"/>
      <c r="J13838" s="366"/>
      <c r="K13838" s="366"/>
      <c r="L13838" s="366"/>
    </row>
    <row r="13839" spans="2:12" ht="28.5">
      <c r="B13839" s="358" t="s">
        <v>21857</v>
      </c>
      <c r="C13839" s="358" t="s">
        <v>27733</v>
      </c>
      <c r="D13839" s="358" t="s">
        <v>21858</v>
      </c>
      <c r="E13839" s="358" t="s">
        <v>21859</v>
      </c>
      <c r="F13839" s="358" t="s">
        <v>14386</v>
      </c>
      <c r="G13839" s="358" t="s">
        <v>14387</v>
      </c>
      <c r="H13839" s="358" t="s">
        <v>14367</v>
      </c>
      <c r="I13839" s="358" t="s">
        <v>14387</v>
      </c>
      <c r="J13839" s="358"/>
      <c r="K13839" s="358"/>
      <c r="L13839" s="358"/>
    </row>
    <row r="13840" spans="2:12">
      <c r="B13840" s="367"/>
      <c r="C13840" s="367"/>
      <c r="D13840" s="367"/>
      <c r="E13840" s="367"/>
      <c r="F13840" s="367"/>
      <c r="G13840" s="367"/>
      <c r="H13840" s="360"/>
      <c r="I13840" s="367"/>
      <c r="J13840" s="365"/>
      <c r="K13840" s="365"/>
      <c r="L13840" s="365"/>
    </row>
    <row r="13841" spans="2:12">
      <c r="B13841" s="368"/>
      <c r="C13841" s="368"/>
      <c r="D13841" s="368"/>
      <c r="E13841" s="368"/>
      <c r="F13841" s="368"/>
      <c r="G13841" s="368"/>
      <c r="H13841" s="361" t="s">
        <v>14422</v>
      </c>
      <c r="I13841" s="368"/>
      <c r="J13841" s="366"/>
      <c r="K13841" s="366"/>
      <c r="L13841" s="366"/>
    </row>
    <row r="13842" spans="2:12">
      <c r="B13842" s="358" t="s">
        <v>21860</v>
      </c>
      <c r="C13842" s="358" t="s">
        <v>21861</v>
      </c>
      <c r="D13842" s="358" t="s">
        <v>21862</v>
      </c>
      <c r="E13842" s="358" t="s">
        <v>21863</v>
      </c>
      <c r="F13842" s="358" t="s">
        <v>14426</v>
      </c>
      <c r="G13842" s="358" t="s">
        <v>14427</v>
      </c>
      <c r="H13842" s="358" t="s">
        <v>14381</v>
      </c>
      <c r="I13842" s="358" t="s">
        <v>14427</v>
      </c>
      <c r="J13842" s="358"/>
      <c r="K13842" s="358"/>
      <c r="L13842" s="358"/>
    </row>
    <row r="13843" spans="2:12">
      <c r="B13843" s="367"/>
      <c r="C13843" s="367"/>
      <c r="D13843" s="367"/>
      <c r="E13843" s="367"/>
      <c r="F13843" s="360"/>
      <c r="G13843" s="360"/>
      <c r="H13843" s="360"/>
      <c r="I13843" s="360"/>
      <c r="J13843" s="365"/>
      <c r="K13843" s="365"/>
      <c r="L13843" s="365"/>
    </row>
    <row r="13844" spans="2:12">
      <c r="B13844" s="367"/>
      <c r="C13844" s="367"/>
      <c r="D13844" s="367"/>
      <c r="E13844" s="367"/>
      <c r="F13844" s="359" t="s">
        <v>14391</v>
      </c>
      <c r="G13844" s="359" t="s">
        <v>14392</v>
      </c>
      <c r="H13844" s="359" t="s">
        <v>14367</v>
      </c>
      <c r="I13844" s="359" t="s">
        <v>14392</v>
      </c>
      <c r="J13844" s="365"/>
      <c r="K13844" s="365"/>
      <c r="L13844" s="365"/>
    </row>
    <row r="13845" spans="2:12">
      <c r="B13845" s="367"/>
      <c r="C13845" s="367"/>
      <c r="D13845" s="367"/>
      <c r="E13845" s="367"/>
      <c r="F13845" s="360"/>
      <c r="G13845" s="360"/>
      <c r="H13845" s="360"/>
      <c r="I13845" s="360"/>
      <c r="J13845" s="365"/>
      <c r="K13845" s="365"/>
      <c r="L13845" s="365"/>
    </row>
    <row r="13846" spans="2:12">
      <c r="B13846" s="368"/>
      <c r="C13846" s="368"/>
      <c r="D13846" s="368"/>
      <c r="E13846" s="368"/>
      <c r="F13846" s="362"/>
      <c r="G13846" s="362"/>
      <c r="H13846" s="361" t="s">
        <v>14422</v>
      </c>
      <c r="I13846" s="362"/>
      <c r="J13846" s="366"/>
      <c r="K13846" s="366"/>
      <c r="L13846" s="366"/>
    </row>
    <row r="13847" spans="2:12">
      <c r="B13847" s="358" t="s">
        <v>21864</v>
      </c>
      <c r="C13847" s="358" t="s">
        <v>27734</v>
      </c>
      <c r="D13847" s="358" t="s">
        <v>21865</v>
      </c>
      <c r="E13847" s="358" t="s">
        <v>21866</v>
      </c>
      <c r="F13847" s="358" t="s">
        <v>14430</v>
      </c>
      <c r="G13847" s="358" t="s">
        <v>14431</v>
      </c>
      <c r="H13847" s="358" t="s">
        <v>14341</v>
      </c>
      <c r="I13847" s="358" t="s">
        <v>14431</v>
      </c>
      <c r="J13847" s="358"/>
      <c r="K13847" s="358"/>
      <c r="L13847" s="358"/>
    </row>
    <row r="13848" spans="2:12">
      <c r="B13848" s="367"/>
      <c r="C13848" s="367"/>
      <c r="D13848" s="367"/>
      <c r="E13848" s="367"/>
      <c r="F13848" s="360"/>
      <c r="G13848" s="360"/>
      <c r="H13848" s="360"/>
      <c r="I13848" s="360"/>
      <c r="J13848" s="365"/>
      <c r="K13848" s="365"/>
      <c r="L13848" s="365"/>
    </row>
    <row r="13849" spans="2:12" ht="28.5">
      <c r="B13849" s="368"/>
      <c r="C13849" s="368"/>
      <c r="D13849" s="368"/>
      <c r="E13849" s="368"/>
      <c r="F13849" s="361" t="s">
        <v>14472</v>
      </c>
      <c r="G13849" s="361" t="s">
        <v>14473</v>
      </c>
      <c r="H13849" s="361" t="s">
        <v>14332</v>
      </c>
      <c r="I13849" s="361" t="s">
        <v>14473</v>
      </c>
      <c r="J13849" s="366"/>
      <c r="K13849" s="366"/>
      <c r="L13849" s="366"/>
    </row>
    <row r="13850" spans="2:12" ht="28.5">
      <c r="B13850" s="358" t="s">
        <v>21867</v>
      </c>
      <c r="C13850" s="358" t="s">
        <v>21868</v>
      </c>
      <c r="D13850" s="358" t="s">
        <v>21869</v>
      </c>
      <c r="E13850" s="358" t="s">
        <v>21870</v>
      </c>
      <c r="F13850" s="358" t="s">
        <v>14391</v>
      </c>
      <c r="G13850" s="358" t="s">
        <v>14392</v>
      </c>
      <c r="H13850" s="358" t="s">
        <v>14367</v>
      </c>
      <c r="I13850" s="358" t="s">
        <v>14392</v>
      </c>
      <c r="J13850" s="358"/>
      <c r="K13850" s="358"/>
      <c r="L13850" s="358"/>
    </row>
    <row r="13851" spans="2:12">
      <c r="B13851" s="367"/>
      <c r="C13851" s="367"/>
      <c r="D13851" s="367"/>
      <c r="E13851" s="367"/>
      <c r="F13851" s="360"/>
      <c r="G13851" s="360"/>
      <c r="H13851" s="360"/>
      <c r="I13851" s="360"/>
      <c r="J13851" s="365"/>
      <c r="K13851" s="365"/>
      <c r="L13851" s="365"/>
    </row>
    <row r="13852" spans="2:12" ht="28.5">
      <c r="B13852" s="368"/>
      <c r="C13852" s="368"/>
      <c r="D13852" s="368"/>
      <c r="E13852" s="368"/>
      <c r="F13852" s="361" t="s">
        <v>14462</v>
      </c>
      <c r="G13852" s="361" t="s">
        <v>14463</v>
      </c>
      <c r="H13852" s="361" t="s">
        <v>14422</v>
      </c>
      <c r="I13852" s="361" t="s">
        <v>14463</v>
      </c>
      <c r="J13852" s="366"/>
      <c r="K13852" s="366"/>
      <c r="L13852" s="366"/>
    </row>
    <row r="13853" spans="2:12" ht="57">
      <c r="B13853" s="358" t="s">
        <v>21871</v>
      </c>
      <c r="C13853" s="358" t="s">
        <v>29365</v>
      </c>
      <c r="D13853" s="358" t="s">
        <v>21872</v>
      </c>
      <c r="E13853" s="358" t="s">
        <v>21873</v>
      </c>
      <c r="F13853" s="358" t="s">
        <v>14460</v>
      </c>
      <c r="G13853" s="358" t="s">
        <v>28797</v>
      </c>
      <c r="H13853" s="358" t="s">
        <v>14341</v>
      </c>
      <c r="I13853" s="358" t="s">
        <v>28797</v>
      </c>
      <c r="J13853" s="358"/>
      <c r="K13853" s="358" t="s">
        <v>14820</v>
      </c>
      <c r="L13853" s="358"/>
    </row>
    <row r="13854" spans="2:12">
      <c r="B13854" s="367"/>
      <c r="C13854" s="367"/>
      <c r="D13854" s="367"/>
      <c r="E13854" s="367"/>
      <c r="F13854" s="360"/>
      <c r="G13854" s="360"/>
      <c r="H13854" s="360"/>
      <c r="I13854" s="360"/>
      <c r="J13854" s="365"/>
      <c r="K13854" s="367"/>
      <c r="L13854" s="365"/>
    </row>
    <row r="13855" spans="2:12">
      <c r="B13855" s="367"/>
      <c r="C13855" s="367"/>
      <c r="D13855" s="367"/>
      <c r="E13855" s="367"/>
      <c r="F13855" s="359" t="s">
        <v>14430</v>
      </c>
      <c r="G13855" s="359" t="s">
        <v>14392</v>
      </c>
      <c r="H13855" s="359" t="s">
        <v>14381</v>
      </c>
      <c r="I13855" s="359" t="s">
        <v>14392</v>
      </c>
      <c r="J13855" s="365"/>
      <c r="K13855" s="367"/>
      <c r="L13855" s="365"/>
    </row>
    <row r="13856" spans="2:12">
      <c r="B13856" s="367"/>
      <c r="C13856" s="367"/>
      <c r="D13856" s="367"/>
      <c r="E13856" s="367"/>
      <c r="F13856" s="360"/>
      <c r="G13856" s="360"/>
      <c r="H13856" s="360"/>
      <c r="I13856" s="360"/>
      <c r="J13856" s="365"/>
      <c r="K13856" s="367"/>
      <c r="L13856" s="365"/>
    </row>
    <row r="13857" spans="2:12">
      <c r="B13857" s="367"/>
      <c r="C13857" s="367"/>
      <c r="D13857" s="367"/>
      <c r="E13857" s="367"/>
      <c r="F13857" s="359" t="s">
        <v>14391</v>
      </c>
      <c r="G13857" s="359" t="s">
        <v>14372</v>
      </c>
      <c r="H13857" s="359" t="s">
        <v>14367</v>
      </c>
      <c r="I13857" s="359" t="s">
        <v>14373</v>
      </c>
      <c r="J13857" s="365"/>
      <c r="K13857" s="367"/>
      <c r="L13857" s="365"/>
    </row>
    <row r="13858" spans="2:12">
      <c r="B13858" s="367"/>
      <c r="C13858" s="367"/>
      <c r="D13858" s="367"/>
      <c r="E13858" s="367"/>
      <c r="F13858" s="360"/>
      <c r="G13858" s="360"/>
      <c r="H13858" s="360"/>
      <c r="I13858" s="360"/>
      <c r="J13858" s="365"/>
      <c r="K13858" s="367"/>
      <c r="L13858" s="365"/>
    </row>
    <row r="13859" spans="2:12">
      <c r="B13859" s="367"/>
      <c r="C13859" s="367"/>
      <c r="D13859" s="367"/>
      <c r="E13859" s="367"/>
      <c r="F13859" s="359" t="s">
        <v>14371</v>
      </c>
      <c r="G13859" s="359" t="s">
        <v>14373</v>
      </c>
      <c r="H13859" s="359" t="s">
        <v>14370</v>
      </c>
      <c r="I13859" s="360"/>
      <c r="J13859" s="365"/>
      <c r="K13859" s="367"/>
      <c r="L13859" s="365"/>
    </row>
    <row r="13860" spans="2:12">
      <c r="B13860" s="367"/>
      <c r="C13860" s="367"/>
      <c r="D13860" s="367"/>
      <c r="E13860" s="367"/>
      <c r="F13860" s="360"/>
      <c r="G13860" s="360"/>
      <c r="H13860" s="360"/>
      <c r="I13860" s="360"/>
      <c r="J13860" s="365"/>
      <c r="K13860" s="367"/>
      <c r="L13860" s="365"/>
    </row>
    <row r="13861" spans="2:12" ht="28.5">
      <c r="B13861" s="368"/>
      <c r="C13861" s="368"/>
      <c r="D13861" s="368"/>
      <c r="E13861" s="368"/>
      <c r="F13861" s="361" t="s">
        <v>14374</v>
      </c>
      <c r="G13861" s="362"/>
      <c r="H13861" s="361" t="s">
        <v>14332</v>
      </c>
      <c r="I13861" s="362"/>
      <c r="J13861" s="366"/>
      <c r="K13861" s="368"/>
      <c r="L13861" s="366"/>
    </row>
    <row r="13862" spans="2:12" ht="28.5">
      <c r="B13862" s="358" t="s">
        <v>21874</v>
      </c>
      <c r="C13862" s="358" t="s">
        <v>21875</v>
      </c>
      <c r="D13862" s="358" t="s">
        <v>21876</v>
      </c>
      <c r="E13862" s="358" t="s">
        <v>21877</v>
      </c>
      <c r="F13862" s="358" t="s">
        <v>14394</v>
      </c>
      <c r="G13862" s="358" t="s">
        <v>14395</v>
      </c>
      <c r="H13862" s="358" t="s">
        <v>14370</v>
      </c>
      <c r="I13862" s="358" t="s">
        <v>14395</v>
      </c>
      <c r="J13862" s="358"/>
      <c r="K13862" s="358"/>
      <c r="L13862" s="358"/>
    </row>
    <row r="13863" spans="2:12">
      <c r="B13863" s="368"/>
      <c r="C13863" s="368"/>
      <c r="D13863" s="368"/>
      <c r="E13863" s="368"/>
      <c r="F13863" s="368"/>
      <c r="G13863" s="368"/>
      <c r="H13863" s="368"/>
      <c r="I13863" s="368"/>
      <c r="J13863" s="366"/>
      <c r="K13863" s="366"/>
      <c r="L13863" s="366"/>
    </row>
    <row r="13864" spans="2:12" ht="71.25">
      <c r="B13864" s="358" t="s">
        <v>21878</v>
      </c>
      <c r="C13864" s="358" t="s">
        <v>29366</v>
      </c>
      <c r="D13864" s="358" t="s">
        <v>21879</v>
      </c>
      <c r="E13864" s="358" t="s">
        <v>8356</v>
      </c>
      <c r="F13864" s="358" t="s">
        <v>14391</v>
      </c>
      <c r="G13864" s="358" t="s">
        <v>14392</v>
      </c>
      <c r="H13864" s="358" t="s">
        <v>14367</v>
      </c>
      <c r="I13864" s="358" t="s">
        <v>14392</v>
      </c>
      <c r="J13864" s="358"/>
      <c r="K13864" s="358"/>
      <c r="L13864" s="358"/>
    </row>
    <row r="13865" spans="2:12">
      <c r="B13865" s="367"/>
      <c r="C13865" s="367"/>
      <c r="D13865" s="367"/>
      <c r="E13865" s="367"/>
      <c r="F13865" s="360"/>
      <c r="G13865" s="360"/>
      <c r="H13865" s="360"/>
      <c r="I13865" s="360"/>
      <c r="J13865" s="365"/>
      <c r="K13865" s="365"/>
      <c r="L13865" s="365"/>
    </row>
    <row r="13866" spans="2:12" ht="28.5">
      <c r="B13866" s="367"/>
      <c r="C13866" s="367"/>
      <c r="D13866" s="367"/>
      <c r="E13866" s="367"/>
      <c r="F13866" s="359" t="s">
        <v>14394</v>
      </c>
      <c r="G13866" s="359" t="s">
        <v>14395</v>
      </c>
      <c r="H13866" s="359" t="s">
        <v>14370</v>
      </c>
      <c r="I13866" s="359" t="s">
        <v>14395</v>
      </c>
      <c r="J13866" s="365"/>
      <c r="K13866" s="365"/>
      <c r="L13866" s="365"/>
    </row>
    <row r="13867" spans="2:12">
      <c r="B13867" s="367"/>
      <c r="C13867" s="367"/>
      <c r="D13867" s="367"/>
      <c r="E13867" s="367"/>
      <c r="F13867" s="360"/>
      <c r="G13867" s="360"/>
      <c r="H13867" s="360"/>
      <c r="I13867" s="360"/>
      <c r="J13867" s="365"/>
      <c r="K13867" s="365"/>
      <c r="L13867" s="365"/>
    </row>
    <row r="13868" spans="2:12">
      <c r="B13868" s="368"/>
      <c r="C13868" s="368"/>
      <c r="D13868" s="368"/>
      <c r="E13868" s="368"/>
      <c r="F13868" s="362"/>
      <c r="G13868" s="362"/>
      <c r="H13868" s="361" t="s">
        <v>14422</v>
      </c>
      <c r="I13868" s="362"/>
      <c r="J13868" s="366"/>
      <c r="K13868" s="366"/>
      <c r="L13868" s="366"/>
    </row>
    <row r="13869" spans="2:12">
      <c r="B13869" s="358" t="s">
        <v>21880</v>
      </c>
      <c r="C13869" s="358" t="s">
        <v>21881</v>
      </c>
      <c r="D13869" s="358" t="s">
        <v>21882</v>
      </c>
      <c r="E13869" s="358" t="s">
        <v>8356</v>
      </c>
      <c r="F13869" s="358" t="s">
        <v>14420</v>
      </c>
      <c r="G13869" s="358" t="s">
        <v>14429</v>
      </c>
      <c r="H13869" s="358" t="s">
        <v>14367</v>
      </c>
      <c r="I13869" s="358" t="s">
        <v>14429</v>
      </c>
      <c r="J13869" s="358"/>
      <c r="K13869" s="358"/>
      <c r="L13869" s="358"/>
    </row>
    <row r="13870" spans="2:12">
      <c r="B13870" s="367"/>
      <c r="C13870" s="367"/>
      <c r="D13870" s="367"/>
      <c r="E13870" s="367"/>
      <c r="F13870" s="360"/>
      <c r="G13870" s="360"/>
      <c r="H13870" s="360"/>
      <c r="I13870" s="360"/>
      <c r="J13870" s="365"/>
      <c r="K13870" s="365"/>
      <c r="L13870" s="365"/>
    </row>
    <row r="13871" spans="2:12" ht="28.5">
      <c r="B13871" s="368"/>
      <c r="C13871" s="368"/>
      <c r="D13871" s="368"/>
      <c r="E13871" s="368"/>
      <c r="F13871" s="361" t="s">
        <v>14472</v>
      </c>
      <c r="G13871" s="361" t="s">
        <v>14473</v>
      </c>
      <c r="H13871" s="361" t="s">
        <v>14422</v>
      </c>
      <c r="I13871" s="361" t="s">
        <v>14473</v>
      </c>
      <c r="J13871" s="366"/>
      <c r="K13871" s="366"/>
      <c r="L13871" s="366"/>
    </row>
    <row r="13872" spans="2:12" ht="42.75">
      <c r="B13872" s="358" t="s">
        <v>21883</v>
      </c>
      <c r="C13872" s="358" t="s">
        <v>30283</v>
      </c>
      <c r="D13872" s="358" t="s">
        <v>21884</v>
      </c>
      <c r="E13872" s="358" t="s">
        <v>8356</v>
      </c>
      <c r="F13872" s="358" t="s">
        <v>14430</v>
      </c>
      <c r="G13872" s="358" t="s">
        <v>14431</v>
      </c>
      <c r="H13872" s="358" t="s">
        <v>14341</v>
      </c>
      <c r="I13872" s="358" t="s">
        <v>14431</v>
      </c>
      <c r="J13872" s="358"/>
      <c r="K13872" s="358"/>
      <c r="L13872" s="358"/>
    </row>
    <row r="13873" spans="2:12">
      <c r="B13873" s="367"/>
      <c r="C13873" s="367"/>
      <c r="D13873" s="367"/>
      <c r="E13873" s="367"/>
      <c r="F13873" s="360"/>
      <c r="G13873" s="360"/>
      <c r="H13873" s="360"/>
      <c r="I13873" s="360"/>
      <c r="J13873" s="365"/>
      <c r="K13873" s="365"/>
      <c r="L13873" s="365"/>
    </row>
    <row r="13874" spans="2:12">
      <c r="B13874" s="367"/>
      <c r="C13874" s="367"/>
      <c r="D13874" s="367"/>
      <c r="E13874" s="367"/>
      <c r="F13874" s="359" t="s">
        <v>14371</v>
      </c>
      <c r="G13874" s="359" t="s">
        <v>14372</v>
      </c>
      <c r="H13874" s="359" t="s">
        <v>14370</v>
      </c>
      <c r="I13874" s="359" t="s">
        <v>14373</v>
      </c>
      <c r="J13874" s="365"/>
      <c r="K13874" s="365"/>
      <c r="L13874" s="365"/>
    </row>
    <row r="13875" spans="2:12">
      <c r="B13875" s="367"/>
      <c r="C13875" s="367"/>
      <c r="D13875" s="367"/>
      <c r="E13875" s="367"/>
      <c r="F13875" s="360"/>
      <c r="G13875" s="360"/>
      <c r="H13875" s="360"/>
      <c r="I13875" s="360"/>
      <c r="J13875" s="365"/>
      <c r="K13875" s="365"/>
      <c r="L13875" s="365"/>
    </row>
    <row r="13876" spans="2:12" ht="28.5">
      <c r="B13876" s="368"/>
      <c r="C13876" s="368"/>
      <c r="D13876" s="368"/>
      <c r="E13876" s="368"/>
      <c r="F13876" s="361" t="s">
        <v>14374</v>
      </c>
      <c r="G13876" s="361" t="s">
        <v>14373</v>
      </c>
      <c r="H13876" s="361" t="s">
        <v>14332</v>
      </c>
      <c r="I13876" s="362"/>
      <c r="J13876" s="366"/>
      <c r="K13876" s="366"/>
      <c r="L13876" s="366"/>
    </row>
    <row r="13877" spans="2:12" ht="71.25">
      <c r="B13877" s="358" t="s">
        <v>21885</v>
      </c>
      <c r="C13877" s="358" t="s">
        <v>29367</v>
      </c>
      <c r="D13877" s="358" t="s">
        <v>21886</v>
      </c>
      <c r="E13877" s="358" t="s">
        <v>8356</v>
      </c>
      <c r="F13877" s="358" t="s">
        <v>14430</v>
      </c>
      <c r="G13877" s="358" t="s">
        <v>14431</v>
      </c>
      <c r="H13877" s="358" t="s">
        <v>14341</v>
      </c>
      <c r="I13877" s="358" t="s">
        <v>14431</v>
      </c>
      <c r="J13877" s="358"/>
      <c r="K13877" s="358"/>
      <c r="L13877" s="358"/>
    </row>
    <row r="13878" spans="2:12">
      <c r="B13878" s="367"/>
      <c r="C13878" s="367"/>
      <c r="D13878" s="367"/>
      <c r="E13878" s="367"/>
      <c r="F13878" s="360"/>
      <c r="G13878" s="360"/>
      <c r="H13878" s="360"/>
      <c r="I13878" s="360"/>
      <c r="J13878" s="365"/>
      <c r="K13878" s="365"/>
      <c r="L13878" s="365"/>
    </row>
    <row r="13879" spans="2:12">
      <c r="B13879" s="367"/>
      <c r="C13879" s="367"/>
      <c r="D13879" s="367"/>
      <c r="E13879" s="367"/>
      <c r="F13879" s="359" t="s">
        <v>14391</v>
      </c>
      <c r="G13879" s="359" t="s">
        <v>14392</v>
      </c>
      <c r="H13879" s="359" t="s">
        <v>14367</v>
      </c>
      <c r="I13879" s="359" t="s">
        <v>14392</v>
      </c>
      <c r="J13879" s="365"/>
      <c r="K13879" s="365"/>
      <c r="L13879" s="365"/>
    </row>
    <row r="13880" spans="2:12">
      <c r="B13880" s="367"/>
      <c r="C13880" s="367"/>
      <c r="D13880" s="367"/>
      <c r="E13880" s="367"/>
      <c r="F13880" s="360"/>
      <c r="G13880" s="360"/>
      <c r="H13880" s="360"/>
      <c r="I13880" s="360"/>
      <c r="J13880" s="365"/>
      <c r="K13880" s="365"/>
      <c r="L13880" s="365"/>
    </row>
    <row r="13881" spans="2:12">
      <c r="B13881" s="368"/>
      <c r="C13881" s="368"/>
      <c r="D13881" s="368"/>
      <c r="E13881" s="368"/>
      <c r="F13881" s="362"/>
      <c r="G13881" s="362"/>
      <c r="H13881" s="361" t="s">
        <v>14332</v>
      </c>
      <c r="I13881" s="362"/>
      <c r="J13881" s="366"/>
      <c r="K13881" s="366"/>
      <c r="L13881" s="366"/>
    </row>
    <row r="13882" spans="2:12" ht="42.75">
      <c r="B13882" s="358" t="s">
        <v>21887</v>
      </c>
      <c r="C13882" s="358" t="s">
        <v>30284</v>
      </c>
      <c r="D13882" s="358" t="s">
        <v>21888</v>
      </c>
      <c r="E13882" s="358" t="s">
        <v>8356</v>
      </c>
      <c r="F13882" s="358" t="s">
        <v>14460</v>
      </c>
      <c r="G13882" s="358" t="s">
        <v>28797</v>
      </c>
      <c r="H13882" s="358" t="s">
        <v>14341</v>
      </c>
      <c r="I13882" s="358" t="s">
        <v>28797</v>
      </c>
      <c r="J13882" s="358"/>
      <c r="K13882" s="358"/>
      <c r="L13882" s="358"/>
    </row>
    <row r="13883" spans="2:12">
      <c r="B13883" s="367"/>
      <c r="C13883" s="367"/>
      <c r="D13883" s="367"/>
      <c r="E13883" s="367"/>
      <c r="F13883" s="360"/>
      <c r="G13883" s="360"/>
      <c r="H13883" s="360"/>
      <c r="I13883" s="360"/>
      <c r="J13883" s="365"/>
      <c r="K13883" s="365"/>
      <c r="L13883" s="365"/>
    </row>
    <row r="13884" spans="2:12">
      <c r="B13884" s="367"/>
      <c r="C13884" s="367"/>
      <c r="D13884" s="367"/>
      <c r="E13884" s="367"/>
      <c r="F13884" s="359" t="s">
        <v>14430</v>
      </c>
      <c r="G13884" s="359" t="s">
        <v>14392</v>
      </c>
      <c r="H13884" s="359" t="s">
        <v>14381</v>
      </c>
      <c r="I13884" s="359" t="s">
        <v>14392</v>
      </c>
      <c r="J13884" s="365"/>
      <c r="K13884" s="365"/>
      <c r="L13884" s="365"/>
    </row>
    <row r="13885" spans="2:12">
      <c r="B13885" s="367"/>
      <c r="C13885" s="367"/>
      <c r="D13885" s="367"/>
      <c r="E13885" s="367"/>
      <c r="F13885" s="360"/>
      <c r="G13885" s="360"/>
      <c r="H13885" s="360"/>
      <c r="I13885" s="360"/>
      <c r="J13885" s="365"/>
      <c r="K13885" s="365"/>
      <c r="L13885" s="365"/>
    </row>
    <row r="13886" spans="2:12">
      <c r="B13886" s="367"/>
      <c r="C13886" s="367"/>
      <c r="D13886" s="367"/>
      <c r="E13886" s="367"/>
      <c r="F13886" s="359" t="s">
        <v>14391</v>
      </c>
      <c r="G13886" s="360"/>
      <c r="H13886" s="359" t="s">
        <v>14367</v>
      </c>
      <c r="I13886" s="360"/>
      <c r="J13886" s="365"/>
      <c r="K13886" s="365"/>
      <c r="L13886" s="365"/>
    </row>
    <row r="13887" spans="2:12">
      <c r="B13887" s="367"/>
      <c r="C13887" s="367"/>
      <c r="D13887" s="367"/>
      <c r="E13887" s="367"/>
      <c r="F13887" s="360"/>
      <c r="G13887" s="360"/>
      <c r="H13887" s="360"/>
      <c r="I13887" s="360"/>
      <c r="J13887" s="365"/>
      <c r="K13887" s="365"/>
      <c r="L13887" s="365"/>
    </row>
    <row r="13888" spans="2:12">
      <c r="B13888" s="368"/>
      <c r="C13888" s="368"/>
      <c r="D13888" s="368"/>
      <c r="E13888" s="368"/>
      <c r="F13888" s="362"/>
      <c r="G13888" s="362"/>
      <c r="H13888" s="361" t="s">
        <v>14332</v>
      </c>
      <c r="I13888" s="362"/>
      <c r="J13888" s="366"/>
      <c r="K13888" s="366"/>
      <c r="L13888" s="366"/>
    </row>
    <row r="13889" spans="2:12" ht="57">
      <c r="B13889" s="358" t="s">
        <v>21889</v>
      </c>
      <c r="C13889" s="358" t="s">
        <v>30285</v>
      </c>
      <c r="D13889" s="358" t="s">
        <v>21890</v>
      </c>
      <c r="E13889" s="358" t="s">
        <v>8356</v>
      </c>
      <c r="F13889" s="358" t="s">
        <v>14391</v>
      </c>
      <c r="G13889" s="358" t="s">
        <v>14392</v>
      </c>
      <c r="H13889" s="358" t="s">
        <v>14367</v>
      </c>
      <c r="I13889" s="358" t="s">
        <v>14392</v>
      </c>
      <c r="J13889" s="358"/>
      <c r="K13889" s="358"/>
      <c r="L13889" s="358"/>
    </row>
    <row r="13890" spans="2:12">
      <c r="B13890" s="367"/>
      <c r="C13890" s="367"/>
      <c r="D13890" s="367"/>
      <c r="E13890" s="367"/>
      <c r="F13890" s="360"/>
      <c r="G13890" s="360"/>
      <c r="H13890" s="360"/>
      <c r="I13890" s="360"/>
      <c r="J13890" s="365"/>
      <c r="K13890" s="365"/>
      <c r="L13890" s="365"/>
    </row>
    <row r="13891" spans="2:12" ht="28.5">
      <c r="B13891" s="367"/>
      <c r="C13891" s="367"/>
      <c r="D13891" s="367"/>
      <c r="E13891" s="367"/>
      <c r="F13891" s="359" t="s">
        <v>14394</v>
      </c>
      <c r="G13891" s="359" t="s">
        <v>14395</v>
      </c>
      <c r="H13891" s="359" t="s">
        <v>14370</v>
      </c>
      <c r="I13891" s="359" t="s">
        <v>14395</v>
      </c>
      <c r="J13891" s="365"/>
      <c r="K13891" s="365"/>
      <c r="L13891" s="365"/>
    </row>
    <row r="13892" spans="2:12">
      <c r="B13892" s="367"/>
      <c r="C13892" s="367"/>
      <c r="D13892" s="367"/>
      <c r="E13892" s="367"/>
      <c r="F13892" s="360"/>
      <c r="G13892" s="360"/>
      <c r="H13892" s="360"/>
      <c r="I13892" s="360"/>
      <c r="J13892" s="365"/>
      <c r="K13892" s="365"/>
      <c r="L13892" s="365"/>
    </row>
    <row r="13893" spans="2:12">
      <c r="B13893" s="368"/>
      <c r="C13893" s="368"/>
      <c r="D13893" s="368"/>
      <c r="E13893" s="368"/>
      <c r="F13893" s="362"/>
      <c r="G13893" s="362"/>
      <c r="H13893" s="361" t="s">
        <v>14422</v>
      </c>
      <c r="I13893" s="362"/>
      <c r="J13893" s="366"/>
      <c r="K13893" s="366"/>
      <c r="L13893" s="366"/>
    </row>
    <row r="13894" spans="2:12" ht="213.75">
      <c r="B13894" s="358" t="s">
        <v>21891</v>
      </c>
      <c r="C13894" s="358" t="s">
        <v>29368</v>
      </c>
      <c r="D13894" s="358" t="s">
        <v>21892</v>
      </c>
      <c r="E13894" s="358" t="s">
        <v>8356</v>
      </c>
      <c r="F13894" s="358" t="s">
        <v>14430</v>
      </c>
      <c r="G13894" s="358" t="s">
        <v>14431</v>
      </c>
      <c r="H13894" s="358" t="s">
        <v>14341</v>
      </c>
      <c r="I13894" s="358" t="s">
        <v>14431</v>
      </c>
      <c r="J13894" s="358"/>
      <c r="K13894" s="358"/>
      <c r="L13894" s="358"/>
    </row>
    <row r="13895" spans="2:12">
      <c r="B13895" s="367"/>
      <c r="C13895" s="367"/>
      <c r="D13895" s="367"/>
      <c r="E13895" s="367"/>
      <c r="F13895" s="360"/>
      <c r="G13895" s="360"/>
      <c r="H13895" s="360"/>
      <c r="I13895" s="360"/>
      <c r="J13895" s="365"/>
      <c r="K13895" s="365"/>
      <c r="L13895" s="365"/>
    </row>
    <row r="13896" spans="2:12" ht="28.5">
      <c r="B13896" s="367"/>
      <c r="C13896" s="367"/>
      <c r="D13896" s="367"/>
      <c r="E13896" s="367"/>
      <c r="F13896" s="359" t="s">
        <v>14394</v>
      </c>
      <c r="G13896" s="359" t="s">
        <v>14395</v>
      </c>
      <c r="H13896" s="359" t="s">
        <v>14370</v>
      </c>
      <c r="I13896" s="359" t="s">
        <v>14395</v>
      </c>
      <c r="J13896" s="365"/>
      <c r="K13896" s="365"/>
      <c r="L13896" s="365"/>
    </row>
    <row r="13897" spans="2:12">
      <c r="B13897" s="367"/>
      <c r="C13897" s="367"/>
      <c r="D13897" s="367"/>
      <c r="E13897" s="367"/>
      <c r="F13897" s="360"/>
      <c r="G13897" s="360"/>
      <c r="H13897" s="360"/>
      <c r="I13897" s="360"/>
      <c r="J13897" s="365"/>
      <c r="K13897" s="365"/>
      <c r="L13897" s="365"/>
    </row>
    <row r="13898" spans="2:12">
      <c r="B13898" s="368"/>
      <c r="C13898" s="368"/>
      <c r="D13898" s="368"/>
      <c r="E13898" s="368"/>
      <c r="F13898" s="362"/>
      <c r="G13898" s="362"/>
      <c r="H13898" s="361" t="s">
        <v>14332</v>
      </c>
      <c r="I13898" s="362"/>
      <c r="J13898" s="366"/>
      <c r="K13898" s="366"/>
      <c r="L13898" s="366"/>
    </row>
    <row r="13899" spans="2:12" ht="42.75">
      <c r="B13899" s="358" t="s">
        <v>21893</v>
      </c>
      <c r="C13899" s="358" t="s">
        <v>30286</v>
      </c>
      <c r="D13899" s="358" t="s">
        <v>21894</v>
      </c>
      <c r="E13899" s="358" t="s">
        <v>8356</v>
      </c>
      <c r="F13899" s="358" t="s">
        <v>14462</v>
      </c>
      <c r="G13899" s="358" t="s">
        <v>14463</v>
      </c>
      <c r="H13899" s="358" t="s">
        <v>8356</v>
      </c>
      <c r="I13899" s="358" t="s">
        <v>14463</v>
      </c>
      <c r="J13899" s="358"/>
      <c r="K13899" s="358"/>
      <c r="L13899" s="358"/>
    </row>
    <row r="13900" spans="2:12">
      <c r="B13900" s="368"/>
      <c r="C13900" s="368"/>
      <c r="D13900" s="368"/>
      <c r="E13900" s="368"/>
      <c r="F13900" s="368"/>
      <c r="G13900" s="368"/>
      <c r="H13900" s="368"/>
      <c r="I13900" s="368"/>
      <c r="J13900" s="366"/>
      <c r="K13900" s="366"/>
      <c r="L13900" s="366"/>
    </row>
    <row r="13901" spans="2:12" ht="99.75">
      <c r="B13901" s="358" t="s">
        <v>21895</v>
      </c>
      <c r="C13901" s="358" t="s">
        <v>29369</v>
      </c>
      <c r="D13901" s="358" t="s">
        <v>21896</v>
      </c>
      <c r="E13901" s="358" t="s">
        <v>8356</v>
      </c>
      <c r="F13901" s="358" t="s">
        <v>14462</v>
      </c>
      <c r="G13901" s="358" t="s">
        <v>14463</v>
      </c>
      <c r="H13901" s="358" t="s">
        <v>8356</v>
      </c>
      <c r="I13901" s="358" t="s">
        <v>14463</v>
      </c>
      <c r="J13901" s="358"/>
      <c r="K13901" s="358"/>
      <c r="L13901" s="358"/>
    </row>
    <row r="13902" spans="2:12">
      <c r="B13902" s="368"/>
      <c r="C13902" s="368"/>
      <c r="D13902" s="368"/>
      <c r="E13902" s="368"/>
      <c r="F13902" s="368"/>
      <c r="G13902" s="368"/>
      <c r="H13902" s="368"/>
      <c r="I13902" s="368"/>
      <c r="J13902" s="366"/>
      <c r="K13902" s="366"/>
      <c r="L13902" s="366"/>
    </row>
    <row r="13903" spans="2:12" ht="28.5">
      <c r="B13903" s="358" t="s">
        <v>21897</v>
      </c>
      <c r="C13903" s="358" t="s">
        <v>21898</v>
      </c>
      <c r="D13903" s="358" t="s">
        <v>21899</v>
      </c>
      <c r="E13903" s="358" t="s">
        <v>21900</v>
      </c>
      <c r="F13903" s="358" t="s">
        <v>14462</v>
      </c>
      <c r="G13903" s="358" t="s">
        <v>14463</v>
      </c>
      <c r="H13903" s="358" t="s">
        <v>8356</v>
      </c>
      <c r="I13903" s="358" t="s">
        <v>14463</v>
      </c>
      <c r="J13903" s="358"/>
      <c r="K13903" s="358"/>
      <c r="L13903" s="358"/>
    </row>
    <row r="13904" spans="2:12">
      <c r="B13904" s="368"/>
      <c r="C13904" s="368"/>
      <c r="D13904" s="368"/>
      <c r="E13904" s="368"/>
      <c r="F13904" s="368"/>
      <c r="G13904" s="368"/>
      <c r="H13904" s="368"/>
      <c r="I13904" s="368"/>
      <c r="J13904" s="366"/>
      <c r="K13904" s="366"/>
      <c r="L13904" s="366"/>
    </row>
    <row r="13905" spans="2:12" ht="57">
      <c r="B13905" s="358" t="s">
        <v>21901</v>
      </c>
      <c r="C13905" s="358" t="s">
        <v>30287</v>
      </c>
      <c r="D13905" s="358" t="s">
        <v>21902</v>
      </c>
      <c r="E13905" s="358" t="s">
        <v>8356</v>
      </c>
      <c r="F13905" s="358" t="s">
        <v>14391</v>
      </c>
      <c r="G13905" s="358" t="s">
        <v>14392</v>
      </c>
      <c r="H13905" s="358" t="s">
        <v>14367</v>
      </c>
      <c r="I13905" s="358" t="s">
        <v>14392</v>
      </c>
      <c r="J13905" s="358"/>
      <c r="K13905" s="358"/>
      <c r="L13905" s="358"/>
    </row>
    <row r="13906" spans="2:12">
      <c r="B13906" s="367"/>
      <c r="C13906" s="367"/>
      <c r="D13906" s="367"/>
      <c r="E13906" s="367"/>
      <c r="F13906" s="360"/>
      <c r="G13906" s="360"/>
      <c r="H13906" s="360"/>
      <c r="I13906" s="360"/>
      <c r="J13906" s="365"/>
      <c r="K13906" s="365"/>
      <c r="L13906" s="365"/>
    </row>
    <row r="13907" spans="2:12" ht="28.5">
      <c r="B13907" s="367"/>
      <c r="C13907" s="367"/>
      <c r="D13907" s="367"/>
      <c r="E13907" s="367"/>
      <c r="F13907" s="359" t="s">
        <v>14394</v>
      </c>
      <c r="G13907" s="359" t="s">
        <v>14395</v>
      </c>
      <c r="H13907" s="359" t="s">
        <v>14370</v>
      </c>
      <c r="I13907" s="359" t="s">
        <v>14395</v>
      </c>
      <c r="J13907" s="365"/>
      <c r="K13907" s="365"/>
      <c r="L13907" s="365"/>
    </row>
    <row r="13908" spans="2:12">
      <c r="B13908" s="367"/>
      <c r="C13908" s="367"/>
      <c r="D13908" s="367"/>
      <c r="E13908" s="367"/>
      <c r="F13908" s="360"/>
      <c r="G13908" s="360"/>
      <c r="H13908" s="360"/>
      <c r="I13908" s="360"/>
      <c r="J13908" s="365"/>
      <c r="K13908" s="365"/>
      <c r="L13908" s="365"/>
    </row>
    <row r="13909" spans="2:12">
      <c r="B13909" s="368"/>
      <c r="C13909" s="368"/>
      <c r="D13909" s="368"/>
      <c r="E13909" s="368"/>
      <c r="F13909" s="362"/>
      <c r="G13909" s="362"/>
      <c r="H13909" s="361" t="s">
        <v>14422</v>
      </c>
      <c r="I13909" s="362"/>
      <c r="J13909" s="366"/>
      <c r="K13909" s="366"/>
      <c r="L13909" s="366"/>
    </row>
    <row r="13910" spans="2:12" ht="42.75">
      <c r="B13910" s="358" t="s">
        <v>21903</v>
      </c>
      <c r="C13910" s="358" t="s">
        <v>27735</v>
      </c>
      <c r="D13910" s="358" t="s">
        <v>21904</v>
      </c>
      <c r="E13910" s="358" t="s">
        <v>21905</v>
      </c>
      <c r="F13910" s="358" t="s">
        <v>14389</v>
      </c>
      <c r="G13910" s="358" t="s">
        <v>14390</v>
      </c>
      <c r="H13910" s="358" t="s">
        <v>14367</v>
      </c>
      <c r="I13910" s="358" t="s">
        <v>14390</v>
      </c>
      <c r="J13910" s="358"/>
      <c r="K13910" s="358"/>
      <c r="L13910" s="358"/>
    </row>
    <row r="13911" spans="2:12">
      <c r="B13911" s="367"/>
      <c r="C13911" s="367"/>
      <c r="D13911" s="367"/>
      <c r="E13911" s="367"/>
      <c r="F13911" s="360"/>
      <c r="G13911" s="360"/>
      <c r="H13911" s="360"/>
      <c r="I13911" s="360"/>
      <c r="J13911" s="365"/>
      <c r="K13911" s="365"/>
      <c r="L13911" s="365"/>
    </row>
    <row r="13912" spans="2:12">
      <c r="B13912" s="368"/>
      <c r="C13912" s="368"/>
      <c r="D13912" s="368"/>
      <c r="E13912" s="368"/>
      <c r="F13912" s="361" t="s">
        <v>14391</v>
      </c>
      <c r="G13912" s="361" t="s">
        <v>14392</v>
      </c>
      <c r="H13912" s="361" t="s">
        <v>14422</v>
      </c>
      <c r="I13912" s="361" t="s">
        <v>14392</v>
      </c>
      <c r="J13912" s="366"/>
      <c r="K13912" s="366"/>
      <c r="L13912" s="366"/>
    </row>
    <row r="13913" spans="2:12">
      <c r="B13913" s="358" t="s">
        <v>21906</v>
      </c>
      <c r="C13913" s="358" t="s">
        <v>21907</v>
      </c>
      <c r="D13913" s="358" t="s">
        <v>21908</v>
      </c>
      <c r="E13913" s="358" t="s">
        <v>8356</v>
      </c>
      <c r="F13913" s="358" t="s">
        <v>14389</v>
      </c>
      <c r="G13913" s="358" t="s">
        <v>14390</v>
      </c>
      <c r="H13913" s="358" t="s">
        <v>14341</v>
      </c>
      <c r="I13913" s="358" t="s">
        <v>14390</v>
      </c>
      <c r="J13913" s="358"/>
      <c r="K13913" s="358"/>
      <c r="L13913" s="358"/>
    </row>
    <row r="13914" spans="2:12">
      <c r="B13914" s="367"/>
      <c r="C13914" s="367"/>
      <c r="D13914" s="367"/>
      <c r="E13914" s="367"/>
      <c r="F13914" s="360"/>
      <c r="G13914" s="360"/>
      <c r="H13914" s="360"/>
      <c r="I13914" s="360"/>
      <c r="J13914" s="365"/>
      <c r="K13914" s="365"/>
      <c r="L13914" s="365"/>
    </row>
    <row r="13915" spans="2:12">
      <c r="B13915" s="368"/>
      <c r="C13915" s="368"/>
      <c r="D13915" s="368"/>
      <c r="E13915" s="368"/>
      <c r="F13915" s="361" t="s">
        <v>14430</v>
      </c>
      <c r="G13915" s="361" t="s">
        <v>14431</v>
      </c>
      <c r="H13915" s="361" t="s">
        <v>14332</v>
      </c>
      <c r="I13915" s="361" t="s">
        <v>14431</v>
      </c>
      <c r="J13915" s="366"/>
      <c r="K13915" s="366"/>
      <c r="L13915" s="366"/>
    </row>
    <row r="13916" spans="2:12" ht="57">
      <c r="B13916" s="358" t="s">
        <v>21909</v>
      </c>
      <c r="C13916" s="358" t="s">
        <v>21910</v>
      </c>
      <c r="D13916" s="358" t="s">
        <v>21911</v>
      </c>
      <c r="E13916" s="358" t="s">
        <v>8356</v>
      </c>
      <c r="F13916" s="358" t="s">
        <v>29370</v>
      </c>
      <c r="G13916" s="358" t="s">
        <v>16363</v>
      </c>
      <c r="H13916" s="358" t="s">
        <v>14328</v>
      </c>
      <c r="I13916" s="358" t="s">
        <v>16363</v>
      </c>
      <c r="J13916" s="358"/>
      <c r="K13916" s="358"/>
      <c r="L13916" s="358"/>
    </row>
    <row r="13917" spans="2:12">
      <c r="B13917" s="367"/>
      <c r="C13917" s="367"/>
      <c r="D13917" s="367"/>
      <c r="E13917" s="367"/>
      <c r="F13917" s="367"/>
      <c r="G13917" s="360"/>
      <c r="H13917" s="360"/>
      <c r="I13917" s="360"/>
      <c r="J13917" s="365"/>
      <c r="K13917" s="365"/>
      <c r="L13917" s="365"/>
    </row>
    <row r="13918" spans="2:12">
      <c r="B13918" s="367"/>
      <c r="C13918" s="367"/>
      <c r="D13918" s="367"/>
      <c r="E13918" s="367"/>
      <c r="F13918" s="367"/>
      <c r="G13918" s="359" t="s">
        <v>14444</v>
      </c>
      <c r="H13918" s="359" t="s">
        <v>14381</v>
      </c>
      <c r="I13918" s="359" t="s">
        <v>14444</v>
      </c>
      <c r="J13918" s="365"/>
      <c r="K13918" s="365"/>
      <c r="L13918" s="365"/>
    </row>
    <row r="13919" spans="2:12">
      <c r="B13919" s="367"/>
      <c r="C13919" s="367"/>
      <c r="D13919" s="367"/>
      <c r="E13919" s="367"/>
      <c r="F13919" s="367"/>
      <c r="G13919" s="360"/>
      <c r="H13919" s="360"/>
      <c r="I13919" s="360"/>
      <c r="J13919" s="365"/>
      <c r="K13919" s="365"/>
      <c r="L13919" s="365"/>
    </row>
    <row r="13920" spans="2:12">
      <c r="B13920" s="368"/>
      <c r="C13920" s="368"/>
      <c r="D13920" s="368"/>
      <c r="E13920" s="368"/>
      <c r="F13920" s="368"/>
      <c r="G13920" s="362"/>
      <c r="H13920" s="361" t="s">
        <v>14332</v>
      </c>
      <c r="I13920" s="362"/>
      <c r="J13920" s="366"/>
      <c r="K13920" s="366"/>
      <c r="L13920" s="366"/>
    </row>
    <row r="13921" spans="2:12" ht="356.25">
      <c r="B13921" s="358" t="s">
        <v>21912</v>
      </c>
      <c r="C13921" s="358" t="s">
        <v>29371</v>
      </c>
      <c r="D13921" s="358" t="s">
        <v>21913</v>
      </c>
      <c r="E13921" s="358" t="s">
        <v>8356</v>
      </c>
      <c r="F13921" s="358" t="s">
        <v>14389</v>
      </c>
      <c r="G13921" s="358" t="s">
        <v>14390</v>
      </c>
      <c r="H13921" s="358" t="s">
        <v>14367</v>
      </c>
      <c r="I13921" s="358" t="s">
        <v>14390</v>
      </c>
      <c r="J13921" s="358"/>
      <c r="K13921" s="358"/>
      <c r="L13921" s="358"/>
    </row>
    <row r="13922" spans="2:12">
      <c r="B13922" s="367"/>
      <c r="C13922" s="367"/>
      <c r="D13922" s="367"/>
      <c r="E13922" s="367"/>
      <c r="F13922" s="360"/>
      <c r="G13922" s="360"/>
      <c r="H13922" s="360"/>
      <c r="I13922" s="360"/>
      <c r="J13922" s="365"/>
      <c r="K13922" s="365"/>
      <c r="L13922" s="365"/>
    </row>
    <row r="13923" spans="2:12" ht="28.5">
      <c r="B13923" s="367"/>
      <c r="C13923" s="367"/>
      <c r="D13923" s="367"/>
      <c r="E13923" s="367"/>
      <c r="F13923" s="359" t="s">
        <v>14394</v>
      </c>
      <c r="G13923" s="359" t="s">
        <v>14395</v>
      </c>
      <c r="H13923" s="359" t="s">
        <v>14370</v>
      </c>
      <c r="I13923" s="359" t="s">
        <v>14395</v>
      </c>
      <c r="J13923" s="365"/>
      <c r="K13923" s="365"/>
      <c r="L13923" s="365"/>
    </row>
    <row r="13924" spans="2:12">
      <c r="B13924" s="367"/>
      <c r="C13924" s="367"/>
      <c r="D13924" s="367"/>
      <c r="E13924" s="367"/>
      <c r="F13924" s="360"/>
      <c r="G13924" s="360"/>
      <c r="H13924" s="360"/>
      <c r="I13924" s="360"/>
      <c r="J13924" s="365"/>
      <c r="K13924" s="365"/>
      <c r="L13924" s="365"/>
    </row>
    <row r="13925" spans="2:12">
      <c r="B13925" s="368"/>
      <c r="C13925" s="368"/>
      <c r="D13925" s="368"/>
      <c r="E13925" s="368"/>
      <c r="F13925" s="362"/>
      <c r="G13925" s="362"/>
      <c r="H13925" s="361" t="s">
        <v>14422</v>
      </c>
      <c r="I13925" s="362"/>
      <c r="J13925" s="366"/>
      <c r="K13925" s="366"/>
      <c r="L13925" s="366"/>
    </row>
    <row r="13926" spans="2:12" ht="28.5">
      <c r="B13926" s="358" t="s">
        <v>21914</v>
      </c>
      <c r="C13926" s="358" t="s">
        <v>27736</v>
      </c>
      <c r="D13926" s="358" t="s">
        <v>21915</v>
      </c>
      <c r="E13926" s="358" t="s">
        <v>8356</v>
      </c>
      <c r="F13926" s="358" t="s">
        <v>14420</v>
      </c>
      <c r="G13926" s="358" t="s">
        <v>14429</v>
      </c>
      <c r="H13926" s="358" t="s">
        <v>14367</v>
      </c>
      <c r="I13926" s="358" t="s">
        <v>14429</v>
      </c>
      <c r="J13926" s="358"/>
      <c r="K13926" s="358"/>
      <c r="L13926" s="358"/>
    </row>
    <row r="13927" spans="2:12">
      <c r="B13927" s="367"/>
      <c r="C13927" s="367"/>
      <c r="D13927" s="367"/>
      <c r="E13927" s="367"/>
      <c r="F13927" s="367"/>
      <c r="G13927" s="367"/>
      <c r="H13927" s="360"/>
      <c r="I13927" s="367"/>
      <c r="J13927" s="365"/>
      <c r="K13927" s="365"/>
      <c r="L13927" s="365"/>
    </row>
    <row r="13928" spans="2:12">
      <c r="B13928" s="368"/>
      <c r="C13928" s="368"/>
      <c r="D13928" s="368"/>
      <c r="E13928" s="368"/>
      <c r="F13928" s="368"/>
      <c r="G13928" s="368"/>
      <c r="H13928" s="361" t="s">
        <v>14422</v>
      </c>
      <c r="I13928" s="368"/>
      <c r="J13928" s="366"/>
      <c r="K13928" s="366"/>
      <c r="L13928" s="366"/>
    </row>
    <row r="13929" spans="2:12" ht="71.25">
      <c r="B13929" s="358" t="s">
        <v>21916</v>
      </c>
      <c r="C13929" s="358" t="s">
        <v>30288</v>
      </c>
      <c r="D13929" s="358" t="s">
        <v>21917</v>
      </c>
      <c r="E13929" s="358" t="s">
        <v>8356</v>
      </c>
      <c r="F13929" s="358" t="s">
        <v>14472</v>
      </c>
      <c r="G13929" s="358" t="s">
        <v>14473</v>
      </c>
      <c r="H13929" s="358" t="s">
        <v>8356</v>
      </c>
      <c r="I13929" s="358" t="s">
        <v>14473</v>
      </c>
      <c r="J13929" s="358"/>
      <c r="K13929" s="358"/>
      <c r="L13929" s="358"/>
    </row>
    <row r="13930" spans="2:12">
      <c r="B13930" s="368"/>
      <c r="C13930" s="368"/>
      <c r="D13930" s="368"/>
      <c r="E13930" s="368"/>
      <c r="F13930" s="368"/>
      <c r="G13930" s="368"/>
      <c r="H13930" s="368"/>
      <c r="I13930" s="368"/>
      <c r="J13930" s="366"/>
      <c r="K13930" s="366"/>
      <c r="L13930" s="366"/>
    </row>
    <row r="13931" spans="2:12" ht="42.75">
      <c r="B13931" s="358" t="s">
        <v>21918</v>
      </c>
      <c r="C13931" s="358" t="s">
        <v>30289</v>
      </c>
      <c r="D13931" s="358" t="s">
        <v>21919</v>
      </c>
      <c r="E13931" s="358" t="s">
        <v>21920</v>
      </c>
      <c r="F13931" s="358" t="s">
        <v>14391</v>
      </c>
      <c r="G13931" s="358" t="s">
        <v>14392</v>
      </c>
      <c r="H13931" s="358" t="s">
        <v>14367</v>
      </c>
      <c r="I13931" s="358" t="s">
        <v>14392</v>
      </c>
      <c r="J13931" s="358"/>
      <c r="K13931" s="358"/>
      <c r="L13931" s="358"/>
    </row>
    <row r="13932" spans="2:12">
      <c r="B13932" s="367"/>
      <c r="C13932" s="367"/>
      <c r="D13932" s="367"/>
      <c r="E13932" s="367"/>
      <c r="F13932" s="367"/>
      <c r="G13932" s="367"/>
      <c r="H13932" s="360"/>
      <c r="I13932" s="367"/>
      <c r="J13932" s="365"/>
      <c r="K13932" s="365"/>
      <c r="L13932" s="365"/>
    </row>
    <row r="13933" spans="2:12">
      <c r="B13933" s="368"/>
      <c r="C13933" s="368"/>
      <c r="D13933" s="368"/>
      <c r="E13933" s="368"/>
      <c r="F13933" s="368"/>
      <c r="G13933" s="368"/>
      <c r="H13933" s="361" t="s">
        <v>14422</v>
      </c>
      <c r="I13933" s="368"/>
      <c r="J13933" s="366"/>
      <c r="K13933" s="366"/>
      <c r="L13933" s="366"/>
    </row>
    <row r="13934" spans="2:12" ht="28.5">
      <c r="B13934" s="358" t="s">
        <v>21921</v>
      </c>
      <c r="C13934" s="358" t="s">
        <v>27737</v>
      </c>
      <c r="D13934" s="358" t="s">
        <v>21922</v>
      </c>
      <c r="E13934" s="358" t="s">
        <v>8356</v>
      </c>
      <c r="F13934" s="358" t="s">
        <v>14462</v>
      </c>
      <c r="G13934" s="358" t="s">
        <v>14463</v>
      </c>
      <c r="H13934" s="358" t="s">
        <v>8356</v>
      </c>
      <c r="I13934" s="358" t="s">
        <v>14463</v>
      </c>
      <c r="J13934" s="358"/>
      <c r="K13934" s="358"/>
      <c r="L13934" s="358"/>
    </row>
    <row r="13935" spans="2:12">
      <c r="B13935" s="368"/>
      <c r="C13935" s="368"/>
      <c r="D13935" s="368"/>
      <c r="E13935" s="368"/>
      <c r="F13935" s="368"/>
      <c r="G13935" s="368"/>
      <c r="H13935" s="368"/>
      <c r="I13935" s="368"/>
      <c r="J13935" s="366"/>
      <c r="K13935" s="366"/>
      <c r="L13935" s="366"/>
    </row>
    <row r="13936" spans="2:12" ht="28.5">
      <c r="B13936" s="358" t="s">
        <v>21923</v>
      </c>
      <c r="C13936" s="358" t="s">
        <v>27738</v>
      </c>
      <c r="D13936" s="358" t="s">
        <v>21924</v>
      </c>
      <c r="E13936" s="358" t="s">
        <v>8356</v>
      </c>
      <c r="F13936" s="358" t="s">
        <v>14462</v>
      </c>
      <c r="G13936" s="358" t="s">
        <v>14463</v>
      </c>
      <c r="H13936" s="358" t="s">
        <v>8356</v>
      </c>
      <c r="I13936" s="358" t="s">
        <v>14463</v>
      </c>
      <c r="J13936" s="358"/>
      <c r="K13936" s="358"/>
      <c r="L13936" s="358"/>
    </row>
    <row r="13937" spans="2:12">
      <c r="B13937" s="368"/>
      <c r="C13937" s="368"/>
      <c r="D13937" s="368"/>
      <c r="E13937" s="368"/>
      <c r="F13937" s="368"/>
      <c r="G13937" s="368"/>
      <c r="H13937" s="368"/>
      <c r="I13937" s="368"/>
      <c r="J13937" s="366"/>
      <c r="K13937" s="366"/>
      <c r="L13937" s="366"/>
    </row>
    <row r="13938" spans="2:12" ht="28.5">
      <c r="B13938" s="358" t="s">
        <v>21925</v>
      </c>
      <c r="C13938" s="358" t="s">
        <v>21926</v>
      </c>
      <c r="D13938" s="358" t="s">
        <v>21927</v>
      </c>
      <c r="E13938" s="358" t="s">
        <v>21928</v>
      </c>
      <c r="F13938" s="358" t="s">
        <v>14462</v>
      </c>
      <c r="G13938" s="358" t="s">
        <v>14463</v>
      </c>
      <c r="H13938" s="358" t="s">
        <v>8356</v>
      </c>
      <c r="I13938" s="358" t="s">
        <v>14463</v>
      </c>
      <c r="J13938" s="358"/>
      <c r="K13938" s="358"/>
      <c r="L13938" s="358"/>
    </row>
    <row r="13939" spans="2:12">
      <c r="B13939" s="368"/>
      <c r="C13939" s="368"/>
      <c r="D13939" s="368"/>
      <c r="E13939" s="368"/>
      <c r="F13939" s="368"/>
      <c r="G13939" s="368"/>
      <c r="H13939" s="368"/>
      <c r="I13939" s="368"/>
      <c r="J13939" s="366"/>
      <c r="K13939" s="366"/>
      <c r="L13939" s="366"/>
    </row>
    <row r="13940" spans="2:12">
      <c r="B13940" s="358" t="s">
        <v>21929</v>
      </c>
      <c r="C13940" s="358" t="s">
        <v>21930</v>
      </c>
      <c r="D13940" s="358" t="s">
        <v>21931</v>
      </c>
      <c r="E13940" s="358" t="s">
        <v>21932</v>
      </c>
      <c r="F13940" s="358" t="s">
        <v>14420</v>
      </c>
      <c r="G13940" s="358" t="s">
        <v>14429</v>
      </c>
      <c r="H13940" s="358" t="s">
        <v>14367</v>
      </c>
      <c r="I13940" s="358" t="s">
        <v>14429</v>
      </c>
      <c r="J13940" s="358"/>
      <c r="K13940" s="358"/>
      <c r="L13940" s="358"/>
    </row>
    <row r="13941" spans="2:12">
      <c r="B13941" s="367"/>
      <c r="C13941" s="367"/>
      <c r="D13941" s="367"/>
      <c r="E13941" s="367"/>
      <c r="F13941" s="360"/>
      <c r="G13941" s="360"/>
      <c r="H13941" s="360"/>
      <c r="I13941" s="360"/>
      <c r="J13941" s="365"/>
      <c r="K13941" s="365"/>
      <c r="L13941" s="365"/>
    </row>
    <row r="13942" spans="2:12">
      <c r="B13942" s="367"/>
      <c r="C13942" s="367"/>
      <c r="D13942" s="367"/>
      <c r="E13942" s="367"/>
      <c r="F13942" s="359" t="s">
        <v>14391</v>
      </c>
      <c r="G13942" s="359" t="s">
        <v>14392</v>
      </c>
      <c r="H13942" s="359" t="s">
        <v>14370</v>
      </c>
      <c r="I13942" s="359" t="s">
        <v>14392</v>
      </c>
      <c r="J13942" s="365"/>
      <c r="K13942" s="365"/>
      <c r="L13942" s="365"/>
    </row>
    <row r="13943" spans="2:12">
      <c r="B13943" s="367"/>
      <c r="C13943" s="367"/>
      <c r="D13943" s="367"/>
      <c r="E13943" s="367"/>
      <c r="F13943" s="360"/>
      <c r="G13943" s="360"/>
      <c r="H13943" s="360"/>
      <c r="I13943" s="360"/>
      <c r="J13943" s="365"/>
      <c r="K13943" s="365"/>
      <c r="L13943" s="365"/>
    </row>
    <row r="13944" spans="2:12">
      <c r="B13944" s="367"/>
      <c r="C13944" s="367"/>
      <c r="D13944" s="367"/>
      <c r="E13944" s="367"/>
      <c r="F13944" s="359" t="s">
        <v>14371</v>
      </c>
      <c r="G13944" s="359" t="s">
        <v>14372</v>
      </c>
      <c r="H13944" s="359" t="s">
        <v>14422</v>
      </c>
      <c r="I13944" s="359" t="s">
        <v>14373</v>
      </c>
      <c r="J13944" s="365"/>
      <c r="K13944" s="365"/>
      <c r="L13944" s="365"/>
    </row>
    <row r="13945" spans="2:12">
      <c r="B13945" s="367"/>
      <c r="C13945" s="367"/>
      <c r="D13945" s="367"/>
      <c r="E13945" s="367"/>
      <c r="F13945" s="360"/>
      <c r="G13945" s="360"/>
      <c r="H13945" s="360"/>
      <c r="I13945" s="360"/>
      <c r="J13945" s="365"/>
      <c r="K13945" s="365"/>
      <c r="L13945" s="365"/>
    </row>
    <row r="13946" spans="2:12" ht="28.5">
      <c r="B13946" s="368"/>
      <c r="C13946" s="368"/>
      <c r="D13946" s="368"/>
      <c r="E13946" s="368"/>
      <c r="F13946" s="361" t="s">
        <v>14374</v>
      </c>
      <c r="G13946" s="361" t="s">
        <v>14373</v>
      </c>
      <c r="H13946" s="362"/>
      <c r="I13946" s="362"/>
      <c r="J13946" s="366"/>
      <c r="K13946" s="366"/>
      <c r="L13946" s="366"/>
    </row>
    <row r="13947" spans="2:12">
      <c r="B13947" s="358" t="s">
        <v>21933</v>
      </c>
      <c r="C13947" s="358" t="s">
        <v>21934</v>
      </c>
      <c r="D13947" s="358" t="s">
        <v>21935</v>
      </c>
      <c r="E13947" s="358" t="s">
        <v>21936</v>
      </c>
      <c r="F13947" s="358" t="s">
        <v>14418</v>
      </c>
      <c r="G13947" s="358" t="s">
        <v>14419</v>
      </c>
      <c r="H13947" s="358" t="s">
        <v>14328</v>
      </c>
      <c r="I13947" s="358" t="s">
        <v>14419</v>
      </c>
      <c r="J13947" s="358"/>
      <c r="K13947" s="358"/>
      <c r="L13947" s="358" t="s">
        <v>14611</v>
      </c>
    </row>
    <row r="13948" spans="2:12">
      <c r="B13948" s="367"/>
      <c r="C13948" s="367"/>
      <c r="D13948" s="367"/>
      <c r="E13948" s="367"/>
      <c r="F13948" s="360"/>
      <c r="G13948" s="360"/>
      <c r="H13948" s="360"/>
      <c r="I13948" s="360"/>
      <c r="J13948" s="365"/>
      <c r="K13948" s="365"/>
      <c r="L13948" s="367"/>
    </row>
    <row r="13949" spans="2:12">
      <c r="B13949" s="367"/>
      <c r="C13949" s="367"/>
      <c r="D13949" s="367"/>
      <c r="E13949" s="367"/>
      <c r="F13949" s="359" t="s">
        <v>14386</v>
      </c>
      <c r="G13949" s="359" t="s">
        <v>14387</v>
      </c>
      <c r="H13949" s="359" t="s">
        <v>14367</v>
      </c>
      <c r="I13949" s="359" t="s">
        <v>14387</v>
      </c>
      <c r="J13949" s="365"/>
      <c r="K13949" s="365"/>
      <c r="L13949" s="367"/>
    </row>
    <row r="13950" spans="2:12">
      <c r="B13950" s="367"/>
      <c r="C13950" s="367"/>
      <c r="D13950" s="367"/>
      <c r="E13950" s="367"/>
      <c r="F13950" s="360"/>
      <c r="G13950" s="360"/>
      <c r="H13950" s="360"/>
      <c r="I13950" s="360"/>
      <c r="J13950" s="365"/>
      <c r="K13950" s="365"/>
      <c r="L13950" s="367"/>
    </row>
    <row r="13951" spans="2:12">
      <c r="B13951" s="368"/>
      <c r="C13951" s="368"/>
      <c r="D13951" s="368"/>
      <c r="E13951" s="368"/>
      <c r="F13951" s="361" t="s">
        <v>14368</v>
      </c>
      <c r="G13951" s="361" t="s">
        <v>14388</v>
      </c>
      <c r="H13951" s="361" t="s">
        <v>14332</v>
      </c>
      <c r="I13951" s="361" t="s">
        <v>14388</v>
      </c>
      <c r="J13951" s="366"/>
      <c r="K13951" s="366"/>
      <c r="L13951" s="368"/>
    </row>
    <row r="13952" spans="2:12">
      <c r="B13952" s="358" t="s">
        <v>21937</v>
      </c>
      <c r="C13952" s="358" t="s">
        <v>27739</v>
      </c>
      <c r="D13952" s="358" t="s">
        <v>8356</v>
      </c>
      <c r="E13952" s="358" t="s">
        <v>21938</v>
      </c>
      <c r="F13952" s="358" t="s">
        <v>14505</v>
      </c>
      <c r="G13952" s="358" t="s">
        <v>14506</v>
      </c>
      <c r="H13952" s="358" t="s">
        <v>14328</v>
      </c>
      <c r="I13952" s="358" t="s">
        <v>14506</v>
      </c>
      <c r="J13952" s="358"/>
      <c r="K13952" s="358"/>
      <c r="L13952" s="358" t="s">
        <v>14611</v>
      </c>
    </row>
    <row r="13953" spans="2:12">
      <c r="B13953" s="367"/>
      <c r="C13953" s="367"/>
      <c r="D13953" s="367"/>
      <c r="E13953" s="367"/>
      <c r="F13953" s="367"/>
      <c r="G13953" s="367"/>
      <c r="H13953" s="360"/>
      <c r="I13953" s="367"/>
      <c r="J13953" s="365"/>
      <c r="K13953" s="365"/>
      <c r="L13953" s="367"/>
    </row>
    <row r="13954" spans="2:12">
      <c r="B13954" s="368"/>
      <c r="C13954" s="368"/>
      <c r="D13954" s="368"/>
      <c r="E13954" s="368"/>
      <c r="F13954" s="368"/>
      <c r="G13954" s="368"/>
      <c r="H13954" s="361" t="s">
        <v>14332</v>
      </c>
      <c r="I13954" s="368"/>
      <c r="J13954" s="366"/>
      <c r="K13954" s="366"/>
      <c r="L13954" s="368"/>
    </row>
    <row r="13955" spans="2:12">
      <c r="B13955" s="358" t="s">
        <v>13150</v>
      </c>
      <c r="C13955" s="358" t="s">
        <v>27740</v>
      </c>
      <c r="D13955" s="358" t="s">
        <v>13151</v>
      </c>
      <c r="E13955" s="358" t="s">
        <v>13152</v>
      </c>
      <c r="F13955" s="358" t="s">
        <v>14424</v>
      </c>
      <c r="G13955" s="358" t="s">
        <v>29372</v>
      </c>
      <c r="H13955" s="358" t="s">
        <v>14367</v>
      </c>
      <c r="I13955" s="358" t="s">
        <v>29372</v>
      </c>
      <c r="J13955" s="358"/>
      <c r="K13955" s="358"/>
      <c r="L13955" s="358"/>
    </row>
    <row r="13956" spans="2:12">
      <c r="B13956" s="367"/>
      <c r="C13956" s="367"/>
      <c r="D13956" s="367"/>
      <c r="E13956" s="367"/>
      <c r="F13956" s="360"/>
      <c r="G13956" s="360"/>
      <c r="H13956" s="360"/>
      <c r="I13956" s="360"/>
      <c r="J13956" s="365"/>
      <c r="K13956" s="365"/>
      <c r="L13956" s="365"/>
    </row>
    <row r="13957" spans="2:12">
      <c r="B13957" s="367"/>
      <c r="C13957" s="367"/>
      <c r="D13957" s="367"/>
      <c r="E13957" s="367"/>
      <c r="F13957" s="359" t="s">
        <v>14384</v>
      </c>
      <c r="G13957" s="359" t="s">
        <v>14429</v>
      </c>
      <c r="H13957" s="359" t="s">
        <v>14381</v>
      </c>
      <c r="I13957" s="359" t="s">
        <v>14429</v>
      </c>
      <c r="J13957" s="365"/>
      <c r="K13957" s="365"/>
      <c r="L13957" s="365"/>
    </row>
    <row r="13958" spans="2:12">
      <c r="B13958" s="367"/>
      <c r="C13958" s="367"/>
      <c r="D13958" s="367"/>
      <c r="E13958" s="367"/>
      <c r="F13958" s="360"/>
      <c r="G13958" s="360"/>
      <c r="H13958" s="360"/>
      <c r="I13958" s="360"/>
      <c r="J13958" s="365"/>
      <c r="K13958" s="365"/>
      <c r="L13958" s="365"/>
    </row>
    <row r="13959" spans="2:12">
      <c r="B13959" s="368"/>
      <c r="C13959" s="368"/>
      <c r="D13959" s="368"/>
      <c r="E13959" s="368"/>
      <c r="F13959" s="361" t="s">
        <v>15089</v>
      </c>
      <c r="G13959" s="362"/>
      <c r="H13959" s="361" t="s">
        <v>14332</v>
      </c>
      <c r="I13959" s="362"/>
      <c r="J13959" s="366"/>
      <c r="K13959" s="366"/>
      <c r="L13959" s="366"/>
    </row>
    <row r="13960" spans="2:12" ht="42.75">
      <c r="B13960" s="358" t="s">
        <v>21939</v>
      </c>
      <c r="C13960" s="358" t="s">
        <v>30290</v>
      </c>
      <c r="D13960" s="358"/>
      <c r="E13960" s="358" t="s">
        <v>1656</v>
      </c>
      <c r="F13960" s="358" t="s">
        <v>14443</v>
      </c>
      <c r="G13960" s="358" t="s">
        <v>14444</v>
      </c>
      <c r="H13960" s="358" t="s">
        <v>14378</v>
      </c>
      <c r="I13960" s="358" t="s">
        <v>14444</v>
      </c>
      <c r="J13960" s="358"/>
      <c r="K13960" s="358" t="s">
        <v>14864</v>
      </c>
      <c r="L13960" s="358"/>
    </row>
    <row r="13961" spans="2:12">
      <c r="B13961" s="367"/>
      <c r="C13961" s="367"/>
      <c r="D13961" s="365"/>
      <c r="E13961" s="367"/>
      <c r="F13961" s="360"/>
      <c r="G13961" s="360"/>
      <c r="H13961" s="360"/>
      <c r="I13961" s="360"/>
      <c r="J13961" s="365"/>
      <c r="K13961" s="360"/>
      <c r="L13961" s="365"/>
    </row>
    <row r="13962" spans="2:12">
      <c r="B13962" s="367"/>
      <c r="C13962" s="367"/>
      <c r="D13962" s="365"/>
      <c r="E13962" s="367"/>
      <c r="F13962" s="359" t="s">
        <v>14656</v>
      </c>
      <c r="G13962" s="359" t="s">
        <v>14483</v>
      </c>
      <c r="H13962" s="359" t="s">
        <v>14381</v>
      </c>
      <c r="I13962" s="359" t="s">
        <v>14483</v>
      </c>
      <c r="J13962" s="365"/>
      <c r="K13962" s="359" t="s">
        <v>21940</v>
      </c>
      <c r="L13962" s="365"/>
    </row>
    <row r="13963" spans="2:12">
      <c r="B13963" s="367"/>
      <c r="C13963" s="367"/>
      <c r="D13963" s="365"/>
      <c r="E13963" s="367"/>
      <c r="F13963" s="360"/>
      <c r="G13963" s="360"/>
      <c r="H13963" s="360"/>
      <c r="I13963" s="360"/>
      <c r="J13963" s="365"/>
      <c r="K13963" s="360"/>
      <c r="L13963" s="365"/>
    </row>
    <row r="13964" spans="2:12">
      <c r="B13964" s="367"/>
      <c r="C13964" s="367"/>
      <c r="D13964" s="365"/>
      <c r="E13964" s="367"/>
      <c r="F13964" s="359" t="s">
        <v>14700</v>
      </c>
      <c r="G13964" s="359" t="s">
        <v>14405</v>
      </c>
      <c r="H13964" s="359" t="s">
        <v>14370</v>
      </c>
      <c r="I13964" s="359" t="s">
        <v>14405</v>
      </c>
      <c r="J13964" s="365"/>
      <c r="K13964" s="360"/>
      <c r="L13964" s="365"/>
    </row>
    <row r="13965" spans="2:12">
      <c r="B13965" s="367"/>
      <c r="C13965" s="367"/>
      <c r="D13965" s="365"/>
      <c r="E13965" s="367"/>
      <c r="F13965" s="360"/>
      <c r="G13965" s="360"/>
      <c r="H13965" s="360"/>
      <c r="I13965" s="360"/>
      <c r="J13965" s="365"/>
      <c r="K13965" s="360"/>
      <c r="L13965" s="365"/>
    </row>
    <row r="13966" spans="2:12" ht="28.5">
      <c r="B13966" s="367"/>
      <c r="C13966" s="367"/>
      <c r="D13966" s="365"/>
      <c r="E13966" s="367"/>
      <c r="F13966" s="359" t="s">
        <v>14384</v>
      </c>
      <c r="G13966" s="359" t="s">
        <v>29373</v>
      </c>
      <c r="H13966" s="359" t="s">
        <v>14332</v>
      </c>
      <c r="I13966" s="359" t="s">
        <v>29373</v>
      </c>
      <c r="J13966" s="365"/>
      <c r="K13966" s="360"/>
      <c r="L13966" s="365"/>
    </row>
    <row r="13967" spans="2:12">
      <c r="B13967" s="367"/>
      <c r="C13967" s="367"/>
      <c r="D13967" s="365"/>
      <c r="E13967" s="367"/>
      <c r="F13967" s="360"/>
      <c r="G13967" s="360"/>
      <c r="H13967" s="360"/>
      <c r="I13967" s="360"/>
      <c r="J13967" s="365"/>
      <c r="K13967" s="360"/>
      <c r="L13967" s="365"/>
    </row>
    <row r="13968" spans="2:12" ht="28.5">
      <c r="B13968" s="367"/>
      <c r="C13968" s="367"/>
      <c r="D13968" s="365"/>
      <c r="E13968" s="367"/>
      <c r="F13968" s="359" t="s">
        <v>28389</v>
      </c>
      <c r="G13968" s="359" t="s">
        <v>29374</v>
      </c>
      <c r="H13968" s="360"/>
      <c r="I13968" s="359" t="s">
        <v>29374</v>
      </c>
      <c r="J13968" s="365"/>
      <c r="K13968" s="360"/>
      <c r="L13968" s="365"/>
    </row>
    <row r="13969" spans="2:12">
      <c r="B13969" s="367"/>
      <c r="C13969" s="367"/>
      <c r="D13969" s="365"/>
      <c r="E13969" s="367"/>
      <c r="F13969" s="360"/>
      <c r="G13969" s="360"/>
      <c r="H13969" s="360"/>
      <c r="I13969" s="360"/>
      <c r="J13969" s="365"/>
      <c r="K13969" s="360"/>
      <c r="L13969" s="365"/>
    </row>
    <row r="13970" spans="2:12" ht="28.5">
      <c r="B13970" s="367"/>
      <c r="C13970" s="367"/>
      <c r="D13970" s="365"/>
      <c r="E13970" s="367"/>
      <c r="F13970" s="359" t="s">
        <v>14374</v>
      </c>
      <c r="G13970" s="359" t="s">
        <v>14372</v>
      </c>
      <c r="H13970" s="360"/>
      <c r="I13970" s="359" t="s">
        <v>14373</v>
      </c>
      <c r="J13970" s="365"/>
      <c r="K13970" s="360"/>
      <c r="L13970" s="365"/>
    </row>
    <row r="13971" spans="2:12">
      <c r="B13971" s="367"/>
      <c r="C13971" s="367"/>
      <c r="D13971" s="365"/>
      <c r="E13971" s="367"/>
      <c r="F13971" s="360"/>
      <c r="G13971" s="360"/>
      <c r="H13971" s="360"/>
      <c r="I13971" s="360"/>
      <c r="J13971" s="365"/>
      <c r="K13971" s="360"/>
      <c r="L13971" s="365"/>
    </row>
    <row r="13972" spans="2:12">
      <c r="B13972" s="368"/>
      <c r="C13972" s="368"/>
      <c r="D13972" s="366"/>
      <c r="E13972" s="368"/>
      <c r="F13972" s="362"/>
      <c r="G13972" s="361" t="s">
        <v>14373</v>
      </c>
      <c r="H13972" s="362"/>
      <c r="I13972" s="362"/>
      <c r="J13972" s="366"/>
      <c r="K13972" s="362"/>
      <c r="L13972" s="366"/>
    </row>
    <row r="13973" spans="2:12" ht="142.5">
      <c r="B13973" s="358" t="s">
        <v>21941</v>
      </c>
      <c r="C13973" s="358" t="s">
        <v>30291</v>
      </c>
      <c r="D13973" s="358"/>
      <c r="E13973" s="358" t="s">
        <v>21942</v>
      </c>
      <c r="F13973" s="358" t="s">
        <v>14656</v>
      </c>
      <c r="G13973" s="358" t="s">
        <v>14383</v>
      </c>
      <c r="H13973" s="358" t="s">
        <v>14378</v>
      </c>
      <c r="I13973" s="358" t="s">
        <v>14383</v>
      </c>
      <c r="J13973" s="358"/>
      <c r="K13973" s="358" t="s">
        <v>14863</v>
      </c>
      <c r="L13973" s="358"/>
    </row>
    <row r="13974" spans="2:12">
      <c r="B13974" s="367"/>
      <c r="C13974" s="367"/>
      <c r="D13974" s="365"/>
      <c r="E13974" s="360"/>
      <c r="F13974" s="360"/>
      <c r="G13974" s="360"/>
      <c r="H13974" s="360"/>
      <c r="I13974" s="360"/>
      <c r="J13974" s="365"/>
      <c r="K13974" s="360"/>
      <c r="L13974" s="365"/>
    </row>
    <row r="13975" spans="2:12" ht="28.5">
      <c r="B13975" s="367"/>
      <c r="C13975" s="367"/>
      <c r="D13975" s="365"/>
      <c r="E13975" s="359" t="s">
        <v>21943</v>
      </c>
      <c r="F13975" s="359" t="s">
        <v>15089</v>
      </c>
      <c r="G13975" s="359" t="s">
        <v>14459</v>
      </c>
      <c r="H13975" s="359" t="s">
        <v>14381</v>
      </c>
      <c r="I13975" s="359" t="s">
        <v>14459</v>
      </c>
      <c r="J13975" s="365"/>
      <c r="K13975" s="359" t="s">
        <v>14863</v>
      </c>
      <c r="L13975" s="365"/>
    </row>
    <row r="13976" spans="2:12">
      <c r="B13976" s="367"/>
      <c r="C13976" s="367"/>
      <c r="D13976" s="365"/>
      <c r="E13976" s="360"/>
      <c r="F13976" s="360"/>
      <c r="G13976" s="360"/>
      <c r="H13976" s="360"/>
      <c r="I13976" s="360"/>
      <c r="J13976" s="365"/>
      <c r="K13976" s="360"/>
      <c r="L13976" s="365"/>
    </row>
    <row r="13977" spans="2:12" ht="71.25">
      <c r="B13977" s="367"/>
      <c r="C13977" s="367"/>
      <c r="D13977" s="365"/>
      <c r="E13977" s="360"/>
      <c r="F13977" s="359" t="s">
        <v>14384</v>
      </c>
      <c r="G13977" s="359" t="s">
        <v>21944</v>
      </c>
      <c r="H13977" s="359" t="s">
        <v>14370</v>
      </c>
      <c r="I13977" s="359" t="s">
        <v>21944</v>
      </c>
      <c r="J13977" s="365"/>
      <c r="K13977" s="360"/>
      <c r="L13977" s="365"/>
    </row>
    <row r="13978" spans="2:12">
      <c r="B13978" s="367"/>
      <c r="C13978" s="367"/>
      <c r="D13978" s="365"/>
      <c r="E13978" s="360"/>
      <c r="F13978" s="360"/>
      <c r="G13978" s="360"/>
      <c r="H13978" s="360"/>
      <c r="I13978" s="360"/>
      <c r="J13978" s="365"/>
      <c r="K13978" s="360"/>
      <c r="L13978" s="365"/>
    </row>
    <row r="13979" spans="2:12" ht="28.5">
      <c r="B13979" s="367"/>
      <c r="C13979" s="367"/>
      <c r="D13979" s="365"/>
      <c r="E13979" s="360"/>
      <c r="F13979" s="359" t="s">
        <v>28389</v>
      </c>
      <c r="G13979" s="359" t="s">
        <v>14392</v>
      </c>
      <c r="H13979" s="359" t="s">
        <v>14332</v>
      </c>
      <c r="I13979" s="359" t="s">
        <v>14392</v>
      </c>
      <c r="J13979" s="365"/>
      <c r="K13979" s="360"/>
      <c r="L13979" s="365"/>
    </row>
    <row r="13980" spans="2:12">
      <c r="B13980" s="367"/>
      <c r="C13980" s="367"/>
      <c r="D13980" s="365"/>
      <c r="E13980" s="360"/>
      <c r="F13980" s="360"/>
      <c r="G13980" s="360"/>
      <c r="H13980" s="360"/>
      <c r="I13980" s="360"/>
      <c r="J13980" s="365"/>
      <c r="K13980" s="360"/>
      <c r="L13980" s="365"/>
    </row>
    <row r="13981" spans="2:12" ht="28.5">
      <c r="B13981" s="367"/>
      <c r="C13981" s="367"/>
      <c r="D13981" s="365"/>
      <c r="E13981" s="360"/>
      <c r="F13981" s="359" t="s">
        <v>14374</v>
      </c>
      <c r="G13981" s="359" t="s">
        <v>14372</v>
      </c>
      <c r="H13981" s="360"/>
      <c r="I13981" s="359" t="s">
        <v>14373</v>
      </c>
      <c r="J13981" s="365"/>
      <c r="K13981" s="360"/>
      <c r="L13981" s="365"/>
    </row>
    <row r="13982" spans="2:12">
      <c r="B13982" s="367"/>
      <c r="C13982" s="367"/>
      <c r="D13982" s="365"/>
      <c r="E13982" s="360"/>
      <c r="F13982" s="360"/>
      <c r="G13982" s="360"/>
      <c r="H13982" s="360"/>
      <c r="I13982" s="360"/>
      <c r="J13982" s="365"/>
      <c r="K13982" s="360"/>
      <c r="L13982" s="365"/>
    </row>
    <row r="13983" spans="2:12">
      <c r="B13983" s="368"/>
      <c r="C13983" s="368"/>
      <c r="D13983" s="366"/>
      <c r="E13983" s="362"/>
      <c r="F13983" s="362"/>
      <c r="G13983" s="361" t="s">
        <v>14373</v>
      </c>
      <c r="H13983" s="362"/>
      <c r="I13983" s="362"/>
      <c r="J13983" s="366"/>
      <c r="K13983" s="362"/>
      <c r="L13983" s="366"/>
    </row>
    <row r="13984" spans="2:12">
      <c r="B13984" s="358" t="s">
        <v>13171</v>
      </c>
      <c r="C13984" s="358" t="s">
        <v>21945</v>
      </c>
      <c r="D13984" s="358" t="s">
        <v>137</v>
      </c>
      <c r="E13984" s="358" t="s">
        <v>138</v>
      </c>
      <c r="F13984" s="358" t="s">
        <v>14424</v>
      </c>
      <c r="G13984" s="358" t="s">
        <v>14425</v>
      </c>
      <c r="H13984" s="358" t="s">
        <v>14381</v>
      </c>
      <c r="I13984" s="358" t="s">
        <v>14425</v>
      </c>
      <c r="J13984" s="358"/>
      <c r="K13984" s="358"/>
      <c r="L13984" s="358"/>
    </row>
    <row r="13985" spans="2:12">
      <c r="B13985" s="367"/>
      <c r="C13985" s="367"/>
      <c r="D13985" s="367"/>
      <c r="E13985" s="367"/>
      <c r="F13985" s="367"/>
      <c r="G13985" s="367"/>
      <c r="H13985" s="360"/>
      <c r="I13985" s="367"/>
      <c r="J13985" s="365"/>
      <c r="K13985" s="365"/>
      <c r="L13985" s="365"/>
    </row>
    <row r="13986" spans="2:12">
      <c r="B13986" s="368"/>
      <c r="C13986" s="368"/>
      <c r="D13986" s="368"/>
      <c r="E13986" s="368"/>
      <c r="F13986" s="368"/>
      <c r="G13986" s="368"/>
      <c r="H13986" s="361" t="s">
        <v>14332</v>
      </c>
      <c r="I13986" s="368"/>
      <c r="J13986" s="366"/>
      <c r="K13986" s="366"/>
      <c r="L13986" s="366"/>
    </row>
    <row r="13987" spans="2:12">
      <c r="B13987" s="358" t="s">
        <v>13173</v>
      </c>
      <c r="C13987" s="358" t="s">
        <v>29375</v>
      </c>
      <c r="D13987" s="358" t="s">
        <v>158</v>
      </c>
      <c r="E13987" s="358" t="s">
        <v>159</v>
      </c>
      <c r="F13987" s="358" t="s">
        <v>14443</v>
      </c>
      <c r="G13987" s="358" t="s">
        <v>14444</v>
      </c>
      <c r="H13987" s="358" t="s">
        <v>14381</v>
      </c>
      <c r="I13987" s="358" t="s">
        <v>14444</v>
      </c>
      <c r="J13987" s="358"/>
      <c r="K13987" s="358"/>
      <c r="L13987" s="358"/>
    </row>
    <row r="13988" spans="2:12">
      <c r="B13988" s="367"/>
      <c r="C13988" s="367"/>
      <c r="D13988" s="367"/>
      <c r="E13988" s="367"/>
      <c r="F13988" s="360"/>
      <c r="G13988" s="360"/>
      <c r="H13988" s="360"/>
      <c r="I13988" s="360"/>
      <c r="J13988" s="365"/>
      <c r="K13988" s="365"/>
      <c r="L13988" s="365"/>
    </row>
    <row r="13989" spans="2:12" ht="28.5">
      <c r="B13989" s="367"/>
      <c r="C13989" s="367"/>
      <c r="D13989" s="367"/>
      <c r="E13989" s="367"/>
      <c r="F13989" s="359" t="s">
        <v>29376</v>
      </c>
      <c r="G13989" s="359" t="s">
        <v>29377</v>
      </c>
      <c r="H13989" s="359" t="s">
        <v>14367</v>
      </c>
      <c r="I13989" s="359" t="s">
        <v>29377</v>
      </c>
      <c r="J13989" s="365"/>
      <c r="K13989" s="365"/>
      <c r="L13989" s="365"/>
    </row>
    <row r="13990" spans="2:12">
      <c r="B13990" s="367"/>
      <c r="C13990" s="367"/>
      <c r="D13990" s="367"/>
      <c r="E13990" s="367"/>
      <c r="F13990" s="360"/>
      <c r="G13990" s="360"/>
      <c r="H13990" s="360"/>
      <c r="I13990" s="360"/>
      <c r="J13990" s="365"/>
      <c r="K13990" s="365"/>
      <c r="L13990" s="365"/>
    </row>
    <row r="13991" spans="2:12">
      <c r="B13991" s="367"/>
      <c r="C13991" s="367"/>
      <c r="D13991" s="367"/>
      <c r="E13991" s="367"/>
      <c r="F13991" s="359" t="s">
        <v>15089</v>
      </c>
      <c r="G13991" s="359" t="s">
        <v>14459</v>
      </c>
      <c r="H13991" s="359" t="s">
        <v>14341</v>
      </c>
      <c r="I13991" s="359" t="s">
        <v>14459</v>
      </c>
      <c r="J13991" s="365"/>
      <c r="K13991" s="365"/>
      <c r="L13991" s="365"/>
    </row>
    <row r="13992" spans="2:12">
      <c r="B13992" s="367"/>
      <c r="C13992" s="367"/>
      <c r="D13992" s="367"/>
      <c r="E13992" s="367"/>
      <c r="F13992" s="360"/>
      <c r="G13992" s="360"/>
      <c r="H13992" s="360"/>
      <c r="I13992" s="360"/>
      <c r="J13992" s="365"/>
      <c r="K13992" s="365"/>
      <c r="L13992" s="365"/>
    </row>
    <row r="13993" spans="2:12">
      <c r="B13993" s="367"/>
      <c r="C13993" s="367"/>
      <c r="D13993" s="367"/>
      <c r="E13993" s="367"/>
      <c r="F13993" s="359" t="s">
        <v>15089</v>
      </c>
      <c r="G13993" s="359" t="s">
        <v>14429</v>
      </c>
      <c r="H13993" s="359" t="s">
        <v>14332</v>
      </c>
      <c r="I13993" s="359" t="s">
        <v>14429</v>
      </c>
      <c r="J13993" s="365"/>
      <c r="K13993" s="365"/>
      <c r="L13993" s="365"/>
    </row>
    <row r="13994" spans="2:12">
      <c r="B13994" s="367"/>
      <c r="C13994" s="367"/>
      <c r="D13994" s="367"/>
      <c r="E13994" s="367"/>
      <c r="F13994" s="360"/>
      <c r="G13994" s="360"/>
      <c r="H13994" s="360"/>
      <c r="I13994" s="360"/>
      <c r="J13994" s="365"/>
      <c r="K13994" s="365"/>
      <c r="L13994" s="365"/>
    </row>
    <row r="13995" spans="2:12" ht="28.5">
      <c r="B13995" s="367"/>
      <c r="C13995" s="367"/>
      <c r="D13995" s="367"/>
      <c r="E13995" s="367"/>
      <c r="F13995" s="359" t="s">
        <v>14384</v>
      </c>
      <c r="G13995" s="359" t="s">
        <v>29378</v>
      </c>
      <c r="H13995" s="360"/>
      <c r="I13995" s="359" t="s">
        <v>29378</v>
      </c>
      <c r="J13995" s="365"/>
      <c r="K13995" s="365"/>
      <c r="L13995" s="365"/>
    </row>
    <row r="13996" spans="2:12">
      <c r="B13996" s="367"/>
      <c r="C13996" s="367"/>
      <c r="D13996" s="367"/>
      <c r="E13996" s="367"/>
      <c r="F13996" s="360"/>
      <c r="G13996" s="360"/>
      <c r="H13996" s="360"/>
      <c r="I13996" s="360"/>
      <c r="J13996" s="365"/>
      <c r="K13996" s="365"/>
      <c r="L13996" s="365"/>
    </row>
    <row r="13997" spans="2:12">
      <c r="B13997" s="368"/>
      <c r="C13997" s="368"/>
      <c r="D13997" s="368"/>
      <c r="E13997" s="368"/>
      <c r="F13997" s="361" t="s">
        <v>21946</v>
      </c>
      <c r="G13997" s="362"/>
      <c r="H13997" s="362"/>
      <c r="I13997" s="362"/>
      <c r="J13997" s="366"/>
      <c r="K13997" s="366"/>
      <c r="L13997" s="366"/>
    </row>
    <row r="13998" spans="2:12">
      <c r="B13998" s="358" t="s">
        <v>13174</v>
      </c>
      <c r="C13998" s="358" t="s">
        <v>21947</v>
      </c>
      <c r="D13998" s="358" t="s">
        <v>170</v>
      </c>
      <c r="E13998" s="358" t="s">
        <v>171</v>
      </c>
      <c r="F13998" s="358" t="s">
        <v>14443</v>
      </c>
      <c r="G13998" s="358" t="s">
        <v>14444</v>
      </c>
      <c r="H13998" s="358" t="s">
        <v>14381</v>
      </c>
      <c r="I13998" s="358" t="s">
        <v>14444</v>
      </c>
      <c r="J13998" s="358"/>
      <c r="K13998" s="358"/>
      <c r="L13998" s="358"/>
    </row>
    <row r="13999" spans="2:12">
      <c r="B13999" s="367"/>
      <c r="C13999" s="367"/>
      <c r="D13999" s="367"/>
      <c r="E13999" s="367"/>
      <c r="F13999" s="360"/>
      <c r="G13999" s="360"/>
      <c r="H13999" s="360"/>
      <c r="I13999" s="360"/>
      <c r="J13999" s="365"/>
      <c r="K13999" s="365"/>
      <c r="L13999" s="365"/>
    </row>
    <row r="14000" spans="2:12" ht="28.5">
      <c r="B14000" s="367"/>
      <c r="C14000" s="367"/>
      <c r="D14000" s="367"/>
      <c r="E14000" s="367"/>
      <c r="F14000" s="359" t="s">
        <v>29376</v>
      </c>
      <c r="G14000" s="359" t="s">
        <v>29377</v>
      </c>
      <c r="H14000" s="359" t="s">
        <v>14367</v>
      </c>
      <c r="I14000" s="359" t="s">
        <v>29377</v>
      </c>
      <c r="J14000" s="365"/>
      <c r="K14000" s="365"/>
      <c r="L14000" s="365"/>
    </row>
    <row r="14001" spans="2:12">
      <c r="B14001" s="367"/>
      <c r="C14001" s="367"/>
      <c r="D14001" s="367"/>
      <c r="E14001" s="367"/>
      <c r="F14001" s="360"/>
      <c r="G14001" s="360"/>
      <c r="H14001" s="360"/>
      <c r="I14001" s="360"/>
      <c r="J14001" s="365"/>
      <c r="K14001" s="365"/>
      <c r="L14001" s="365"/>
    </row>
    <row r="14002" spans="2:12">
      <c r="B14002" s="367"/>
      <c r="C14002" s="367"/>
      <c r="D14002" s="367"/>
      <c r="E14002" s="367"/>
      <c r="F14002" s="359" t="s">
        <v>15089</v>
      </c>
      <c r="G14002" s="359" t="s">
        <v>14459</v>
      </c>
      <c r="H14002" s="359" t="s">
        <v>14341</v>
      </c>
      <c r="I14002" s="359" t="s">
        <v>14459</v>
      </c>
      <c r="J14002" s="365"/>
      <c r="K14002" s="365"/>
      <c r="L14002" s="365"/>
    </row>
    <row r="14003" spans="2:12">
      <c r="B14003" s="367"/>
      <c r="C14003" s="367"/>
      <c r="D14003" s="367"/>
      <c r="E14003" s="367"/>
      <c r="F14003" s="360"/>
      <c r="G14003" s="360"/>
      <c r="H14003" s="360"/>
      <c r="I14003" s="360"/>
      <c r="J14003" s="365"/>
      <c r="K14003" s="365"/>
      <c r="L14003" s="365"/>
    </row>
    <row r="14004" spans="2:12">
      <c r="B14004" s="367"/>
      <c r="C14004" s="367"/>
      <c r="D14004" s="367"/>
      <c r="E14004" s="367"/>
      <c r="F14004" s="359" t="s">
        <v>15089</v>
      </c>
      <c r="G14004" s="359" t="s">
        <v>14429</v>
      </c>
      <c r="H14004" s="359" t="s">
        <v>14332</v>
      </c>
      <c r="I14004" s="359" t="s">
        <v>14429</v>
      </c>
      <c r="J14004" s="365"/>
      <c r="K14004" s="365"/>
      <c r="L14004" s="365"/>
    </row>
    <row r="14005" spans="2:12">
      <c r="B14005" s="367"/>
      <c r="C14005" s="367"/>
      <c r="D14005" s="367"/>
      <c r="E14005" s="367"/>
      <c r="F14005" s="360"/>
      <c r="G14005" s="360"/>
      <c r="H14005" s="360"/>
      <c r="I14005" s="360"/>
      <c r="J14005" s="365"/>
      <c r="K14005" s="365"/>
      <c r="L14005" s="365"/>
    </row>
    <row r="14006" spans="2:12" ht="28.5">
      <c r="B14006" s="367"/>
      <c r="C14006" s="367"/>
      <c r="D14006" s="367"/>
      <c r="E14006" s="367"/>
      <c r="F14006" s="359" t="s">
        <v>14384</v>
      </c>
      <c r="G14006" s="359" t="s">
        <v>29378</v>
      </c>
      <c r="H14006" s="360"/>
      <c r="I14006" s="359" t="s">
        <v>29378</v>
      </c>
      <c r="J14006" s="365"/>
      <c r="K14006" s="365"/>
      <c r="L14006" s="365"/>
    </row>
    <row r="14007" spans="2:12">
      <c r="B14007" s="367"/>
      <c r="C14007" s="367"/>
      <c r="D14007" s="367"/>
      <c r="E14007" s="367"/>
      <c r="F14007" s="360"/>
      <c r="G14007" s="360"/>
      <c r="H14007" s="360"/>
      <c r="I14007" s="360"/>
      <c r="J14007" s="365"/>
      <c r="K14007" s="365"/>
      <c r="L14007" s="365"/>
    </row>
    <row r="14008" spans="2:12">
      <c r="B14008" s="368"/>
      <c r="C14008" s="368"/>
      <c r="D14008" s="368"/>
      <c r="E14008" s="368"/>
      <c r="F14008" s="361" t="s">
        <v>14430</v>
      </c>
      <c r="G14008" s="362"/>
      <c r="H14008" s="362"/>
      <c r="I14008" s="362"/>
      <c r="J14008" s="366"/>
      <c r="K14008" s="366"/>
      <c r="L14008" s="366"/>
    </row>
    <row r="14009" spans="2:12" ht="57">
      <c r="B14009" s="358" t="s">
        <v>21948</v>
      </c>
      <c r="C14009" s="358" t="s">
        <v>21949</v>
      </c>
      <c r="D14009" s="358" t="s">
        <v>21950</v>
      </c>
      <c r="E14009" s="358" t="s">
        <v>21951</v>
      </c>
      <c r="F14009" s="358" t="s">
        <v>14384</v>
      </c>
      <c r="G14009" s="358" t="s">
        <v>29379</v>
      </c>
      <c r="H14009" s="358" t="s">
        <v>14381</v>
      </c>
      <c r="I14009" s="358" t="s">
        <v>29379</v>
      </c>
      <c r="J14009" s="358"/>
      <c r="K14009" s="358"/>
      <c r="L14009" s="358"/>
    </row>
    <row r="14010" spans="2:12">
      <c r="B14010" s="367"/>
      <c r="C14010" s="367"/>
      <c r="D14010" s="367"/>
      <c r="E14010" s="367"/>
      <c r="F14010" s="360"/>
      <c r="G14010" s="360"/>
      <c r="H14010" s="360"/>
      <c r="I14010" s="360"/>
      <c r="J14010" s="365"/>
      <c r="K14010" s="365"/>
      <c r="L14010" s="365"/>
    </row>
    <row r="14011" spans="2:12">
      <c r="B14011" s="367"/>
      <c r="C14011" s="367"/>
      <c r="D14011" s="367"/>
      <c r="E14011" s="367"/>
      <c r="F14011" s="359" t="s">
        <v>14389</v>
      </c>
      <c r="G14011" s="359" t="s">
        <v>14431</v>
      </c>
      <c r="H14011" s="359" t="s">
        <v>14341</v>
      </c>
      <c r="I14011" s="359" t="s">
        <v>14431</v>
      </c>
      <c r="J14011" s="365"/>
      <c r="K14011" s="365"/>
      <c r="L14011" s="365"/>
    </row>
    <row r="14012" spans="2:12">
      <c r="B14012" s="367"/>
      <c r="C14012" s="367"/>
      <c r="D14012" s="367"/>
      <c r="E14012" s="367"/>
      <c r="F14012" s="360"/>
      <c r="G14012" s="360"/>
      <c r="H14012" s="360"/>
      <c r="I14012" s="360"/>
      <c r="J14012" s="365"/>
      <c r="K14012" s="365"/>
      <c r="L14012" s="365"/>
    </row>
    <row r="14013" spans="2:12">
      <c r="B14013" s="368"/>
      <c r="C14013" s="368"/>
      <c r="D14013" s="368"/>
      <c r="E14013" s="368"/>
      <c r="F14013" s="361" t="s">
        <v>14430</v>
      </c>
      <c r="G14013" s="362"/>
      <c r="H14013" s="361" t="s">
        <v>14332</v>
      </c>
      <c r="I14013" s="362"/>
      <c r="J14013" s="366"/>
      <c r="K14013" s="366"/>
      <c r="L14013" s="366"/>
    </row>
    <row r="14014" spans="2:12">
      <c r="B14014" s="358" t="s">
        <v>21952</v>
      </c>
      <c r="C14014" s="358" t="s">
        <v>21953</v>
      </c>
      <c r="D14014" s="358" t="s">
        <v>21954</v>
      </c>
      <c r="E14014" s="358" t="s">
        <v>21955</v>
      </c>
      <c r="F14014" s="358" t="s">
        <v>15089</v>
      </c>
      <c r="G14014" s="358" t="s">
        <v>14429</v>
      </c>
      <c r="H14014" s="358" t="s">
        <v>14367</v>
      </c>
      <c r="I14014" s="358" t="s">
        <v>14429</v>
      </c>
      <c r="J14014" s="358"/>
      <c r="K14014" s="358"/>
      <c r="L14014" s="358"/>
    </row>
    <row r="14015" spans="2:12">
      <c r="B14015" s="367"/>
      <c r="C14015" s="367"/>
      <c r="D14015" s="367"/>
      <c r="E14015" s="367"/>
      <c r="F14015" s="360"/>
      <c r="G14015" s="360"/>
      <c r="H14015" s="360"/>
      <c r="I14015" s="360"/>
      <c r="J14015" s="365"/>
      <c r="K14015" s="365"/>
      <c r="L14015" s="365"/>
    </row>
    <row r="14016" spans="2:12">
      <c r="B14016" s="367"/>
      <c r="C14016" s="367"/>
      <c r="D14016" s="367"/>
      <c r="E14016" s="367"/>
      <c r="F14016" s="359" t="s">
        <v>14368</v>
      </c>
      <c r="G14016" s="359" t="s">
        <v>14369</v>
      </c>
      <c r="H14016" s="359" t="s">
        <v>14370</v>
      </c>
      <c r="I14016" s="359" t="s">
        <v>14369</v>
      </c>
      <c r="J14016" s="365"/>
      <c r="K14016" s="365"/>
      <c r="L14016" s="365"/>
    </row>
    <row r="14017" spans="2:12">
      <c r="B14017" s="367"/>
      <c r="C14017" s="367"/>
      <c r="D14017" s="367"/>
      <c r="E14017" s="367"/>
      <c r="F14017" s="360"/>
      <c r="G14017" s="360"/>
      <c r="H14017" s="360"/>
      <c r="I14017" s="360"/>
      <c r="J14017" s="365"/>
      <c r="K14017" s="365"/>
      <c r="L14017" s="365"/>
    </row>
    <row r="14018" spans="2:12" ht="28.5">
      <c r="B14018" s="368"/>
      <c r="C14018" s="368"/>
      <c r="D14018" s="368"/>
      <c r="E14018" s="368"/>
      <c r="F14018" s="361" t="s">
        <v>14394</v>
      </c>
      <c r="G14018" s="361" t="s">
        <v>14395</v>
      </c>
      <c r="H14018" s="361" t="s">
        <v>14422</v>
      </c>
      <c r="I14018" s="361" t="s">
        <v>14395</v>
      </c>
      <c r="J14018" s="366"/>
      <c r="K14018" s="366"/>
      <c r="L14018" s="366"/>
    </row>
    <row r="14019" spans="2:12">
      <c r="B14019" s="354" t="s">
        <v>8397</v>
      </c>
      <c r="C14019" s="369"/>
      <c r="D14019" s="369"/>
      <c r="E14019" s="369"/>
      <c r="F14019" s="369"/>
      <c r="G14019" s="369"/>
      <c r="H14019" s="369"/>
      <c r="I14019" s="369"/>
      <c r="J14019" s="369"/>
      <c r="K14019" s="369"/>
      <c r="L14019" s="370"/>
    </row>
    <row r="14020" spans="2:12" ht="28.5">
      <c r="B14020" s="358" t="s">
        <v>21956</v>
      </c>
      <c r="C14020" s="358" t="s">
        <v>21957</v>
      </c>
      <c r="D14020" s="358" t="s">
        <v>8356</v>
      </c>
      <c r="E14020" s="358" t="s">
        <v>21958</v>
      </c>
      <c r="F14020" s="358" t="s">
        <v>16919</v>
      </c>
      <c r="G14020" s="358" t="s">
        <v>19729</v>
      </c>
      <c r="H14020" s="358" t="s">
        <v>14381</v>
      </c>
      <c r="I14020" s="358" t="s">
        <v>19729</v>
      </c>
      <c r="J14020" s="358"/>
      <c r="K14020" s="358" t="s">
        <v>14863</v>
      </c>
      <c r="L14020" s="358"/>
    </row>
    <row r="14021" spans="2:12">
      <c r="B14021" s="367"/>
      <c r="C14021" s="367"/>
      <c r="D14021" s="367"/>
      <c r="E14021" s="367"/>
      <c r="F14021" s="360"/>
      <c r="G14021" s="360"/>
      <c r="H14021" s="360"/>
      <c r="I14021" s="360"/>
      <c r="J14021" s="365"/>
      <c r="K14021" s="360"/>
      <c r="L14021" s="365"/>
    </row>
    <row r="14022" spans="2:12">
      <c r="B14022" s="367"/>
      <c r="C14022" s="367"/>
      <c r="D14022" s="367"/>
      <c r="E14022" s="367"/>
      <c r="F14022" s="359" t="s">
        <v>14391</v>
      </c>
      <c r="G14022" s="359" t="s">
        <v>14392</v>
      </c>
      <c r="H14022" s="359" t="s">
        <v>14367</v>
      </c>
      <c r="I14022" s="359" t="s">
        <v>14392</v>
      </c>
      <c r="J14022" s="365"/>
      <c r="K14022" s="359" t="s">
        <v>14863</v>
      </c>
      <c r="L14022" s="365"/>
    </row>
    <row r="14023" spans="2:12">
      <c r="B14023" s="367"/>
      <c r="C14023" s="367"/>
      <c r="D14023" s="367"/>
      <c r="E14023" s="367"/>
      <c r="F14023" s="360"/>
      <c r="G14023" s="360"/>
      <c r="H14023" s="360"/>
      <c r="I14023" s="360"/>
      <c r="J14023" s="365"/>
      <c r="K14023" s="360"/>
      <c r="L14023" s="365"/>
    </row>
    <row r="14024" spans="2:12">
      <c r="B14024" s="367"/>
      <c r="C14024" s="367"/>
      <c r="D14024" s="367"/>
      <c r="E14024" s="367"/>
      <c r="F14024" s="359" t="s">
        <v>14371</v>
      </c>
      <c r="G14024" s="359" t="s">
        <v>14372</v>
      </c>
      <c r="H14024" s="359" t="s">
        <v>14370</v>
      </c>
      <c r="I14024" s="359" t="s">
        <v>14373</v>
      </c>
      <c r="J14024" s="365"/>
      <c r="K14024" s="360"/>
      <c r="L14024" s="365"/>
    </row>
    <row r="14025" spans="2:12">
      <c r="B14025" s="367"/>
      <c r="C14025" s="367"/>
      <c r="D14025" s="367"/>
      <c r="E14025" s="367"/>
      <c r="F14025" s="360"/>
      <c r="G14025" s="360"/>
      <c r="H14025" s="360"/>
      <c r="I14025" s="360"/>
      <c r="J14025" s="365"/>
      <c r="K14025" s="360"/>
      <c r="L14025" s="365"/>
    </row>
    <row r="14026" spans="2:12" ht="28.5">
      <c r="B14026" s="368"/>
      <c r="C14026" s="368"/>
      <c r="D14026" s="368"/>
      <c r="E14026" s="368"/>
      <c r="F14026" s="361" t="s">
        <v>14374</v>
      </c>
      <c r="G14026" s="361" t="s">
        <v>14373</v>
      </c>
      <c r="H14026" s="361" t="s">
        <v>14422</v>
      </c>
      <c r="I14026" s="362"/>
      <c r="J14026" s="366"/>
      <c r="K14026" s="362"/>
      <c r="L14026" s="366"/>
    </row>
    <row r="14027" spans="2:12">
      <c r="B14027" s="358" t="s">
        <v>21959</v>
      </c>
      <c r="C14027" s="358" t="s">
        <v>21960</v>
      </c>
      <c r="D14027" s="358" t="s">
        <v>21961</v>
      </c>
      <c r="E14027" s="358" t="s">
        <v>21962</v>
      </c>
      <c r="F14027" s="358" t="s">
        <v>15892</v>
      </c>
      <c r="G14027" s="358" t="s">
        <v>14340</v>
      </c>
      <c r="H14027" s="358" t="s">
        <v>14341</v>
      </c>
      <c r="I14027" s="358" t="s">
        <v>14340</v>
      </c>
      <c r="J14027" s="358"/>
      <c r="K14027" s="358"/>
      <c r="L14027" s="358"/>
    </row>
    <row r="14028" spans="2:12">
      <c r="B14028" s="367"/>
      <c r="C14028" s="367"/>
      <c r="D14028" s="367"/>
      <c r="E14028" s="367"/>
      <c r="F14028" s="360"/>
      <c r="G14028" s="360"/>
      <c r="H14028" s="360"/>
      <c r="I14028" s="360"/>
      <c r="J14028" s="365"/>
      <c r="K14028" s="365"/>
      <c r="L14028" s="365"/>
    </row>
    <row r="14029" spans="2:12" ht="28.5">
      <c r="B14029" s="368"/>
      <c r="C14029" s="368"/>
      <c r="D14029" s="368"/>
      <c r="E14029" s="368"/>
      <c r="F14029" s="361" t="s">
        <v>14472</v>
      </c>
      <c r="G14029" s="361" t="s">
        <v>14473</v>
      </c>
      <c r="H14029" s="361" t="s">
        <v>14332</v>
      </c>
      <c r="I14029" s="361" t="s">
        <v>14473</v>
      </c>
      <c r="J14029" s="366"/>
      <c r="K14029" s="366"/>
      <c r="L14029" s="366"/>
    </row>
    <row r="14030" spans="2:12">
      <c r="B14030" s="358" t="s">
        <v>21963</v>
      </c>
      <c r="C14030" s="358" t="s">
        <v>21964</v>
      </c>
      <c r="D14030" s="358" t="s">
        <v>21965</v>
      </c>
      <c r="E14030" s="358" t="s">
        <v>21966</v>
      </c>
      <c r="F14030" s="358" t="s">
        <v>14389</v>
      </c>
      <c r="G14030" s="358" t="s">
        <v>14390</v>
      </c>
      <c r="H14030" s="358" t="s">
        <v>14367</v>
      </c>
      <c r="I14030" s="358" t="s">
        <v>14390</v>
      </c>
      <c r="J14030" s="358"/>
      <c r="K14030" s="358"/>
      <c r="L14030" s="358"/>
    </row>
    <row r="14031" spans="2:12">
      <c r="B14031" s="367"/>
      <c r="C14031" s="367"/>
      <c r="D14031" s="367"/>
      <c r="E14031" s="367"/>
      <c r="F14031" s="360"/>
      <c r="G14031" s="360"/>
      <c r="H14031" s="360"/>
      <c r="I14031" s="360"/>
      <c r="J14031" s="365"/>
      <c r="K14031" s="365"/>
      <c r="L14031" s="365"/>
    </row>
    <row r="14032" spans="2:12">
      <c r="B14032" s="367"/>
      <c r="C14032" s="367"/>
      <c r="D14032" s="367"/>
      <c r="E14032" s="367"/>
      <c r="F14032" s="359" t="s">
        <v>14386</v>
      </c>
      <c r="G14032" s="359" t="s">
        <v>14387</v>
      </c>
      <c r="H14032" s="359" t="s">
        <v>14422</v>
      </c>
      <c r="I14032" s="359" t="s">
        <v>14387</v>
      </c>
      <c r="J14032" s="365"/>
      <c r="K14032" s="365"/>
      <c r="L14032" s="365"/>
    </row>
    <row r="14033" spans="2:12">
      <c r="B14033" s="367"/>
      <c r="C14033" s="367"/>
      <c r="D14033" s="367"/>
      <c r="E14033" s="367"/>
      <c r="F14033" s="360"/>
      <c r="G14033" s="360"/>
      <c r="H14033" s="360"/>
      <c r="I14033" s="360"/>
      <c r="J14033" s="365"/>
      <c r="K14033" s="365"/>
      <c r="L14033" s="365"/>
    </row>
    <row r="14034" spans="2:12" ht="28.5">
      <c r="B14034" s="368"/>
      <c r="C14034" s="368"/>
      <c r="D14034" s="368"/>
      <c r="E14034" s="368"/>
      <c r="F14034" s="361" t="s">
        <v>14472</v>
      </c>
      <c r="G14034" s="361" t="s">
        <v>14473</v>
      </c>
      <c r="H14034" s="362"/>
      <c r="I14034" s="361" t="s">
        <v>14473</v>
      </c>
      <c r="J14034" s="366"/>
      <c r="K14034" s="366"/>
      <c r="L14034" s="366"/>
    </row>
    <row r="14035" spans="2:12" ht="28.5">
      <c r="B14035" s="358" t="s">
        <v>13625</v>
      </c>
      <c r="C14035" s="358" t="s">
        <v>13624</v>
      </c>
      <c r="D14035" s="358" t="s">
        <v>123</v>
      </c>
      <c r="E14035" s="358" t="s">
        <v>124</v>
      </c>
      <c r="F14035" s="358" t="s">
        <v>14424</v>
      </c>
      <c r="G14035" s="358" t="s">
        <v>14425</v>
      </c>
      <c r="H14035" s="358" t="s">
        <v>14381</v>
      </c>
      <c r="I14035" s="358" t="s">
        <v>14425</v>
      </c>
      <c r="J14035" s="358"/>
      <c r="K14035" s="358"/>
      <c r="L14035" s="358"/>
    </row>
    <row r="14036" spans="2:12">
      <c r="B14036" s="367"/>
      <c r="C14036" s="367"/>
      <c r="D14036" s="367"/>
      <c r="E14036" s="367"/>
      <c r="F14036" s="367"/>
      <c r="G14036" s="367"/>
      <c r="H14036" s="360"/>
      <c r="I14036" s="367"/>
      <c r="J14036" s="365"/>
      <c r="K14036" s="365"/>
      <c r="L14036" s="365"/>
    </row>
    <row r="14037" spans="2:12">
      <c r="B14037" s="368"/>
      <c r="C14037" s="368"/>
      <c r="D14037" s="368"/>
      <c r="E14037" s="368"/>
      <c r="F14037" s="368"/>
      <c r="G14037" s="368"/>
      <c r="H14037" s="361" t="s">
        <v>14332</v>
      </c>
      <c r="I14037" s="368"/>
      <c r="J14037" s="366"/>
      <c r="K14037" s="366"/>
      <c r="L14037" s="366"/>
    </row>
    <row r="14038" spans="2:12" ht="42.75">
      <c r="B14038" s="358" t="s">
        <v>21967</v>
      </c>
      <c r="C14038" s="358" t="s">
        <v>21968</v>
      </c>
      <c r="D14038" s="358" t="s">
        <v>8356</v>
      </c>
      <c r="E14038" s="358" t="s">
        <v>21969</v>
      </c>
      <c r="F14038" s="358" t="s">
        <v>14507</v>
      </c>
      <c r="G14038" s="358" t="s">
        <v>14508</v>
      </c>
      <c r="H14038" s="358" t="s">
        <v>14381</v>
      </c>
      <c r="I14038" s="358" t="s">
        <v>14508</v>
      </c>
      <c r="J14038" s="358"/>
      <c r="K14038" s="358" t="s">
        <v>14863</v>
      </c>
      <c r="L14038" s="358"/>
    </row>
    <row r="14039" spans="2:12">
      <c r="B14039" s="367"/>
      <c r="C14039" s="367"/>
      <c r="D14039" s="367"/>
      <c r="E14039" s="367"/>
      <c r="F14039" s="360"/>
      <c r="G14039" s="360"/>
      <c r="H14039" s="360"/>
      <c r="I14039" s="360"/>
      <c r="J14039" s="365"/>
      <c r="K14039" s="360"/>
      <c r="L14039" s="365"/>
    </row>
    <row r="14040" spans="2:12">
      <c r="B14040" s="367"/>
      <c r="C14040" s="367"/>
      <c r="D14040" s="367"/>
      <c r="E14040" s="367"/>
      <c r="F14040" s="359" t="s">
        <v>14368</v>
      </c>
      <c r="G14040" s="359" t="s">
        <v>14388</v>
      </c>
      <c r="H14040" s="359" t="s">
        <v>14367</v>
      </c>
      <c r="I14040" s="359" t="s">
        <v>14388</v>
      </c>
      <c r="J14040" s="365"/>
      <c r="K14040" s="359" t="s">
        <v>14863</v>
      </c>
      <c r="L14040" s="365"/>
    </row>
    <row r="14041" spans="2:12">
      <c r="B14041" s="367"/>
      <c r="C14041" s="367"/>
      <c r="D14041" s="367"/>
      <c r="E14041" s="367"/>
      <c r="F14041" s="360"/>
      <c r="G14041" s="360"/>
      <c r="H14041" s="360"/>
      <c r="I14041" s="360"/>
      <c r="J14041" s="365"/>
      <c r="K14041" s="360"/>
      <c r="L14041" s="365"/>
    </row>
    <row r="14042" spans="2:12">
      <c r="B14042" s="367"/>
      <c r="C14042" s="367"/>
      <c r="D14042" s="367"/>
      <c r="E14042" s="367"/>
      <c r="F14042" s="359" t="s">
        <v>14386</v>
      </c>
      <c r="G14042" s="359" t="s">
        <v>14387</v>
      </c>
      <c r="H14042" s="359" t="s">
        <v>14370</v>
      </c>
      <c r="I14042" s="359" t="s">
        <v>14387</v>
      </c>
      <c r="J14042" s="365"/>
      <c r="K14042" s="360"/>
      <c r="L14042" s="365"/>
    </row>
    <row r="14043" spans="2:12">
      <c r="B14043" s="367"/>
      <c r="C14043" s="367"/>
      <c r="D14043" s="367"/>
      <c r="E14043" s="367"/>
      <c r="F14043" s="360"/>
      <c r="G14043" s="360"/>
      <c r="H14043" s="360"/>
      <c r="I14043" s="360"/>
      <c r="J14043" s="365"/>
      <c r="K14043" s="360"/>
      <c r="L14043" s="365"/>
    </row>
    <row r="14044" spans="2:12">
      <c r="B14044" s="367"/>
      <c r="C14044" s="367"/>
      <c r="D14044" s="367"/>
      <c r="E14044" s="367"/>
      <c r="F14044" s="359" t="s">
        <v>17088</v>
      </c>
      <c r="G14044" s="359" t="s">
        <v>14392</v>
      </c>
      <c r="H14044" s="359" t="s">
        <v>14422</v>
      </c>
      <c r="I14044" s="359" t="s">
        <v>14392</v>
      </c>
      <c r="J14044" s="365"/>
      <c r="K14044" s="360"/>
      <c r="L14044" s="365"/>
    </row>
    <row r="14045" spans="2:12">
      <c r="B14045" s="367"/>
      <c r="C14045" s="367"/>
      <c r="D14045" s="367"/>
      <c r="E14045" s="367"/>
      <c r="F14045" s="360"/>
      <c r="G14045" s="360"/>
      <c r="H14045" s="360"/>
      <c r="I14045" s="360"/>
      <c r="J14045" s="365"/>
      <c r="K14045" s="360"/>
      <c r="L14045" s="365"/>
    </row>
    <row r="14046" spans="2:12">
      <c r="B14046" s="367"/>
      <c r="C14046" s="367"/>
      <c r="D14046" s="367"/>
      <c r="E14046" s="367"/>
      <c r="F14046" s="359" t="s">
        <v>14371</v>
      </c>
      <c r="G14046" s="359" t="s">
        <v>14372</v>
      </c>
      <c r="H14046" s="360"/>
      <c r="I14046" s="359" t="s">
        <v>14373</v>
      </c>
      <c r="J14046" s="365"/>
      <c r="K14046" s="360"/>
      <c r="L14046" s="365"/>
    </row>
    <row r="14047" spans="2:12">
      <c r="B14047" s="367"/>
      <c r="C14047" s="367"/>
      <c r="D14047" s="367"/>
      <c r="E14047" s="367"/>
      <c r="F14047" s="360"/>
      <c r="G14047" s="360"/>
      <c r="H14047" s="360"/>
      <c r="I14047" s="360"/>
      <c r="J14047" s="365"/>
      <c r="K14047" s="360"/>
      <c r="L14047" s="365"/>
    </row>
    <row r="14048" spans="2:12" ht="28.5">
      <c r="B14048" s="368"/>
      <c r="C14048" s="368"/>
      <c r="D14048" s="368"/>
      <c r="E14048" s="368"/>
      <c r="F14048" s="361" t="s">
        <v>14374</v>
      </c>
      <c r="G14048" s="361" t="s">
        <v>14373</v>
      </c>
      <c r="H14048" s="362"/>
      <c r="I14048" s="362"/>
      <c r="J14048" s="366"/>
      <c r="K14048" s="362"/>
      <c r="L14048" s="366"/>
    </row>
    <row r="14049" spans="2:12" ht="28.5">
      <c r="B14049" s="358" t="s">
        <v>21970</v>
      </c>
      <c r="C14049" s="358" t="s">
        <v>21971</v>
      </c>
      <c r="D14049" s="358" t="s">
        <v>21972</v>
      </c>
      <c r="E14049" s="358" t="s">
        <v>21973</v>
      </c>
      <c r="F14049" s="358" t="s">
        <v>14507</v>
      </c>
      <c r="G14049" s="358" t="s">
        <v>16971</v>
      </c>
      <c r="H14049" s="358" t="s">
        <v>14381</v>
      </c>
      <c r="I14049" s="358" t="s">
        <v>16971</v>
      </c>
      <c r="J14049" s="358" t="s">
        <v>14944</v>
      </c>
      <c r="K14049" s="358" t="s">
        <v>14863</v>
      </c>
      <c r="L14049" s="358"/>
    </row>
    <row r="14050" spans="2:12">
      <c r="B14050" s="367"/>
      <c r="C14050" s="367"/>
      <c r="D14050" s="367"/>
      <c r="E14050" s="367"/>
      <c r="F14050" s="360"/>
      <c r="G14050" s="360"/>
      <c r="H14050" s="360"/>
      <c r="I14050" s="360"/>
      <c r="J14050" s="367"/>
      <c r="K14050" s="367"/>
      <c r="L14050" s="365"/>
    </row>
    <row r="14051" spans="2:12">
      <c r="B14051" s="367"/>
      <c r="C14051" s="367"/>
      <c r="D14051" s="367"/>
      <c r="E14051" s="367"/>
      <c r="F14051" s="359" t="s">
        <v>16919</v>
      </c>
      <c r="G14051" s="359" t="s">
        <v>21974</v>
      </c>
      <c r="H14051" s="359" t="s">
        <v>14341</v>
      </c>
      <c r="I14051" s="359" t="s">
        <v>21974</v>
      </c>
      <c r="J14051" s="367"/>
      <c r="K14051" s="367"/>
      <c r="L14051" s="365"/>
    </row>
    <row r="14052" spans="2:12">
      <c r="B14052" s="367"/>
      <c r="C14052" s="367"/>
      <c r="D14052" s="367"/>
      <c r="E14052" s="367"/>
      <c r="F14052" s="360"/>
      <c r="G14052" s="360"/>
      <c r="H14052" s="360"/>
      <c r="I14052" s="360"/>
      <c r="J14052" s="367"/>
      <c r="K14052" s="367"/>
      <c r="L14052" s="365"/>
    </row>
    <row r="14053" spans="2:12">
      <c r="B14053" s="367"/>
      <c r="C14053" s="367"/>
      <c r="D14053" s="367"/>
      <c r="E14053" s="367"/>
      <c r="F14053" s="359" t="s">
        <v>15892</v>
      </c>
      <c r="G14053" s="359" t="s">
        <v>14340</v>
      </c>
      <c r="H14053" s="359" t="s">
        <v>14367</v>
      </c>
      <c r="I14053" s="359" t="s">
        <v>14340</v>
      </c>
      <c r="J14053" s="367"/>
      <c r="K14053" s="367"/>
      <c r="L14053" s="365"/>
    </row>
    <row r="14054" spans="2:12">
      <c r="B14054" s="367"/>
      <c r="C14054" s="367"/>
      <c r="D14054" s="367"/>
      <c r="E14054" s="367"/>
      <c r="F14054" s="360"/>
      <c r="G14054" s="360"/>
      <c r="H14054" s="360"/>
      <c r="I14054" s="360"/>
      <c r="J14054" s="367"/>
      <c r="K14054" s="367"/>
      <c r="L14054" s="365"/>
    </row>
    <row r="14055" spans="2:12">
      <c r="B14055" s="367"/>
      <c r="C14055" s="367"/>
      <c r="D14055" s="367"/>
      <c r="E14055" s="367"/>
      <c r="F14055" s="359" t="s">
        <v>17088</v>
      </c>
      <c r="G14055" s="359" t="s">
        <v>14392</v>
      </c>
      <c r="H14055" s="359" t="s">
        <v>14370</v>
      </c>
      <c r="I14055" s="359" t="s">
        <v>14392</v>
      </c>
      <c r="J14055" s="367"/>
      <c r="K14055" s="367"/>
      <c r="L14055" s="365"/>
    </row>
    <row r="14056" spans="2:12">
      <c r="B14056" s="367"/>
      <c r="C14056" s="367"/>
      <c r="D14056" s="367"/>
      <c r="E14056" s="367"/>
      <c r="F14056" s="360"/>
      <c r="G14056" s="360"/>
      <c r="H14056" s="360"/>
      <c r="I14056" s="360"/>
      <c r="J14056" s="367"/>
      <c r="K14056" s="367"/>
      <c r="L14056" s="365"/>
    </row>
    <row r="14057" spans="2:12" ht="28.5">
      <c r="B14057" s="368"/>
      <c r="C14057" s="368"/>
      <c r="D14057" s="368"/>
      <c r="E14057" s="368"/>
      <c r="F14057" s="361" t="s">
        <v>14374</v>
      </c>
      <c r="G14057" s="361" t="s">
        <v>14373</v>
      </c>
      <c r="H14057" s="361" t="s">
        <v>14332</v>
      </c>
      <c r="I14057" s="361" t="s">
        <v>14373</v>
      </c>
      <c r="J14057" s="368"/>
      <c r="K14057" s="368"/>
      <c r="L14057" s="366"/>
    </row>
    <row r="14058" spans="2:12" ht="42.75">
      <c r="B14058" s="358" t="s">
        <v>21975</v>
      </c>
      <c r="C14058" s="358" t="s">
        <v>21976</v>
      </c>
      <c r="D14058" s="358" t="s">
        <v>8356</v>
      </c>
      <c r="E14058" s="358" t="s">
        <v>21977</v>
      </c>
      <c r="F14058" s="358" t="s">
        <v>14656</v>
      </c>
      <c r="G14058" s="358" t="s">
        <v>14383</v>
      </c>
      <c r="H14058" s="358" t="s">
        <v>21978</v>
      </c>
      <c r="I14058" s="358" t="s">
        <v>14383</v>
      </c>
      <c r="J14058" s="358"/>
      <c r="K14058" s="358" t="s">
        <v>14557</v>
      </c>
      <c r="L14058" s="358"/>
    </row>
    <row r="14059" spans="2:12">
      <c r="B14059" s="367"/>
      <c r="C14059" s="367"/>
      <c r="D14059" s="367"/>
      <c r="E14059" s="367"/>
      <c r="F14059" s="360"/>
      <c r="G14059" s="360"/>
      <c r="H14059" s="360"/>
      <c r="I14059" s="360"/>
      <c r="J14059" s="365"/>
      <c r="K14059" s="360"/>
      <c r="L14059" s="365"/>
    </row>
    <row r="14060" spans="2:12">
      <c r="B14060" s="367"/>
      <c r="C14060" s="367"/>
      <c r="D14060" s="367"/>
      <c r="E14060" s="367"/>
      <c r="F14060" s="359" t="s">
        <v>14700</v>
      </c>
      <c r="G14060" s="359" t="s">
        <v>14380</v>
      </c>
      <c r="H14060" s="359" t="s">
        <v>14332</v>
      </c>
      <c r="I14060" s="359" t="s">
        <v>14380</v>
      </c>
      <c r="J14060" s="365"/>
      <c r="K14060" s="359" t="s">
        <v>19132</v>
      </c>
      <c r="L14060" s="365"/>
    </row>
    <row r="14061" spans="2:12">
      <c r="B14061" s="367"/>
      <c r="C14061" s="367"/>
      <c r="D14061" s="367"/>
      <c r="E14061" s="367"/>
      <c r="F14061" s="360"/>
      <c r="G14061" s="360"/>
      <c r="H14061" s="360"/>
      <c r="I14061" s="360"/>
      <c r="J14061" s="365"/>
      <c r="K14061" s="360"/>
      <c r="L14061" s="365"/>
    </row>
    <row r="14062" spans="2:12">
      <c r="B14062" s="367"/>
      <c r="C14062" s="367"/>
      <c r="D14062" s="367"/>
      <c r="E14062" s="367"/>
      <c r="F14062" s="359" t="s">
        <v>17695</v>
      </c>
      <c r="G14062" s="359" t="s">
        <v>14392</v>
      </c>
      <c r="H14062" s="360"/>
      <c r="I14062" s="359" t="s">
        <v>14392</v>
      </c>
      <c r="J14062" s="365"/>
      <c r="K14062" s="360"/>
      <c r="L14062" s="365"/>
    </row>
    <row r="14063" spans="2:12">
      <c r="B14063" s="367"/>
      <c r="C14063" s="367"/>
      <c r="D14063" s="367"/>
      <c r="E14063" s="367"/>
      <c r="F14063" s="360"/>
      <c r="G14063" s="360"/>
      <c r="H14063" s="360"/>
      <c r="I14063" s="360"/>
      <c r="J14063" s="365"/>
      <c r="K14063" s="360"/>
      <c r="L14063" s="365"/>
    </row>
    <row r="14064" spans="2:12">
      <c r="B14064" s="367"/>
      <c r="C14064" s="367"/>
      <c r="D14064" s="367"/>
      <c r="E14064" s="367"/>
      <c r="F14064" s="359" t="s">
        <v>14371</v>
      </c>
      <c r="G14064" s="359" t="s">
        <v>14372</v>
      </c>
      <c r="H14064" s="360"/>
      <c r="I14064" s="359" t="s">
        <v>14373</v>
      </c>
      <c r="J14064" s="365"/>
      <c r="K14064" s="360"/>
      <c r="L14064" s="365"/>
    </row>
    <row r="14065" spans="2:12">
      <c r="B14065" s="367"/>
      <c r="C14065" s="367"/>
      <c r="D14065" s="367"/>
      <c r="E14065" s="367"/>
      <c r="F14065" s="360"/>
      <c r="G14065" s="360"/>
      <c r="H14065" s="360"/>
      <c r="I14065" s="360"/>
      <c r="J14065" s="365"/>
      <c r="K14065" s="360"/>
      <c r="L14065" s="365"/>
    </row>
    <row r="14066" spans="2:12" ht="28.5">
      <c r="B14066" s="368"/>
      <c r="C14066" s="368"/>
      <c r="D14066" s="368"/>
      <c r="E14066" s="368"/>
      <c r="F14066" s="361" t="s">
        <v>14374</v>
      </c>
      <c r="G14066" s="361" t="s">
        <v>14373</v>
      </c>
      <c r="H14066" s="362"/>
      <c r="I14066" s="362"/>
      <c r="J14066" s="366"/>
      <c r="K14066" s="362"/>
      <c r="L14066" s="366"/>
    </row>
    <row r="14067" spans="2:12" ht="42.75">
      <c r="B14067" s="358" t="s">
        <v>21979</v>
      </c>
      <c r="C14067" s="358" t="s">
        <v>21980</v>
      </c>
      <c r="D14067" s="358" t="s">
        <v>8356</v>
      </c>
      <c r="E14067" s="358" t="s">
        <v>21981</v>
      </c>
      <c r="F14067" s="358" t="s">
        <v>14443</v>
      </c>
      <c r="G14067" s="358" t="s">
        <v>14444</v>
      </c>
      <c r="H14067" s="358" t="s">
        <v>14381</v>
      </c>
      <c r="I14067" s="358" t="s">
        <v>14444</v>
      </c>
      <c r="J14067" s="358"/>
      <c r="K14067" s="358" t="s">
        <v>14557</v>
      </c>
      <c r="L14067" s="358"/>
    </row>
    <row r="14068" spans="2:12">
      <c r="B14068" s="367"/>
      <c r="C14068" s="367"/>
      <c r="D14068" s="367"/>
      <c r="E14068" s="367"/>
      <c r="F14068" s="360"/>
      <c r="G14068" s="360"/>
      <c r="H14068" s="360"/>
      <c r="I14068" s="360"/>
      <c r="J14068" s="365"/>
      <c r="K14068" s="360"/>
      <c r="L14068" s="365"/>
    </row>
    <row r="14069" spans="2:12">
      <c r="B14069" s="367"/>
      <c r="C14069" s="367"/>
      <c r="D14069" s="367"/>
      <c r="E14069" s="367"/>
      <c r="F14069" s="359" t="s">
        <v>14371</v>
      </c>
      <c r="G14069" s="359" t="s">
        <v>14372</v>
      </c>
      <c r="H14069" s="359" t="s">
        <v>14370</v>
      </c>
      <c r="I14069" s="359" t="s">
        <v>14373</v>
      </c>
      <c r="J14069" s="365"/>
      <c r="K14069" s="359" t="s">
        <v>14517</v>
      </c>
      <c r="L14069" s="365"/>
    </row>
    <row r="14070" spans="2:12">
      <c r="B14070" s="367"/>
      <c r="C14070" s="367"/>
      <c r="D14070" s="367"/>
      <c r="E14070" s="367"/>
      <c r="F14070" s="360"/>
      <c r="G14070" s="360"/>
      <c r="H14070" s="360"/>
      <c r="I14070" s="360"/>
      <c r="J14070" s="365"/>
      <c r="K14070" s="360"/>
      <c r="L14070" s="365"/>
    </row>
    <row r="14071" spans="2:12" ht="28.5">
      <c r="B14071" s="368"/>
      <c r="C14071" s="368"/>
      <c r="D14071" s="368"/>
      <c r="E14071" s="368"/>
      <c r="F14071" s="361" t="s">
        <v>14374</v>
      </c>
      <c r="G14071" s="361" t="s">
        <v>14373</v>
      </c>
      <c r="H14071" s="361" t="s">
        <v>14422</v>
      </c>
      <c r="I14071" s="362"/>
      <c r="J14071" s="366"/>
      <c r="K14071" s="362"/>
      <c r="L14071" s="366"/>
    </row>
    <row r="14072" spans="2:12" ht="28.5">
      <c r="B14072" s="358" t="s">
        <v>21982</v>
      </c>
      <c r="C14072" s="358" t="s">
        <v>21983</v>
      </c>
      <c r="D14072" s="358" t="s">
        <v>21984</v>
      </c>
      <c r="E14072" s="358" t="s">
        <v>21985</v>
      </c>
      <c r="F14072" s="358" t="s">
        <v>16919</v>
      </c>
      <c r="G14072" s="358" t="s">
        <v>17203</v>
      </c>
      <c r="H14072" s="358" t="s">
        <v>14381</v>
      </c>
      <c r="I14072" s="358" t="s">
        <v>17203</v>
      </c>
      <c r="J14072" s="358"/>
      <c r="K14072" s="358" t="s">
        <v>14863</v>
      </c>
      <c r="L14072" s="358"/>
    </row>
    <row r="14073" spans="2:12">
      <c r="B14073" s="367"/>
      <c r="C14073" s="367"/>
      <c r="D14073" s="367"/>
      <c r="E14073" s="367"/>
      <c r="F14073" s="360"/>
      <c r="G14073" s="360"/>
      <c r="H14073" s="360"/>
      <c r="I14073" s="360"/>
      <c r="J14073" s="365"/>
      <c r="K14073" s="360"/>
      <c r="L14073" s="365"/>
    </row>
    <row r="14074" spans="2:12">
      <c r="B14074" s="367"/>
      <c r="C14074" s="367"/>
      <c r="D14074" s="367"/>
      <c r="E14074" s="367"/>
      <c r="F14074" s="359" t="s">
        <v>14391</v>
      </c>
      <c r="G14074" s="359" t="s">
        <v>14392</v>
      </c>
      <c r="H14074" s="359" t="s">
        <v>14367</v>
      </c>
      <c r="I14074" s="359" t="s">
        <v>14392</v>
      </c>
      <c r="J14074" s="365"/>
      <c r="K14074" s="359" t="s">
        <v>14863</v>
      </c>
      <c r="L14074" s="365"/>
    </row>
    <row r="14075" spans="2:12">
      <c r="B14075" s="367"/>
      <c r="C14075" s="367"/>
      <c r="D14075" s="367"/>
      <c r="E14075" s="367"/>
      <c r="F14075" s="360"/>
      <c r="G14075" s="360"/>
      <c r="H14075" s="360"/>
      <c r="I14075" s="360"/>
      <c r="J14075" s="365"/>
      <c r="K14075" s="360"/>
      <c r="L14075" s="365"/>
    </row>
    <row r="14076" spans="2:12">
      <c r="B14076" s="367"/>
      <c r="C14076" s="367"/>
      <c r="D14076" s="367"/>
      <c r="E14076" s="367"/>
      <c r="F14076" s="359" t="s">
        <v>14371</v>
      </c>
      <c r="G14076" s="359" t="s">
        <v>14372</v>
      </c>
      <c r="H14076" s="359" t="s">
        <v>14370</v>
      </c>
      <c r="I14076" s="359" t="s">
        <v>14373</v>
      </c>
      <c r="J14076" s="365"/>
      <c r="K14076" s="360"/>
      <c r="L14076" s="365"/>
    </row>
    <row r="14077" spans="2:12">
      <c r="B14077" s="367"/>
      <c r="C14077" s="367"/>
      <c r="D14077" s="367"/>
      <c r="E14077" s="367"/>
      <c r="F14077" s="360"/>
      <c r="G14077" s="360"/>
      <c r="H14077" s="360"/>
      <c r="I14077" s="360"/>
      <c r="J14077" s="365"/>
      <c r="K14077" s="360"/>
      <c r="L14077" s="365"/>
    </row>
    <row r="14078" spans="2:12" ht="28.5">
      <c r="B14078" s="368"/>
      <c r="C14078" s="368"/>
      <c r="D14078" s="368"/>
      <c r="E14078" s="368"/>
      <c r="F14078" s="361" t="s">
        <v>14374</v>
      </c>
      <c r="G14078" s="361" t="s">
        <v>14373</v>
      </c>
      <c r="H14078" s="361" t="s">
        <v>14422</v>
      </c>
      <c r="I14078" s="362"/>
      <c r="J14078" s="366"/>
      <c r="K14078" s="362"/>
      <c r="L14078" s="366"/>
    </row>
    <row r="14079" spans="2:12">
      <c r="B14079" s="354" t="s">
        <v>14492</v>
      </c>
      <c r="C14079" s="369"/>
      <c r="D14079" s="369"/>
      <c r="E14079" s="369"/>
      <c r="F14079" s="369"/>
      <c r="G14079" s="369"/>
      <c r="H14079" s="369"/>
      <c r="I14079" s="369"/>
      <c r="J14079" s="369"/>
      <c r="K14079" s="369"/>
      <c r="L14079" s="370"/>
    </row>
    <row r="14080" spans="2:12" ht="42.75">
      <c r="B14080" s="358" t="s">
        <v>13774</v>
      </c>
      <c r="C14080" s="358" t="s">
        <v>27741</v>
      </c>
      <c r="D14080" s="358" t="s">
        <v>13775</v>
      </c>
      <c r="E14080" s="358" t="s">
        <v>13776</v>
      </c>
      <c r="F14080" s="358" t="s">
        <v>14424</v>
      </c>
      <c r="G14080" s="358" t="s">
        <v>17083</v>
      </c>
      <c r="H14080" s="358" t="s">
        <v>14381</v>
      </c>
      <c r="I14080" s="358" t="s">
        <v>17083</v>
      </c>
      <c r="J14080" s="358"/>
      <c r="K14080" s="358" t="s">
        <v>19328</v>
      </c>
      <c r="L14080" s="358"/>
    </row>
    <row r="14081" spans="2:12">
      <c r="B14081" s="367"/>
      <c r="C14081" s="367"/>
      <c r="D14081" s="367"/>
      <c r="E14081" s="367"/>
      <c r="F14081" s="360"/>
      <c r="G14081" s="360"/>
      <c r="H14081" s="360"/>
      <c r="I14081" s="360"/>
      <c r="J14081" s="365"/>
      <c r="K14081" s="360"/>
      <c r="L14081" s="365"/>
    </row>
    <row r="14082" spans="2:12">
      <c r="B14082" s="367"/>
      <c r="C14082" s="367"/>
      <c r="D14082" s="367"/>
      <c r="E14082" s="367"/>
      <c r="F14082" s="359" t="s">
        <v>14530</v>
      </c>
      <c r="G14082" s="359" t="s">
        <v>14380</v>
      </c>
      <c r="H14082" s="359" t="s">
        <v>14378</v>
      </c>
      <c r="I14082" s="359" t="s">
        <v>14380</v>
      </c>
      <c r="J14082" s="365"/>
      <c r="K14082" s="359" t="s">
        <v>29114</v>
      </c>
      <c r="L14082" s="365"/>
    </row>
    <row r="14083" spans="2:12">
      <c r="B14083" s="367"/>
      <c r="C14083" s="367"/>
      <c r="D14083" s="367"/>
      <c r="E14083" s="367"/>
      <c r="F14083" s="360"/>
      <c r="G14083" s="360"/>
      <c r="H14083" s="360"/>
      <c r="I14083" s="360"/>
      <c r="J14083" s="365"/>
      <c r="K14083" s="360"/>
      <c r="L14083" s="365"/>
    </row>
    <row r="14084" spans="2:12" ht="99.75">
      <c r="B14084" s="367"/>
      <c r="C14084" s="367"/>
      <c r="D14084" s="367"/>
      <c r="E14084" s="367"/>
      <c r="F14084" s="359" t="s">
        <v>14530</v>
      </c>
      <c r="G14084" s="359" t="s">
        <v>14531</v>
      </c>
      <c r="H14084" s="359" t="s">
        <v>14370</v>
      </c>
      <c r="I14084" s="359" t="s">
        <v>14531</v>
      </c>
      <c r="J14084" s="365"/>
      <c r="K14084" s="359" t="s">
        <v>29380</v>
      </c>
      <c r="L14084" s="365"/>
    </row>
    <row r="14085" spans="2:12">
      <c r="B14085" s="367"/>
      <c r="C14085" s="367"/>
      <c r="D14085" s="367"/>
      <c r="E14085" s="367"/>
      <c r="F14085" s="360"/>
      <c r="G14085" s="360"/>
      <c r="H14085" s="360"/>
      <c r="I14085" s="360"/>
      <c r="J14085" s="365"/>
      <c r="K14085" s="360"/>
      <c r="L14085" s="365"/>
    </row>
    <row r="14086" spans="2:12" ht="28.5">
      <c r="B14086" s="367"/>
      <c r="C14086" s="367"/>
      <c r="D14086" s="367"/>
      <c r="E14086" s="367"/>
      <c r="F14086" s="359" t="s">
        <v>14530</v>
      </c>
      <c r="G14086" s="359" t="s">
        <v>14405</v>
      </c>
      <c r="H14086" s="359" t="s">
        <v>14332</v>
      </c>
      <c r="I14086" s="359" t="s">
        <v>14405</v>
      </c>
      <c r="J14086" s="365"/>
      <c r="K14086" s="359" t="s">
        <v>29381</v>
      </c>
      <c r="L14086" s="365"/>
    </row>
    <row r="14087" spans="2:12">
      <c r="B14087" s="367"/>
      <c r="C14087" s="367"/>
      <c r="D14087" s="367"/>
      <c r="E14087" s="367"/>
      <c r="F14087" s="360"/>
      <c r="G14087" s="360"/>
      <c r="H14087" s="360"/>
      <c r="I14087" s="360"/>
      <c r="J14087" s="365"/>
      <c r="K14087" s="360"/>
      <c r="L14087" s="365"/>
    </row>
    <row r="14088" spans="2:12" ht="28.5">
      <c r="B14088" s="367"/>
      <c r="C14088" s="367"/>
      <c r="D14088" s="367"/>
      <c r="E14088" s="367"/>
      <c r="F14088" s="359" t="s">
        <v>14384</v>
      </c>
      <c r="G14088" s="359" t="s">
        <v>19331</v>
      </c>
      <c r="H14088" s="360"/>
      <c r="I14088" s="359" t="s">
        <v>19331</v>
      </c>
      <c r="J14088" s="365"/>
      <c r="K14088" s="359" t="s">
        <v>19144</v>
      </c>
      <c r="L14088" s="365"/>
    </row>
    <row r="14089" spans="2:12">
      <c r="B14089" s="367"/>
      <c r="C14089" s="367"/>
      <c r="D14089" s="367"/>
      <c r="E14089" s="367"/>
      <c r="F14089" s="360"/>
      <c r="G14089" s="360"/>
      <c r="H14089" s="360"/>
      <c r="I14089" s="360"/>
      <c r="J14089" s="365"/>
      <c r="K14089" s="360"/>
      <c r="L14089" s="365"/>
    </row>
    <row r="14090" spans="2:12">
      <c r="B14090" s="367"/>
      <c r="C14090" s="367"/>
      <c r="D14090" s="367"/>
      <c r="E14090" s="367"/>
      <c r="F14090" s="359" t="s">
        <v>14371</v>
      </c>
      <c r="G14090" s="359" t="s">
        <v>14372</v>
      </c>
      <c r="H14090" s="360"/>
      <c r="I14090" s="359" t="s">
        <v>14373</v>
      </c>
      <c r="J14090" s="365"/>
      <c r="K14090" s="359" t="s">
        <v>19144</v>
      </c>
      <c r="L14090" s="365"/>
    </row>
    <row r="14091" spans="2:12">
      <c r="B14091" s="367"/>
      <c r="C14091" s="367"/>
      <c r="D14091" s="367"/>
      <c r="E14091" s="367"/>
      <c r="F14091" s="360"/>
      <c r="G14091" s="360"/>
      <c r="H14091" s="360"/>
      <c r="I14091" s="360"/>
      <c r="J14091" s="365"/>
      <c r="K14091" s="360"/>
      <c r="L14091" s="365"/>
    </row>
    <row r="14092" spans="2:12" ht="28.5">
      <c r="B14092" s="368"/>
      <c r="C14092" s="368"/>
      <c r="D14092" s="368"/>
      <c r="E14092" s="368"/>
      <c r="F14092" s="361" t="s">
        <v>14374</v>
      </c>
      <c r="G14092" s="361" t="s">
        <v>14373</v>
      </c>
      <c r="H14092" s="362"/>
      <c r="I14092" s="362"/>
      <c r="J14092" s="366"/>
      <c r="K14092" s="362"/>
      <c r="L14092" s="366"/>
    </row>
    <row r="14093" spans="2:12" ht="28.5">
      <c r="B14093" s="358" t="s">
        <v>13777</v>
      </c>
      <c r="C14093" s="358" t="s">
        <v>21986</v>
      </c>
      <c r="D14093" s="358" t="s">
        <v>8356</v>
      </c>
      <c r="E14093" s="358" t="s">
        <v>13778</v>
      </c>
      <c r="F14093" s="358" t="s">
        <v>14424</v>
      </c>
      <c r="G14093" s="358" t="s">
        <v>17083</v>
      </c>
      <c r="H14093" s="358" t="s">
        <v>14381</v>
      </c>
      <c r="I14093" s="358" t="s">
        <v>17083</v>
      </c>
      <c r="J14093" s="358" t="s">
        <v>15944</v>
      </c>
      <c r="K14093" s="358" t="s">
        <v>19328</v>
      </c>
      <c r="L14093" s="358"/>
    </row>
    <row r="14094" spans="2:12">
      <c r="B14094" s="367"/>
      <c r="C14094" s="360"/>
      <c r="D14094" s="367"/>
      <c r="E14094" s="367"/>
      <c r="F14094" s="360"/>
      <c r="G14094" s="360"/>
      <c r="H14094" s="360"/>
      <c r="I14094" s="360"/>
      <c r="J14094" s="367"/>
      <c r="K14094" s="360"/>
      <c r="L14094" s="365"/>
    </row>
    <row r="14095" spans="2:12" ht="42.75">
      <c r="B14095" s="367"/>
      <c r="C14095" s="359" t="s">
        <v>27742</v>
      </c>
      <c r="D14095" s="367"/>
      <c r="E14095" s="367"/>
      <c r="F14095" s="359" t="s">
        <v>14530</v>
      </c>
      <c r="G14095" s="359" t="s">
        <v>14380</v>
      </c>
      <c r="H14095" s="359" t="s">
        <v>14378</v>
      </c>
      <c r="I14095" s="359" t="s">
        <v>14380</v>
      </c>
      <c r="J14095" s="367"/>
      <c r="K14095" s="359" t="s">
        <v>29114</v>
      </c>
      <c r="L14095" s="365"/>
    </row>
    <row r="14096" spans="2:12">
      <c r="B14096" s="367"/>
      <c r="C14096" s="360"/>
      <c r="D14096" s="367"/>
      <c r="E14096" s="367"/>
      <c r="F14096" s="360"/>
      <c r="G14096" s="360"/>
      <c r="H14096" s="360"/>
      <c r="I14096" s="360"/>
      <c r="J14096" s="367"/>
      <c r="K14096" s="360"/>
      <c r="L14096" s="365"/>
    </row>
    <row r="14097" spans="2:12" ht="85.5">
      <c r="B14097" s="367"/>
      <c r="C14097" s="360"/>
      <c r="D14097" s="367"/>
      <c r="E14097" s="367"/>
      <c r="F14097" s="359" t="s">
        <v>14530</v>
      </c>
      <c r="G14097" s="359" t="s">
        <v>14531</v>
      </c>
      <c r="H14097" s="359" t="s">
        <v>14370</v>
      </c>
      <c r="I14097" s="359" t="s">
        <v>14531</v>
      </c>
      <c r="J14097" s="367"/>
      <c r="K14097" s="359" t="s">
        <v>29239</v>
      </c>
      <c r="L14097" s="365"/>
    </row>
    <row r="14098" spans="2:12">
      <c r="B14098" s="367"/>
      <c r="C14098" s="360"/>
      <c r="D14098" s="367"/>
      <c r="E14098" s="367"/>
      <c r="F14098" s="360"/>
      <c r="G14098" s="360"/>
      <c r="H14098" s="360"/>
      <c r="I14098" s="360"/>
      <c r="J14098" s="367"/>
      <c r="K14098" s="360"/>
      <c r="L14098" s="365"/>
    </row>
    <row r="14099" spans="2:12" ht="28.5">
      <c r="B14099" s="367"/>
      <c r="C14099" s="360"/>
      <c r="D14099" s="367"/>
      <c r="E14099" s="367"/>
      <c r="F14099" s="359" t="s">
        <v>14530</v>
      </c>
      <c r="G14099" s="359" t="s">
        <v>14405</v>
      </c>
      <c r="H14099" s="359" t="s">
        <v>14332</v>
      </c>
      <c r="I14099" s="359" t="s">
        <v>14405</v>
      </c>
      <c r="J14099" s="367"/>
      <c r="K14099" s="359" t="s">
        <v>29240</v>
      </c>
      <c r="L14099" s="365"/>
    </row>
    <row r="14100" spans="2:12">
      <c r="B14100" s="367"/>
      <c r="C14100" s="360"/>
      <c r="D14100" s="367"/>
      <c r="E14100" s="367"/>
      <c r="F14100" s="360"/>
      <c r="G14100" s="360"/>
      <c r="H14100" s="360"/>
      <c r="I14100" s="360"/>
      <c r="J14100" s="367"/>
      <c r="K14100" s="360"/>
      <c r="L14100" s="365"/>
    </row>
    <row r="14101" spans="2:12" ht="28.5">
      <c r="B14101" s="367"/>
      <c r="C14101" s="360"/>
      <c r="D14101" s="367"/>
      <c r="E14101" s="367"/>
      <c r="F14101" s="359" t="s">
        <v>14384</v>
      </c>
      <c r="G14101" s="359" t="s">
        <v>19331</v>
      </c>
      <c r="H14101" s="360"/>
      <c r="I14101" s="359" t="s">
        <v>19331</v>
      </c>
      <c r="J14101" s="367"/>
      <c r="K14101" s="359" t="s">
        <v>14657</v>
      </c>
      <c r="L14101" s="365"/>
    </row>
    <row r="14102" spans="2:12">
      <c r="B14102" s="367"/>
      <c r="C14102" s="360"/>
      <c r="D14102" s="367"/>
      <c r="E14102" s="367"/>
      <c r="F14102" s="360"/>
      <c r="G14102" s="360"/>
      <c r="H14102" s="360"/>
      <c r="I14102" s="360"/>
      <c r="J14102" s="367"/>
      <c r="K14102" s="360"/>
      <c r="L14102" s="365"/>
    </row>
    <row r="14103" spans="2:12">
      <c r="B14103" s="367"/>
      <c r="C14103" s="360"/>
      <c r="D14103" s="367"/>
      <c r="E14103" s="367"/>
      <c r="F14103" s="359" t="s">
        <v>14371</v>
      </c>
      <c r="G14103" s="359" t="s">
        <v>14372</v>
      </c>
      <c r="H14103" s="360"/>
      <c r="I14103" s="359" t="s">
        <v>14373</v>
      </c>
      <c r="J14103" s="367"/>
      <c r="K14103" s="359" t="s">
        <v>14657</v>
      </c>
      <c r="L14103" s="365"/>
    </row>
    <row r="14104" spans="2:12">
      <c r="B14104" s="367"/>
      <c r="C14104" s="360"/>
      <c r="D14104" s="367"/>
      <c r="E14104" s="367"/>
      <c r="F14104" s="360"/>
      <c r="G14104" s="360"/>
      <c r="H14104" s="360"/>
      <c r="I14104" s="360"/>
      <c r="J14104" s="367"/>
      <c r="K14104" s="360"/>
      <c r="L14104" s="365"/>
    </row>
    <row r="14105" spans="2:12" ht="28.5">
      <c r="B14105" s="368"/>
      <c r="C14105" s="362"/>
      <c r="D14105" s="368"/>
      <c r="E14105" s="368"/>
      <c r="F14105" s="361" t="s">
        <v>14374</v>
      </c>
      <c r="G14105" s="361" t="s">
        <v>14373</v>
      </c>
      <c r="H14105" s="362"/>
      <c r="I14105" s="362"/>
      <c r="J14105" s="368"/>
      <c r="K14105" s="362"/>
      <c r="L14105" s="366"/>
    </row>
    <row r="14106" spans="2:12" ht="28.5">
      <c r="B14106" s="358" t="s">
        <v>13781</v>
      </c>
      <c r="C14106" s="358" t="s">
        <v>21987</v>
      </c>
      <c r="D14106" s="358" t="s">
        <v>13782</v>
      </c>
      <c r="E14106" s="358" t="s">
        <v>13783</v>
      </c>
      <c r="F14106" s="358" t="s">
        <v>14443</v>
      </c>
      <c r="G14106" s="358" t="s">
        <v>14444</v>
      </c>
      <c r="H14106" s="358" t="s">
        <v>16039</v>
      </c>
      <c r="I14106" s="358" t="s">
        <v>14444</v>
      </c>
      <c r="J14106" s="358"/>
      <c r="K14106" s="358"/>
      <c r="L14106" s="358"/>
    </row>
    <row r="14107" spans="2:12">
      <c r="B14107" s="367"/>
      <c r="C14107" s="367"/>
      <c r="D14107" s="360"/>
      <c r="E14107" s="360"/>
      <c r="F14107" s="360"/>
      <c r="G14107" s="360"/>
      <c r="H14107" s="360"/>
      <c r="I14107" s="360"/>
      <c r="J14107" s="365"/>
      <c r="K14107" s="365"/>
      <c r="L14107" s="365"/>
    </row>
    <row r="14108" spans="2:12" ht="28.5">
      <c r="B14108" s="367"/>
      <c r="C14108" s="367"/>
      <c r="D14108" s="359" t="s">
        <v>13130</v>
      </c>
      <c r="E14108" s="359" t="s">
        <v>13784</v>
      </c>
      <c r="F14108" s="359" t="s">
        <v>14424</v>
      </c>
      <c r="G14108" s="359" t="s">
        <v>14481</v>
      </c>
      <c r="H14108" s="359" t="s">
        <v>16490</v>
      </c>
      <c r="I14108" s="359" t="s">
        <v>14481</v>
      </c>
      <c r="J14108" s="365"/>
      <c r="K14108" s="365"/>
      <c r="L14108" s="365"/>
    </row>
    <row r="14109" spans="2:12">
      <c r="B14109" s="367"/>
      <c r="C14109" s="367"/>
      <c r="D14109" s="360"/>
      <c r="E14109" s="360"/>
      <c r="F14109" s="360"/>
      <c r="G14109" s="360"/>
      <c r="H14109" s="360"/>
      <c r="I14109" s="360"/>
      <c r="J14109" s="365"/>
      <c r="K14109" s="365"/>
      <c r="L14109" s="365"/>
    </row>
    <row r="14110" spans="2:12" ht="28.5">
      <c r="B14110" s="367"/>
      <c r="C14110" s="367"/>
      <c r="D14110" s="359" t="s">
        <v>13962</v>
      </c>
      <c r="E14110" s="359" t="s">
        <v>13785</v>
      </c>
      <c r="F14110" s="359" t="s">
        <v>17277</v>
      </c>
      <c r="G14110" s="359" t="s">
        <v>17278</v>
      </c>
      <c r="H14110" s="359" t="s">
        <v>14341</v>
      </c>
      <c r="I14110" s="359" t="s">
        <v>17278</v>
      </c>
      <c r="J14110" s="365"/>
      <c r="K14110" s="365"/>
      <c r="L14110" s="365"/>
    </row>
    <row r="14111" spans="2:12">
      <c r="B14111" s="367"/>
      <c r="C14111" s="367"/>
      <c r="D14111" s="360"/>
      <c r="E14111" s="360"/>
      <c r="F14111" s="360"/>
      <c r="G14111" s="360"/>
      <c r="H14111" s="360"/>
      <c r="I14111" s="360"/>
      <c r="J14111" s="365"/>
      <c r="K14111" s="365"/>
      <c r="L14111" s="365"/>
    </row>
    <row r="14112" spans="2:12">
      <c r="B14112" s="367"/>
      <c r="C14112" s="367"/>
      <c r="D14112" s="360"/>
      <c r="E14112" s="360"/>
      <c r="F14112" s="359" t="s">
        <v>15089</v>
      </c>
      <c r="G14112" s="359" t="s">
        <v>14459</v>
      </c>
      <c r="H14112" s="359" t="s">
        <v>14332</v>
      </c>
      <c r="I14112" s="359" t="s">
        <v>14459</v>
      </c>
      <c r="J14112" s="365"/>
      <c r="K14112" s="365"/>
      <c r="L14112" s="365"/>
    </row>
    <row r="14113" spans="2:12">
      <c r="B14113" s="367"/>
      <c r="C14113" s="367"/>
      <c r="D14113" s="360"/>
      <c r="E14113" s="360"/>
      <c r="F14113" s="360"/>
      <c r="G14113" s="360"/>
      <c r="H14113" s="360"/>
      <c r="I14113" s="360"/>
      <c r="J14113" s="365"/>
      <c r="K14113" s="365"/>
      <c r="L14113" s="365"/>
    </row>
    <row r="14114" spans="2:12">
      <c r="B14114" s="367"/>
      <c r="C14114" s="367"/>
      <c r="D14114" s="360"/>
      <c r="E14114" s="360"/>
      <c r="F14114" s="359" t="s">
        <v>15089</v>
      </c>
      <c r="G14114" s="359" t="s">
        <v>14429</v>
      </c>
      <c r="H14114" s="360"/>
      <c r="I14114" s="359" t="s">
        <v>14429</v>
      </c>
      <c r="J14114" s="365"/>
      <c r="K14114" s="365"/>
      <c r="L14114" s="365"/>
    </row>
    <row r="14115" spans="2:12">
      <c r="B14115" s="367"/>
      <c r="C14115" s="367"/>
      <c r="D14115" s="360"/>
      <c r="E14115" s="360"/>
      <c r="F14115" s="360"/>
      <c r="G14115" s="360"/>
      <c r="H14115" s="360"/>
      <c r="I14115" s="360"/>
      <c r="J14115" s="365"/>
      <c r="K14115" s="365"/>
      <c r="L14115" s="365"/>
    </row>
    <row r="14116" spans="2:12" ht="42.75">
      <c r="B14116" s="367"/>
      <c r="C14116" s="367"/>
      <c r="D14116" s="360"/>
      <c r="E14116" s="360"/>
      <c r="F14116" s="359" t="s">
        <v>14384</v>
      </c>
      <c r="G14116" s="359" t="s">
        <v>21988</v>
      </c>
      <c r="H14116" s="360"/>
      <c r="I14116" s="359" t="s">
        <v>21988</v>
      </c>
      <c r="J14116" s="365"/>
      <c r="K14116" s="365"/>
      <c r="L14116" s="365"/>
    </row>
    <row r="14117" spans="2:12">
      <c r="B14117" s="367"/>
      <c r="C14117" s="367"/>
      <c r="D14117" s="360"/>
      <c r="E14117" s="360"/>
      <c r="F14117" s="360"/>
      <c r="G14117" s="360"/>
      <c r="H14117" s="360"/>
      <c r="I14117" s="360"/>
      <c r="J14117" s="365"/>
      <c r="K14117" s="365"/>
      <c r="L14117" s="365"/>
    </row>
    <row r="14118" spans="2:12">
      <c r="B14118" s="368"/>
      <c r="C14118" s="368"/>
      <c r="D14118" s="362"/>
      <c r="E14118" s="362"/>
      <c r="F14118" s="361" t="s">
        <v>14430</v>
      </c>
      <c r="G14118" s="361" t="s">
        <v>14431</v>
      </c>
      <c r="H14118" s="362"/>
      <c r="I14118" s="361" t="s">
        <v>14431</v>
      </c>
      <c r="J14118" s="366"/>
      <c r="K14118" s="366"/>
      <c r="L14118" s="366"/>
    </row>
    <row r="14119" spans="2:12">
      <c r="B14119" s="358" t="s">
        <v>13786</v>
      </c>
      <c r="C14119" s="358" t="s">
        <v>21989</v>
      </c>
      <c r="D14119" s="358" t="s">
        <v>13787</v>
      </c>
      <c r="E14119" s="358" t="s">
        <v>13788</v>
      </c>
      <c r="F14119" s="358" t="s">
        <v>14424</v>
      </c>
      <c r="G14119" s="358" t="s">
        <v>17083</v>
      </c>
      <c r="H14119" s="358" t="s">
        <v>14381</v>
      </c>
      <c r="I14119" s="358" t="s">
        <v>17083</v>
      </c>
      <c r="J14119" s="358"/>
      <c r="K14119" s="358"/>
      <c r="L14119" s="358"/>
    </row>
    <row r="14120" spans="2:12">
      <c r="B14120" s="367"/>
      <c r="C14120" s="367"/>
      <c r="D14120" s="367"/>
      <c r="E14120" s="367"/>
      <c r="F14120" s="360"/>
      <c r="G14120" s="360"/>
      <c r="H14120" s="360"/>
      <c r="I14120" s="360"/>
      <c r="J14120" s="365"/>
      <c r="K14120" s="365"/>
      <c r="L14120" s="365"/>
    </row>
    <row r="14121" spans="2:12">
      <c r="B14121" s="367"/>
      <c r="C14121" s="367"/>
      <c r="D14121" s="367"/>
      <c r="E14121" s="367"/>
      <c r="F14121" s="359" t="s">
        <v>14391</v>
      </c>
      <c r="G14121" s="359" t="s">
        <v>14392</v>
      </c>
      <c r="H14121" s="359" t="s">
        <v>14367</v>
      </c>
      <c r="I14121" s="359" t="s">
        <v>14392</v>
      </c>
      <c r="J14121" s="365"/>
      <c r="K14121" s="365"/>
      <c r="L14121" s="365"/>
    </row>
    <row r="14122" spans="2:12">
      <c r="B14122" s="367"/>
      <c r="C14122" s="367"/>
      <c r="D14122" s="367"/>
      <c r="E14122" s="367"/>
      <c r="F14122" s="360"/>
      <c r="G14122" s="360"/>
      <c r="H14122" s="360"/>
      <c r="I14122" s="360"/>
      <c r="J14122" s="365"/>
      <c r="K14122" s="365"/>
      <c r="L14122" s="365"/>
    </row>
    <row r="14123" spans="2:12">
      <c r="B14123" s="368"/>
      <c r="C14123" s="368"/>
      <c r="D14123" s="368"/>
      <c r="E14123" s="368"/>
      <c r="F14123" s="362"/>
      <c r="G14123" s="362"/>
      <c r="H14123" s="361" t="s">
        <v>14332</v>
      </c>
      <c r="I14123" s="362"/>
      <c r="J14123" s="366"/>
      <c r="K14123" s="366"/>
      <c r="L14123" s="366"/>
    </row>
    <row r="14124" spans="2:12">
      <c r="B14124" s="354" t="s">
        <v>8444</v>
      </c>
      <c r="C14124" s="369"/>
      <c r="D14124" s="369"/>
      <c r="E14124" s="369"/>
      <c r="F14124" s="369"/>
      <c r="G14124" s="369"/>
      <c r="H14124" s="369"/>
      <c r="I14124" s="369"/>
      <c r="J14124" s="369"/>
      <c r="K14124" s="369"/>
      <c r="L14124" s="370"/>
    </row>
    <row r="14125" spans="2:12" ht="42.75">
      <c r="B14125" s="358" t="s">
        <v>13955</v>
      </c>
      <c r="C14125" s="358" t="s">
        <v>21990</v>
      </c>
      <c r="D14125" s="358" t="s">
        <v>21991</v>
      </c>
      <c r="E14125" s="358" t="s">
        <v>21992</v>
      </c>
      <c r="F14125" s="358" t="s">
        <v>14443</v>
      </c>
      <c r="G14125" s="358" t="s">
        <v>14444</v>
      </c>
      <c r="H14125" s="358" t="s">
        <v>14381</v>
      </c>
      <c r="I14125" s="358" t="s">
        <v>14444</v>
      </c>
      <c r="J14125" s="358"/>
      <c r="K14125" s="358"/>
      <c r="L14125" s="358"/>
    </row>
    <row r="14126" spans="2:12">
      <c r="B14126" s="367"/>
      <c r="C14126" s="360"/>
      <c r="D14126" s="360"/>
      <c r="E14126" s="360"/>
      <c r="F14126" s="360"/>
      <c r="G14126" s="360"/>
      <c r="H14126" s="360"/>
      <c r="I14126" s="360"/>
      <c r="J14126" s="365"/>
      <c r="K14126" s="365"/>
      <c r="L14126" s="365"/>
    </row>
    <row r="14127" spans="2:12" ht="28.5">
      <c r="B14127" s="367"/>
      <c r="C14127" s="359" t="s">
        <v>13958</v>
      </c>
      <c r="D14127" s="359" t="s">
        <v>13962</v>
      </c>
      <c r="E14127" s="359" t="s">
        <v>13963</v>
      </c>
      <c r="F14127" s="359" t="s">
        <v>14424</v>
      </c>
      <c r="G14127" s="359" t="s">
        <v>14481</v>
      </c>
      <c r="H14127" s="359" t="s">
        <v>14332</v>
      </c>
      <c r="I14127" s="359" t="s">
        <v>14481</v>
      </c>
      <c r="J14127" s="365"/>
      <c r="K14127" s="365"/>
      <c r="L14127" s="365"/>
    </row>
    <row r="14128" spans="2:12">
      <c r="B14128" s="367"/>
      <c r="C14128" s="360"/>
      <c r="D14128" s="360"/>
      <c r="E14128" s="360"/>
      <c r="F14128" s="360"/>
      <c r="G14128" s="360"/>
      <c r="H14128" s="360"/>
      <c r="I14128" s="360"/>
      <c r="J14128" s="365"/>
      <c r="K14128" s="365"/>
      <c r="L14128" s="365"/>
    </row>
    <row r="14129" spans="2:12">
      <c r="B14129" s="368"/>
      <c r="C14129" s="361" t="s">
        <v>13961</v>
      </c>
      <c r="D14129" s="362"/>
      <c r="E14129" s="362"/>
      <c r="F14129" s="361" t="s">
        <v>17277</v>
      </c>
      <c r="G14129" s="361" t="s">
        <v>17278</v>
      </c>
      <c r="H14129" s="362"/>
      <c r="I14129" s="361" t="s">
        <v>17278</v>
      </c>
      <c r="J14129" s="366"/>
      <c r="K14129" s="366"/>
      <c r="L14129" s="366"/>
    </row>
    <row r="14130" spans="2:12">
      <c r="B14130" s="358" t="s">
        <v>13934</v>
      </c>
      <c r="C14130" s="358" t="s">
        <v>13933</v>
      </c>
      <c r="D14130" s="358" t="s">
        <v>13935</v>
      </c>
      <c r="E14130" s="358" t="s">
        <v>1848</v>
      </c>
      <c r="F14130" s="358" t="s">
        <v>14376</v>
      </c>
      <c r="G14130" s="358" t="s">
        <v>14669</v>
      </c>
      <c r="H14130" s="358" t="s">
        <v>14381</v>
      </c>
      <c r="I14130" s="358" t="s">
        <v>14669</v>
      </c>
      <c r="J14130" s="358" t="s">
        <v>14944</v>
      </c>
      <c r="K14130" s="358"/>
      <c r="L14130" s="358" t="s">
        <v>27743</v>
      </c>
    </row>
    <row r="14131" spans="2:12">
      <c r="B14131" s="367"/>
      <c r="C14131" s="360"/>
      <c r="D14131" s="367"/>
      <c r="E14131" s="367"/>
      <c r="F14131" s="360"/>
      <c r="G14131" s="360"/>
      <c r="H14131" s="360"/>
      <c r="I14131" s="360"/>
      <c r="J14131" s="367"/>
      <c r="K14131" s="365"/>
      <c r="L14131" s="360"/>
    </row>
    <row r="14132" spans="2:12">
      <c r="B14132" s="367"/>
      <c r="C14132" s="359" t="s">
        <v>13936</v>
      </c>
      <c r="D14132" s="367"/>
      <c r="E14132" s="367"/>
      <c r="F14132" s="359" t="s">
        <v>14426</v>
      </c>
      <c r="G14132" s="359" t="s">
        <v>14427</v>
      </c>
      <c r="H14132" s="359" t="s">
        <v>14367</v>
      </c>
      <c r="I14132" s="359" t="s">
        <v>14427</v>
      </c>
      <c r="J14132" s="367"/>
      <c r="K14132" s="365"/>
      <c r="L14132" s="359" t="s">
        <v>27744</v>
      </c>
    </row>
    <row r="14133" spans="2:12">
      <c r="B14133" s="367"/>
      <c r="C14133" s="360"/>
      <c r="D14133" s="367"/>
      <c r="E14133" s="367"/>
      <c r="F14133" s="360"/>
      <c r="G14133" s="360"/>
      <c r="H14133" s="360"/>
      <c r="I14133" s="360"/>
      <c r="J14133" s="367"/>
      <c r="K14133" s="365"/>
      <c r="L14133" s="360"/>
    </row>
    <row r="14134" spans="2:12" ht="28.5">
      <c r="B14134" s="367"/>
      <c r="C14134" s="359" t="s">
        <v>13937</v>
      </c>
      <c r="D14134" s="367"/>
      <c r="E14134" s="367"/>
      <c r="F14134" s="359" t="s">
        <v>15089</v>
      </c>
      <c r="G14134" s="359" t="s">
        <v>14459</v>
      </c>
      <c r="H14134" s="359" t="s">
        <v>14341</v>
      </c>
      <c r="I14134" s="359" t="s">
        <v>14459</v>
      </c>
      <c r="J14134" s="367"/>
      <c r="K14134" s="365"/>
      <c r="L14134" s="360"/>
    </row>
    <row r="14135" spans="2:12">
      <c r="B14135" s="367"/>
      <c r="C14135" s="360"/>
      <c r="D14135" s="367"/>
      <c r="E14135" s="367"/>
      <c r="F14135" s="360"/>
      <c r="G14135" s="360"/>
      <c r="H14135" s="360"/>
      <c r="I14135" s="360"/>
      <c r="J14135" s="367"/>
      <c r="K14135" s="365"/>
      <c r="L14135" s="360"/>
    </row>
    <row r="14136" spans="2:12">
      <c r="B14136" s="367"/>
      <c r="C14136" s="359" t="s">
        <v>13938</v>
      </c>
      <c r="D14136" s="367"/>
      <c r="E14136" s="367"/>
      <c r="F14136" s="359" t="s">
        <v>15089</v>
      </c>
      <c r="G14136" s="359" t="s">
        <v>14421</v>
      </c>
      <c r="H14136" s="359" t="s">
        <v>14332</v>
      </c>
      <c r="I14136" s="359" t="s">
        <v>14421</v>
      </c>
      <c r="J14136" s="367"/>
      <c r="K14136" s="365"/>
      <c r="L14136" s="360"/>
    </row>
    <row r="14137" spans="2:12">
      <c r="B14137" s="367"/>
      <c r="C14137" s="360"/>
      <c r="D14137" s="367"/>
      <c r="E14137" s="367"/>
      <c r="F14137" s="360"/>
      <c r="G14137" s="360"/>
      <c r="H14137" s="360"/>
      <c r="I14137" s="360"/>
      <c r="J14137" s="367"/>
      <c r="K14137" s="365"/>
      <c r="L14137" s="360"/>
    </row>
    <row r="14138" spans="2:12">
      <c r="B14138" s="367"/>
      <c r="C14138" s="360"/>
      <c r="D14138" s="367"/>
      <c r="E14138" s="367"/>
      <c r="F14138" s="359" t="s">
        <v>15089</v>
      </c>
      <c r="G14138" s="359" t="s">
        <v>14429</v>
      </c>
      <c r="H14138" s="360"/>
      <c r="I14138" s="359" t="s">
        <v>14429</v>
      </c>
      <c r="J14138" s="367"/>
      <c r="K14138" s="365"/>
      <c r="L14138" s="360"/>
    </row>
    <row r="14139" spans="2:12">
      <c r="B14139" s="367"/>
      <c r="C14139" s="360"/>
      <c r="D14139" s="367"/>
      <c r="E14139" s="367"/>
      <c r="F14139" s="360"/>
      <c r="G14139" s="360"/>
      <c r="H14139" s="360"/>
      <c r="I14139" s="360"/>
      <c r="J14139" s="367"/>
      <c r="K14139" s="365"/>
      <c r="L14139" s="360"/>
    </row>
    <row r="14140" spans="2:12" ht="71.25">
      <c r="B14140" s="367"/>
      <c r="C14140" s="360"/>
      <c r="D14140" s="367"/>
      <c r="E14140" s="367"/>
      <c r="F14140" s="359" t="s">
        <v>16919</v>
      </c>
      <c r="G14140" s="359" t="s">
        <v>21993</v>
      </c>
      <c r="H14140" s="360"/>
      <c r="I14140" s="359" t="s">
        <v>21993</v>
      </c>
      <c r="J14140" s="367"/>
      <c r="K14140" s="365"/>
      <c r="L14140" s="360"/>
    </row>
    <row r="14141" spans="2:12">
      <c r="B14141" s="367"/>
      <c r="C14141" s="360"/>
      <c r="D14141" s="367"/>
      <c r="E14141" s="367"/>
      <c r="F14141" s="360"/>
      <c r="G14141" s="360"/>
      <c r="H14141" s="360"/>
      <c r="I14141" s="360"/>
      <c r="J14141" s="367"/>
      <c r="K14141" s="365"/>
      <c r="L14141" s="360"/>
    </row>
    <row r="14142" spans="2:12">
      <c r="B14142" s="367"/>
      <c r="C14142" s="360"/>
      <c r="D14142" s="367"/>
      <c r="E14142" s="367"/>
      <c r="F14142" s="359" t="s">
        <v>14356</v>
      </c>
      <c r="G14142" s="359" t="s">
        <v>14340</v>
      </c>
      <c r="H14142" s="360"/>
      <c r="I14142" s="359" t="s">
        <v>14340</v>
      </c>
      <c r="J14142" s="367"/>
      <c r="K14142" s="365"/>
      <c r="L14142" s="360"/>
    </row>
    <row r="14143" spans="2:12">
      <c r="B14143" s="367"/>
      <c r="C14143" s="360"/>
      <c r="D14143" s="367"/>
      <c r="E14143" s="367"/>
      <c r="F14143" s="360"/>
      <c r="G14143" s="360"/>
      <c r="H14143" s="360"/>
      <c r="I14143" s="360"/>
      <c r="J14143" s="367"/>
      <c r="K14143" s="365"/>
      <c r="L14143" s="360"/>
    </row>
    <row r="14144" spans="2:12">
      <c r="B14144" s="367"/>
      <c r="C14144" s="360"/>
      <c r="D14144" s="367"/>
      <c r="E14144" s="367"/>
      <c r="F14144" s="359" t="s">
        <v>14391</v>
      </c>
      <c r="G14144" s="359" t="s">
        <v>14392</v>
      </c>
      <c r="H14144" s="360"/>
      <c r="I14144" s="359" t="s">
        <v>14392</v>
      </c>
      <c r="J14144" s="367"/>
      <c r="K14144" s="365"/>
      <c r="L14144" s="360"/>
    </row>
    <row r="14145" spans="2:12">
      <c r="B14145" s="367"/>
      <c r="C14145" s="360"/>
      <c r="D14145" s="367"/>
      <c r="E14145" s="367"/>
      <c r="F14145" s="360"/>
      <c r="G14145" s="360"/>
      <c r="H14145" s="360"/>
      <c r="I14145" s="360"/>
      <c r="J14145" s="367"/>
      <c r="K14145" s="365"/>
      <c r="L14145" s="360"/>
    </row>
    <row r="14146" spans="2:12">
      <c r="B14146" s="368"/>
      <c r="C14146" s="362"/>
      <c r="D14146" s="368"/>
      <c r="E14146" s="368"/>
      <c r="F14146" s="361" t="s">
        <v>14430</v>
      </c>
      <c r="G14146" s="361" t="s">
        <v>14431</v>
      </c>
      <c r="H14146" s="362"/>
      <c r="I14146" s="362"/>
      <c r="J14146" s="368"/>
      <c r="K14146" s="366"/>
      <c r="L14146" s="362"/>
    </row>
    <row r="14147" spans="2:12" ht="42.75">
      <c r="B14147" s="358" t="s">
        <v>21994</v>
      </c>
      <c r="C14147" s="358" t="s">
        <v>21995</v>
      </c>
      <c r="D14147" s="358" t="s">
        <v>8356</v>
      </c>
      <c r="E14147" s="358" t="s">
        <v>21996</v>
      </c>
      <c r="F14147" s="358" t="s">
        <v>15089</v>
      </c>
      <c r="G14147" s="358" t="s">
        <v>14429</v>
      </c>
      <c r="H14147" s="358" t="s">
        <v>14367</v>
      </c>
      <c r="I14147" s="358" t="s">
        <v>14429</v>
      </c>
      <c r="J14147" s="358"/>
      <c r="K14147" s="358" t="s">
        <v>14657</v>
      </c>
      <c r="L14147" s="358"/>
    </row>
    <row r="14148" spans="2:12">
      <c r="B14148" s="367"/>
      <c r="C14148" s="360"/>
      <c r="D14148" s="367"/>
      <c r="E14148" s="367"/>
      <c r="F14148" s="360"/>
      <c r="G14148" s="360"/>
      <c r="H14148" s="360"/>
      <c r="I14148" s="360"/>
      <c r="J14148" s="365"/>
      <c r="K14148" s="360"/>
      <c r="L14148" s="365"/>
    </row>
    <row r="14149" spans="2:12" ht="42.75">
      <c r="B14149" s="367"/>
      <c r="C14149" s="359" t="s">
        <v>21997</v>
      </c>
      <c r="D14149" s="367"/>
      <c r="E14149" s="367"/>
      <c r="F14149" s="359" t="s">
        <v>21692</v>
      </c>
      <c r="G14149" s="359" t="s">
        <v>21998</v>
      </c>
      <c r="H14149" s="359" t="s">
        <v>14381</v>
      </c>
      <c r="I14149" s="359" t="s">
        <v>21998</v>
      </c>
      <c r="J14149" s="365"/>
      <c r="K14149" s="359" t="s">
        <v>14657</v>
      </c>
      <c r="L14149" s="365"/>
    </row>
    <row r="14150" spans="2:12">
      <c r="B14150" s="367"/>
      <c r="C14150" s="360"/>
      <c r="D14150" s="367"/>
      <c r="E14150" s="367"/>
      <c r="F14150" s="360"/>
      <c r="G14150" s="360"/>
      <c r="H14150" s="360"/>
      <c r="I14150" s="360"/>
      <c r="J14150" s="365"/>
      <c r="K14150" s="360"/>
      <c r="L14150" s="365"/>
    </row>
    <row r="14151" spans="2:12">
      <c r="B14151" s="367"/>
      <c r="C14151" s="360"/>
      <c r="D14151" s="367"/>
      <c r="E14151" s="367"/>
      <c r="F14151" s="359" t="s">
        <v>14371</v>
      </c>
      <c r="G14151" s="359" t="s">
        <v>14372</v>
      </c>
      <c r="H14151" s="359" t="s">
        <v>14370</v>
      </c>
      <c r="I14151" s="359" t="s">
        <v>14373</v>
      </c>
      <c r="J14151" s="365"/>
      <c r="K14151" s="360"/>
      <c r="L14151" s="365"/>
    </row>
    <row r="14152" spans="2:12">
      <c r="B14152" s="367"/>
      <c r="C14152" s="360"/>
      <c r="D14152" s="367"/>
      <c r="E14152" s="367"/>
      <c r="F14152" s="360"/>
      <c r="G14152" s="360"/>
      <c r="H14152" s="360"/>
      <c r="I14152" s="360"/>
      <c r="J14152" s="365"/>
      <c r="K14152" s="360"/>
      <c r="L14152" s="365"/>
    </row>
    <row r="14153" spans="2:12" ht="28.5">
      <c r="B14153" s="368"/>
      <c r="C14153" s="362"/>
      <c r="D14153" s="368"/>
      <c r="E14153" s="368"/>
      <c r="F14153" s="361" t="s">
        <v>14374</v>
      </c>
      <c r="G14153" s="361" t="s">
        <v>14373</v>
      </c>
      <c r="H14153" s="361" t="s">
        <v>14422</v>
      </c>
      <c r="I14153" s="362"/>
      <c r="J14153" s="366"/>
      <c r="K14153" s="362"/>
      <c r="L14153" s="366"/>
    </row>
    <row r="14154" spans="2:12">
      <c r="B14154" s="358" t="s">
        <v>21999</v>
      </c>
      <c r="C14154" s="358" t="s">
        <v>22000</v>
      </c>
      <c r="D14154" s="358" t="s">
        <v>8356</v>
      </c>
      <c r="E14154" s="358" t="s">
        <v>22001</v>
      </c>
      <c r="F14154" s="358" t="s">
        <v>14530</v>
      </c>
      <c r="G14154" s="358" t="s">
        <v>14380</v>
      </c>
      <c r="H14154" s="358" t="s">
        <v>14378</v>
      </c>
      <c r="I14154" s="358" t="s">
        <v>14380</v>
      </c>
      <c r="J14154" s="358"/>
      <c r="K14154" s="358" t="s">
        <v>22002</v>
      </c>
      <c r="L14154" s="358"/>
    </row>
    <row r="14155" spans="2:12">
      <c r="B14155" s="367"/>
      <c r="C14155" s="360"/>
      <c r="D14155" s="367"/>
      <c r="E14155" s="367"/>
      <c r="F14155" s="360"/>
      <c r="G14155" s="360"/>
      <c r="H14155" s="360"/>
      <c r="I14155" s="360"/>
      <c r="J14155" s="365"/>
      <c r="K14155" s="360"/>
      <c r="L14155" s="365"/>
    </row>
    <row r="14156" spans="2:12" ht="42.75">
      <c r="B14156" s="367"/>
      <c r="C14156" s="359" t="s">
        <v>22003</v>
      </c>
      <c r="D14156" s="367"/>
      <c r="E14156" s="367"/>
      <c r="F14156" s="359" t="s">
        <v>14700</v>
      </c>
      <c r="G14156" s="359" t="s">
        <v>14531</v>
      </c>
      <c r="H14156" s="359" t="s">
        <v>14370</v>
      </c>
      <c r="I14156" s="359" t="s">
        <v>14531</v>
      </c>
      <c r="J14156" s="365"/>
      <c r="K14156" s="359" t="s">
        <v>22002</v>
      </c>
      <c r="L14156" s="365"/>
    </row>
    <row r="14157" spans="2:12">
      <c r="B14157" s="367"/>
      <c r="C14157" s="360"/>
      <c r="D14157" s="367"/>
      <c r="E14157" s="367"/>
      <c r="F14157" s="360"/>
      <c r="G14157" s="360"/>
      <c r="H14157" s="360"/>
      <c r="I14157" s="360"/>
      <c r="J14157" s="365"/>
      <c r="K14157" s="360"/>
      <c r="L14157" s="365"/>
    </row>
    <row r="14158" spans="2:12">
      <c r="B14158" s="367"/>
      <c r="C14158" s="360"/>
      <c r="D14158" s="367"/>
      <c r="E14158" s="367"/>
      <c r="F14158" s="359" t="s">
        <v>14700</v>
      </c>
      <c r="G14158" s="359" t="s">
        <v>14405</v>
      </c>
      <c r="H14158" s="359" t="s">
        <v>14332</v>
      </c>
      <c r="I14158" s="359" t="s">
        <v>14405</v>
      </c>
      <c r="J14158" s="365"/>
      <c r="K14158" s="360"/>
      <c r="L14158" s="365"/>
    </row>
    <row r="14159" spans="2:12">
      <c r="B14159" s="367"/>
      <c r="C14159" s="360"/>
      <c r="D14159" s="367"/>
      <c r="E14159" s="367"/>
      <c r="F14159" s="360"/>
      <c r="G14159" s="360"/>
      <c r="H14159" s="360"/>
      <c r="I14159" s="360"/>
      <c r="J14159" s="365"/>
      <c r="K14159" s="360"/>
      <c r="L14159" s="365"/>
    </row>
    <row r="14160" spans="2:12">
      <c r="B14160" s="367"/>
      <c r="C14160" s="360"/>
      <c r="D14160" s="367"/>
      <c r="E14160" s="367"/>
      <c r="F14160" s="359" t="s">
        <v>14371</v>
      </c>
      <c r="G14160" s="359" t="s">
        <v>14372</v>
      </c>
      <c r="H14160" s="360"/>
      <c r="I14160" s="359" t="s">
        <v>14373</v>
      </c>
      <c r="J14160" s="365"/>
      <c r="K14160" s="360"/>
      <c r="L14160" s="365"/>
    </row>
    <row r="14161" spans="2:12">
      <c r="B14161" s="367"/>
      <c r="C14161" s="360"/>
      <c r="D14161" s="367"/>
      <c r="E14161" s="367"/>
      <c r="F14161" s="360"/>
      <c r="G14161" s="360"/>
      <c r="H14161" s="360"/>
      <c r="I14161" s="360"/>
      <c r="J14161" s="365"/>
      <c r="K14161" s="360"/>
      <c r="L14161" s="365"/>
    </row>
    <row r="14162" spans="2:12" ht="28.5">
      <c r="B14162" s="368"/>
      <c r="C14162" s="362"/>
      <c r="D14162" s="368"/>
      <c r="E14162" s="368"/>
      <c r="F14162" s="361" t="s">
        <v>14374</v>
      </c>
      <c r="G14162" s="361" t="s">
        <v>14373</v>
      </c>
      <c r="H14162" s="362"/>
      <c r="I14162" s="362"/>
      <c r="J14162" s="366"/>
      <c r="K14162" s="362"/>
      <c r="L14162" s="366"/>
    </row>
    <row r="14163" spans="2:12">
      <c r="B14163" s="354" t="s">
        <v>28574</v>
      </c>
      <c r="C14163" s="369"/>
      <c r="D14163" s="369"/>
      <c r="E14163" s="369"/>
      <c r="F14163" s="369"/>
      <c r="G14163" s="369"/>
      <c r="H14163" s="369"/>
      <c r="I14163" s="369"/>
      <c r="J14163" s="369"/>
      <c r="K14163" s="369"/>
      <c r="L14163" s="370"/>
    </row>
    <row r="14164" spans="2:12" ht="42.75">
      <c r="B14164" s="358" t="s">
        <v>29382</v>
      </c>
      <c r="C14164" s="358" t="s">
        <v>30292</v>
      </c>
      <c r="D14164" s="358" t="s">
        <v>8356</v>
      </c>
      <c r="E14164" s="358" t="s">
        <v>28410</v>
      </c>
      <c r="F14164" s="358" t="s">
        <v>15089</v>
      </c>
      <c r="G14164" s="358" t="s">
        <v>14459</v>
      </c>
      <c r="H14164" s="358" t="s">
        <v>14378</v>
      </c>
      <c r="I14164" s="358" t="s">
        <v>14459</v>
      </c>
      <c r="J14164" s="358"/>
      <c r="K14164" s="358" t="s">
        <v>14557</v>
      </c>
      <c r="L14164" s="358"/>
    </row>
    <row r="14165" spans="2:12">
      <c r="B14165" s="367"/>
      <c r="C14165" s="367"/>
      <c r="D14165" s="367"/>
      <c r="E14165" s="367"/>
      <c r="F14165" s="360"/>
      <c r="G14165" s="360"/>
      <c r="H14165" s="360"/>
      <c r="I14165" s="360"/>
      <c r="J14165" s="365"/>
      <c r="K14165" s="360"/>
      <c r="L14165" s="365"/>
    </row>
    <row r="14166" spans="2:12">
      <c r="B14166" s="367"/>
      <c r="C14166" s="367"/>
      <c r="D14166" s="367"/>
      <c r="E14166" s="367"/>
      <c r="F14166" s="359" t="s">
        <v>14656</v>
      </c>
      <c r="G14166" s="359" t="s">
        <v>14383</v>
      </c>
      <c r="H14166" s="359" t="s">
        <v>14381</v>
      </c>
      <c r="I14166" s="359" t="s">
        <v>14383</v>
      </c>
      <c r="J14166" s="365"/>
      <c r="K14166" s="359" t="s">
        <v>14557</v>
      </c>
      <c r="L14166" s="365"/>
    </row>
    <row r="14167" spans="2:12">
      <c r="B14167" s="367"/>
      <c r="C14167" s="367"/>
      <c r="D14167" s="367"/>
      <c r="E14167" s="367"/>
      <c r="F14167" s="360"/>
      <c r="G14167" s="360"/>
      <c r="H14167" s="360"/>
      <c r="I14167" s="360"/>
      <c r="J14167" s="365"/>
      <c r="K14167" s="360"/>
      <c r="L14167" s="365"/>
    </row>
    <row r="14168" spans="2:12" ht="42.75">
      <c r="B14168" s="367"/>
      <c r="C14168" s="367"/>
      <c r="D14168" s="367"/>
      <c r="E14168" s="367"/>
      <c r="F14168" s="359" t="s">
        <v>15246</v>
      </c>
      <c r="G14168" s="359" t="s">
        <v>28376</v>
      </c>
      <c r="H14168" s="359" t="s">
        <v>14370</v>
      </c>
      <c r="I14168" s="359" t="s">
        <v>28376</v>
      </c>
      <c r="J14168" s="365"/>
      <c r="K14168" s="360"/>
      <c r="L14168" s="365"/>
    </row>
    <row r="14169" spans="2:12">
      <c r="B14169" s="367"/>
      <c r="C14169" s="367"/>
      <c r="D14169" s="367"/>
      <c r="E14169" s="367"/>
      <c r="F14169" s="360"/>
      <c r="G14169" s="360"/>
      <c r="H14169" s="360"/>
      <c r="I14169" s="360"/>
      <c r="J14169" s="365"/>
      <c r="K14169" s="360"/>
      <c r="L14169" s="365"/>
    </row>
    <row r="14170" spans="2:12">
      <c r="B14170" s="367"/>
      <c r="C14170" s="367"/>
      <c r="D14170" s="367"/>
      <c r="E14170" s="367"/>
      <c r="F14170" s="359" t="s">
        <v>16919</v>
      </c>
      <c r="G14170" s="359" t="s">
        <v>17203</v>
      </c>
      <c r="H14170" s="359" t="s">
        <v>14332</v>
      </c>
      <c r="I14170" s="359" t="s">
        <v>17203</v>
      </c>
      <c r="J14170" s="365"/>
      <c r="K14170" s="360"/>
      <c r="L14170" s="365"/>
    </row>
    <row r="14171" spans="2:12">
      <c r="B14171" s="367"/>
      <c r="C14171" s="367"/>
      <c r="D14171" s="367"/>
      <c r="E14171" s="367"/>
      <c r="F14171" s="360"/>
      <c r="G14171" s="360"/>
      <c r="H14171" s="360"/>
      <c r="I14171" s="360"/>
      <c r="J14171" s="365"/>
      <c r="K14171" s="360"/>
      <c r="L14171" s="365"/>
    </row>
    <row r="14172" spans="2:12">
      <c r="B14172" s="367"/>
      <c r="C14172" s="367"/>
      <c r="D14172" s="367"/>
      <c r="E14172" s="367"/>
      <c r="F14172" s="359" t="s">
        <v>14371</v>
      </c>
      <c r="G14172" s="359" t="s">
        <v>14372</v>
      </c>
      <c r="H14172" s="360"/>
      <c r="I14172" s="359" t="s">
        <v>14373</v>
      </c>
      <c r="J14172" s="365"/>
      <c r="K14172" s="360"/>
      <c r="L14172" s="365"/>
    </row>
    <row r="14173" spans="2:12">
      <c r="B14173" s="367"/>
      <c r="C14173" s="367"/>
      <c r="D14173" s="367"/>
      <c r="E14173" s="367"/>
      <c r="F14173" s="360"/>
      <c r="G14173" s="360"/>
      <c r="H14173" s="360"/>
      <c r="I14173" s="360"/>
      <c r="J14173" s="365"/>
      <c r="K14173" s="360"/>
      <c r="L14173" s="365"/>
    </row>
    <row r="14174" spans="2:12" ht="28.5">
      <c r="B14174" s="368"/>
      <c r="C14174" s="368"/>
      <c r="D14174" s="368"/>
      <c r="E14174" s="368"/>
      <c r="F14174" s="361" t="s">
        <v>14374</v>
      </c>
      <c r="G14174" s="361" t="s">
        <v>14373</v>
      </c>
      <c r="H14174" s="362"/>
      <c r="I14174" s="362"/>
      <c r="J14174" s="366"/>
      <c r="K14174" s="362"/>
      <c r="L14174" s="366"/>
    </row>
    <row r="14175" spans="2:12" ht="28.5">
      <c r="B14175" s="358" t="s">
        <v>29383</v>
      </c>
      <c r="C14175" s="358" t="s">
        <v>30293</v>
      </c>
      <c r="D14175" s="358" t="s">
        <v>8356</v>
      </c>
      <c r="E14175" s="358" t="s">
        <v>28411</v>
      </c>
      <c r="F14175" s="358" t="s">
        <v>14371</v>
      </c>
      <c r="G14175" s="358" t="s">
        <v>14372</v>
      </c>
      <c r="H14175" s="358" t="s">
        <v>14370</v>
      </c>
      <c r="I14175" s="358" t="s">
        <v>14373</v>
      </c>
      <c r="J14175" s="358"/>
      <c r="K14175" s="358" t="s">
        <v>14863</v>
      </c>
      <c r="L14175" s="358"/>
    </row>
    <row r="14176" spans="2:12">
      <c r="B14176" s="367"/>
      <c r="C14176" s="367"/>
      <c r="D14176" s="367"/>
      <c r="E14176" s="367"/>
      <c r="F14176" s="360"/>
      <c r="G14176" s="360"/>
      <c r="H14176" s="360"/>
      <c r="I14176" s="367"/>
      <c r="J14176" s="365"/>
      <c r="K14176" s="360"/>
      <c r="L14176" s="365"/>
    </row>
    <row r="14177" spans="2:12" ht="28.5">
      <c r="B14177" s="368"/>
      <c r="C14177" s="368"/>
      <c r="D14177" s="368"/>
      <c r="E14177" s="368"/>
      <c r="F14177" s="361" t="s">
        <v>14374</v>
      </c>
      <c r="G14177" s="361" t="s">
        <v>14373</v>
      </c>
      <c r="H14177" s="361" t="s">
        <v>14422</v>
      </c>
      <c r="I14177" s="368"/>
      <c r="J14177" s="366"/>
      <c r="K14177" s="361" t="s">
        <v>14863</v>
      </c>
      <c r="L14177" s="366"/>
    </row>
    <row r="14178" spans="2:12">
      <c r="B14178" s="358" t="s">
        <v>29384</v>
      </c>
      <c r="C14178" s="358" t="s">
        <v>28412</v>
      </c>
      <c r="D14178" s="358" t="s">
        <v>8356</v>
      </c>
      <c r="E14178" s="358" t="s">
        <v>28413</v>
      </c>
      <c r="F14178" s="358" t="s">
        <v>14507</v>
      </c>
      <c r="G14178" s="358" t="s">
        <v>16971</v>
      </c>
      <c r="H14178" s="358" t="s">
        <v>14381</v>
      </c>
      <c r="I14178" s="358" t="s">
        <v>16971</v>
      </c>
      <c r="J14178" s="358"/>
      <c r="K14178" s="371" t="s">
        <v>24915</v>
      </c>
      <c r="L14178" s="358"/>
    </row>
    <row r="14179" spans="2:12">
      <c r="B14179" s="367"/>
      <c r="C14179" s="360"/>
      <c r="D14179" s="367"/>
      <c r="E14179" s="367"/>
      <c r="F14179" s="360"/>
      <c r="G14179" s="360"/>
      <c r="H14179" s="360"/>
      <c r="I14179" s="360"/>
      <c r="J14179" s="365"/>
      <c r="K14179" s="372"/>
      <c r="L14179" s="365"/>
    </row>
    <row r="14180" spans="2:12" ht="57">
      <c r="B14180" s="367"/>
      <c r="C14180" s="359" t="s">
        <v>30294</v>
      </c>
      <c r="D14180" s="367"/>
      <c r="E14180" s="367"/>
      <c r="F14180" s="359" t="s">
        <v>15089</v>
      </c>
      <c r="G14180" s="359" t="s">
        <v>14459</v>
      </c>
      <c r="H14180" s="359" t="s">
        <v>14367</v>
      </c>
      <c r="I14180" s="359" t="s">
        <v>14459</v>
      </c>
      <c r="J14180" s="365"/>
      <c r="K14180" s="373" t="s">
        <v>28414</v>
      </c>
      <c r="L14180" s="365"/>
    </row>
    <row r="14181" spans="2:12">
      <c r="B14181" s="367"/>
      <c r="C14181" s="360"/>
      <c r="D14181" s="367"/>
      <c r="E14181" s="367"/>
      <c r="F14181" s="360"/>
      <c r="G14181" s="360"/>
      <c r="H14181" s="360"/>
      <c r="I14181" s="360"/>
      <c r="J14181" s="365"/>
      <c r="K14181" s="372"/>
      <c r="L14181" s="365"/>
    </row>
    <row r="14182" spans="2:12">
      <c r="B14182" s="367"/>
      <c r="C14182" s="360"/>
      <c r="D14182" s="367"/>
      <c r="E14182" s="367"/>
      <c r="F14182" s="359" t="s">
        <v>15089</v>
      </c>
      <c r="G14182" s="359" t="s">
        <v>14429</v>
      </c>
      <c r="H14182" s="359" t="s">
        <v>14370</v>
      </c>
      <c r="I14182" s="359" t="s">
        <v>14429</v>
      </c>
      <c r="J14182" s="365"/>
      <c r="K14182" s="373" t="s">
        <v>24918</v>
      </c>
      <c r="L14182" s="365"/>
    </row>
    <row r="14183" spans="2:12">
      <c r="B14183" s="367"/>
      <c r="C14183" s="360"/>
      <c r="D14183" s="367"/>
      <c r="E14183" s="367"/>
      <c r="F14183" s="360"/>
      <c r="G14183" s="360"/>
      <c r="H14183" s="360"/>
      <c r="I14183" s="360"/>
      <c r="J14183" s="365"/>
      <c r="K14183" s="372"/>
      <c r="L14183" s="365"/>
    </row>
    <row r="14184" spans="2:12" ht="28.5">
      <c r="B14184" s="367"/>
      <c r="C14184" s="360"/>
      <c r="D14184" s="367"/>
      <c r="E14184" s="367"/>
      <c r="F14184" s="359" t="s">
        <v>14386</v>
      </c>
      <c r="G14184" s="359" t="s">
        <v>14387</v>
      </c>
      <c r="H14184" s="359" t="s">
        <v>14422</v>
      </c>
      <c r="I14184" s="359" t="s">
        <v>14387</v>
      </c>
      <c r="J14184" s="365"/>
      <c r="K14184" s="373" t="s">
        <v>28415</v>
      </c>
      <c r="L14184" s="365"/>
    </row>
    <row r="14185" spans="2:12">
      <c r="B14185" s="367"/>
      <c r="C14185" s="360"/>
      <c r="D14185" s="367"/>
      <c r="E14185" s="367"/>
      <c r="F14185" s="360"/>
      <c r="G14185" s="360"/>
      <c r="H14185" s="360"/>
      <c r="I14185" s="360"/>
      <c r="J14185" s="365"/>
      <c r="K14185" s="372"/>
      <c r="L14185" s="365"/>
    </row>
    <row r="14186" spans="2:12">
      <c r="B14186" s="367"/>
      <c r="C14186" s="360"/>
      <c r="D14186" s="367"/>
      <c r="E14186" s="367"/>
      <c r="F14186" s="359" t="s">
        <v>14368</v>
      </c>
      <c r="G14186" s="359" t="s">
        <v>14388</v>
      </c>
      <c r="H14186" s="360"/>
      <c r="I14186" s="359" t="s">
        <v>14388</v>
      </c>
      <c r="J14186" s="365"/>
      <c r="K14186" s="373" t="s">
        <v>14863</v>
      </c>
      <c r="L14186" s="365"/>
    </row>
    <row r="14187" spans="2:12">
      <c r="B14187" s="367"/>
      <c r="C14187" s="360"/>
      <c r="D14187" s="367"/>
      <c r="E14187" s="367"/>
      <c r="F14187" s="360"/>
      <c r="G14187" s="360"/>
      <c r="H14187" s="360"/>
      <c r="I14187" s="360"/>
      <c r="J14187" s="365"/>
      <c r="K14187" s="360"/>
      <c r="L14187" s="365"/>
    </row>
    <row r="14188" spans="2:12">
      <c r="B14188" s="367"/>
      <c r="C14188" s="360"/>
      <c r="D14188" s="367"/>
      <c r="E14188" s="367"/>
      <c r="F14188" s="359" t="s">
        <v>17088</v>
      </c>
      <c r="G14188" s="359" t="s">
        <v>14392</v>
      </c>
      <c r="H14188" s="360"/>
      <c r="I14188" s="359" t="s">
        <v>14392</v>
      </c>
      <c r="J14188" s="365"/>
      <c r="K14188" s="360"/>
      <c r="L14188" s="365"/>
    </row>
    <row r="14189" spans="2:12">
      <c r="B14189" s="367"/>
      <c r="C14189" s="360"/>
      <c r="D14189" s="367"/>
      <c r="E14189" s="367"/>
      <c r="F14189" s="360"/>
      <c r="G14189" s="360"/>
      <c r="H14189" s="360"/>
      <c r="I14189" s="360"/>
      <c r="J14189" s="365"/>
      <c r="K14189" s="360"/>
      <c r="L14189" s="365"/>
    </row>
    <row r="14190" spans="2:12">
      <c r="B14190" s="367"/>
      <c r="C14190" s="360"/>
      <c r="D14190" s="367"/>
      <c r="E14190" s="367"/>
      <c r="F14190" s="359" t="s">
        <v>14371</v>
      </c>
      <c r="G14190" s="359" t="s">
        <v>14372</v>
      </c>
      <c r="H14190" s="360"/>
      <c r="I14190" s="359" t="s">
        <v>14373</v>
      </c>
      <c r="J14190" s="365"/>
      <c r="K14190" s="360"/>
      <c r="L14190" s="365"/>
    </row>
    <row r="14191" spans="2:12">
      <c r="B14191" s="367"/>
      <c r="C14191" s="360"/>
      <c r="D14191" s="367"/>
      <c r="E14191" s="367"/>
      <c r="F14191" s="360"/>
      <c r="G14191" s="360"/>
      <c r="H14191" s="360"/>
      <c r="I14191" s="360"/>
      <c r="J14191" s="365"/>
      <c r="K14191" s="360"/>
      <c r="L14191" s="365"/>
    </row>
    <row r="14192" spans="2:12" ht="28.5">
      <c r="B14192" s="368"/>
      <c r="C14192" s="362"/>
      <c r="D14192" s="368"/>
      <c r="E14192" s="368"/>
      <c r="F14192" s="361" t="s">
        <v>14472</v>
      </c>
      <c r="G14192" s="361" t="s">
        <v>14473</v>
      </c>
      <c r="H14192" s="362"/>
      <c r="I14192" s="362"/>
      <c r="J14192" s="366"/>
      <c r="K14192" s="362"/>
      <c r="L14192" s="366"/>
    </row>
    <row r="14193" spans="2:12">
      <c r="B14193" s="358" t="s">
        <v>29385</v>
      </c>
      <c r="C14193" s="358" t="s">
        <v>28416</v>
      </c>
      <c r="D14193" s="358" t="s">
        <v>28417</v>
      </c>
      <c r="E14193" s="358" t="s">
        <v>28418</v>
      </c>
      <c r="F14193" s="358" t="s">
        <v>14443</v>
      </c>
      <c r="G14193" s="358" t="s">
        <v>14444</v>
      </c>
      <c r="H14193" s="358" t="s">
        <v>14381</v>
      </c>
      <c r="I14193" s="358" t="s">
        <v>14444</v>
      </c>
      <c r="J14193" s="358"/>
      <c r="K14193" s="358" t="s">
        <v>14557</v>
      </c>
      <c r="L14193" s="358"/>
    </row>
    <row r="14194" spans="2:12">
      <c r="B14194" s="367"/>
      <c r="C14194" s="360"/>
      <c r="D14194" s="367"/>
      <c r="E14194" s="367"/>
      <c r="F14194" s="360"/>
      <c r="G14194" s="360"/>
      <c r="H14194" s="360"/>
      <c r="I14194" s="360"/>
      <c r="J14194" s="365"/>
      <c r="K14194" s="360"/>
      <c r="L14194" s="365"/>
    </row>
    <row r="14195" spans="2:12" ht="42.75">
      <c r="B14195" s="367"/>
      <c r="C14195" s="359" t="s">
        <v>30295</v>
      </c>
      <c r="D14195" s="367"/>
      <c r="E14195" s="367"/>
      <c r="F14195" s="359" t="s">
        <v>15089</v>
      </c>
      <c r="G14195" s="359" t="s">
        <v>14429</v>
      </c>
      <c r="H14195" s="359" t="s">
        <v>14367</v>
      </c>
      <c r="I14195" s="359" t="s">
        <v>14429</v>
      </c>
      <c r="J14195" s="365"/>
      <c r="K14195" s="359" t="s">
        <v>14557</v>
      </c>
      <c r="L14195" s="365"/>
    </row>
    <row r="14196" spans="2:12">
      <c r="B14196" s="367"/>
      <c r="C14196" s="360"/>
      <c r="D14196" s="367"/>
      <c r="E14196" s="367"/>
      <c r="F14196" s="360"/>
      <c r="G14196" s="360"/>
      <c r="H14196" s="360"/>
      <c r="I14196" s="360"/>
      <c r="J14196" s="365"/>
      <c r="K14196" s="360"/>
      <c r="L14196" s="365"/>
    </row>
    <row r="14197" spans="2:12" ht="57">
      <c r="B14197" s="367"/>
      <c r="C14197" s="360"/>
      <c r="D14197" s="367"/>
      <c r="E14197" s="367"/>
      <c r="F14197" s="359" t="s">
        <v>21692</v>
      </c>
      <c r="G14197" s="359" t="s">
        <v>28419</v>
      </c>
      <c r="H14197" s="359" t="s">
        <v>14370</v>
      </c>
      <c r="I14197" s="359" t="s">
        <v>28419</v>
      </c>
      <c r="J14197" s="365"/>
      <c r="K14197" s="360"/>
      <c r="L14197" s="365"/>
    </row>
    <row r="14198" spans="2:12">
      <c r="B14198" s="367"/>
      <c r="C14198" s="360"/>
      <c r="D14198" s="367"/>
      <c r="E14198" s="367"/>
      <c r="F14198" s="360"/>
      <c r="G14198" s="360"/>
      <c r="H14198" s="360"/>
      <c r="I14198" s="360"/>
      <c r="J14198" s="365"/>
      <c r="K14198" s="360"/>
      <c r="L14198" s="365"/>
    </row>
    <row r="14199" spans="2:12">
      <c r="B14199" s="367"/>
      <c r="C14199" s="360"/>
      <c r="D14199" s="367"/>
      <c r="E14199" s="367"/>
      <c r="F14199" s="359" t="s">
        <v>14371</v>
      </c>
      <c r="G14199" s="359" t="s">
        <v>14372</v>
      </c>
      <c r="H14199" s="359" t="s">
        <v>14422</v>
      </c>
      <c r="I14199" s="359" t="s">
        <v>14373</v>
      </c>
      <c r="J14199" s="365"/>
      <c r="K14199" s="360"/>
      <c r="L14199" s="365"/>
    </row>
    <row r="14200" spans="2:12">
      <c r="B14200" s="367"/>
      <c r="C14200" s="360"/>
      <c r="D14200" s="367"/>
      <c r="E14200" s="367"/>
      <c r="F14200" s="360"/>
      <c r="G14200" s="360"/>
      <c r="H14200" s="360"/>
      <c r="I14200" s="360"/>
      <c r="J14200" s="365"/>
      <c r="K14200" s="360"/>
      <c r="L14200" s="365"/>
    </row>
    <row r="14201" spans="2:12" ht="28.5">
      <c r="B14201" s="368"/>
      <c r="C14201" s="362"/>
      <c r="D14201" s="368"/>
      <c r="E14201" s="368"/>
      <c r="F14201" s="361" t="s">
        <v>14374</v>
      </c>
      <c r="G14201" s="361" t="s">
        <v>14373</v>
      </c>
      <c r="H14201" s="362"/>
      <c r="I14201" s="362"/>
      <c r="J14201" s="366"/>
      <c r="K14201" s="362"/>
      <c r="L14201" s="366"/>
    </row>
    <row r="14202" spans="2:12" ht="42.75">
      <c r="B14202" s="358" t="s">
        <v>29386</v>
      </c>
      <c r="C14202" s="358" t="s">
        <v>30296</v>
      </c>
      <c r="D14202" s="358" t="s">
        <v>28420</v>
      </c>
      <c r="E14202" s="358" t="s">
        <v>28421</v>
      </c>
      <c r="F14202" s="358" t="s">
        <v>14443</v>
      </c>
      <c r="G14202" s="358" t="s">
        <v>14444</v>
      </c>
      <c r="H14202" s="358" t="s">
        <v>14381</v>
      </c>
      <c r="I14202" s="358" t="s">
        <v>14444</v>
      </c>
      <c r="J14202" s="358"/>
      <c r="K14202" s="358" t="s">
        <v>14557</v>
      </c>
      <c r="L14202" s="358"/>
    </row>
    <row r="14203" spans="2:12">
      <c r="B14203" s="367"/>
      <c r="C14203" s="367"/>
      <c r="D14203" s="367"/>
      <c r="E14203" s="367"/>
      <c r="F14203" s="360"/>
      <c r="G14203" s="360"/>
      <c r="H14203" s="360"/>
      <c r="I14203" s="360"/>
      <c r="J14203" s="365"/>
      <c r="K14203" s="360"/>
      <c r="L14203" s="365"/>
    </row>
    <row r="14204" spans="2:12">
      <c r="B14204" s="367"/>
      <c r="C14204" s="367"/>
      <c r="D14204" s="367"/>
      <c r="E14204" s="367"/>
      <c r="F14204" s="359" t="s">
        <v>15089</v>
      </c>
      <c r="G14204" s="359" t="s">
        <v>14429</v>
      </c>
      <c r="H14204" s="359" t="s">
        <v>14367</v>
      </c>
      <c r="I14204" s="359" t="s">
        <v>14429</v>
      </c>
      <c r="J14204" s="365"/>
      <c r="K14204" s="359" t="s">
        <v>14557</v>
      </c>
      <c r="L14204" s="365"/>
    </row>
    <row r="14205" spans="2:12">
      <c r="B14205" s="367"/>
      <c r="C14205" s="367"/>
      <c r="D14205" s="367"/>
      <c r="E14205" s="367"/>
      <c r="F14205" s="360"/>
      <c r="G14205" s="360"/>
      <c r="H14205" s="360"/>
      <c r="I14205" s="360"/>
      <c r="J14205" s="365"/>
      <c r="K14205" s="360"/>
      <c r="L14205" s="365"/>
    </row>
    <row r="14206" spans="2:12" ht="57">
      <c r="B14206" s="367"/>
      <c r="C14206" s="367"/>
      <c r="D14206" s="367"/>
      <c r="E14206" s="367"/>
      <c r="F14206" s="359" t="s">
        <v>21692</v>
      </c>
      <c r="G14206" s="359" t="s">
        <v>28419</v>
      </c>
      <c r="H14206" s="359" t="s">
        <v>14370</v>
      </c>
      <c r="I14206" s="359" t="s">
        <v>28419</v>
      </c>
      <c r="J14206" s="365"/>
      <c r="K14206" s="360"/>
      <c r="L14206" s="365"/>
    </row>
    <row r="14207" spans="2:12">
      <c r="B14207" s="367"/>
      <c r="C14207" s="367"/>
      <c r="D14207" s="367"/>
      <c r="E14207" s="367"/>
      <c r="F14207" s="360"/>
      <c r="G14207" s="360"/>
      <c r="H14207" s="360"/>
      <c r="I14207" s="360"/>
      <c r="J14207" s="365"/>
      <c r="K14207" s="360"/>
      <c r="L14207" s="365"/>
    </row>
    <row r="14208" spans="2:12">
      <c r="B14208" s="367"/>
      <c r="C14208" s="367"/>
      <c r="D14208" s="367"/>
      <c r="E14208" s="367"/>
      <c r="F14208" s="359" t="s">
        <v>14371</v>
      </c>
      <c r="G14208" s="359" t="s">
        <v>14372</v>
      </c>
      <c r="H14208" s="359" t="s">
        <v>14422</v>
      </c>
      <c r="I14208" s="359" t="s">
        <v>14373</v>
      </c>
      <c r="J14208" s="365"/>
      <c r="K14208" s="360"/>
      <c r="L14208" s="365"/>
    </row>
    <row r="14209" spans="2:12">
      <c r="B14209" s="367"/>
      <c r="C14209" s="367"/>
      <c r="D14209" s="367"/>
      <c r="E14209" s="367"/>
      <c r="F14209" s="360"/>
      <c r="G14209" s="360"/>
      <c r="H14209" s="360"/>
      <c r="I14209" s="360"/>
      <c r="J14209" s="365"/>
      <c r="K14209" s="360"/>
      <c r="L14209" s="365"/>
    </row>
    <row r="14210" spans="2:12" ht="28.5">
      <c r="B14210" s="368"/>
      <c r="C14210" s="368"/>
      <c r="D14210" s="368"/>
      <c r="E14210" s="368"/>
      <c r="F14210" s="361" t="s">
        <v>14374</v>
      </c>
      <c r="G14210" s="361" t="s">
        <v>14373</v>
      </c>
      <c r="H14210" s="362"/>
      <c r="I14210" s="362"/>
      <c r="J14210" s="366"/>
      <c r="K14210" s="362"/>
      <c r="L14210" s="366"/>
    </row>
    <row r="14211" spans="2:12">
      <c r="B14211" s="358" t="s">
        <v>29387</v>
      </c>
      <c r="C14211" s="358" t="s">
        <v>28422</v>
      </c>
      <c r="D14211" s="358" t="s">
        <v>8356</v>
      </c>
      <c r="E14211" s="358" t="s">
        <v>28423</v>
      </c>
      <c r="F14211" s="358" t="s">
        <v>14371</v>
      </c>
      <c r="G14211" s="358" t="s">
        <v>14372</v>
      </c>
      <c r="H14211" s="358" t="s">
        <v>14370</v>
      </c>
      <c r="I14211" s="358" t="s">
        <v>14373</v>
      </c>
      <c r="J14211" s="358"/>
      <c r="K14211" s="358" t="s">
        <v>14557</v>
      </c>
      <c r="L14211" s="358"/>
    </row>
    <row r="14212" spans="2:12">
      <c r="B14212" s="367"/>
      <c r="C14212" s="360"/>
      <c r="D14212" s="367"/>
      <c r="E14212" s="367"/>
      <c r="F14212" s="360"/>
      <c r="G14212" s="360"/>
      <c r="H14212" s="360"/>
      <c r="I14212" s="367"/>
      <c r="J14212" s="365"/>
      <c r="K14212" s="360"/>
      <c r="L14212" s="365"/>
    </row>
    <row r="14213" spans="2:12" ht="42.75">
      <c r="B14213" s="368"/>
      <c r="C14213" s="361" t="s">
        <v>30297</v>
      </c>
      <c r="D14213" s="368"/>
      <c r="E14213" s="368"/>
      <c r="F14213" s="361" t="s">
        <v>14374</v>
      </c>
      <c r="G14213" s="361" t="s">
        <v>14373</v>
      </c>
      <c r="H14213" s="361" t="s">
        <v>14422</v>
      </c>
      <c r="I14213" s="368"/>
      <c r="J14213" s="366"/>
      <c r="K14213" s="361" t="s">
        <v>14557</v>
      </c>
      <c r="L14213" s="366"/>
    </row>
    <row r="14214" spans="2:12">
      <c r="B14214" s="358" t="s">
        <v>29388</v>
      </c>
      <c r="C14214" s="358" t="s">
        <v>28424</v>
      </c>
      <c r="D14214" s="358" t="s">
        <v>8356</v>
      </c>
      <c r="E14214" s="358" t="s">
        <v>28425</v>
      </c>
      <c r="F14214" s="358" t="s">
        <v>14376</v>
      </c>
      <c r="G14214" s="358" t="s">
        <v>14669</v>
      </c>
      <c r="H14214" s="358" t="s">
        <v>14381</v>
      </c>
      <c r="I14214" s="358" t="s">
        <v>14669</v>
      </c>
      <c r="J14214" s="358"/>
      <c r="K14214" s="358" t="s">
        <v>14517</v>
      </c>
      <c r="L14214" s="358"/>
    </row>
    <row r="14215" spans="2:12">
      <c r="B14215" s="367"/>
      <c r="C14215" s="360"/>
      <c r="D14215" s="367"/>
      <c r="E14215" s="367"/>
      <c r="F14215" s="360"/>
      <c r="G14215" s="360"/>
      <c r="H14215" s="360"/>
      <c r="I14215" s="360"/>
      <c r="J14215" s="365"/>
      <c r="K14215" s="367"/>
      <c r="L14215" s="365"/>
    </row>
    <row r="14216" spans="2:12" ht="28.5">
      <c r="B14216" s="367"/>
      <c r="C14216" s="359" t="s">
        <v>28426</v>
      </c>
      <c r="D14216" s="367"/>
      <c r="E14216" s="367"/>
      <c r="F14216" s="359" t="s">
        <v>14507</v>
      </c>
      <c r="G14216" s="359" t="s">
        <v>16042</v>
      </c>
      <c r="H14216" s="359" t="s">
        <v>14367</v>
      </c>
      <c r="I14216" s="359" t="s">
        <v>16042</v>
      </c>
      <c r="J14216" s="365"/>
      <c r="K14216" s="367"/>
      <c r="L14216" s="365"/>
    </row>
    <row r="14217" spans="2:12">
      <c r="B14217" s="367"/>
      <c r="C14217" s="360"/>
      <c r="D14217" s="367"/>
      <c r="E14217" s="367"/>
      <c r="F14217" s="360"/>
      <c r="G14217" s="360"/>
      <c r="H14217" s="360"/>
      <c r="I14217" s="360"/>
      <c r="J14217" s="365"/>
      <c r="K14217" s="367"/>
      <c r="L14217" s="365"/>
    </row>
    <row r="14218" spans="2:12">
      <c r="B14218" s="367"/>
      <c r="C14218" s="360"/>
      <c r="D14218" s="367"/>
      <c r="E14218" s="367"/>
      <c r="F14218" s="359" t="s">
        <v>16919</v>
      </c>
      <c r="G14218" s="359" t="s">
        <v>17203</v>
      </c>
      <c r="H14218" s="359" t="s">
        <v>14370</v>
      </c>
      <c r="I14218" s="359" t="s">
        <v>17203</v>
      </c>
      <c r="J14218" s="365"/>
      <c r="K14218" s="367"/>
      <c r="L14218" s="365"/>
    </row>
    <row r="14219" spans="2:12">
      <c r="B14219" s="367"/>
      <c r="C14219" s="360"/>
      <c r="D14219" s="367"/>
      <c r="E14219" s="367"/>
      <c r="F14219" s="360"/>
      <c r="G14219" s="360"/>
      <c r="H14219" s="360"/>
      <c r="I14219" s="360"/>
      <c r="J14219" s="365"/>
      <c r="K14219" s="367"/>
      <c r="L14219" s="365"/>
    </row>
    <row r="14220" spans="2:12">
      <c r="B14220" s="367"/>
      <c r="C14220" s="360"/>
      <c r="D14220" s="367"/>
      <c r="E14220" s="367"/>
      <c r="F14220" s="359" t="s">
        <v>17695</v>
      </c>
      <c r="G14220" s="359" t="s">
        <v>14392</v>
      </c>
      <c r="H14220" s="359" t="s">
        <v>14332</v>
      </c>
      <c r="I14220" s="359" t="s">
        <v>14392</v>
      </c>
      <c r="J14220" s="365"/>
      <c r="K14220" s="367"/>
      <c r="L14220" s="365"/>
    </row>
    <row r="14221" spans="2:12">
      <c r="B14221" s="367"/>
      <c r="C14221" s="360"/>
      <c r="D14221" s="367"/>
      <c r="E14221" s="367"/>
      <c r="F14221" s="360"/>
      <c r="G14221" s="360"/>
      <c r="H14221" s="360"/>
      <c r="I14221" s="360"/>
      <c r="J14221" s="365"/>
      <c r="K14221" s="367"/>
      <c r="L14221" s="365"/>
    </row>
    <row r="14222" spans="2:12" ht="28.5">
      <c r="B14222" s="368"/>
      <c r="C14222" s="362"/>
      <c r="D14222" s="368"/>
      <c r="E14222" s="368"/>
      <c r="F14222" s="361" t="s">
        <v>14374</v>
      </c>
      <c r="G14222" s="361" t="s">
        <v>14373</v>
      </c>
      <c r="H14222" s="362"/>
      <c r="I14222" s="361" t="s">
        <v>14373</v>
      </c>
      <c r="J14222" s="366"/>
      <c r="K14222" s="368"/>
      <c r="L14222" s="366"/>
    </row>
    <row r="14223" spans="2:12" ht="42.75">
      <c r="B14223" s="358" t="s">
        <v>29389</v>
      </c>
      <c r="C14223" s="358" t="s">
        <v>30298</v>
      </c>
      <c r="D14223" s="358" t="s">
        <v>28427</v>
      </c>
      <c r="E14223" s="358" t="s">
        <v>28428</v>
      </c>
      <c r="F14223" s="358" t="s">
        <v>14391</v>
      </c>
      <c r="G14223" s="358" t="s">
        <v>14392</v>
      </c>
      <c r="H14223" s="358" t="s">
        <v>14367</v>
      </c>
      <c r="I14223" s="358" t="s">
        <v>14392</v>
      </c>
      <c r="J14223" s="358"/>
      <c r="K14223" s="358" t="s">
        <v>14863</v>
      </c>
      <c r="L14223" s="358"/>
    </row>
    <row r="14224" spans="2:12">
      <c r="B14224" s="367"/>
      <c r="C14224" s="367"/>
      <c r="D14224" s="367"/>
      <c r="E14224" s="367"/>
      <c r="F14224" s="360"/>
      <c r="G14224" s="360"/>
      <c r="H14224" s="360"/>
      <c r="I14224" s="360"/>
      <c r="J14224" s="365"/>
      <c r="K14224" s="360"/>
      <c r="L14224" s="365"/>
    </row>
    <row r="14225" spans="2:12">
      <c r="B14225" s="367"/>
      <c r="C14225" s="367"/>
      <c r="D14225" s="367"/>
      <c r="E14225" s="367"/>
      <c r="F14225" s="359" t="s">
        <v>14371</v>
      </c>
      <c r="G14225" s="359" t="s">
        <v>14372</v>
      </c>
      <c r="H14225" s="359" t="s">
        <v>14370</v>
      </c>
      <c r="I14225" s="359" t="s">
        <v>14373</v>
      </c>
      <c r="J14225" s="365"/>
      <c r="K14225" s="359" t="s">
        <v>14863</v>
      </c>
      <c r="L14225" s="365"/>
    </row>
    <row r="14226" spans="2:12">
      <c r="B14226" s="367"/>
      <c r="C14226" s="367"/>
      <c r="D14226" s="367"/>
      <c r="E14226" s="367"/>
      <c r="F14226" s="360"/>
      <c r="G14226" s="360"/>
      <c r="H14226" s="360"/>
      <c r="I14226" s="360"/>
      <c r="J14226" s="365"/>
      <c r="K14226" s="360"/>
      <c r="L14226" s="365"/>
    </row>
    <row r="14227" spans="2:12" ht="28.5">
      <c r="B14227" s="368"/>
      <c r="C14227" s="368"/>
      <c r="D14227" s="368"/>
      <c r="E14227" s="368"/>
      <c r="F14227" s="361" t="s">
        <v>14374</v>
      </c>
      <c r="G14227" s="361" t="s">
        <v>14373</v>
      </c>
      <c r="H14227" s="361" t="s">
        <v>14422</v>
      </c>
      <c r="I14227" s="362"/>
      <c r="J14227" s="366"/>
      <c r="K14227" s="362"/>
      <c r="L14227" s="366"/>
    </row>
    <row r="14228" spans="2:12">
      <c r="B14228" s="358" t="s">
        <v>29390</v>
      </c>
      <c r="C14228" s="358" t="s">
        <v>28429</v>
      </c>
      <c r="D14228" s="358" t="s">
        <v>28430</v>
      </c>
      <c r="E14228" s="358" t="s">
        <v>28431</v>
      </c>
      <c r="F14228" s="358" t="s">
        <v>14507</v>
      </c>
      <c r="G14228" s="358" t="s">
        <v>16971</v>
      </c>
      <c r="H14228" s="358" t="s">
        <v>14381</v>
      </c>
      <c r="I14228" s="358" t="s">
        <v>16971</v>
      </c>
      <c r="J14228" s="358"/>
      <c r="K14228" s="358"/>
      <c r="L14228" s="358"/>
    </row>
    <row r="14229" spans="2:12">
      <c r="B14229" s="367"/>
      <c r="C14229" s="367"/>
      <c r="D14229" s="367"/>
      <c r="E14229" s="367"/>
      <c r="F14229" s="360"/>
      <c r="G14229" s="360"/>
      <c r="H14229" s="360"/>
      <c r="I14229" s="360"/>
      <c r="J14229" s="365"/>
      <c r="K14229" s="365"/>
      <c r="L14229" s="365"/>
    </row>
    <row r="14230" spans="2:12">
      <c r="B14230" s="367"/>
      <c r="C14230" s="367"/>
      <c r="D14230" s="367"/>
      <c r="E14230" s="367"/>
      <c r="F14230" s="359" t="s">
        <v>15089</v>
      </c>
      <c r="G14230" s="359" t="s">
        <v>14429</v>
      </c>
      <c r="H14230" s="359" t="s">
        <v>14367</v>
      </c>
      <c r="I14230" s="359" t="s">
        <v>14429</v>
      </c>
      <c r="J14230" s="365"/>
      <c r="K14230" s="365"/>
      <c r="L14230" s="365"/>
    </row>
    <row r="14231" spans="2:12">
      <c r="B14231" s="367"/>
      <c r="C14231" s="367"/>
      <c r="D14231" s="367"/>
      <c r="E14231" s="367"/>
      <c r="F14231" s="360"/>
      <c r="G14231" s="360"/>
      <c r="H14231" s="360"/>
      <c r="I14231" s="360"/>
      <c r="J14231" s="365"/>
      <c r="K14231" s="365"/>
      <c r="L14231" s="365"/>
    </row>
    <row r="14232" spans="2:12">
      <c r="B14232" s="367"/>
      <c r="C14232" s="367"/>
      <c r="D14232" s="367"/>
      <c r="E14232" s="367"/>
      <c r="F14232" s="359" t="s">
        <v>14430</v>
      </c>
      <c r="G14232" s="359" t="s">
        <v>14431</v>
      </c>
      <c r="H14232" s="359" t="s">
        <v>14341</v>
      </c>
      <c r="I14232" s="359" t="s">
        <v>14431</v>
      </c>
      <c r="J14232" s="365"/>
      <c r="K14232" s="365"/>
      <c r="L14232" s="365"/>
    </row>
    <row r="14233" spans="2:12">
      <c r="B14233" s="367"/>
      <c r="C14233" s="367"/>
      <c r="D14233" s="367"/>
      <c r="E14233" s="367"/>
      <c r="F14233" s="360"/>
      <c r="G14233" s="360"/>
      <c r="H14233" s="360"/>
      <c r="I14233" s="360"/>
      <c r="J14233" s="365"/>
      <c r="K14233" s="365"/>
      <c r="L14233" s="365"/>
    </row>
    <row r="14234" spans="2:12">
      <c r="B14234" s="368"/>
      <c r="C14234" s="368"/>
      <c r="D14234" s="368"/>
      <c r="E14234" s="368"/>
      <c r="F14234" s="362"/>
      <c r="G14234" s="362"/>
      <c r="H14234" s="361" t="s">
        <v>14332</v>
      </c>
      <c r="I14234" s="362"/>
      <c r="J14234" s="366"/>
      <c r="K14234" s="366"/>
      <c r="L14234" s="366"/>
    </row>
    <row r="14235" spans="2:12">
      <c r="B14235" s="354" t="s">
        <v>28528</v>
      </c>
      <c r="C14235" s="369"/>
      <c r="D14235" s="369"/>
      <c r="E14235" s="369"/>
      <c r="F14235" s="369"/>
      <c r="G14235" s="369"/>
      <c r="H14235" s="369"/>
      <c r="I14235" s="369"/>
      <c r="J14235" s="369"/>
      <c r="K14235" s="369"/>
      <c r="L14235" s="370"/>
    </row>
    <row r="14236" spans="2:12">
      <c r="B14236" s="358" t="s">
        <v>22004</v>
      </c>
      <c r="C14236" s="358" t="s">
        <v>29391</v>
      </c>
      <c r="D14236" s="358" t="s">
        <v>22005</v>
      </c>
      <c r="E14236" s="358" t="s">
        <v>604</v>
      </c>
      <c r="F14236" s="358" t="s">
        <v>14505</v>
      </c>
      <c r="G14236" s="358" t="s">
        <v>14506</v>
      </c>
      <c r="H14236" s="358" t="s">
        <v>14328</v>
      </c>
      <c r="I14236" s="358" t="s">
        <v>14506</v>
      </c>
      <c r="J14236" s="358"/>
      <c r="K14236" s="358"/>
      <c r="L14236" s="358"/>
    </row>
    <row r="14237" spans="2:12">
      <c r="B14237" s="367"/>
      <c r="C14237" s="367"/>
      <c r="D14237" s="367"/>
      <c r="E14237" s="367"/>
      <c r="F14237" s="360"/>
      <c r="G14237" s="360"/>
      <c r="H14237" s="360"/>
      <c r="I14237" s="360"/>
      <c r="J14237" s="365"/>
      <c r="K14237" s="365"/>
      <c r="L14237" s="365"/>
    </row>
    <row r="14238" spans="2:12" ht="42.75">
      <c r="B14238" s="367"/>
      <c r="C14238" s="367"/>
      <c r="D14238" s="367"/>
      <c r="E14238" s="367"/>
      <c r="F14238" s="359" t="s">
        <v>28943</v>
      </c>
      <c r="G14238" s="359" t="s">
        <v>14459</v>
      </c>
      <c r="H14238" s="359" t="s">
        <v>14367</v>
      </c>
      <c r="I14238" s="359" t="s">
        <v>14459</v>
      </c>
      <c r="J14238" s="365"/>
      <c r="K14238" s="365"/>
      <c r="L14238" s="365"/>
    </row>
    <row r="14239" spans="2:12">
      <c r="B14239" s="367"/>
      <c r="C14239" s="367"/>
      <c r="D14239" s="367"/>
      <c r="E14239" s="367"/>
      <c r="F14239" s="360"/>
      <c r="G14239" s="360"/>
      <c r="H14239" s="360"/>
      <c r="I14239" s="360"/>
      <c r="J14239" s="365"/>
      <c r="K14239" s="365"/>
      <c r="L14239" s="365"/>
    </row>
    <row r="14240" spans="2:12">
      <c r="B14240" s="367"/>
      <c r="C14240" s="367"/>
      <c r="D14240" s="367"/>
      <c r="E14240" s="367"/>
      <c r="F14240" s="359" t="s">
        <v>14386</v>
      </c>
      <c r="G14240" s="359" t="s">
        <v>14421</v>
      </c>
      <c r="H14240" s="359" t="s">
        <v>14332</v>
      </c>
      <c r="I14240" s="359" t="s">
        <v>14421</v>
      </c>
      <c r="J14240" s="365"/>
      <c r="K14240" s="365"/>
      <c r="L14240" s="365"/>
    </row>
    <row r="14241" spans="2:12">
      <c r="B14241" s="367"/>
      <c r="C14241" s="367"/>
      <c r="D14241" s="367"/>
      <c r="E14241" s="367"/>
      <c r="F14241" s="360"/>
      <c r="G14241" s="360"/>
      <c r="H14241" s="360"/>
      <c r="I14241" s="360"/>
      <c r="J14241" s="365"/>
      <c r="K14241" s="365"/>
      <c r="L14241" s="365"/>
    </row>
    <row r="14242" spans="2:12">
      <c r="B14242" s="367"/>
      <c r="C14242" s="367"/>
      <c r="D14242" s="367"/>
      <c r="E14242" s="367"/>
      <c r="F14242" s="360"/>
      <c r="G14242" s="359" t="s">
        <v>14429</v>
      </c>
      <c r="H14242" s="360"/>
      <c r="I14242" s="359" t="s">
        <v>14429</v>
      </c>
      <c r="J14242" s="365"/>
      <c r="K14242" s="365"/>
      <c r="L14242" s="365"/>
    </row>
    <row r="14243" spans="2:12">
      <c r="B14243" s="367"/>
      <c r="C14243" s="367"/>
      <c r="D14243" s="367"/>
      <c r="E14243" s="367"/>
      <c r="F14243" s="360"/>
      <c r="G14243" s="360"/>
      <c r="H14243" s="360"/>
      <c r="I14243" s="360"/>
      <c r="J14243" s="365"/>
      <c r="K14243" s="365"/>
      <c r="L14243" s="365"/>
    </row>
    <row r="14244" spans="2:12">
      <c r="B14244" s="368"/>
      <c r="C14244" s="368"/>
      <c r="D14244" s="368"/>
      <c r="E14244" s="368"/>
      <c r="F14244" s="362"/>
      <c r="G14244" s="361" t="s">
        <v>14387</v>
      </c>
      <c r="H14244" s="362"/>
      <c r="I14244" s="361" t="s">
        <v>14387</v>
      </c>
      <c r="J14244" s="366"/>
      <c r="K14244" s="366"/>
      <c r="L14244" s="366"/>
    </row>
    <row r="14245" spans="2:12">
      <c r="B14245" s="358" t="s">
        <v>22006</v>
      </c>
      <c r="C14245" s="358" t="s">
        <v>22007</v>
      </c>
      <c r="D14245" s="358" t="s">
        <v>22008</v>
      </c>
      <c r="E14245" s="358" t="s">
        <v>22009</v>
      </c>
      <c r="F14245" s="358" t="s">
        <v>14382</v>
      </c>
      <c r="G14245" s="358" t="s">
        <v>14483</v>
      </c>
      <c r="H14245" s="358" t="s">
        <v>14378</v>
      </c>
      <c r="I14245" s="358" t="s">
        <v>14483</v>
      </c>
      <c r="J14245" s="358"/>
      <c r="K14245" s="358"/>
      <c r="L14245" s="358"/>
    </row>
    <row r="14246" spans="2:12">
      <c r="B14246" s="367"/>
      <c r="C14246" s="367"/>
      <c r="D14246" s="367"/>
      <c r="E14246" s="367"/>
      <c r="F14246" s="360"/>
      <c r="G14246" s="360"/>
      <c r="H14246" s="360"/>
      <c r="I14246" s="360"/>
      <c r="J14246" s="365"/>
      <c r="K14246" s="365"/>
      <c r="L14246" s="365"/>
    </row>
    <row r="14247" spans="2:12">
      <c r="B14247" s="367"/>
      <c r="C14247" s="367"/>
      <c r="D14247" s="367"/>
      <c r="E14247" s="367"/>
      <c r="F14247" s="359" t="s">
        <v>14382</v>
      </c>
      <c r="G14247" s="359" t="s">
        <v>14579</v>
      </c>
      <c r="H14247" s="359" t="s">
        <v>14370</v>
      </c>
      <c r="I14247" s="359" t="s">
        <v>14579</v>
      </c>
      <c r="J14247" s="365"/>
      <c r="K14247" s="365"/>
      <c r="L14247" s="365"/>
    </row>
    <row r="14248" spans="2:12">
      <c r="B14248" s="367"/>
      <c r="C14248" s="367"/>
      <c r="D14248" s="367"/>
      <c r="E14248" s="367"/>
      <c r="F14248" s="360"/>
      <c r="G14248" s="360"/>
      <c r="H14248" s="360"/>
      <c r="I14248" s="360"/>
      <c r="J14248" s="365"/>
      <c r="K14248" s="365"/>
      <c r="L14248" s="365"/>
    </row>
    <row r="14249" spans="2:12">
      <c r="B14249" s="367"/>
      <c r="C14249" s="367"/>
      <c r="D14249" s="367"/>
      <c r="E14249" s="367"/>
      <c r="F14249" s="359" t="s">
        <v>14382</v>
      </c>
      <c r="G14249" s="359" t="s">
        <v>14383</v>
      </c>
      <c r="H14249" s="359" t="s">
        <v>14332</v>
      </c>
      <c r="I14249" s="359" t="s">
        <v>14383</v>
      </c>
      <c r="J14249" s="365"/>
      <c r="K14249" s="365"/>
      <c r="L14249" s="365"/>
    </row>
    <row r="14250" spans="2:12">
      <c r="B14250" s="367"/>
      <c r="C14250" s="367"/>
      <c r="D14250" s="367"/>
      <c r="E14250" s="367"/>
      <c r="F14250" s="360"/>
      <c r="G14250" s="360"/>
      <c r="H14250" s="360"/>
      <c r="I14250" s="360"/>
      <c r="J14250" s="365"/>
      <c r="K14250" s="365"/>
      <c r="L14250" s="365"/>
    </row>
    <row r="14251" spans="2:12" ht="28.5">
      <c r="B14251" s="368"/>
      <c r="C14251" s="368"/>
      <c r="D14251" s="368"/>
      <c r="E14251" s="368"/>
      <c r="F14251" s="361" t="s">
        <v>14394</v>
      </c>
      <c r="G14251" s="361" t="s">
        <v>14395</v>
      </c>
      <c r="H14251" s="362"/>
      <c r="I14251" s="361" t="s">
        <v>14395</v>
      </c>
      <c r="J14251" s="366"/>
      <c r="K14251" s="366"/>
      <c r="L14251" s="366"/>
    </row>
    <row r="14252" spans="2:12">
      <c r="B14252" s="358" t="s">
        <v>10415</v>
      </c>
      <c r="C14252" s="358" t="s">
        <v>22010</v>
      </c>
      <c r="D14252" s="358" t="s">
        <v>10416</v>
      </c>
      <c r="E14252" s="358" t="s">
        <v>610</v>
      </c>
      <c r="F14252" s="358" t="s">
        <v>14505</v>
      </c>
      <c r="G14252" s="358" t="s">
        <v>14506</v>
      </c>
      <c r="H14252" s="358" t="s">
        <v>14328</v>
      </c>
      <c r="I14252" s="358" t="s">
        <v>14506</v>
      </c>
      <c r="J14252" s="358"/>
      <c r="K14252" s="358" t="s">
        <v>14929</v>
      </c>
      <c r="L14252" s="358" t="s">
        <v>595</v>
      </c>
    </row>
    <row r="14253" spans="2:12">
      <c r="B14253" s="367"/>
      <c r="C14253" s="367"/>
      <c r="D14253" s="367"/>
      <c r="E14253" s="367"/>
      <c r="F14253" s="360"/>
      <c r="G14253" s="360"/>
      <c r="H14253" s="360"/>
      <c r="I14253" s="360"/>
      <c r="J14253" s="365"/>
      <c r="K14253" s="367"/>
      <c r="L14253" s="367"/>
    </row>
    <row r="14254" spans="2:12">
      <c r="B14254" s="367"/>
      <c r="C14254" s="367"/>
      <c r="D14254" s="367"/>
      <c r="E14254" s="367"/>
      <c r="F14254" s="359" t="s">
        <v>14376</v>
      </c>
      <c r="G14254" s="359" t="s">
        <v>14669</v>
      </c>
      <c r="H14254" s="359" t="s">
        <v>14378</v>
      </c>
      <c r="I14254" s="359" t="s">
        <v>14669</v>
      </c>
      <c r="J14254" s="365"/>
      <c r="K14254" s="367"/>
      <c r="L14254" s="367"/>
    </row>
    <row r="14255" spans="2:12">
      <c r="B14255" s="367"/>
      <c r="C14255" s="367"/>
      <c r="D14255" s="367"/>
      <c r="E14255" s="367"/>
      <c r="F14255" s="360"/>
      <c r="G14255" s="360"/>
      <c r="H14255" s="360"/>
      <c r="I14255" s="360"/>
      <c r="J14255" s="365"/>
      <c r="K14255" s="367"/>
      <c r="L14255" s="367"/>
    </row>
    <row r="14256" spans="2:12" ht="42.75">
      <c r="B14256" s="367"/>
      <c r="C14256" s="367"/>
      <c r="D14256" s="367"/>
      <c r="E14256" s="367"/>
      <c r="F14256" s="359" t="s">
        <v>29010</v>
      </c>
      <c r="G14256" s="359" t="s">
        <v>14483</v>
      </c>
      <c r="H14256" s="359" t="s">
        <v>14381</v>
      </c>
      <c r="I14256" s="359" t="s">
        <v>14483</v>
      </c>
      <c r="J14256" s="365"/>
      <c r="K14256" s="367"/>
      <c r="L14256" s="367"/>
    </row>
    <row r="14257" spans="2:12">
      <c r="B14257" s="367"/>
      <c r="C14257" s="367"/>
      <c r="D14257" s="367"/>
      <c r="E14257" s="367"/>
      <c r="F14257" s="360"/>
      <c r="G14257" s="360"/>
      <c r="H14257" s="360"/>
      <c r="I14257" s="360"/>
      <c r="J14257" s="365"/>
      <c r="K14257" s="367"/>
      <c r="L14257" s="367"/>
    </row>
    <row r="14258" spans="2:12">
      <c r="B14258" s="367"/>
      <c r="C14258" s="367"/>
      <c r="D14258" s="367"/>
      <c r="E14258" s="367"/>
      <c r="F14258" s="359" t="s">
        <v>14368</v>
      </c>
      <c r="G14258" s="359" t="s">
        <v>14579</v>
      </c>
      <c r="H14258" s="359" t="s">
        <v>14341</v>
      </c>
      <c r="I14258" s="359" t="s">
        <v>14579</v>
      </c>
      <c r="J14258" s="365"/>
      <c r="K14258" s="367"/>
      <c r="L14258" s="367"/>
    </row>
    <row r="14259" spans="2:12">
      <c r="B14259" s="367"/>
      <c r="C14259" s="367"/>
      <c r="D14259" s="367"/>
      <c r="E14259" s="367"/>
      <c r="F14259" s="360"/>
      <c r="G14259" s="360"/>
      <c r="H14259" s="360"/>
      <c r="I14259" s="360"/>
      <c r="J14259" s="365"/>
      <c r="K14259" s="367"/>
      <c r="L14259" s="367"/>
    </row>
    <row r="14260" spans="2:12">
      <c r="B14260" s="367"/>
      <c r="C14260" s="367"/>
      <c r="D14260" s="367"/>
      <c r="E14260" s="367"/>
      <c r="F14260" s="359" t="s">
        <v>14389</v>
      </c>
      <c r="G14260" s="359" t="s">
        <v>14383</v>
      </c>
      <c r="H14260" s="359" t="s">
        <v>14370</v>
      </c>
      <c r="I14260" s="359" t="s">
        <v>14383</v>
      </c>
      <c r="J14260" s="365"/>
      <c r="K14260" s="367"/>
      <c r="L14260" s="367"/>
    </row>
    <row r="14261" spans="2:12">
      <c r="B14261" s="367"/>
      <c r="C14261" s="367"/>
      <c r="D14261" s="367"/>
      <c r="E14261" s="367"/>
      <c r="F14261" s="360"/>
      <c r="G14261" s="360"/>
      <c r="H14261" s="360"/>
      <c r="I14261" s="360"/>
      <c r="J14261" s="365"/>
      <c r="K14261" s="367"/>
      <c r="L14261" s="367"/>
    </row>
    <row r="14262" spans="2:12">
      <c r="B14262" s="367"/>
      <c r="C14262" s="367"/>
      <c r="D14262" s="367"/>
      <c r="E14262" s="367"/>
      <c r="F14262" s="359" t="s">
        <v>14430</v>
      </c>
      <c r="G14262" s="359" t="s">
        <v>14388</v>
      </c>
      <c r="H14262" s="359" t="s">
        <v>14332</v>
      </c>
      <c r="I14262" s="359" t="s">
        <v>14388</v>
      </c>
      <c r="J14262" s="365"/>
      <c r="K14262" s="367"/>
      <c r="L14262" s="367"/>
    </row>
    <row r="14263" spans="2:12">
      <c r="B14263" s="367"/>
      <c r="C14263" s="367"/>
      <c r="D14263" s="367"/>
      <c r="E14263" s="367"/>
      <c r="F14263" s="360"/>
      <c r="G14263" s="360"/>
      <c r="H14263" s="360"/>
      <c r="I14263" s="360"/>
      <c r="J14263" s="365"/>
      <c r="K14263" s="367"/>
      <c r="L14263" s="367"/>
    </row>
    <row r="14264" spans="2:12">
      <c r="B14264" s="367"/>
      <c r="C14264" s="367"/>
      <c r="D14264" s="367"/>
      <c r="E14264" s="367"/>
      <c r="F14264" s="359" t="s">
        <v>14391</v>
      </c>
      <c r="G14264" s="359" t="s">
        <v>14390</v>
      </c>
      <c r="H14264" s="360"/>
      <c r="I14264" s="359" t="s">
        <v>14390</v>
      </c>
      <c r="J14264" s="365"/>
      <c r="K14264" s="367"/>
      <c r="L14264" s="367"/>
    </row>
    <row r="14265" spans="2:12">
      <c r="B14265" s="367"/>
      <c r="C14265" s="367"/>
      <c r="D14265" s="367"/>
      <c r="E14265" s="367"/>
      <c r="F14265" s="360"/>
      <c r="G14265" s="360"/>
      <c r="H14265" s="360"/>
      <c r="I14265" s="360"/>
      <c r="J14265" s="365"/>
      <c r="K14265" s="367"/>
      <c r="L14265" s="367"/>
    </row>
    <row r="14266" spans="2:12" ht="28.5">
      <c r="B14266" s="367"/>
      <c r="C14266" s="367"/>
      <c r="D14266" s="367"/>
      <c r="E14266" s="367"/>
      <c r="F14266" s="359" t="s">
        <v>14394</v>
      </c>
      <c r="G14266" s="359" t="s">
        <v>14431</v>
      </c>
      <c r="H14266" s="360"/>
      <c r="I14266" s="359" t="s">
        <v>14431</v>
      </c>
      <c r="J14266" s="365"/>
      <c r="K14266" s="367"/>
      <c r="L14266" s="367"/>
    </row>
    <row r="14267" spans="2:12">
      <c r="B14267" s="367"/>
      <c r="C14267" s="367"/>
      <c r="D14267" s="367"/>
      <c r="E14267" s="367"/>
      <c r="F14267" s="360"/>
      <c r="G14267" s="360"/>
      <c r="H14267" s="360"/>
      <c r="I14267" s="360"/>
      <c r="J14267" s="365"/>
      <c r="K14267" s="367"/>
      <c r="L14267" s="367"/>
    </row>
    <row r="14268" spans="2:12">
      <c r="B14268" s="367"/>
      <c r="C14268" s="367"/>
      <c r="D14268" s="367"/>
      <c r="E14268" s="367"/>
      <c r="F14268" s="360"/>
      <c r="G14268" s="359" t="s">
        <v>14392</v>
      </c>
      <c r="H14268" s="360"/>
      <c r="I14268" s="359" t="s">
        <v>14392</v>
      </c>
      <c r="J14268" s="365"/>
      <c r="K14268" s="367"/>
      <c r="L14268" s="367"/>
    </row>
    <row r="14269" spans="2:12">
      <c r="B14269" s="367"/>
      <c r="C14269" s="367"/>
      <c r="D14269" s="367"/>
      <c r="E14269" s="367"/>
      <c r="F14269" s="360"/>
      <c r="G14269" s="360"/>
      <c r="H14269" s="360"/>
      <c r="I14269" s="360"/>
      <c r="J14269" s="365"/>
      <c r="K14269" s="367"/>
      <c r="L14269" s="367"/>
    </row>
    <row r="14270" spans="2:12">
      <c r="B14270" s="368"/>
      <c r="C14270" s="368"/>
      <c r="D14270" s="368"/>
      <c r="E14270" s="368"/>
      <c r="F14270" s="362"/>
      <c r="G14270" s="361" t="s">
        <v>14395</v>
      </c>
      <c r="H14270" s="362"/>
      <c r="I14270" s="361" t="s">
        <v>14395</v>
      </c>
      <c r="J14270" s="366"/>
      <c r="K14270" s="368"/>
      <c r="L14270" s="368"/>
    </row>
    <row r="14271" spans="2:12" ht="28.5">
      <c r="B14271" s="358" t="s">
        <v>22011</v>
      </c>
      <c r="C14271" s="358" t="s">
        <v>29392</v>
      </c>
      <c r="D14271" s="358" t="s">
        <v>22012</v>
      </c>
      <c r="E14271" s="358" t="s">
        <v>22013</v>
      </c>
      <c r="F14271" s="358" t="s">
        <v>28924</v>
      </c>
      <c r="G14271" s="358" t="s">
        <v>14380</v>
      </c>
      <c r="H14271" s="358" t="s">
        <v>14378</v>
      </c>
      <c r="I14271" s="358" t="s">
        <v>14380</v>
      </c>
      <c r="J14271" s="358"/>
      <c r="K14271" s="358"/>
      <c r="L14271" s="358"/>
    </row>
    <row r="14272" spans="2:12">
      <c r="B14272" s="367"/>
      <c r="C14272" s="367"/>
      <c r="D14272" s="367"/>
      <c r="E14272" s="367"/>
      <c r="F14272" s="360"/>
      <c r="G14272" s="360"/>
      <c r="H14272" s="360"/>
      <c r="I14272" s="360"/>
      <c r="J14272" s="365"/>
      <c r="K14272" s="365"/>
      <c r="L14272" s="365"/>
    </row>
    <row r="14273" spans="2:12">
      <c r="B14273" s="367"/>
      <c r="C14273" s="367"/>
      <c r="D14273" s="367"/>
      <c r="E14273" s="367"/>
      <c r="F14273" s="359" t="s">
        <v>14379</v>
      </c>
      <c r="G14273" s="359" t="s">
        <v>14531</v>
      </c>
      <c r="H14273" s="359" t="s">
        <v>14370</v>
      </c>
      <c r="I14273" s="359" t="s">
        <v>14531</v>
      </c>
      <c r="J14273" s="365"/>
      <c r="K14273" s="365"/>
      <c r="L14273" s="365"/>
    </row>
    <row r="14274" spans="2:12">
      <c r="B14274" s="367"/>
      <c r="C14274" s="367"/>
      <c r="D14274" s="367"/>
      <c r="E14274" s="367"/>
      <c r="F14274" s="360"/>
      <c r="G14274" s="360"/>
      <c r="H14274" s="360"/>
      <c r="I14274" s="360"/>
      <c r="J14274" s="365"/>
      <c r="K14274" s="365"/>
      <c r="L14274" s="365"/>
    </row>
    <row r="14275" spans="2:12">
      <c r="B14275" s="367"/>
      <c r="C14275" s="367"/>
      <c r="D14275" s="367"/>
      <c r="E14275" s="367"/>
      <c r="F14275" s="359" t="s">
        <v>14371</v>
      </c>
      <c r="G14275" s="359" t="s">
        <v>14405</v>
      </c>
      <c r="H14275" s="359" t="s">
        <v>14332</v>
      </c>
      <c r="I14275" s="359" t="s">
        <v>14405</v>
      </c>
      <c r="J14275" s="365"/>
      <c r="K14275" s="365"/>
      <c r="L14275" s="365"/>
    </row>
    <row r="14276" spans="2:12">
      <c r="B14276" s="367"/>
      <c r="C14276" s="367"/>
      <c r="D14276" s="367"/>
      <c r="E14276" s="367"/>
      <c r="F14276" s="360"/>
      <c r="G14276" s="360"/>
      <c r="H14276" s="360"/>
      <c r="I14276" s="360"/>
      <c r="J14276" s="365"/>
      <c r="K14276" s="365"/>
      <c r="L14276" s="365"/>
    </row>
    <row r="14277" spans="2:12" ht="28.5">
      <c r="B14277" s="367"/>
      <c r="C14277" s="367"/>
      <c r="D14277" s="367"/>
      <c r="E14277" s="367"/>
      <c r="F14277" s="359" t="s">
        <v>14374</v>
      </c>
      <c r="G14277" s="359" t="s">
        <v>14372</v>
      </c>
      <c r="H14277" s="360"/>
      <c r="I14277" s="359" t="s">
        <v>14373</v>
      </c>
      <c r="J14277" s="365"/>
      <c r="K14277" s="365"/>
      <c r="L14277" s="365"/>
    </row>
    <row r="14278" spans="2:12">
      <c r="B14278" s="367"/>
      <c r="C14278" s="367"/>
      <c r="D14278" s="367"/>
      <c r="E14278" s="367"/>
      <c r="F14278" s="360"/>
      <c r="G14278" s="360"/>
      <c r="H14278" s="360"/>
      <c r="I14278" s="360"/>
      <c r="J14278" s="365"/>
      <c r="K14278" s="365"/>
      <c r="L14278" s="365"/>
    </row>
    <row r="14279" spans="2:12">
      <c r="B14279" s="368"/>
      <c r="C14279" s="368"/>
      <c r="D14279" s="368"/>
      <c r="E14279" s="368"/>
      <c r="F14279" s="362"/>
      <c r="G14279" s="361" t="s">
        <v>14373</v>
      </c>
      <c r="H14279" s="362"/>
      <c r="I14279" s="362"/>
      <c r="J14279" s="366"/>
      <c r="K14279" s="366"/>
      <c r="L14279" s="366"/>
    </row>
    <row r="14280" spans="2:12">
      <c r="B14280" s="358" t="s">
        <v>22014</v>
      </c>
      <c r="C14280" s="358" t="s">
        <v>27745</v>
      </c>
      <c r="D14280" s="358" t="s">
        <v>22015</v>
      </c>
      <c r="E14280" s="358" t="s">
        <v>22016</v>
      </c>
      <c r="F14280" s="358" t="s">
        <v>14505</v>
      </c>
      <c r="G14280" s="358" t="s">
        <v>14506</v>
      </c>
      <c r="H14280" s="358" t="s">
        <v>14328</v>
      </c>
      <c r="I14280" s="358" t="s">
        <v>14506</v>
      </c>
      <c r="J14280" s="358"/>
      <c r="K14280" s="358"/>
      <c r="L14280" s="358"/>
    </row>
    <row r="14281" spans="2:12">
      <c r="B14281" s="367"/>
      <c r="C14281" s="367"/>
      <c r="D14281" s="367"/>
      <c r="E14281" s="367"/>
      <c r="F14281" s="360"/>
      <c r="G14281" s="360"/>
      <c r="H14281" s="360"/>
      <c r="I14281" s="360"/>
      <c r="J14281" s="365"/>
      <c r="K14281" s="365"/>
      <c r="L14281" s="365"/>
    </row>
    <row r="14282" spans="2:12" ht="28.5">
      <c r="B14282" s="367"/>
      <c r="C14282" s="367"/>
      <c r="D14282" s="367"/>
      <c r="E14282" s="367"/>
      <c r="F14282" s="359" t="s">
        <v>28960</v>
      </c>
      <c r="G14282" s="359" t="s">
        <v>14483</v>
      </c>
      <c r="H14282" s="359" t="s">
        <v>14378</v>
      </c>
      <c r="I14282" s="359" t="s">
        <v>14483</v>
      </c>
      <c r="J14282" s="365"/>
      <c r="K14282" s="365"/>
      <c r="L14282" s="365"/>
    </row>
    <row r="14283" spans="2:12">
      <c r="B14283" s="367"/>
      <c r="C14283" s="367"/>
      <c r="D14283" s="367"/>
      <c r="E14283" s="367"/>
      <c r="F14283" s="360"/>
      <c r="G14283" s="360"/>
      <c r="H14283" s="360"/>
      <c r="I14283" s="360"/>
      <c r="J14283" s="365"/>
      <c r="K14283" s="365"/>
      <c r="L14283" s="365"/>
    </row>
    <row r="14284" spans="2:12">
      <c r="B14284" s="367"/>
      <c r="C14284" s="367"/>
      <c r="D14284" s="367"/>
      <c r="E14284" s="367"/>
      <c r="F14284" s="359" t="s">
        <v>14382</v>
      </c>
      <c r="G14284" s="359" t="s">
        <v>14579</v>
      </c>
      <c r="H14284" s="359" t="s">
        <v>14332</v>
      </c>
      <c r="I14284" s="359" t="s">
        <v>14579</v>
      </c>
      <c r="J14284" s="365"/>
      <c r="K14284" s="365"/>
      <c r="L14284" s="365"/>
    </row>
    <row r="14285" spans="2:12">
      <c r="B14285" s="367"/>
      <c r="C14285" s="367"/>
      <c r="D14285" s="367"/>
      <c r="E14285" s="367"/>
      <c r="F14285" s="360"/>
      <c r="G14285" s="360"/>
      <c r="H14285" s="360"/>
      <c r="I14285" s="360"/>
      <c r="J14285" s="365"/>
      <c r="K14285" s="365"/>
      <c r="L14285" s="365"/>
    </row>
    <row r="14286" spans="2:12">
      <c r="B14286" s="368"/>
      <c r="C14286" s="368"/>
      <c r="D14286" s="368"/>
      <c r="E14286" s="368"/>
      <c r="F14286" s="362"/>
      <c r="G14286" s="361" t="s">
        <v>14383</v>
      </c>
      <c r="H14286" s="362"/>
      <c r="I14286" s="361" t="s">
        <v>14383</v>
      </c>
      <c r="J14286" s="366"/>
      <c r="K14286" s="366"/>
      <c r="L14286" s="366"/>
    </row>
    <row r="14287" spans="2:12" ht="28.5">
      <c r="B14287" s="358" t="s">
        <v>22017</v>
      </c>
      <c r="C14287" s="358" t="s">
        <v>29393</v>
      </c>
      <c r="D14287" s="358" t="s">
        <v>22018</v>
      </c>
      <c r="E14287" s="358" t="s">
        <v>22019</v>
      </c>
      <c r="F14287" s="358" t="s">
        <v>14507</v>
      </c>
      <c r="G14287" s="358" t="s">
        <v>29394</v>
      </c>
      <c r="H14287" s="358" t="s">
        <v>14378</v>
      </c>
      <c r="I14287" s="358" t="s">
        <v>29394</v>
      </c>
      <c r="J14287" s="358"/>
      <c r="K14287" s="358" t="s">
        <v>14517</v>
      </c>
      <c r="L14287" s="358"/>
    </row>
    <row r="14288" spans="2:12">
      <c r="B14288" s="367"/>
      <c r="C14288" s="367"/>
      <c r="D14288" s="367"/>
      <c r="E14288" s="367"/>
      <c r="F14288" s="360"/>
      <c r="G14288" s="360"/>
      <c r="H14288" s="360"/>
      <c r="I14288" s="360"/>
      <c r="J14288" s="365"/>
      <c r="K14288" s="367"/>
      <c r="L14288" s="365"/>
    </row>
    <row r="14289" spans="2:12" ht="28.5">
      <c r="B14289" s="367"/>
      <c r="C14289" s="367"/>
      <c r="D14289" s="367"/>
      <c r="E14289" s="367"/>
      <c r="F14289" s="359" t="s">
        <v>29045</v>
      </c>
      <c r="G14289" s="359" t="s">
        <v>14383</v>
      </c>
      <c r="H14289" s="359" t="s">
        <v>14381</v>
      </c>
      <c r="I14289" s="359" t="s">
        <v>14383</v>
      </c>
      <c r="J14289" s="365"/>
      <c r="K14289" s="367"/>
      <c r="L14289" s="365"/>
    </row>
    <row r="14290" spans="2:12">
      <c r="B14290" s="367"/>
      <c r="C14290" s="367"/>
      <c r="D14290" s="367"/>
      <c r="E14290" s="367"/>
      <c r="F14290" s="360"/>
      <c r="G14290" s="360"/>
      <c r="H14290" s="360"/>
      <c r="I14290" s="360"/>
      <c r="J14290" s="365"/>
      <c r="K14290" s="367"/>
      <c r="L14290" s="365"/>
    </row>
    <row r="14291" spans="2:12">
      <c r="B14291" s="367"/>
      <c r="C14291" s="367"/>
      <c r="D14291" s="367"/>
      <c r="E14291" s="367"/>
      <c r="F14291" s="359" t="s">
        <v>14391</v>
      </c>
      <c r="G14291" s="359" t="s">
        <v>14392</v>
      </c>
      <c r="H14291" s="359" t="s">
        <v>14370</v>
      </c>
      <c r="I14291" s="359" t="s">
        <v>14392</v>
      </c>
      <c r="J14291" s="365"/>
      <c r="K14291" s="367"/>
      <c r="L14291" s="365"/>
    </row>
    <row r="14292" spans="2:12">
      <c r="B14292" s="367"/>
      <c r="C14292" s="367"/>
      <c r="D14292" s="367"/>
      <c r="E14292" s="367"/>
      <c r="F14292" s="360"/>
      <c r="G14292" s="360"/>
      <c r="H14292" s="360"/>
      <c r="I14292" s="360"/>
      <c r="J14292" s="365"/>
      <c r="K14292" s="367"/>
      <c r="L14292" s="365"/>
    </row>
    <row r="14293" spans="2:12">
      <c r="B14293" s="367"/>
      <c r="C14293" s="367"/>
      <c r="D14293" s="367"/>
      <c r="E14293" s="367"/>
      <c r="F14293" s="359" t="s">
        <v>14371</v>
      </c>
      <c r="G14293" s="359" t="s">
        <v>14372</v>
      </c>
      <c r="H14293" s="359" t="s">
        <v>14332</v>
      </c>
      <c r="I14293" s="359" t="s">
        <v>14373</v>
      </c>
      <c r="J14293" s="365"/>
      <c r="K14293" s="367"/>
      <c r="L14293" s="365"/>
    </row>
    <row r="14294" spans="2:12">
      <c r="B14294" s="367"/>
      <c r="C14294" s="367"/>
      <c r="D14294" s="367"/>
      <c r="E14294" s="367"/>
      <c r="F14294" s="360"/>
      <c r="G14294" s="360"/>
      <c r="H14294" s="360"/>
      <c r="I14294" s="360"/>
      <c r="J14294" s="365"/>
      <c r="K14294" s="367"/>
      <c r="L14294" s="365"/>
    </row>
    <row r="14295" spans="2:12" ht="28.5">
      <c r="B14295" s="368"/>
      <c r="C14295" s="368"/>
      <c r="D14295" s="368"/>
      <c r="E14295" s="368"/>
      <c r="F14295" s="361" t="s">
        <v>14374</v>
      </c>
      <c r="G14295" s="361" t="s">
        <v>14373</v>
      </c>
      <c r="H14295" s="362"/>
      <c r="I14295" s="362"/>
      <c r="J14295" s="366"/>
      <c r="K14295" s="368"/>
      <c r="L14295" s="366"/>
    </row>
    <row r="14296" spans="2:12" ht="28.5">
      <c r="B14296" s="358" t="s">
        <v>22020</v>
      </c>
      <c r="C14296" s="358" t="s">
        <v>29395</v>
      </c>
      <c r="D14296" s="358" t="s">
        <v>22021</v>
      </c>
      <c r="E14296" s="358" t="s">
        <v>22022</v>
      </c>
      <c r="F14296" s="358" t="s">
        <v>14507</v>
      </c>
      <c r="G14296" s="358" t="s">
        <v>29397</v>
      </c>
      <c r="H14296" s="358" t="s">
        <v>14378</v>
      </c>
      <c r="I14296" s="358" t="s">
        <v>29397</v>
      </c>
      <c r="J14296" s="358"/>
      <c r="K14296" s="358" t="s">
        <v>14517</v>
      </c>
      <c r="L14296" s="358"/>
    </row>
    <row r="14297" spans="2:12">
      <c r="B14297" s="367"/>
      <c r="C14297" s="367"/>
      <c r="D14297" s="367"/>
      <c r="E14297" s="367"/>
      <c r="F14297" s="360"/>
      <c r="G14297" s="360"/>
      <c r="H14297" s="360"/>
      <c r="I14297" s="360"/>
      <c r="J14297" s="365"/>
      <c r="K14297" s="367"/>
      <c r="L14297" s="365"/>
    </row>
    <row r="14298" spans="2:12" ht="71.25">
      <c r="B14298" s="367"/>
      <c r="C14298" s="367"/>
      <c r="D14298" s="367"/>
      <c r="E14298" s="367"/>
      <c r="F14298" s="359" t="s">
        <v>29396</v>
      </c>
      <c r="G14298" s="359" t="s">
        <v>14383</v>
      </c>
      <c r="H14298" s="359" t="s">
        <v>14381</v>
      </c>
      <c r="I14298" s="359" t="s">
        <v>14383</v>
      </c>
      <c r="J14298" s="365"/>
      <c r="K14298" s="367"/>
      <c r="L14298" s="365"/>
    </row>
    <row r="14299" spans="2:12">
      <c r="B14299" s="367"/>
      <c r="C14299" s="367"/>
      <c r="D14299" s="367"/>
      <c r="E14299" s="367"/>
      <c r="F14299" s="360"/>
      <c r="G14299" s="360"/>
      <c r="H14299" s="360"/>
      <c r="I14299" s="360"/>
      <c r="J14299" s="365"/>
      <c r="K14299" s="367"/>
      <c r="L14299" s="365"/>
    </row>
    <row r="14300" spans="2:12">
      <c r="B14300" s="367"/>
      <c r="C14300" s="367"/>
      <c r="D14300" s="367"/>
      <c r="E14300" s="367"/>
      <c r="F14300" s="359" t="s">
        <v>14371</v>
      </c>
      <c r="G14300" s="359" t="s">
        <v>14421</v>
      </c>
      <c r="H14300" s="359" t="s">
        <v>14370</v>
      </c>
      <c r="I14300" s="359" t="s">
        <v>14421</v>
      </c>
      <c r="J14300" s="365"/>
      <c r="K14300" s="367"/>
      <c r="L14300" s="365"/>
    </row>
    <row r="14301" spans="2:12">
      <c r="B14301" s="367"/>
      <c r="C14301" s="367"/>
      <c r="D14301" s="367"/>
      <c r="E14301" s="367"/>
      <c r="F14301" s="360"/>
      <c r="G14301" s="360"/>
      <c r="H14301" s="360"/>
      <c r="I14301" s="360"/>
      <c r="J14301" s="365"/>
      <c r="K14301" s="367"/>
      <c r="L14301" s="365"/>
    </row>
    <row r="14302" spans="2:12" ht="28.5">
      <c r="B14302" s="367"/>
      <c r="C14302" s="367"/>
      <c r="D14302" s="367"/>
      <c r="E14302" s="367"/>
      <c r="F14302" s="359" t="s">
        <v>14374</v>
      </c>
      <c r="G14302" s="359" t="s">
        <v>28648</v>
      </c>
      <c r="H14302" s="359" t="s">
        <v>14332</v>
      </c>
      <c r="I14302" s="359" t="s">
        <v>28648</v>
      </c>
      <c r="J14302" s="365"/>
      <c r="K14302" s="367"/>
      <c r="L14302" s="365"/>
    </row>
    <row r="14303" spans="2:12">
      <c r="B14303" s="367"/>
      <c r="C14303" s="367"/>
      <c r="D14303" s="367"/>
      <c r="E14303" s="367"/>
      <c r="F14303" s="360"/>
      <c r="G14303" s="360"/>
      <c r="H14303" s="360"/>
      <c r="I14303" s="360"/>
      <c r="J14303" s="365"/>
      <c r="K14303" s="367"/>
      <c r="L14303" s="365"/>
    </row>
    <row r="14304" spans="2:12">
      <c r="B14304" s="367"/>
      <c r="C14304" s="367"/>
      <c r="D14304" s="367"/>
      <c r="E14304" s="367"/>
      <c r="F14304" s="360"/>
      <c r="G14304" s="359" t="s">
        <v>14372</v>
      </c>
      <c r="H14304" s="360"/>
      <c r="I14304" s="359" t="s">
        <v>14373</v>
      </c>
      <c r="J14304" s="365"/>
      <c r="K14304" s="367"/>
      <c r="L14304" s="365"/>
    </row>
    <row r="14305" spans="2:12">
      <c r="B14305" s="367"/>
      <c r="C14305" s="367"/>
      <c r="D14305" s="367"/>
      <c r="E14305" s="367"/>
      <c r="F14305" s="360"/>
      <c r="G14305" s="360"/>
      <c r="H14305" s="360"/>
      <c r="I14305" s="360"/>
      <c r="J14305" s="365"/>
      <c r="K14305" s="367"/>
      <c r="L14305" s="365"/>
    </row>
    <row r="14306" spans="2:12">
      <c r="B14306" s="368"/>
      <c r="C14306" s="368"/>
      <c r="D14306" s="368"/>
      <c r="E14306" s="368"/>
      <c r="F14306" s="362"/>
      <c r="G14306" s="361" t="s">
        <v>14373</v>
      </c>
      <c r="H14306" s="362"/>
      <c r="I14306" s="362"/>
      <c r="J14306" s="366"/>
      <c r="K14306" s="368"/>
      <c r="L14306" s="366"/>
    </row>
    <row r="14307" spans="2:12">
      <c r="B14307" s="358" t="s">
        <v>22023</v>
      </c>
      <c r="C14307" s="358" t="s">
        <v>22024</v>
      </c>
      <c r="D14307" s="358" t="s">
        <v>22025</v>
      </c>
      <c r="E14307" s="358" t="s">
        <v>22026</v>
      </c>
      <c r="F14307" s="358" t="s">
        <v>14382</v>
      </c>
      <c r="G14307" s="358" t="s">
        <v>14483</v>
      </c>
      <c r="H14307" s="358" t="s">
        <v>14378</v>
      </c>
      <c r="I14307" s="358" t="s">
        <v>14483</v>
      </c>
      <c r="J14307" s="358"/>
      <c r="K14307" s="358"/>
      <c r="L14307" s="358"/>
    </row>
    <row r="14308" spans="2:12">
      <c r="B14308" s="367"/>
      <c r="C14308" s="367"/>
      <c r="D14308" s="367"/>
      <c r="E14308" s="367"/>
      <c r="F14308" s="360"/>
      <c r="G14308" s="360"/>
      <c r="H14308" s="360"/>
      <c r="I14308" s="360"/>
      <c r="J14308" s="365"/>
      <c r="K14308" s="365"/>
      <c r="L14308" s="365"/>
    </row>
    <row r="14309" spans="2:12">
      <c r="B14309" s="367"/>
      <c r="C14309" s="367"/>
      <c r="D14309" s="367"/>
      <c r="E14309" s="367"/>
      <c r="F14309" s="359" t="s">
        <v>14382</v>
      </c>
      <c r="G14309" s="359" t="s">
        <v>14579</v>
      </c>
      <c r="H14309" s="359" t="s">
        <v>14370</v>
      </c>
      <c r="I14309" s="359" t="s">
        <v>14579</v>
      </c>
      <c r="J14309" s="365"/>
      <c r="K14309" s="365"/>
      <c r="L14309" s="365"/>
    </row>
    <row r="14310" spans="2:12">
      <c r="B14310" s="367"/>
      <c r="C14310" s="367"/>
      <c r="D14310" s="367"/>
      <c r="E14310" s="367"/>
      <c r="F14310" s="360"/>
      <c r="G14310" s="360"/>
      <c r="H14310" s="360"/>
      <c r="I14310" s="360"/>
      <c r="J14310" s="365"/>
      <c r="K14310" s="365"/>
      <c r="L14310" s="365"/>
    </row>
    <row r="14311" spans="2:12">
      <c r="B14311" s="367"/>
      <c r="C14311" s="367"/>
      <c r="D14311" s="367"/>
      <c r="E14311" s="367"/>
      <c r="F14311" s="359" t="s">
        <v>14382</v>
      </c>
      <c r="G14311" s="359" t="s">
        <v>14383</v>
      </c>
      <c r="H14311" s="359" t="s">
        <v>14332</v>
      </c>
      <c r="I14311" s="359" t="s">
        <v>14383</v>
      </c>
      <c r="J14311" s="365"/>
      <c r="K14311" s="365"/>
      <c r="L14311" s="365"/>
    </row>
    <row r="14312" spans="2:12">
      <c r="B14312" s="367"/>
      <c r="C14312" s="367"/>
      <c r="D14312" s="367"/>
      <c r="E14312" s="367"/>
      <c r="F14312" s="360"/>
      <c r="G14312" s="360"/>
      <c r="H14312" s="360"/>
      <c r="I14312" s="360"/>
      <c r="J14312" s="365"/>
      <c r="K14312" s="365"/>
      <c r="L14312" s="365"/>
    </row>
    <row r="14313" spans="2:12" ht="28.5">
      <c r="B14313" s="368"/>
      <c r="C14313" s="368"/>
      <c r="D14313" s="368"/>
      <c r="E14313" s="368"/>
      <c r="F14313" s="361" t="s">
        <v>14394</v>
      </c>
      <c r="G14313" s="361" t="s">
        <v>14395</v>
      </c>
      <c r="H14313" s="362"/>
      <c r="I14313" s="361" t="s">
        <v>14395</v>
      </c>
      <c r="J14313" s="366"/>
      <c r="K14313" s="366"/>
      <c r="L14313" s="366"/>
    </row>
    <row r="14314" spans="2:12">
      <c r="B14314" s="358" t="s">
        <v>22027</v>
      </c>
      <c r="C14314" s="358" t="s">
        <v>22028</v>
      </c>
      <c r="D14314" s="358" t="s">
        <v>22029</v>
      </c>
      <c r="E14314" s="358" t="s">
        <v>22030</v>
      </c>
      <c r="F14314" s="358" t="s">
        <v>14382</v>
      </c>
      <c r="G14314" s="358" t="s">
        <v>14483</v>
      </c>
      <c r="H14314" s="358" t="s">
        <v>14378</v>
      </c>
      <c r="I14314" s="358" t="s">
        <v>14483</v>
      </c>
      <c r="J14314" s="358"/>
      <c r="K14314" s="358"/>
      <c r="L14314" s="358"/>
    </row>
    <row r="14315" spans="2:12">
      <c r="B14315" s="367"/>
      <c r="C14315" s="367"/>
      <c r="D14315" s="367"/>
      <c r="E14315" s="367"/>
      <c r="F14315" s="360"/>
      <c r="G14315" s="360"/>
      <c r="H14315" s="360"/>
      <c r="I14315" s="360"/>
      <c r="J14315" s="365"/>
      <c r="K14315" s="365"/>
      <c r="L14315" s="365"/>
    </row>
    <row r="14316" spans="2:12">
      <c r="B14316" s="367"/>
      <c r="C14316" s="367"/>
      <c r="D14316" s="367"/>
      <c r="E14316" s="367"/>
      <c r="F14316" s="359" t="s">
        <v>14382</v>
      </c>
      <c r="G14316" s="359" t="s">
        <v>14579</v>
      </c>
      <c r="H14316" s="359" t="s">
        <v>14370</v>
      </c>
      <c r="I14316" s="359" t="s">
        <v>14579</v>
      </c>
      <c r="J14316" s="365"/>
      <c r="K14316" s="365"/>
      <c r="L14316" s="365"/>
    </row>
    <row r="14317" spans="2:12">
      <c r="B14317" s="367"/>
      <c r="C14317" s="367"/>
      <c r="D14317" s="367"/>
      <c r="E14317" s="367"/>
      <c r="F14317" s="360"/>
      <c r="G14317" s="360"/>
      <c r="H14317" s="360"/>
      <c r="I14317" s="360"/>
      <c r="J14317" s="365"/>
      <c r="K14317" s="365"/>
      <c r="L14317" s="365"/>
    </row>
    <row r="14318" spans="2:12" ht="28.5">
      <c r="B14318" s="367"/>
      <c r="C14318" s="367"/>
      <c r="D14318" s="367"/>
      <c r="E14318" s="367"/>
      <c r="F14318" s="359" t="s">
        <v>28568</v>
      </c>
      <c r="G14318" s="359" t="s">
        <v>14383</v>
      </c>
      <c r="H14318" s="359" t="s">
        <v>14332</v>
      </c>
      <c r="I14318" s="359" t="s">
        <v>14383</v>
      </c>
      <c r="J14318" s="365"/>
      <c r="K14318" s="365"/>
      <c r="L14318" s="365"/>
    </row>
    <row r="14319" spans="2:12">
      <c r="B14319" s="367"/>
      <c r="C14319" s="367"/>
      <c r="D14319" s="367"/>
      <c r="E14319" s="367"/>
      <c r="F14319" s="360"/>
      <c r="G14319" s="360"/>
      <c r="H14319" s="360"/>
      <c r="I14319" s="360"/>
      <c r="J14319" s="365"/>
      <c r="K14319" s="365"/>
      <c r="L14319" s="365"/>
    </row>
    <row r="14320" spans="2:12" ht="28.5">
      <c r="B14320" s="367"/>
      <c r="C14320" s="367"/>
      <c r="D14320" s="367"/>
      <c r="E14320" s="367"/>
      <c r="F14320" s="359" t="s">
        <v>14374</v>
      </c>
      <c r="G14320" s="359" t="s">
        <v>14372</v>
      </c>
      <c r="H14320" s="360"/>
      <c r="I14320" s="359" t="s">
        <v>14373</v>
      </c>
      <c r="J14320" s="365"/>
      <c r="K14320" s="365"/>
      <c r="L14320" s="365"/>
    </row>
    <row r="14321" spans="2:12">
      <c r="B14321" s="367"/>
      <c r="C14321" s="367"/>
      <c r="D14321" s="367"/>
      <c r="E14321" s="367"/>
      <c r="F14321" s="360"/>
      <c r="G14321" s="360"/>
      <c r="H14321" s="360"/>
      <c r="I14321" s="360"/>
      <c r="J14321" s="365"/>
      <c r="K14321" s="365"/>
      <c r="L14321" s="365"/>
    </row>
    <row r="14322" spans="2:12">
      <c r="B14322" s="368"/>
      <c r="C14322" s="368"/>
      <c r="D14322" s="368"/>
      <c r="E14322" s="368"/>
      <c r="F14322" s="362"/>
      <c r="G14322" s="361" t="s">
        <v>14373</v>
      </c>
      <c r="H14322" s="362"/>
      <c r="I14322" s="362"/>
      <c r="J14322" s="366"/>
      <c r="K14322" s="366"/>
      <c r="L14322" s="366"/>
    </row>
    <row r="14323" spans="2:12">
      <c r="B14323" s="358" t="s">
        <v>22031</v>
      </c>
      <c r="C14323" s="358" t="s">
        <v>29398</v>
      </c>
      <c r="D14323" s="358" t="s">
        <v>22032</v>
      </c>
      <c r="E14323" s="358" t="s">
        <v>22033</v>
      </c>
      <c r="F14323" s="358" t="s">
        <v>14505</v>
      </c>
      <c r="G14323" s="358" t="s">
        <v>14506</v>
      </c>
      <c r="H14323" s="358" t="s">
        <v>14328</v>
      </c>
      <c r="I14323" s="358" t="s">
        <v>14506</v>
      </c>
      <c r="J14323" s="358"/>
      <c r="K14323" s="358" t="s">
        <v>14929</v>
      </c>
      <c r="L14323" s="358" t="s">
        <v>595</v>
      </c>
    </row>
    <row r="14324" spans="2:12">
      <c r="B14324" s="367"/>
      <c r="C14324" s="367"/>
      <c r="D14324" s="367"/>
      <c r="E14324" s="367"/>
      <c r="F14324" s="360"/>
      <c r="G14324" s="360"/>
      <c r="H14324" s="360"/>
      <c r="I14324" s="360"/>
      <c r="J14324" s="365"/>
      <c r="K14324" s="360"/>
      <c r="L14324" s="367"/>
    </row>
    <row r="14325" spans="2:12" ht="42.75">
      <c r="B14325" s="367"/>
      <c r="C14325" s="367"/>
      <c r="D14325" s="367"/>
      <c r="E14325" s="367"/>
      <c r="F14325" s="359" t="s">
        <v>29010</v>
      </c>
      <c r="G14325" s="359" t="s">
        <v>14483</v>
      </c>
      <c r="H14325" s="359" t="s">
        <v>14378</v>
      </c>
      <c r="I14325" s="359" t="s">
        <v>14483</v>
      </c>
      <c r="J14325" s="365"/>
      <c r="K14325" s="359" t="s">
        <v>29399</v>
      </c>
      <c r="L14325" s="367"/>
    </row>
    <row r="14326" spans="2:12">
      <c r="B14326" s="367"/>
      <c r="C14326" s="367"/>
      <c r="D14326" s="367"/>
      <c r="E14326" s="367"/>
      <c r="F14326" s="360"/>
      <c r="G14326" s="360"/>
      <c r="H14326" s="360"/>
      <c r="I14326" s="360"/>
      <c r="J14326" s="365"/>
      <c r="K14326" s="360"/>
      <c r="L14326" s="367"/>
    </row>
    <row r="14327" spans="2:12">
      <c r="B14327" s="367"/>
      <c r="C14327" s="367"/>
      <c r="D14327" s="367"/>
      <c r="E14327" s="367"/>
      <c r="F14327" s="359" t="s">
        <v>14391</v>
      </c>
      <c r="G14327" s="359" t="s">
        <v>14579</v>
      </c>
      <c r="H14327" s="359" t="s">
        <v>14332</v>
      </c>
      <c r="I14327" s="359" t="s">
        <v>14579</v>
      </c>
      <c r="J14327" s="365"/>
      <c r="K14327" s="360"/>
      <c r="L14327" s="367"/>
    </row>
    <row r="14328" spans="2:12">
      <c r="B14328" s="367"/>
      <c r="C14328" s="367"/>
      <c r="D14328" s="367"/>
      <c r="E14328" s="367"/>
      <c r="F14328" s="360"/>
      <c r="G14328" s="360"/>
      <c r="H14328" s="360"/>
      <c r="I14328" s="360"/>
      <c r="J14328" s="365"/>
      <c r="K14328" s="360"/>
      <c r="L14328" s="367"/>
    </row>
    <row r="14329" spans="2:12">
      <c r="B14329" s="367"/>
      <c r="C14329" s="367"/>
      <c r="D14329" s="367"/>
      <c r="E14329" s="367"/>
      <c r="F14329" s="360"/>
      <c r="G14329" s="359" t="s">
        <v>14383</v>
      </c>
      <c r="H14329" s="360"/>
      <c r="I14329" s="359" t="s">
        <v>14383</v>
      </c>
      <c r="J14329" s="365"/>
      <c r="K14329" s="360"/>
      <c r="L14329" s="367"/>
    </row>
    <row r="14330" spans="2:12">
      <c r="B14330" s="367"/>
      <c r="C14330" s="367"/>
      <c r="D14330" s="367"/>
      <c r="E14330" s="367"/>
      <c r="F14330" s="360"/>
      <c r="G14330" s="360"/>
      <c r="H14330" s="360"/>
      <c r="I14330" s="360"/>
      <c r="J14330" s="365"/>
      <c r="K14330" s="360"/>
      <c r="L14330" s="367"/>
    </row>
    <row r="14331" spans="2:12">
      <c r="B14331" s="368"/>
      <c r="C14331" s="368"/>
      <c r="D14331" s="368"/>
      <c r="E14331" s="368"/>
      <c r="F14331" s="362"/>
      <c r="G14331" s="361" t="s">
        <v>14392</v>
      </c>
      <c r="H14331" s="362"/>
      <c r="I14331" s="361" t="s">
        <v>14392</v>
      </c>
      <c r="J14331" s="366"/>
      <c r="K14331" s="362"/>
      <c r="L14331" s="368"/>
    </row>
    <row r="14332" spans="2:12">
      <c r="B14332" s="358" t="s">
        <v>22034</v>
      </c>
      <c r="C14332" s="358" t="s">
        <v>29400</v>
      </c>
      <c r="D14332" s="358" t="s">
        <v>22035</v>
      </c>
      <c r="E14332" s="358" t="s">
        <v>22036</v>
      </c>
      <c r="F14332" s="358" t="s">
        <v>14330</v>
      </c>
      <c r="G14332" s="358" t="s">
        <v>14327</v>
      </c>
      <c r="H14332" s="358" t="s">
        <v>14328</v>
      </c>
      <c r="I14332" s="358" t="s">
        <v>14327</v>
      </c>
      <c r="J14332" s="358"/>
      <c r="K14332" s="358"/>
      <c r="L14332" s="358" t="s">
        <v>14329</v>
      </c>
    </row>
    <row r="14333" spans="2:12">
      <c r="B14333" s="367"/>
      <c r="C14333" s="367"/>
      <c r="D14333" s="367"/>
      <c r="E14333" s="367"/>
      <c r="F14333" s="360"/>
      <c r="G14333" s="360"/>
      <c r="H14333" s="360"/>
      <c r="I14333" s="360"/>
      <c r="J14333" s="365"/>
      <c r="K14333" s="365"/>
      <c r="L14333" s="367"/>
    </row>
    <row r="14334" spans="2:12">
      <c r="B14334" s="367"/>
      <c r="C14334" s="367"/>
      <c r="D14334" s="367"/>
      <c r="E14334" s="367"/>
      <c r="F14334" s="359" t="s">
        <v>14326</v>
      </c>
      <c r="G14334" s="359" t="s">
        <v>14483</v>
      </c>
      <c r="H14334" s="359" t="s">
        <v>14331</v>
      </c>
      <c r="I14334" s="359" t="s">
        <v>14483</v>
      </c>
      <c r="J14334" s="365"/>
      <c r="K14334" s="365"/>
      <c r="L14334" s="367"/>
    </row>
    <row r="14335" spans="2:12">
      <c r="B14335" s="367"/>
      <c r="C14335" s="367"/>
      <c r="D14335" s="367"/>
      <c r="E14335" s="367"/>
      <c r="F14335" s="360"/>
      <c r="G14335" s="360"/>
      <c r="H14335" s="360"/>
      <c r="I14335" s="360"/>
      <c r="J14335" s="365"/>
      <c r="K14335" s="365"/>
      <c r="L14335" s="367"/>
    </row>
    <row r="14336" spans="2:12" ht="28.5">
      <c r="B14336" s="367"/>
      <c r="C14336" s="367"/>
      <c r="D14336" s="367"/>
      <c r="E14336" s="367"/>
      <c r="F14336" s="359" t="s">
        <v>28568</v>
      </c>
      <c r="G14336" s="359" t="s">
        <v>14372</v>
      </c>
      <c r="H14336" s="359" t="s">
        <v>14378</v>
      </c>
      <c r="I14336" s="359" t="s">
        <v>14373</v>
      </c>
      <c r="J14336" s="365"/>
      <c r="K14336" s="365"/>
      <c r="L14336" s="367"/>
    </row>
    <row r="14337" spans="2:12">
      <c r="B14337" s="367"/>
      <c r="C14337" s="367"/>
      <c r="D14337" s="367"/>
      <c r="E14337" s="367"/>
      <c r="F14337" s="360"/>
      <c r="G14337" s="360"/>
      <c r="H14337" s="360"/>
      <c r="I14337" s="360"/>
      <c r="J14337" s="365"/>
      <c r="K14337" s="365"/>
      <c r="L14337" s="367"/>
    </row>
    <row r="14338" spans="2:12" ht="28.5">
      <c r="B14338" s="367"/>
      <c r="C14338" s="367"/>
      <c r="D14338" s="367"/>
      <c r="E14338" s="367"/>
      <c r="F14338" s="359" t="s">
        <v>14374</v>
      </c>
      <c r="G14338" s="359" t="s">
        <v>14373</v>
      </c>
      <c r="H14338" s="359" t="s">
        <v>14370</v>
      </c>
      <c r="I14338" s="360"/>
      <c r="J14338" s="365"/>
      <c r="K14338" s="365"/>
      <c r="L14338" s="367"/>
    </row>
    <row r="14339" spans="2:12">
      <c r="B14339" s="367"/>
      <c r="C14339" s="367"/>
      <c r="D14339" s="367"/>
      <c r="E14339" s="367"/>
      <c r="F14339" s="360"/>
      <c r="G14339" s="360"/>
      <c r="H14339" s="360"/>
      <c r="I14339" s="360"/>
      <c r="J14339" s="365"/>
      <c r="K14339" s="365"/>
      <c r="L14339" s="367"/>
    </row>
    <row r="14340" spans="2:12">
      <c r="B14340" s="368"/>
      <c r="C14340" s="368"/>
      <c r="D14340" s="368"/>
      <c r="E14340" s="368"/>
      <c r="F14340" s="362"/>
      <c r="G14340" s="362"/>
      <c r="H14340" s="361" t="s">
        <v>14332</v>
      </c>
      <c r="I14340" s="362"/>
      <c r="J14340" s="366"/>
      <c r="K14340" s="366"/>
      <c r="L14340" s="368"/>
    </row>
    <row r="14341" spans="2:12" ht="28.5">
      <c r="B14341" s="358" t="s">
        <v>22037</v>
      </c>
      <c r="C14341" s="358" t="s">
        <v>22038</v>
      </c>
      <c r="D14341" s="358" t="s">
        <v>22039</v>
      </c>
      <c r="E14341" s="358" t="s">
        <v>22040</v>
      </c>
      <c r="F14341" s="358" t="s">
        <v>28938</v>
      </c>
      <c r="G14341" s="358" t="s">
        <v>14421</v>
      </c>
      <c r="H14341" s="358" t="s">
        <v>14367</v>
      </c>
      <c r="I14341" s="358" t="s">
        <v>14421</v>
      </c>
      <c r="J14341" s="358"/>
      <c r="K14341" s="358"/>
      <c r="L14341" s="358"/>
    </row>
    <row r="14342" spans="2:12">
      <c r="B14342" s="367"/>
      <c r="C14342" s="367"/>
      <c r="D14342" s="367"/>
      <c r="E14342" s="367"/>
      <c r="F14342" s="367"/>
      <c r="G14342" s="360"/>
      <c r="H14342" s="360"/>
      <c r="I14342" s="360"/>
      <c r="J14342" s="365"/>
      <c r="K14342" s="365"/>
      <c r="L14342" s="365"/>
    </row>
    <row r="14343" spans="2:12">
      <c r="B14343" s="368"/>
      <c r="C14343" s="368"/>
      <c r="D14343" s="368"/>
      <c r="E14343" s="368"/>
      <c r="F14343" s="368"/>
      <c r="G14343" s="361" t="s">
        <v>14429</v>
      </c>
      <c r="H14343" s="361" t="s">
        <v>14422</v>
      </c>
      <c r="I14343" s="361" t="s">
        <v>14429</v>
      </c>
      <c r="J14343" s="366"/>
      <c r="K14343" s="366"/>
      <c r="L14343" s="366"/>
    </row>
    <row r="14344" spans="2:12" ht="28.5">
      <c r="B14344" s="358" t="s">
        <v>22041</v>
      </c>
      <c r="C14344" s="358" t="s">
        <v>22042</v>
      </c>
      <c r="D14344" s="358" t="s">
        <v>22043</v>
      </c>
      <c r="E14344" s="358" t="s">
        <v>22044</v>
      </c>
      <c r="F14344" s="358" t="s">
        <v>28938</v>
      </c>
      <c r="G14344" s="358" t="s">
        <v>14421</v>
      </c>
      <c r="H14344" s="358" t="s">
        <v>14367</v>
      </c>
      <c r="I14344" s="358" t="s">
        <v>14421</v>
      </c>
      <c r="J14344" s="358"/>
      <c r="K14344" s="358"/>
      <c r="L14344" s="358"/>
    </row>
    <row r="14345" spans="2:12">
      <c r="B14345" s="367"/>
      <c r="C14345" s="367"/>
      <c r="D14345" s="367"/>
      <c r="E14345" s="367"/>
      <c r="F14345" s="360"/>
      <c r="G14345" s="360"/>
      <c r="H14345" s="360"/>
      <c r="I14345" s="360"/>
      <c r="J14345" s="365"/>
      <c r="K14345" s="365"/>
      <c r="L14345" s="365"/>
    </row>
    <row r="14346" spans="2:12">
      <c r="B14346" s="367"/>
      <c r="C14346" s="367"/>
      <c r="D14346" s="367"/>
      <c r="E14346" s="367"/>
      <c r="F14346" s="359" t="s">
        <v>14386</v>
      </c>
      <c r="G14346" s="359" t="s">
        <v>14429</v>
      </c>
      <c r="H14346" s="359" t="s">
        <v>14422</v>
      </c>
      <c r="I14346" s="359" t="s">
        <v>14429</v>
      </c>
      <c r="J14346" s="365"/>
      <c r="K14346" s="365"/>
      <c r="L14346" s="365"/>
    </row>
    <row r="14347" spans="2:12">
      <c r="B14347" s="367"/>
      <c r="C14347" s="367"/>
      <c r="D14347" s="367"/>
      <c r="E14347" s="367"/>
      <c r="F14347" s="360"/>
      <c r="G14347" s="360"/>
      <c r="H14347" s="360"/>
      <c r="I14347" s="360"/>
      <c r="J14347" s="365"/>
      <c r="K14347" s="365"/>
      <c r="L14347" s="365"/>
    </row>
    <row r="14348" spans="2:12">
      <c r="B14348" s="368"/>
      <c r="C14348" s="368"/>
      <c r="D14348" s="368"/>
      <c r="E14348" s="368"/>
      <c r="F14348" s="362"/>
      <c r="G14348" s="361" t="s">
        <v>14387</v>
      </c>
      <c r="H14348" s="362"/>
      <c r="I14348" s="361" t="s">
        <v>14387</v>
      </c>
      <c r="J14348" s="366"/>
      <c r="K14348" s="366"/>
      <c r="L14348" s="366"/>
    </row>
    <row r="14349" spans="2:12">
      <c r="B14349" s="358" t="s">
        <v>22045</v>
      </c>
      <c r="C14349" s="358" t="s">
        <v>29401</v>
      </c>
      <c r="D14349" s="358" t="s">
        <v>22046</v>
      </c>
      <c r="E14349" s="358" t="s">
        <v>1691</v>
      </c>
      <c r="F14349" s="358" t="s">
        <v>14443</v>
      </c>
      <c r="G14349" s="358" t="s">
        <v>14444</v>
      </c>
      <c r="H14349" s="358" t="s">
        <v>14378</v>
      </c>
      <c r="I14349" s="358" t="s">
        <v>14444</v>
      </c>
      <c r="J14349" s="358"/>
      <c r="K14349" s="358" t="s">
        <v>14820</v>
      </c>
      <c r="L14349" s="358"/>
    </row>
    <row r="14350" spans="2:12">
      <c r="B14350" s="367"/>
      <c r="C14350" s="367"/>
      <c r="D14350" s="367"/>
      <c r="E14350" s="367"/>
      <c r="F14350" s="360"/>
      <c r="G14350" s="360"/>
      <c r="H14350" s="360"/>
      <c r="I14350" s="360"/>
      <c r="J14350" s="365"/>
      <c r="K14350" s="367"/>
      <c r="L14350" s="365"/>
    </row>
    <row r="14351" spans="2:12" ht="28.5">
      <c r="B14351" s="367"/>
      <c r="C14351" s="367"/>
      <c r="D14351" s="367"/>
      <c r="E14351" s="367"/>
      <c r="F14351" s="359" t="s">
        <v>29402</v>
      </c>
      <c r="G14351" s="359" t="s">
        <v>14380</v>
      </c>
      <c r="H14351" s="359" t="s">
        <v>14341</v>
      </c>
      <c r="I14351" s="359" t="s">
        <v>14380</v>
      </c>
      <c r="J14351" s="365"/>
      <c r="K14351" s="367"/>
      <c r="L14351" s="365"/>
    </row>
    <row r="14352" spans="2:12">
      <c r="B14352" s="367"/>
      <c r="C14352" s="367"/>
      <c r="D14352" s="367"/>
      <c r="E14352" s="367"/>
      <c r="F14352" s="360"/>
      <c r="G14352" s="360"/>
      <c r="H14352" s="360"/>
      <c r="I14352" s="360"/>
      <c r="J14352" s="365"/>
      <c r="K14352" s="367"/>
      <c r="L14352" s="365"/>
    </row>
    <row r="14353" spans="2:12">
      <c r="B14353" s="367"/>
      <c r="C14353" s="367"/>
      <c r="D14353" s="367"/>
      <c r="E14353" s="367"/>
      <c r="F14353" s="359" t="s">
        <v>14430</v>
      </c>
      <c r="G14353" s="359" t="s">
        <v>14388</v>
      </c>
      <c r="H14353" s="359" t="s">
        <v>14381</v>
      </c>
      <c r="I14353" s="359" t="s">
        <v>14388</v>
      </c>
      <c r="J14353" s="365"/>
      <c r="K14353" s="367"/>
      <c r="L14353" s="365"/>
    </row>
    <row r="14354" spans="2:12">
      <c r="B14354" s="367"/>
      <c r="C14354" s="367"/>
      <c r="D14354" s="367"/>
      <c r="E14354" s="367"/>
      <c r="F14354" s="360"/>
      <c r="G14354" s="360"/>
      <c r="H14354" s="360"/>
      <c r="I14354" s="360"/>
      <c r="J14354" s="365"/>
      <c r="K14354" s="367"/>
      <c r="L14354" s="365"/>
    </row>
    <row r="14355" spans="2:12">
      <c r="B14355" s="367"/>
      <c r="C14355" s="367"/>
      <c r="D14355" s="367"/>
      <c r="E14355" s="367"/>
      <c r="F14355" s="359" t="s">
        <v>14391</v>
      </c>
      <c r="G14355" s="359" t="s">
        <v>14431</v>
      </c>
      <c r="H14355" s="359" t="s">
        <v>14370</v>
      </c>
      <c r="I14355" s="359" t="s">
        <v>14431</v>
      </c>
      <c r="J14355" s="365"/>
      <c r="K14355" s="367"/>
      <c r="L14355" s="365"/>
    </row>
    <row r="14356" spans="2:12">
      <c r="B14356" s="367"/>
      <c r="C14356" s="367"/>
      <c r="D14356" s="367"/>
      <c r="E14356" s="367"/>
      <c r="F14356" s="360"/>
      <c r="G14356" s="360"/>
      <c r="H14356" s="360"/>
      <c r="I14356" s="360"/>
      <c r="J14356" s="365"/>
      <c r="K14356" s="367"/>
      <c r="L14356" s="365"/>
    </row>
    <row r="14357" spans="2:12">
      <c r="B14357" s="367"/>
      <c r="C14357" s="367"/>
      <c r="D14357" s="367"/>
      <c r="E14357" s="367"/>
      <c r="F14357" s="359" t="s">
        <v>14371</v>
      </c>
      <c r="G14357" s="359" t="s">
        <v>14392</v>
      </c>
      <c r="H14357" s="359" t="s">
        <v>14332</v>
      </c>
      <c r="I14357" s="359" t="s">
        <v>14392</v>
      </c>
      <c r="J14357" s="365"/>
      <c r="K14357" s="367"/>
      <c r="L14357" s="365"/>
    </row>
    <row r="14358" spans="2:12">
      <c r="B14358" s="367"/>
      <c r="C14358" s="367"/>
      <c r="D14358" s="367"/>
      <c r="E14358" s="367"/>
      <c r="F14358" s="360"/>
      <c r="G14358" s="360"/>
      <c r="H14358" s="360"/>
      <c r="I14358" s="360"/>
      <c r="J14358" s="365"/>
      <c r="K14358" s="367"/>
      <c r="L14358" s="365"/>
    </row>
    <row r="14359" spans="2:12" ht="28.5">
      <c r="B14359" s="367"/>
      <c r="C14359" s="367"/>
      <c r="D14359" s="367"/>
      <c r="E14359" s="367"/>
      <c r="F14359" s="359" t="s">
        <v>14374</v>
      </c>
      <c r="G14359" s="359" t="s">
        <v>14372</v>
      </c>
      <c r="H14359" s="360"/>
      <c r="I14359" s="359" t="s">
        <v>14373</v>
      </c>
      <c r="J14359" s="365"/>
      <c r="K14359" s="367"/>
      <c r="L14359" s="365"/>
    </row>
    <row r="14360" spans="2:12">
      <c r="B14360" s="367"/>
      <c r="C14360" s="367"/>
      <c r="D14360" s="367"/>
      <c r="E14360" s="367"/>
      <c r="F14360" s="360"/>
      <c r="G14360" s="360"/>
      <c r="H14360" s="360"/>
      <c r="I14360" s="360"/>
      <c r="J14360" s="365"/>
      <c r="K14360" s="367"/>
      <c r="L14360" s="365"/>
    </row>
    <row r="14361" spans="2:12">
      <c r="B14361" s="368"/>
      <c r="C14361" s="368"/>
      <c r="D14361" s="368"/>
      <c r="E14361" s="368"/>
      <c r="F14361" s="362"/>
      <c r="G14361" s="361" t="s">
        <v>14373</v>
      </c>
      <c r="H14361" s="362"/>
      <c r="I14361" s="362"/>
      <c r="J14361" s="366"/>
      <c r="K14361" s="368"/>
      <c r="L14361" s="366"/>
    </row>
    <row r="14362" spans="2:12">
      <c r="B14362" s="358" t="s">
        <v>22047</v>
      </c>
      <c r="C14362" s="358" t="s">
        <v>29403</v>
      </c>
      <c r="D14362" s="358" t="s">
        <v>22048</v>
      </c>
      <c r="E14362" s="358" t="s">
        <v>22049</v>
      </c>
      <c r="F14362" s="358" t="s">
        <v>14420</v>
      </c>
      <c r="G14362" s="358" t="s">
        <v>14421</v>
      </c>
      <c r="H14362" s="358" t="s">
        <v>14367</v>
      </c>
      <c r="I14362" s="358" t="s">
        <v>14421</v>
      </c>
      <c r="J14362" s="358"/>
      <c r="K14362" s="358"/>
      <c r="L14362" s="358"/>
    </row>
    <row r="14363" spans="2:12">
      <c r="B14363" s="367"/>
      <c r="C14363" s="367"/>
      <c r="D14363" s="367"/>
      <c r="E14363" s="367"/>
      <c r="F14363" s="360"/>
      <c r="G14363" s="360"/>
      <c r="H14363" s="360"/>
      <c r="I14363" s="360"/>
      <c r="J14363" s="365"/>
      <c r="K14363" s="365"/>
      <c r="L14363" s="365"/>
    </row>
    <row r="14364" spans="2:12" ht="28.5">
      <c r="B14364" s="367"/>
      <c r="C14364" s="367"/>
      <c r="D14364" s="367"/>
      <c r="E14364" s="367"/>
      <c r="F14364" s="359" t="s">
        <v>14394</v>
      </c>
      <c r="G14364" s="359" t="s">
        <v>14395</v>
      </c>
      <c r="H14364" s="359" t="s">
        <v>14370</v>
      </c>
      <c r="I14364" s="359" t="s">
        <v>14395</v>
      </c>
      <c r="J14364" s="365"/>
      <c r="K14364" s="365"/>
      <c r="L14364" s="365"/>
    </row>
    <row r="14365" spans="2:12">
      <c r="B14365" s="367"/>
      <c r="C14365" s="367"/>
      <c r="D14365" s="367"/>
      <c r="E14365" s="367"/>
      <c r="F14365" s="360"/>
      <c r="G14365" s="360"/>
      <c r="H14365" s="360"/>
      <c r="I14365" s="360"/>
      <c r="J14365" s="365"/>
      <c r="K14365" s="365"/>
      <c r="L14365" s="365"/>
    </row>
    <row r="14366" spans="2:12">
      <c r="B14366" s="368"/>
      <c r="C14366" s="368"/>
      <c r="D14366" s="368"/>
      <c r="E14366" s="368"/>
      <c r="F14366" s="362"/>
      <c r="G14366" s="362"/>
      <c r="H14366" s="361" t="s">
        <v>14422</v>
      </c>
      <c r="I14366" s="362"/>
      <c r="J14366" s="366"/>
      <c r="K14366" s="366"/>
      <c r="L14366" s="366"/>
    </row>
    <row r="14367" spans="2:12">
      <c r="B14367" s="358" t="s">
        <v>22050</v>
      </c>
      <c r="C14367" s="358" t="s">
        <v>22051</v>
      </c>
      <c r="D14367" s="358" t="s">
        <v>22052</v>
      </c>
      <c r="E14367" s="358" t="s">
        <v>22053</v>
      </c>
      <c r="F14367" s="358" t="s">
        <v>14391</v>
      </c>
      <c r="G14367" s="358" t="s">
        <v>14392</v>
      </c>
      <c r="H14367" s="358" t="s">
        <v>14367</v>
      </c>
      <c r="I14367" s="358" t="s">
        <v>14392</v>
      </c>
      <c r="J14367" s="358"/>
      <c r="K14367" s="358"/>
      <c r="L14367" s="358"/>
    </row>
    <row r="14368" spans="2:12">
      <c r="B14368" s="367"/>
      <c r="C14368" s="367"/>
      <c r="D14368" s="367"/>
      <c r="E14368" s="367"/>
      <c r="F14368" s="360"/>
      <c r="G14368" s="360"/>
      <c r="H14368" s="360"/>
      <c r="I14368" s="360"/>
      <c r="J14368" s="365"/>
      <c r="K14368" s="365"/>
      <c r="L14368" s="365"/>
    </row>
    <row r="14369" spans="2:12">
      <c r="B14369" s="367"/>
      <c r="C14369" s="367"/>
      <c r="D14369" s="367"/>
      <c r="E14369" s="367"/>
      <c r="F14369" s="359" t="s">
        <v>14371</v>
      </c>
      <c r="G14369" s="359" t="s">
        <v>14372</v>
      </c>
      <c r="H14369" s="359" t="s">
        <v>14370</v>
      </c>
      <c r="I14369" s="359" t="s">
        <v>14373</v>
      </c>
      <c r="J14369" s="365"/>
      <c r="K14369" s="365"/>
      <c r="L14369" s="365"/>
    </row>
    <row r="14370" spans="2:12">
      <c r="B14370" s="367"/>
      <c r="C14370" s="367"/>
      <c r="D14370" s="367"/>
      <c r="E14370" s="367"/>
      <c r="F14370" s="360"/>
      <c r="G14370" s="360"/>
      <c r="H14370" s="360"/>
      <c r="I14370" s="360"/>
      <c r="J14370" s="365"/>
      <c r="K14370" s="365"/>
      <c r="L14370" s="365"/>
    </row>
    <row r="14371" spans="2:12" ht="28.5">
      <c r="B14371" s="368"/>
      <c r="C14371" s="368"/>
      <c r="D14371" s="368"/>
      <c r="E14371" s="368"/>
      <c r="F14371" s="361" t="s">
        <v>14374</v>
      </c>
      <c r="G14371" s="361" t="s">
        <v>14373</v>
      </c>
      <c r="H14371" s="361" t="s">
        <v>14422</v>
      </c>
      <c r="I14371" s="362"/>
      <c r="J14371" s="366"/>
      <c r="K14371" s="366"/>
      <c r="L14371" s="366"/>
    </row>
    <row r="14372" spans="2:12" ht="28.5">
      <c r="B14372" s="358" t="s">
        <v>22054</v>
      </c>
      <c r="C14372" s="358" t="s">
        <v>29404</v>
      </c>
      <c r="D14372" s="358" t="s">
        <v>22055</v>
      </c>
      <c r="E14372" s="358" t="s">
        <v>22056</v>
      </c>
      <c r="F14372" s="358" t="s">
        <v>14507</v>
      </c>
      <c r="G14372" s="358" t="s">
        <v>29397</v>
      </c>
      <c r="H14372" s="358" t="s">
        <v>14378</v>
      </c>
      <c r="I14372" s="358" t="s">
        <v>29397</v>
      </c>
      <c r="J14372" s="358"/>
      <c r="K14372" s="358" t="s">
        <v>14517</v>
      </c>
      <c r="L14372" s="358"/>
    </row>
    <row r="14373" spans="2:12">
      <c r="B14373" s="367"/>
      <c r="C14373" s="367"/>
      <c r="D14373" s="367"/>
      <c r="E14373" s="367"/>
      <c r="F14373" s="360"/>
      <c r="G14373" s="360"/>
      <c r="H14373" s="360"/>
      <c r="I14373" s="360"/>
      <c r="J14373" s="365"/>
      <c r="K14373" s="367"/>
      <c r="L14373" s="365"/>
    </row>
    <row r="14374" spans="2:12" ht="28.5">
      <c r="B14374" s="367"/>
      <c r="C14374" s="367"/>
      <c r="D14374" s="367"/>
      <c r="E14374" s="367"/>
      <c r="F14374" s="359" t="s">
        <v>28955</v>
      </c>
      <c r="G14374" s="359" t="s">
        <v>14429</v>
      </c>
      <c r="H14374" s="359" t="s">
        <v>14381</v>
      </c>
      <c r="I14374" s="359" t="s">
        <v>14429</v>
      </c>
      <c r="J14374" s="365"/>
      <c r="K14374" s="367"/>
      <c r="L14374" s="365"/>
    </row>
    <row r="14375" spans="2:12">
      <c r="B14375" s="367"/>
      <c r="C14375" s="367"/>
      <c r="D14375" s="367"/>
      <c r="E14375" s="367"/>
      <c r="F14375" s="360"/>
      <c r="G14375" s="360"/>
      <c r="H14375" s="360"/>
      <c r="I14375" s="360"/>
      <c r="J14375" s="365"/>
      <c r="K14375" s="367"/>
      <c r="L14375" s="365"/>
    </row>
    <row r="14376" spans="2:12">
      <c r="B14376" s="367"/>
      <c r="C14376" s="367"/>
      <c r="D14376" s="367"/>
      <c r="E14376" s="367"/>
      <c r="F14376" s="359" t="s">
        <v>14391</v>
      </c>
      <c r="G14376" s="359" t="s">
        <v>14392</v>
      </c>
      <c r="H14376" s="359" t="s">
        <v>14370</v>
      </c>
      <c r="I14376" s="359" t="s">
        <v>14392</v>
      </c>
      <c r="J14376" s="365"/>
      <c r="K14376" s="367"/>
      <c r="L14376" s="365"/>
    </row>
    <row r="14377" spans="2:12">
      <c r="B14377" s="367"/>
      <c r="C14377" s="367"/>
      <c r="D14377" s="367"/>
      <c r="E14377" s="367"/>
      <c r="F14377" s="360"/>
      <c r="G14377" s="360"/>
      <c r="H14377" s="360"/>
      <c r="I14377" s="360"/>
      <c r="J14377" s="365"/>
      <c r="K14377" s="367"/>
      <c r="L14377" s="365"/>
    </row>
    <row r="14378" spans="2:12">
      <c r="B14378" s="367"/>
      <c r="C14378" s="367"/>
      <c r="D14378" s="367"/>
      <c r="E14378" s="367"/>
      <c r="F14378" s="359" t="s">
        <v>14371</v>
      </c>
      <c r="G14378" s="359" t="s">
        <v>14372</v>
      </c>
      <c r="H14378" s="359" t="s">
        <v>14332</v>
      </c>
      <c r="I14378" s="359" t="s">
        <v>14373</v>
      </c>
      <c r="J14378" s="365"/>
      <c r="K14378" s="367"/>
      <c r="L14378" s="365"/>
    </row>
    <row r="14379" spans="2:12">
      <c r="B14379" s="367"/>
      <c r="C14379" s="367"/>
      <c r="D14379" s="367"/>
      <c r="E14379" s="367"/>
      <c r="F14379" s="360"/>
      <c r="G14379" s="360"/>
      <c r="H14379" s="360"/>
      <c r="I14379" s="360"/>
      <c r="J14379" s="365"/>
      <c r="K14379" s="367"/>
      <c r="L14379" s="365"/>
    </row>
    <row r="14380" spans="2:12" ht="28.5">
      <c r="B14380" s="368"/>
      <c r="C14380" s="368"/>
      <c r="D14380" s="368"/>
      <c r="E14380" s="368"/>
      <c r="F14380" s="361" t="s">
        <v>14374</v>
      </c>
      <c r="G14380" s="361" t="s">
        <v>14373</v>
      </c>
      <c r="H14380" s="362"/>
      <c r="I14380" s="362"/>
      <c r="J14380" s="366"/>
      <c r="K14380" s="368"/>
      <c r="L14380" s="366"/>
    </row>
    <row r="14381" spans="2:12" ht="28.5">
      <c r="B14381" s="358" t="s">
        <v>22057</v>
      </c>
      <c r="C14381" s="358" t="s">
        <v>29405</v>
      </c>
      <c r="D14381" s="358" t="s">
        <v>22058</v>
      </c>
      <c r="E14381" s="358" t="s">
        <v>22059</v>
      </c>
      <c r="F14381" s="358" t="s">
        <v>14507</v>
      </c>
      <c r="G14381" s="358" t="s">
        <v>29406</v>
      </c>
      <c r="H14381" s="358" t="s">
        <v>14378</v>
      </c>
      <c r="I14381" s="358" t="s">
        <v>29406</v>
      </c>
      <c r="J14381" s="358"/>
      <c r="K14381" s="358" t="s">
        <v>14517</v>
      </c>
      <c r="L14381" s="358"/>
    </row>
    <row r="14382" spans="2:12">
      <c r="B14382" s="367"/>
      <c r="C14382" s="367"/>
      <c r="D14382" s="367"/>
      <c r="E14382" s="367"/>
      <c r="F14382" s="360"/>
      <c r="G14382" s="360"/>
      <c r="H14382" s="360"/>
      <c r="I14382" s="360"/>
      <c r="J14382" s="365"/>
      <c r="K14382" s="367"/>
      <c r="L14382" s="365"/>
    </row>
    <row r="14383" spans="2:12">
      <c r="B14383" s="367"/>
      <c r="C14383" s="367"/>
      <c r="D14383" s="367"/>
      <c r="E14383" s="367"/>
      <c r="F14383" s="359" t="s">
        <v>14382</v>
      </c>
      <c r="G14383" s="359" t="s">
        <v>14387</v>
      </c>
      <c r="H14383" s="359" t="s">
        <v>14381</v>
      </c>
      <c r="I14383" s="359" t="s">
        <v>14387</v>
      </c>
      <c r="J14383" s="365"/>
      <c r="K14383" s="367"/>
      <c r="L14383" s="365"/>
    </row>
    <row r="14384" spans="2:12">
      <c r="B14384" s="367"/>
      <c r="C14384" s="367"/>
      <c r="D14384" s="367"/>
      <c r="E14384" s="367"/>
      <c r="F14384" s="360"/>
      <c r="G14384" s="360"/>
      <c r="H14384" s="360"/>
      <c r="I14384" s="360"/>
      <c r="J14384" s="365"/>
      <c r="K14384" s="367"/>
      <c r="L14384" s="365"/>
    </row>
    <row r="14385" spans="2:12">
      <c r="B14385" s="367"/>
      <c r="C14385" s="367"/>
      <c r="D14385" s="367"/>
      <c r="E14385" s="367"/>
      <c r="F14385" s="359" t="s">
        <v>14386</v>
      </c>
      <c r="G14385" s="359" t="s">
        <v>14392</v>
      </c>
      <c r="H14385" s="359" t="s">
        <v>14370</v>
      </c>
      <c r="I14385" s="359" t="s">
        <v>14392</v>
      </c>
      <c r="J14385" s="365"/>
      <c r="K14385" s="367"/>
      <c r="L14385" s="365"/>
    </row>
    <row r="14386" spans="2:12">
      <c r="B14386" s="367"/>
      <c r="C14386" s="367"/>
      <c r="D14386" s="367"/>
      <c r="E14386" s="367"/>
      <c r="F14386" s="360"/>
      <c r="G14386" s="360"/>
      <c r="H14386" s="360"/>
      <c r="I14386" s="360"/>
      <c r="J14386" s="365"/>
      <c r="K14386" s="367"/>
      <c r="L14386" s="365"/>
    </row>
    <row r="14387" spans="2:12">
      <c r="B14387" s="367"/>
      <c r="C14387" s="367"/>
      <c r="D14387" s="367"/>
      <c r="E14387" s="367"/>
      <c r="F14387" s="359" t="s">
        <v>14391</v>
      </c>
      <c r="G14387" s="359" t="s">
        <v>14372</v>
      </c>
      <c r="H14387" s="359" t="s">
        <v>14332</v>
      </c>
      <c r="I14387" s="359" t="s">
        <v>14373</v>
      </c>
      <c r="J14387" s="365"/>
      <c r="K14387" s="367"/>
      <c r="L14387" s="365"/>
    </row>
    <row r="14388" spans="2:12">
      <c r="B14388" s="367"/>
      <c r="C14388" s="367"/>
      <c r="D14388" s="367"/>
      <c r="E14388" s="367"/>
      <c r="F14388" s="360"/>
      <c r="G14388" s="360"/>
      <c r="H14388" s="360"/>
      <c r="I14388" s="360"/>
      <c r="J14388" s="365"/>
      <c r="K14388" s="367"/>
      <c r="L14388" s="365"/>
    </row>
    <row r="14389" spans="2:12">
      <c r="B14389" s="367"/>
      <c r="C14389" s="367"/>
      <c r="D14389" s="367"/>
      <c r="E14389" s="367"/>
      <c r="F14389" s="359" t="s">
        <v>14371</v>
      </c>
      <c r="G14389" s="359" t="s">
        <v>14373</v>
      </c>
      <c r="H14389" s="360"/>
      <c r="I14389" s="360"/>
      <c r="J14389" s="365"/>
      <c r="K14389" s="367"/>
      <c r="L14389" s="365"/>
    </row>
    <row r="14390" spans="2:12">
      <c r="B14390" s="367"/>
      <c r="C14390" s="367"/>
      <c r="D14390" s="367"/>
      <c r="E14390" s="367"/>
      <c r="F14390" s="360"/>
      <c r="G14390" s="360"/>
      <c r="H14390" s="360"/>
      <c r="I14390" s="360"/>
      <c r="J14390" s="365"/>
      <c r="K14390" s="367"/>
      <c r="L14390" s="365"/>
    </row>
    <row r="14391" spans="2:12" ht="28.5">
      <c r="B14391" s="368"/>
      <c r="C14391" s="368"/>
      <c r="D14391" s="368"/>
      <c r="E14391" s="368"/>
      <c r="F14391" s="361" t="s">
        <v>14374</v>
      </c>
      <c r="G14391" s="362"/>
      <c r="H14391" s="362"/>
      <c r="I14391" s="362"/>
      <c r="J14391" s="366"/>
      <c r="K14391" s="368"/>
      <c r="L14391" s="366"/>
    </row>
    <row r="14392" spans="2:12">
      <c r="B14392" s="358" t="s">
        <v>22060</v>
      </c>
      <c r="C14392" s="358" t="s">
        <v>29407</v>
      </c>
      <c r="D14392" s="358" t="s">
        <v>22061</v>
      </c>
      <c r="E14392" s="358" t="s">
        <v>22062</v>
      </c>
      <c r="F14392" s="358" t="s">
        <v>22063</v>
      </c>
      <c r="G14392" s="358" t="s">
        <v>16363</v>
      </c>
      <c r="H14392" s="358" t="s">
        <v>14328</v>
      </c>
      <c r="I14392" s="358" t="s">
        <v>16363</v>
      </c>
      <c r="J14392" s="358"/>
      <c r="K14392" s="358"/>
      <c r="L14392" s="358" t="s">
        <v>14513</v>
      </c>
    </row>
    <row r="14393" spans="2:12">
      <c r="B14393" s="367"/>
      <c r="C14393" s="367"/>
      <c r="D14393" s="367"/>
      <c r="E14393" s="367"/>
      <c r="F14393" s="360"/>
      <c r="G14393" s="360"/>
      <c r="H14393" s="360"/>
      <c r="I14393" s="360"/>
      <c r="J14393" s="365"/>
      <c r="K14393" s="365"/>
      <c r="L14393" s="367"/>
    </row>
    <row r="14394" spans="2:12">
      <c r="B14394" s="367"/>
      <c r="C14394" s="367"/>
      <c r="D14394" s="367"/>
      <c r="E14394" s="367"/>
      <c r="F14394" s="359" t="s">
        <v>14420</v>
      </c>
      <c r="G14394" s="359" t="s">
        <v>14459</v>
      </c>
      <c r="H14394" s="359" t="s">
        <v>14367</v>
      </c>
      <c r="I14394" s="359" t="s">
        <v>14459</v>
      </c>
      <c r="J14394" s="365"/>
      <c r="K14394" s="365"/>
      <c r="L14394" s="367"/>
    </row>
    <row r="14395" spans="2:12">
      <c r="B14395" s="367"/>
      <c r="C14395" s="367"/>
      <c r="D14395" s="367"/>
      <c r="E14395" s="367"/>
      <c r="F14395" s="360"/>
      <c r="G14395" s="360"/>
      <c r="H14395" s="360"/>
      <c r="I14395" s="360"/>
      <c r="J14395" s="365"/>
      <c r="K14395" s="365"/>
      <c r="L14395" s="367"/>
    </row>
    <row r="14396" spans="2:12" ht="42.75">
      <c r="B14396" s="367"/>
      <c r="C14396" s="367"/>
      <c r="D14396" s="367"/>
      <c r="E14396" s="367"/>
      <c r="F14396" s="359" t="s">
        <v>29408</v>
      </c>
      <c r="G14396" s="359" t="s">
        <v>14429</v>
      </c>
      <c r="H14396" s="359" t="s">
        <v>14332</v>
      </c>
      <c r="I14396" s="359" t="s">
        <v>14429</v>
      </c>
      <c r="J14396" s="365"/>
      <c r="K14396" s="365"/>
      <c r="L14396" s="367"/>
    </row>
    <row r="14397" spans="2:12">
      <c r="B14397" s="367"/>
      <c r="C14397" s="367"/>
      <c r="D14397" s="367"/>
      <c r="E14397" s="367"/>
      <c r="F14397" s="360"/>
      <c r="G14397" s="360"/>
      <c r="H14397" s="360"/>
      <c r="I14397" s="360"/>
      <c r="J14397" s="365"/>
      <c r="K14397" s="365"/>
      <c r="L14397" s="367"/>
    </row>
    <row r="14398" spans="2:12">
      <c r="B14398" s="368"/>
      <c r="C14398" s="368"/>
      <c r="D14398" s="368"/>
      <c r="E14398" s="368"/>
      <c r="F14398" s="362"/>
      <c r="G14398" s="361" t="s">
        <v>14473</v>
      </c>
      <c r="H14398" s="362"/>
      <c r="I14398" s="361" t="s">
        <v>14473</v>
      </c>
      <c r="J14398" s="366"/>
      <c r="K14398" s="366"/>
      <c r="L14398" s="368"/>
    </row>
    <row r="14399" spans="2:12">
      <c r="B14399" s="358" t="s">
        <v>22064</v>
      </c>
      <c r="C14399" s="358" t="s">
        <v>22065</v>
      </c>
      <c r="D14399" s="358" t="s">
        <v>22066</v>
      </c>
      <c r="E14399" s="358" t="s">
        <v>22067</v>
      </c>
      <c r="F14399" s="358" t="s">
        <v>14430</v>
      </c>
      <c r="G14399" s="358" t="s">
        <v>14431</v>
      </c>
      <c r="H14399" s="358" t="s">
        <v>14341</v>
      </c>
      <c r="I14399" s="358" t="s">
        <v>14431</v>
      </c>
      <c r="J14399" s="358"/>
      <c r="K14399" s="358"/>
      <c r="L14399" s="358"/>
    </row>
    <row r="14400" spans="2:12">
      <c r="B14400" s="367"/>
      <c r="C14400" s="367"/>
      <c r="D14400" s="367"/>
      <c r="E14400" s="367"/>
      <c r="F14400" s="360"/>
      <c r="G14400" s="360"/>
      <c r="H14400" s="360"/>
      <c r="I14400" s="360"/>
      <c r="J14400" s="365"/>
      <c r="K14400" s="365"/>
      <c r="L14400" s="365"/>
    </row>
    <row r="14401" spans="2:12" ht="28.5">
      <c r="B14401" s="368"/>
      <c r="C14401" s="368"/>
      <c r="D14401" s="368"/>
      <c r="E14401" s="368"/>
      <c r="F14401" s="361" t="s">
        <v>14472</v>
      </c>
      <c r="G14401" s="361" t="s">
        <v>14473</v>
      </c>
      <c r="H14401" s="361" t="s">
        <v>14332</v>
      </c>
      <c r="I14401" s="361" t="s">
        <v>14473</v>
      </c>
      <c r="J14401" s="366"/>
      <c r="K14401" s="366"/>
      <c r="L14401" s="366"/>
    </row>
    <row r="14402" spans="2:12" ht="28.5">
      <c r="B14402" s="358" t="s">
        <v>22068</v>
      </c>
      <c r="C14402" s="358" t="s">
        <v>22069</v>
      </c>
      <c r="D14402" s="358" t="s">
        <v>22070</v>
      </c>
      <c r="E14402" s="358" t="s">
        <v>22071</v>
      </c>
      <c r="F14402" s="358" t="s">
        <v>14420</v>
      </c>
      <c r="G14402" s="358" t="s">
        <v>14429</v>
      </c>
      <c r="H14402" s="358" t="s">
        <v>14367</v>
      </c>
      <c r="I14402" s="358" t="s">
        <v>14429</v>
      </c>
      <c r="J14402" s="358"/>
      <c r="K14402" s="358"/>
      <c r="L14402" s="358"/>
    </row>
    <row r="14403" spans="2:12">
      <c r="B14403" s="367"/>
      <c r="C14403" s="367"/>
      <c r="D14403" s="367"/>
      <c r="E14403" s="367"/>
      <c r="F14403" s="360"/>
      <c r="G14403" s="360"/>
      <c r="H14403" s="360"/>
      <c r="I14403" s="360"/>
      <c r="J14403" s="365"/>
      <c r="K14403" s="365"/>
      <c r="L14403" s="365"/>
    </row>
    <row r="14404" spans="2:12">
      <c r="B14404" s="368"/>
      <c r="C14404" s="368"/>
      <c r="D14404" s="368"/>
      <c r="E14404" s="368"/>
      <c r="F14404" s="361" t="s">
        <v>14391</v>
      </c>
      <c r="G14404" s="361" t="s">
        <v>14392</v>
      </c>
      <c r="H14404" s="361" t="s">
        <v>14422</v>
      </c>
      <c r="I14404" s="361" t="s">
        <v>14392</v>
      </c>
      <c r="J14404" s="366"/>
      <c r="K14404" s="366"/>
      <c r="L14404" s="366"/>
    </row>
    <row r="14405" spans="2:12">
      <c r="B14405" s="358" t="s">
        <v>22072</v>
      </c>
      <c r="C14405" s="358" t="s">
        <v>22073</v>
      </c>
      <c r="D14405" s="358" t="s">
        <v>22074</v>
      </c>
      <c r="E14405" s="358" t="s">
        <v>22075</v>
      </c>
      <c r="F14405" s="358" t="s">
        <v>14389</v>
      </c>
      <c r="G14405" s="358" t="s">
        <v>14390</v>
      </c>
      <c r="H14405" s="358" t="s">
        <v>14367</v>
      </c>
      <c r="I14405" s="358" t="s">
        <v>14390</v>
      </c>
      <c r="J14405" s="358"/>
      <c r="K14405" s="358"/>
      <c r="L14405" s="358"/>
    </row>
    <row r="14406" spans="2:12">
      <c r="B14406" s="367"/>
      <c r="C14406" s="367"/>
      <c r="D14406" s="367"/>
      <c r="E14406" s="367"/>
      <c r="F14406" s="360"/>
      <c r="G14406" s="360"/>
      <c r="H14406" s="360"/>
      <c r="I14406" s="360"/>
      <c r="J14406" s="365"/>
      <c r="K14406" s="365"/>
      <c r="L14406" s="365"/>
    </row>
    <row r="14407" spans="2:12">
      <c r="B14407" s="367"/>
      <c r="C14407" s="367"/>
      <c r="D14407" s="367"/>
      <c r="E14407" s="367"/>
      <c r="F14407" s="359" t="s">
        <v>14391</v>
      </c>
      <c r="G14407" s="359" t="s">
        <v>14392</v>
      </c>
      <c r="H14407" s="359" t="s">
        <v>14370</v>
      </c>
      <c r="I14407" s="359" t="s">
        <v>14392</v>
      </c>
      <c r="J14407" s="365"/>
      <c r="K14407" s="365"/>
      <c r="L14407" s="365"/>
    </row>
    <row r="14408" spans="2:12">
      <c r="B14408" s="367"/>
      <c r="C14408" s="367"/>
      <c r="D14408" s="367"/>
      <c r="E14408" s="367"/>
      <c r="F14408" s="360"/>
      <c r="G14408" s="360"/>
      <c r="H14408" s="360"/>
      <c r="I14408" s="360"/>
      <c r="J14408" s="365"/>
      <c r="K14408" s="365"/>
      <c r="L14408" s="365"/>
    </row>
    <row r="14409" spans="2:12" ht="28.5">
      <c r="B14409" s="368"/>
      <c r="C14409" s="368"/>
      <c r="D14409" s="368"/>
      <c r="E14409" s="368"/>
      <c r="F14409" s="361" t="s">
        <v>14394</v>
      </c>
      <c r="G14409" s="361" t="s">
        <v>14395</v>
      </c>
      <c r="H14409" s="361" t="s">
        <v>14422</v>
      </c>
      <c r="I14409" s="361" t="s">
        <v>14395</v>
      </c>
      <c r="J14409" s="366"/>
      <c r="K14409" s="366"/>
      <c r="L14409" s="366"/>
    </row>
    <row r="14410" spans="2:12" ht="28.5">
      <c r="B14410" s="358" t="s">
        <v>22076</v>
      </c>
      <c r="C14410" s="358" t="s">
        <v>30299</v>
      </c>
      <c r="D14410" s="358" t="s">
        <v>22077</v>
      </c>
      <c r="E14410" s="358" t="s">
        <v>22078</v>
      </c>
      <c r="F14410" s="358" t="s">
        <v>14371</v>
      </c>
      <c r="G14410" s="358" t="s">
        <v>14372</v>
      </c>
      <c r="H14410" s="358" t="s">
        <v>14370</v>
      </c>
      <c r="I14410" s="358" t="s">
        <v>14373</v>
      </c>
      <c r="J14410" s="358"/>
      <c r="K14410" s="358"/>
      <c r="L14410" s="358"/>
    </row>
    <row r="14411" spans="2:12">
      <c r="B14411" s="367"/>
      <c r="C14411" s="367"/>
      <c r="D14411" s="367"/>
      <c r="E14411" s="367"/>
      <c r="F14411" s="360"/>
      <c r="G14411" s="360"/>
      <c r="H14411" s="360"/>
      <c r="I14411" s="367"/>
      <c r="J14411" s="365"/>
      <c r="K14411" s="365"/>
      <c r="L14411" s="365"/>
    </row>
    <row r="14412" spans="2:12" ht="28.5">
      <c r="B14412" s="368"/>
      <c r="C14412" s="368"/>
      <c r="D14412" s="368"/>
      <c r="E14412" s="368"/>
      <c r="F14412" s="361" t="s">
        <v>14374</v>
      </c>
      <c r="G14412" s="361" t="s">
        <v>14373</v>
      </c>
      <c r="H14412" s="361" t="s">
        <v>14422</v>
      </c>
      <c r="I14412" s="368"/>
      <c r="J14412" s="366"/>
      <c r="K14412" s="366"/>
      <c r="L14412" s="366"/>
    </row>
    <row r="14413" spans="2:12" ht="28.5">
      <c r="B14413" s="358" t="s">
        <v>22079</v>
      </c>
      <c r="C14413" s="358" t="s">
        <v>27746</v>
      </c>
      <c r="D14413" s="358" t="s">
        <v>22080</v>
      </c>
      <c r="E14413" s="358" t="s">
        <v>22081</v>
      </c>
      <c r="F14413" s="358" t="s">
        <v>14462</v>
      </c>
      <c r="G14413" s="358" t="s">
        <v>14463</v>
      </c>
      <c r="H14413" s="358" t="s">
        <v>8356</v>
      </c>
      <c r="I14413" s="358" t="s">
        <v>14463</v>
      </c>
      <c r="J14413" s="358"/>
      <c r="K14413" s="358"/>
      <c r="L14413" s="358"/>
    </row>
    <row r="14414" spans="2:12">
      <c r="B14414" s="368"/>
      <c r="C14414" s="368"/>
      <c r="D14414" s="368"/>
      <c r="E14414" s="368"/>
      <c r="F14414" s="368"/>
      <c r="G14414" s="368"/>
      <c r="H14414" s="368"/>
      <c r="I14414" s="368"/>
      <c r="J14414" s="366"/>
      <c r="K14414" s="366"/>
      <c r="L14414" s="366"/>
    </row>
    <row r="14415" spans="2:12" ht="28.5">
      <c r="B14415" s="358" t="s">
        <v>22082</v>
      </c>
      <c r="C14415" s="358" t="s">
        <v>22083</v>
      </c>
      <c r="D14415" s="358" t="s">
        <v>22084</v>
      </c>
      <c r="E14415" s="358" t="s">
        <v>22085</v>
      </c>
      <c r="F14415" s="358" t="s">
        <v>14462</v>
      </c>
      <c r="G14415" s="358" t="s">
        <v>14463</v>
      </c>
      <c r="H14415" s="358" t="s">
        <v>8356</v>
      </c>
      <c r="I14415" s="358" t="s">
        <v>14463</v>
      </c>
      <c r="J14415" s="358"/>
      <c r="K14415" s="358"/>
      <c r="L14415" s="358"/>
    </row>
    <row r="14416" spans="2:12">
      <c r="B14416" s="368"/>
      <c r="C14416" s="368"/>
      <c r="D14416" s="368"/>
      <c r="E14416" s="368"/>
      <c r="F14416" s="368"/>
      <c r="G14416" s="368"/>
      <c r="H14416" s="368"/>
      <c r="I14416" s="368"/>
      <c r="J14416" s="366"/>
      <c r="K14416" s="366"/>
      <c r="L14416" s="366"/>
    </row>
    <row r="14417" spans="2:12" ht="28.5">
      <c r="B14417" s="358" t="s">
        <v>22086</v>
      </c>
      <c r="C14417" s="358" t="s">
        <v>22087</v>
      </c>
      <c r="D14417" s="358" t="s">
        <v>22088</v>
      </c>
      <c r="E14417" s="358" t="s">
        <v>22089</v>
      </c>
      <c r="F14417" s="358" t="s">
        <v>28964</v>
      </c>
      <c r="G14417" s="358" t="s">
        <v>14429</v>
      </c>
      <c r="H14417" s="358" t="s">
        <v>14381</v>
      </c>
      <c r="I14417" s="358" t="s">
        <v>14429</v>
      </c>
      <c r="J14417" s="358"/>
      <c r="K14417" s="358"/>
      <c r="L14417" s="358"/>
    </row>
    <row r="14418" spans="2:12">
      <c r="B14418" s="367"/>
      <c r="C14418" s="367"/>
      <c r="D14418" s="367"/>
      <c r="E14418" s="367"/>
      <c r="F14418" s="360"/>
      <c r="G14418" s="360"/>
      <c r="H14418" s="360"/>
      <c r="I14418" s="360"/>
      <c r="J14418" s="365"/>
      <c r="K14418" s="365"/>
      <c r="L14418" s="365"/>
    </row>
    <row r="14419" spans="2:12" ht="28.5">
      <c r="B14419" s="367"/>
      <c r="C14419" s="367"/>
      <c r="D14419" s="367"/>
      <c r="E14419" s="367"/>
      <c r="F14419" s="359" t="s">
        <v>14391</v>
      </c>
      <c r="G14419" s="359" t="s">
        <v>28895</v>
      </c>
      <c r="H14419" s="359" t="s">
        <v>14367</v>
      </c>
      <c r="I14419" s="359" t="s">
        <v>28895</v>
      </c>
      <c r="J14419" s="365"/>
      <c r="K14419" s="365"/>
      <c r="L14419" s="365"/>
    </row>
    <row r="14420" spans="2:12">
      <c r="B14420" s="367"/>
      <c r="C14420" s="367"/>
      <c r="D14420" s="367"/>
      <c r="E14420" s="367"/>
      <c r="F14420" s="360"/>
      <c r="G14420" s="360"/>
      <c r="H14420" s="360"/>
      <c r="I14420" s="360"/>
      <c r="J14420" s="365"/>
      <c r="K14420" s="365"/>
      <c r="L14420" s="365"/>
    </row>
    <row r="14421" spans="2:12" ht="28.5">
      <c r="B14421" s="368"/>
      <c r="C14421" s="368"/>
      <c r="D14421" s="368"/>
      <c r="E14421" s="368"/>
      <c r="F14421" s="361" t="s">
        <v>14472</v>
      </c>
      <c r="G14421" s="361" t="s">
        <v>14473</v>
      </c>
      <c r="H14421" s="361" t="s">
        <v>14422</v>
      </c>
      <c r="I14421" s="361" t="s">
        <v>14473</v>
      </c>
      <c r="J14421" s="366"/>
      <c r="K14421" s="366"/>
      <c r="L14421" s="366"/>
    </row>
    <row r="14422" spans="2:12" ht="57">
      <c r="B14422" s="358" t="s">
        <v>22090</v>
      </c>
      <c r="C14422" s="358" t="s">
        <v>29409</v>
      </c>
      <c r="D14422" s="358" t="s">
        <v>22091</v>
      </c>
      <c r="E14422" s="358" t="s">
        <v>8356</v>
      </c>
      <c r="F14422" s="358" t="s">
        <v>14394</v>
      </c>
      <c r="G14422" s="358" t="s">
        <v>14395</v>
      </c>
      <c r="H14422" s="358" t="s">
        <v>14370</v>
      </c>
      <c r="I14422" s="358" t="s">
        <v>14395</v>
      </c>
      <c r="J14422" s="358"/>
      <c r="K14422" s="358"/>
      <c r="L14422" s="358"/>
    </row>
    <row r="14423" spans="2:12">
      <c r="B14423" s="368"/>
      <c r="C14423" s="368"/>
      <c r="D14423" s="368"/>
      <c r="E14423" s="368"/>
      <c r="F14423" s="368"/>
      <c r="G14423" s="368"/>
      <c r="H14423" s="368"/>
      <c r="I14423" s="368"/>
      <c r="J14423" s="366"/>
      <c r="K14423" s="366"/>
      <c r="L14423" s="366"/>
    </row>
    <row r="14424" spans="2:12" ht="28.5">
      <c r="B14424" s="358" t="s">
        <v>22092</v>
      </c>
      <c r="C14424" s="358" t="s">
        <v>22093</v>
      </c>
      <c r="D14424" s="358" t="s">
        <v>22094</v>
      </c>
      <c r="E14424" s="358" t="s">
        <v>22095</v>
      </c>
      <c r="F14424" s="358" t="s">
        <v>14460</v>
      </c>
      <c r="G14424" s="358" t="s">
        <v>28895</v>
      </c>
      <c r="H14424" s="358" t="s">
        <v>14381</v>
      </c>
      <c r="I14424" s="358" t="s">
        <v>28895</v>
      </c>
      <c r="J14424" s="358"/>
      <c r="K14424" s="358"/>
      <c r="L14424" s="358"/>
    </row>
    <row r="14425" spans="2:12">
      <c r="B14425" s="367"/>
      <c r="C14425" s="367"/>
      <c r="D14425" s="367"/>
      <c r="E14425" s="367"/>
      <c r="F14425" s="360"/>
      <c r="G14425" s="360"/>
      <c r="H14425" s="360"/>
      <c r="I14425" s="360"/>
      <c r="J14425" s="365"/>
      <c r="K14425" s="365"/>
      <c r="L14425" s="365"/>
    </row>
    <row r="14426" spans="2:12">
      <c r="B14426" s="367"/>
      <c r="C14426" s="367"/>
      <c r="D14426" s="367"/>
      <c r="E14426" s="367"/>
      <c r="F14426" s="359" t="s">
        <v>14391</v>
      </c>
      <c r="G14426" s="359" t="s">
        <v>14395</v>
      </c>
      <c r="H14426" s="359" t="s">
        <v>14370</v>
      </c>
      <c r="I14426" s="359" t="s">
        <v>14395</v>
      </c>
      <c r="J14426" s="365"/>
      <c r="K14426" s="365"/>
      <c r="L14426" s="365"/>
    </row>
    <row r="14427" spans="2:12">
      <c r="B14427" s="367"/>
      <c r="C14427" s="367"/>
      <c r="D14427" s="367"/>
      <c r="E14427" s="367"/>
      <c r="F14427" s="360"/>
      <c r="G14427" s="360"/>
      <c r="H14427" s="360"/>
      <c r="I14427" s="360"/>
      <c r="J14427" s="365"/>
      <c r="K14427" s="365"/>
      <c r="L14427" s="365"/>
    </row>
    <row r="14428" spans="2:12" ht="28.5">
      <c r="B14428" s="368"/>
      <c r="C14428" s="368"/>
      <c r="D14428" s="368"/>
      <c r="E14428" s="368"/>
      <c r="F14428" s="361" t="s">
        <v>14394</v>
      </c>
      <c r="G14428" s="362"/>
      <c r="H14428" s="361" t="s">
        <v>14422</v>
      </c>
      <c r="I14428" s="362"/>
      <c r="J14428" s="366"/>
      <c r="K14428" s="366"/>
      <c r="L14428" s="366"/>
    </row>
    <row r="14429" spans="2:12" ht="28.5">
      <c r="B14429" s="358" t="s">
        <v>22096</v>
      </c>
      <c r="C14429" s="358" t="s">
        <v>22097</v>
      </c>
      <c r="D14429" s="358" t="s">
        <v>22098</v>
      </c>
      <c r="E14429" s="358" t="s">
        <v>22099</v>
      </c>
      <c r="F14429" s="358" t="s">
        <v>14391</v>
      </c>
      <c r="G14429" s="358" t="s">
        <v>14392</v>
      </c>
      <c r="H14429" s="358" t="s">
        <v>14367</v>
      </c>
      <c r="I14429" s="358" t="s">
        <v>14392</v>
      </c>
      <c r="J14429" s="358"/>
      <c r="K14429" s="358"/>
      <c r="L14429" s="358"/>
    </row>
    <row r="14430" spans="2:12">
      <c r="B14430" s="367"/>
      <c r="C14430" s="367"/>
      <c r="D14430" s="367"/>
      <c r="E14430" s="367"/>
      <c r="F14430" s="367"/>
      <c r="G14430" s="367"/>
      <c r="H14430" s="360"/>
      <c r="I14430" s="367"/>
      <c r="J14430" s="365"/>
      <c r="K14430" s="365"/>
      <c r="L14430" s="365"/>
    </row>
    <row r="14431" spans="2:12">
      <c r="B14431" s="368"/>
      <c r="C14431" s="368"/>
      <c r="D14431" s="368"/>
      <c r="E14431" s="368"/>
      <c r="F14431" s="368"/>
      <c r="G14431" s="368"/>
      <c r="H14431" s="361" t="s">
        <v>14422</v>
      </c>
      <c r="I14431" s="368"/>
      <c r="J14431" s="366"/>
      <c r="K14431" s="366"/>
      <c r="L14431" s="366"/>
    </row>
    <row r="14432" spans="2:12" ht="42.75">
      <c r="B14432" s="358" t="s">
        <v>22100</v>
      </c>
      <c r="C14432" s="358" t="s">
        <v>27747</v>
      </c>
      <c r="D14432" s="358" t="s">
        <v>22101</v>
      </c>
      <c r="E14432" s="358" t="s">
        <v>22102</v>
      </c>
      <c r="F14432" s="358" t="s">
        <v>14371</v>
      </c>
      <c r="G14432" s="358" t="s">
        <v>14372</v>
      </c>
      <c r="H14432" s="358" t="s">
        <v>14370</v>
      </c>
      <c r="I14432" s="358" t="s">
        <v>14373</v>
      </c>
      <c r="J14432" s="358"/>
      <c r="K14432" s="358"/>
      <c r="L14432" s="358"/>
    </row>
    <row r="14433" spans="2:12">
      <c r="B14433" s="367"/>
      <c r="C14433" s="367"/>
      <c r="D14433" s="367"/>
      <c r="E14433" s="367"/>
      <c r="F14433" s="360"/>
      <c r="G14433" s="360"/>
      <c r="H14433" s="360"/>
      <c r="I14433" s="367"/>
      <c r="J14433" s="365"/>
      <c r="K14433" s="365"/>
      <c r="L14433" s="365"/>
    </row>
    <row r="14434" spans="2:12" ht="28.5">
      <c r="B14434" s="368"/>
      <c r="C14434" s="368"/>
      <c r="D14434" s="368"/>
      <c r="E14434" s="368"/>
      <c r="F14434" s="361" t="s">
        <v>14374</v>
      </c>
      <c r="G14434" s="361" t="s">
        <v>14373</v>
      </c>
      <c r="H14434" s="361" t="s">
        <v>14422</v>
      </c>
      <c r="I14434" s="368"/>
      <c r="J14434" s="366"/>
      <c r="K14434" s="366"/>
      <c r="L14434" s="366"/>
    </row>
    <row r="14435" spans="2:12">
      <c r="B14435" s="358" t="s">
        <v>22103</v>
      </c>
      <c r="C14435" s="358" t="s">
        <v>22104</v>
      </c>
      <c r="D14435" s="358" t="s">
        <v>22105</v>
      </c>
      <c r="E14435" s="358" t="s">
        <v>22106</v>
      </c>
      <c r="F14435" s="358" t="s">
        <v>14420</v>
      </c>
      <c r="G14435" s="358" t="s">
        <v>14429</v>
      </c>
      <c r="H14435" s="358" t="s">
        <v>14367</v>
      </c>
      <c r="I14435" s="358" t="s">
        <v>14429</v>
      </c>
      <c r="J14435" s="358"/>
      <c r="K14435" s="358"/>
      <c r="L14435" s="358"/>
    </row>
    <row r="14436" spans="2:12">
      <c r="B14436" s="367"/>
      <c r="C14436" s="367"/>
      <c r="D14436" s="367"/>
      <c r="E14436" s="367"/>
      <c r="F14436" s="360"/>
      <c r="G14436" s="360"/>
      <c r="H14436" s="360"/>
      <c r="I14436" s="360"/>
      <c r="J14436" s="365"/>
      <c r="K14436" s="365"/>
      <c r="L14436" s="365"/>
    </row>
    <row r="14437" spans="2:12" ht="28.5">
      <c r="B14437" s="368"/>
      <c r="C14437" s="368"/>
      <c r="D14437" s="368"/>
      <c r="E14437" s="368"/>
      <c r="F14437" s="361" t="s">
        <v>14472</v>
      </c>
      <c r="G14437" s="361" t="s">
        <v>14473</v>
      </c>
      <c r="H14437" s="361" t="s">
        <v>14422</v>
      </c>
      <c r="I14437" s="361" t="s">
        <v>14473</v>
      </c>
      <c r="J14437" s="366"/>
      <c r="K14437" s="366"/>
      <c r="L14437" s="366"/>
    </row>
    <row r="14438" spans="2:12">
      <c r="B14438" s="358" t="s">
        <v>22107</v>
      </c>
      <c r="C14438" s="358" t="s">
        <v>22108</v>
      </c>
      <c r="D14438" s="358" t="s">
        <v>8356</v>
      </c>
      <c r="E14438" s="358" t="s">
        <v>22109</v>
      </c>
      <c r="F14438" s="358" t="s">
        <v>14420</v>
      </c>
      <c r="G14438" s="358" t="s">
        <v>14429</v>
      </c>
      <c r="H14438" s="358" t="s">
        <v>14367</v>
      </c>
      <c r="I14438" s="358" t="s">
        <v>14429</v>
      </c>
      <c r="J14438" s="358"/>
      <c r="K14438" s="358"/>
      <c r="L14438" s="358"/>
    </row>
    <row r="14439" spans="2:12">
      <c r="B14439" s="367"/>
      <c r="C14439" s="360"/>
      <c r="D14439" s="367"/>
      <c r="E14439" s="367"/>
      <c r="F14439" s="360"/>
      <c r="G14439" s="360"/>
      <c r="H14439" s="360"/>
      <c r="I14439" s="360"/>
      <c r="J14439" s="365"/>
      <c r="K14439" s="365"/>
      <c r="L14439" s="365"/>
    </row>
    <row r="14440" spans="2:12" ht="28.5">
      <c r="B14440" s="368"/>
      <c r="C14440" s="361" t="s">
        <v>30300</v>
      </c>
      <c r="D14440" s="368"/>
      <c r="E14440" s="368"/>
      <c r="F14440" s="361" t="s">
        <v>14472</v>
      </c>
      <c r="G14440" s="361" t="s">
        <v>14473</v>
      </c>
      <c r="H14440" s="361" t="s">
        <v>14422</v>
      </c>
      <c r="I14440" s="361" t="s">
        <v>14473</v>
      </c>
      <c r="J14440" s="366"/>
      <c r="K14440" s="366"/>
      <c r="L14440" s="366"/>
    </row>
    <row r="14441" spans="2:12" ht="28.5">
      <c r="B14441" s="358" t="s">
        <v>22110</v>
      </c>
      <c r="C14441" s="358" t="s">
        <v>27748</v>
      </c>
      <c r="D14441" s="358" t="s">
        <v>22111</v>
      </c>
      <c r="E14441" s="358" t="s">
        <v>22112</v>
      </c>
      <c r="F14441" s="358" t="s">
        <v>14391</v>
      </c>
      <c r="G14441" s="358" t="s">
        <v>14392</v>
      </c>
      <c r="H14441" s="358" t="s">
        <v>14367</v>
      </c>
      <c r="I14441" s="358" t="s">
        <v>14392</v>
      </c>
      <c r="J14441" s="358"/>
      <c r="K14441" s="358"/>
      <c r="L14441" s="358"/>
    </row>
    <row r="14442" spans="2:12">
      <c r="B14442" s="367"/>
      <c r="C14442" s="367"/>
      <c r="D14442" s="367"/>
      <c r="E14442" s="367"/>
      <c r="F14442" s="360"/>
      <c r="G14442" s="360"/>
      <c r="H14442" s="360"/>
      <c r="I14442" s="360"/>
      <c r="J14442" s="365"/>
      <c r="K14442" s="365"/>
      <c r="L14442" s="365"/>
    </row>
    <row r="14443" spans="2:12" ht="28.5">
      <c r="B14443" s="368"/>
      <c r="C14443" s="368"/>
      <c r="D14443" s="368"/>
      <c r="E14443" s="368"/>
      <c r="F14443" s="361" t="s">
        <v>14472</v>
      </c>
      <c r="G14443" s="361" t="s">
        <v>14473</v>
      </c>
      <c r="H14443" s="361" t="s">
        <v>14422</v>
      </c>
      <c r="I14443" s="361" t="s">
        <v>14473</v>
      </c>
      <c r="J14443" s="366"/>
      <c r="K14443" s="366"/>
      <c r="L14443" s="366"/>
    </row>
    <row r="14444" spans="2:12" ht="28.5">
      <c r="B14444" s="358" t="s">
        <v>22113</v>
      </c>
      <c r="C14444" s="358" t="s">
        <v>29410</v>
      </c>
      <c r="D14444" s="358" t="s">
        <v>8356</v>
      </c>
      <c r="E14444" s="358" t="s">
        <v>1686</v>
      </c>
      <c r="F14444" s="358" t="s">
        <v>14382</v>
      </c>
      <c r="G14444" s="358" t="s">
        <v>14483</v>
      </c>
      <c r="H14444" s="358" t="s">
        <v>14378</v>
      </c>
      <c r="I14444" s="358" t="s">
        <v>14483</v>
      </c>
      <c r="J14444" s="358"/>
      <c r="K14444" s="358" t="s">
        <v>14552</v>
      </c>
      <c r="L14444" s="358"/>
    </row>
    <row r="14445" spans="2:12">
      <c r="B14445" s="367"/>
      <c r="C14445" s="367"/>
      <c r="D14445" s="367"/>
      <c r="E14445" s="367"/>
      <c r="F14445" s="360"/>
      <c r="G14445" s="360"/>
      <c r="H14445" s="360"/>
      <c r="I14445" s="360"/>
      <c r="J14445" s="365"/>
      <c r="K14445" s="367"/>
      <c r="L14445" s="365"/>
    </row>
    <row r="14446" spans="2:12">
      <c r="B14446" s="367"/>
      <c r="C14446" s="367"/>
      <c r="D14446" s="367"/>
      <c r="E14446" s="367"/>
      <c r="F14446" s="359" t="s">
        <v>14420</v>
      </c>
      <c r="G14446" s="359" t="s">
        <v>14429</v>
      </c>
      <c r="H14446" s="359" t="s">
        <v>14370</v>
      </c>
      <c r="I14446" s="359" t="s">
        <v>14429</v>
      </c>
      <c r="J14446" s="365"/>
      <c r="K14446" s="367"/>
      <c r="L14446" s="365"/>
    </row>
    <row r="14447" spans="2:12">
      <c r="B14447" s="367"/>
      <c r="C14447" s="367"/>
      <c r="D14447" s="367"/>
      <c r="E14447" s="367"/>
      <c r="F14447" s="360"/>
      <c r="G14447" s="360"/>
      <c r="H14447" s="360"/>
      <c r="I14447" s="360"/>
      <c r="J14447" s="365"/>
      <c r="K14447" s="367"/>
      <c r="L14447" s="365"/>
    </row>
    <row r="14448" spans="2:12">
      <c r="B14448" s="367"/>
      <c r="C14448" s="367"/>
      <c r="D14448" s="367"/>
      <c r="E14448" s="367"/>
      <c r="F14448" s="359" t="s">
        <v>14371</v>
      </c>
      <c r="G14448" s="359" t="s">
        <v>14372</v>
      </c>
      <c r="H14448" s="359" t="s">
        <v>14332</v>
      </c>
      <c r="I14448" s="359" t="s">
        <v>14373</v>
      </c>
      <c r="J14448" s="365"/>
      <c r="K14448" s="367"/>
      <c r="L14448" s="365"/>
    </row>
    <row r="14449" spans="2:12">
      <c r="B14449" s="367"/>
      <c r="C14449" s="367"/>
      <c r="D14449" s="367"/>
      <c r="E14449" s="367"/>
      <c r="F14449" s="360"/>
      <c r="G14449" s="360"/>
      <c r="H14449" s="360"/>
      <c r="I14449" s="360"/>
      <c r="J14449" s="365"/>
      <c r="K14449" s="367"/>
      <c r="L14449" s="365"/>
    </row>
    <row r="14450" spans="2:12" ht="28.5">
      <c r="B14450" s="368"/>
      <c r="C14450" s="368"/>
      <c r="D14450" s="368"/>
      <c r="E14450" s="368"/>
      <c r="F14450" s="361" t="s">
        <v>14374</v>
      </c>
      <c r="G14450" s="361" t="s">
        <v>14373</v>
      </c>
      <c r="H14450" s="362"/>
      <c r="I14450" s="362"/>
      <c r="J14450" s="366"/>
      <c r="K14450" s="368"/>
      <c r="L14450" s="366"/>
    </row>
    <row r="14451" spans="2:12" ht="28.5">
      <c r="B14451" s="358" t="s">
        <v>22114</v>
      </c>
      <c r="C14451" s="358" t="s">
        <v>22115</v>
      </c>
      <c r="D14451" s="358" t="s">
        <v>22116</v>
      </c>
      <c r="E14451" s="358" t="s">
        <v>8356</v>
      </c>
      <c r="F14451" s="358" t="s">
        <v>14391</v>
      </c>
      <c r="G14451" s="358" t="s">
        <v>14392</v>
      </c>
      <c r="H14451" s="358" t="s">
        <v>14367</v>
      </c>
      <c r="I14451" s="358" t="s">
        <v>14392</v>
      </c>
      <c r="J14451" s="358"/>
      <c r="K14451" s="358"/>
      <c r="L14451" s="358"/>
    </row>
    <row r="14452" spans="2:12">
      <c r="B14452" s="367"/>
      <c r="C14452" s="367"/>
      <c r="D14452" s="367"/>
      <c r="E14452" s="367"/>
      <c r="F14452" s="360"/>
      <c r="G14452" s="360"/>
      <c r="H14452" s="360"/>
      <c r="I14452" s="360"/>
      <c r="J14452" s="365"/>
      <c r="K14452" s="365"/>
      <c r="L14452" s="365"/>
    </row>
    <row r="14453" spans="2:12" ht="28.5">
      <c r="B14453" s="368"/>
      <c r="C14453" s="368"/>
      <c r="D14453" s="368"/>
      <c r="E14453" s="368"/>
      <c r="F14453" s="361" t="s">
        <v>14462</v>
      </c>
      <c r="G14453" s="361" t="s">
        <v>14463</v>
      </c>
      <c r="H14453" s="361" t="s">
        <v>14422</v>
      </c>
      <c r="I14453" s="361" t="s">
        <v>14463</v>
      </c>
      <c r="J14453" s="366"/>
      <c r="K14453" s="366"/>
      <c r="L14453" s="366"/>
    </row>
    <row r="14454" spans="2:12" ht="28.5">
      <c r="B14454" s="358" t="s">
        <v>22117</v>
      </c>
      <c r="C14454" s="358" t="s">
        <v>22118</v>
      </c>
      <c r="D14454" s="358" t="s">
        <v>22119</v>
      </c>
      <c r="E14454" s="358" t="s">
        <v>22120</v>
      </c>
      <c r="F14454" s="358" t="s">
        <v>14462</v>
      </c>
      <c r="G14454" s="358" t="s">
        <v>14463</v>
      </c>
      <c r="H14454" s="358" t="s">
        <v>8356</v>
      </c>
      <c r="I14454" s="358" t="s">
        <v>14463</v>
      </c>
      <c r="J14454" s="358"/>
      <c r="K14454" s="358"/>
      <c r="L14454" s="358"/>
    </row>
    <row r="14455" spans="2:12">
      <c r="B14455" s="368"/>
      <c r="C14455" s="368"/>
      <c r="D14455" s="368"/>
      <c r="E14455" s="368"/>
      <c r="F14455" s="368"/>
      <c r="G14455" s="368"/>
      <c r="H14455" s="368"/>
      <c r="I14455" s="368"/>
      <c r="J14455" s="366"/>
      <c r="K14455" s="366"/>
      <c r="L14455" s="366"/>
    </row>
    <row r="14456" spans="2:12" ht="28.5">
      <c r="B14456" s="358" t="s">
        <v>22121</v>
      </c>
      <c r="C14456" s="358" t="s">
        <v>30301</v>
      </c>
      <c r="D14456" s="358" t="s">
        <v>22122</v>
      </c>
      <c r="E14456" s="358"/>
      <c r="F14456" s="358" t="s">
        <v>14371</v>
      </c>
      <c r="G14456" s="358" t="s">
        <v>14372</v>
      </c>
      <c r="H14456" s="358" t="s">
        <v>14370</v>
      </c>
      <c r="I14456" s="358" t="s">
        <v>14373</v>
      </c>
      <c r="J14456" s="358"/>
      <c r="K14456" s="358"/>
      <c r="L14456" s="358"/>
    </row>
    <row r="14457" spans="2:12">
      <c r="B14457" s="367"/>
      <c r="C14457" s="367"/>
      <c r="D14457" s="367"/>
      <c r="E14457" s="365"/>
      <c r="F14457" s="360"/>
      <c r="G14457" s="360"/>
      <c r="H14457" s="360"/>
      <c r="I14457" s="367"/>
      <c r="J14457" s="365"/>
      <c r="K14457" s="365"/>
      <c r="L14457" s="365"/>
    </row>
    <row r="14458" spans="2:12" ht="28.5">
      <c r="B14458" s="368"/>
      <c r="C14458" s="368"/>
      <c r="D14458" s="368"/>
      <c r="E14458" s="366"/>
      <c r="F14458" s="361" t="s">
        <v>14374</v>
      </c>
      <c r="G14458" s="361" t="s">
        <v>14373</v>
      </c>
      <c r="H14458" s="361" t="s">
        <v>14422</v>
      </c>
      <c r="I14458" s="368"/>
      <c r="J14458" s="366"/>
      <c r="K14458" s="366"/>
      <c r="L14458" s="366"/>
    </row>
    <row r="14459" spans="2:12">
      <c r="B14459" s="358" t="s">
        <v>22123</v>
      </c>
      <c r="C14459" s="358" t="s">
        <v>22124</v>
      </c>
      <c r="D14459" s="358" t="s">
        <v>22125</v>
      </c>
      <c r="E14459" s="358" t="s">
        <v>22126</v>
      </c>
      <c r="F14459" s="358" t="s">
        <v>14420</v>
      </c>
      <c r="G14459" s="358" t="s">
        <v>14429</v>
      </c>
      <c r="H14459" s="358" t="s">
        <v>14367</v>
      </c>
      <c r="I14459" s="358" t="s">
        <v>14429</v>
      </c>
      <c r="J14459" s="358"/>
      <c r="K14459" s="358"/>
      <c r="L14459" s="358"/>
    </row>
    <row r="14460" spans="2:12">
      <c r="B14460" s="367"/>
      <c r="C14460" s="367"/>
      <c r="D14460" s="367"/>
      <c r="E14460" s="367"/>
      <c r="F14460" s="360"/>
      <c r="G14460" s="360"/>
      <c r="H14460" s="360"/>
      <c r="I14460" s="360"/>
      <c r="J14460" s="365"/>
      <c r="K14460" s="365"/>
      <c r="L14460" s="365"/>
    </row>
    <row r="14461" spans="2:12" ht="28.5">
      <c r="B14461" s="367"/>
      <c r="C14461" s="367"/>
      <c r="D14461" s="367"/>
      <c r="E14461" s="367"/>
      <c r="F14461" s="359" t="s">
        <v>14394</v>
      </c>
      <c r="G14461" s="359" t="s">
        <v>14395</v>
      </c>
      <c r="H14461" s="359" t="s">
        <v>14370</v>
      </c>
      <c r="I14461" s="359" t="s">
        <v>14395</v>
      </c>
      <c r="J14461" s="365"/>
      <c r="K14461" s="365"/>
      <c r="L14461" s="365"/>
    </row>
    <row r="14462" spans="2:12">
      <c r="B14462" s="367"/>
      <c r="C14462" s="367"/>
      <c r="D14462" s="367"/>
      <c r="E14462" s="367"/>
      <c r="F14462" s="360"/>
      <c r="G14462" s="360"/>
      <c r="H14462" s="360"/>
      <c r="I14462" s="360"/>
      <c r="J14462" s="365"/>
      <c r="K14462" s="365"/>
      <c r="L14462" s="365"/>
    </row>
    <row r="14463" spans="2:12">
      <c r="B14463" s="368"/>
      <c r="C14463" s="368"/>
      <c r="D14463" s="368"/>
      <c r="E14463" s="368"/>
      <c r="F14463" s="362"/>
      <c r="G14463" s="362"/>
      <c r="H14463" s="361" t="s">
        <v>14422</v>
      </c>
      <c r="I14463" s="362"/>
      <c r="J14463" s="366"/>
      <c r="K14463" s="366"/>
      <c r="L14463" s="366"/>
    </row>
    <row r="14464" spans="2:12">
      <c r="B14464" s="358" t="s">
        <v>22127</v>
      </c>
      <c r="C14464" s="358" t="s">
        <v>22128</v>
      </c>
      <c r="D14464" s="358" t="s">
        <v>22129</v>
      </c>
      <c r="E14464" s="358" t="s">
        <v>22130</v>
      </c>
      <c r="F14464" s="358" t="s">
        <v>14420</v>
      </c>
      <c r="G14464" s="358" t="s">
        <v>14429</v>
      </c>
      <c r="H14464" s="358" t="s">
        <v>14367</v>
      </c>
      <c r="I14464" s="358" t="s">
        <v>14429</v>
      </c>
      <c r="J14464" s="358"/>
      <c r="K14464" s="358"/>
      <c r="L14464" s="358"/>
    </row>
    <row r="14465" spans="2:12">
      <c r="B14465" s="367"/>
      <c r="C14465" s="367"/>
      <c r="D14465" s="367"/>
      <c r="E14465" s="367"/>
      <c r="F14465" s="360"/>
      <c r="G14465" s="360"/>
      <c r="H14465" s="360"/>
      <c r="I14465" s="360"/>
      <c r="J14465" s="365"/>
      <c r="K14465" s="365"/>
      <c r="L14465" s="365"/>
    </row>
    <row r="14466" spans="2:12">
      <c r="B14466" s="367"/>
      <c r="C14466" s="367"/>
      <c r="D14466" s="367"/>
      <c r="E14466" s="367"/>
      <c r="F14466" s="359" t="s">
        <v>14371</v>
      </c>
      <c r="G14466" s="359" t="s">
        <v>14372</v>
      </c>
      <c r="H14466" s="359" t="s">
        <v>14370</v>
      </c>
      <c r="I14466" s="359" t="s">
        <v>14373</v>
      </c>
      <c r="J14466" s="365"/>
      <c r="K14466" s="365"/>
      <c r="L14466" s="365"/>
    </row>
    <row r="14467" spans="2:12">
      <c r="B14467" s="367"/>
      <c r="C14467" s="367"/>
      <c r="D14467" s="367"/>
      <c r="E14467" s="367"/>
      <c r="F14467" s="360"/>
      <c r="G14467" s="360"/>
      <c r="H14467" s="360"/>
      <c r="I14467" s="360"/>
      <c r="J14467" s="365"/>
      <c r="K14467" s="365"/>
      <c r="L14467" s="365"/>
    </row>
    <row r="14468" spans="2:12" ht="28.5">
      <c r="B14468" s="368"/>
      <c r="C14468" s="368"/>
      <c r="D14468" s="368"/>
      <c r="E14468" s="368"/>
      <c r="F14468" s="361" t="s">
        <v>14374</v>
      </c>
      <c r="G14468" s="361" t="s">
        <v>14373</v>
      </c>
      <c r="H14468" s="361" t="s">
        <v>14422</v>
      </c>
      <c r="I14468" s="362"/>
      <c r="J14468" s="366"/>
      <c r="K14468" s="366"/>
      <c r="L14468" s="366"/>
    </row>
    <row r="14469" spans="2:12" ht="28.5">
      <c r="B14469" s="358" t="s">
        <v>22131</v>
      </c>
      <c r="C14469" s="358" t="s">
        <v>27749</v>
      </c>
      <c r="D14469" s="358" t="s">
        <v>22132</v>
      </c>
      <c r="E14469" s="358" t="s">
        <v>22133</v>
      </c>
      <c r="F14469" s="358" t="s">
        <v>14371</v>
      </c>
      <c r="G14469" s="358" t="s">
        <v>14372</v>
      </c>
      <c r="H14469" s="358" t="s">
        <v>14370</v>
      </c>
      <c r="I14469" s="358" t="s">
        <v>14373</v>
      </c>
      <c r="J14469" s="358"/>
      <c r="K14469" s="358"/>
      <c r="L14469" s="358"/>
    </row>
    <row r="14470" spans="2:12">
      <c r="B14470" s="367"/>
      <c r="C14470" s="367"/>
      <c r="D14470" s="367"/>
      <c r="E14470" s="367"/>
      <c r="F14470" s="360"/>
      <c r="G14470" s="360"/>
      <c r="H14470" s="360"/>
      <c r="I14470" s="367"/>
      <c r="J14470" s="365"/>
      <c r="K14470" s="365"/>
      <c r="L14470" s="365"/>
    </row>
    <row r="14471" spans="2:12" ht="28.5">
      <c r="B14471" s="368"/>
      <c r="C14471" s="368"/>
      <c r="D14471" s="368"/>
      <c r="E14471" s="368"/>
      <c r="F14471" s="361" t="s">
        <v>14374</v>
      </c>
      <c r="G14471" s="361" t="s">
        <v>14373</v>
      </c>
      <c r="H14471" s="361" t="s">
        <v>14422</v>
      </c>
      <c r="I14471" s="368"/>
      <c r="J14471" s="366"/>
      <c r="K14471" s="366"/>
      <c r="L14471" s="366"/>
    </row>
    <row r="14472" spans="2:12" ht="28.5">
      <c r="B14472" s="358" t="s">
        <v>22134</v>
      </c>
      <c r="C14472" s="358" t="s">
        <v>22135</v>
      </c>
      <c r="D14472" s="358" t="s">
        <v>22136</v>
      </c>
      <c r="E14472" s="358" t="s">
        <v>22137</v>
      </c>
      <c r="F14472" s="358" t="s">
        <v>14371</v>
      </c>
      <c r="G14472" s="358" t="s">
        <v>14372</v>
      </c>
      <c r="H14472" s="358" t="s">
        <v>14370</v>
      </c>
      <c r="I14472" s="358" t="s">
        <v>14373</v>
      </c>
      <c r="J14472" s="358"/>
      <c r="K14472" s="358"/>
      <c r="L14472" s="358"/>
    </row>
    <row r="14473" spans="2:12">
      <c r="B14473" s="367"/>
      <c r="C14473" s="367"/>
      <c r="D14473" s="367"/>
      <c r="E14473" s="367"/>
      <c r="F14473" s="360"/>
      <c r="G14473" s="360"/>
      <c r="H14473" s="360"/>
      <c r="I14473" s="367"/>
      <c r="J14473" s="365"/>
      <c r="K14473" s="365"/>
      <c r="L14473" s="365"/>
    </row>
    <row r="14474" spans="2:12" ht="28.5">
      <c r="B14474" s="368"/>
      <c r="C14474" s="368"/>
      <c r="D14474" s="368"/>
      <c r="E14474" s="368"/>
      <c r="F14474" s="361" t="s">
        <v>14374</v>
      </c>
      <c r="G14474" s="361" t="s">
        <v>14373</v>
      </c>
      <c r="H14474" s="361" t="s">
        <v>14422</v>
      </c>
      <c r="I14474" s="368"/>
      <c r="J14474" s="366"/>
      <c r="K14474" s="366"/>
      <c r="L14474" s="366"/>
    </row>
    <row r="14475" spans="2:12" ht="28.5">
      <c r="B14475" s="358" t="s">
        <v>22138</v>
      </c>
      <c r="C14475" s="358" t="s">
        <v>27750</v>
      </c>
      <c r="D14475" s="358" t="s">
        <v>22139</v>
      </c>
      <c r="E14475" s="358" t="s">
        <v>22140</v>
      </c>
      <c r="F14475" s="358" t="s">
        <v>14420</v>
      </c>
      <c r="G14475" s="358" t="s">
        <v>14429</v>
      </c>
      <c r="H14475" s="358" t="s">
        <v>14341</v>
      </c>
      <c r="I14475" s="358" t="s">
        <v>14429</v>
      </c>
      <c r="J14475" s="358"/>
      <c r="K14475" s="358"/>
      <c r="L14475" s="358"/>
    </row>
    <row r="14476" spans="2:12">
      <c r="B14476" s="367"/>
      <c r="C14476" s="367"/>
      <c r="D14476" s="367"/>
      <c r="E14476" s="367"/>
      <c r="F14476" s="360"/>
      <c r="G14476" s="360"/>
      <c r="H14476" s="360"/>
      <c r="I14476" s="360"/>
      <c r="J14476" s="365"/>
      <c r="K14476" s="365"/>
      <c r="L14476" s="365"/>
    </row>
    <row r="14477" spans="2:12">
      <c r="B14477" s="367"/>
      <c r="C14477" s="367"/>
      <c r="D14477" s="367"/>
      <c r="E14477" s="367"/>
      <c r="F14477" s="359" t="s">
        <v>14430</v>
      </c>
      <c r="G14477" s="359" t="s">
        <v>14431</v>
      </c>
      <c r="H14477" s="359" t="s">
        <v>14367</v>
      </c>
      <c r="I14477" s="359" t="s">
        <v>14431</v>
      </c>
      <c r="J14477" s="365"/>
      <c r="K14477" s="365"/>
      <c r="L14477" s="365"/>
    </row>
    <row r="14478" spans="2:12">
      <c r="B14478" s="367"/>
      <c r="C14478" s="367"/>
      <c r="D14478" s="367"/>
      <c r="E14478" s="367"/>
      <c r="F14478" s="360"/>
      <c r="G14478" s="360"/>
      <c r="H14478" s="360"/>
      <c r="I14478" s="360"/>
      <c r="J14478" s="365"/>
      <c r="K14478" s="365"/>
      <c r="L14478" s="365"/>
    </row>
    <row r="14479" spans="2:12">
      <c r="B14479" s="367"/>
      <c r="C14479" s="367"/>
      <c r="D14479" s="367"/>
      <c r="E14479" s="367"/>
      <c r="F14479" s="359" t="s">
        <v>14391</v>
      </c>
      <c r="G14479" s="359" t="s">
        <v>14392</v>
      </c>
      <c r="H14479" s="359" t="s">
        <v>14370</v>
      </c>
      <c r="I14479" s="359" t="s">
        <v>14392</v>
      </c>
      <c r="J14479" s="365"/>
      <c r="K14479" s="365"/>
      <c r="L14479" s="365"/>
    </row>
    <row r="14480" spans="2:12">
      <c r="B14480" s="367"/>
      <c r="C14480" s="367"/>
      <c r="D14480" s="367"/>
      <c r="E14480" s="367"/>
      <c r="F14480" s="360"/>
      <c r="G14480" s="360"/>
      <c r="H14480" s="360"/>
      <c r="I14480" s="360"/>
      <c r="J14480" s="365"/>
      <c r="K14480" s="365"/>
      <c r="L14480" s="365"/>
    </row>
    <row r="14481" spans="2:12" ht="28.5">
      <c r="B14481" s="368"/>
      <c r="C14481" s="368"/>
      <c r="D14481" s="368"/>
      <c r="E14481" s="368"/>
      <c r="F14481" s="361" t="s">
        <v>14394</v>
      </c>
      <c r="G14481" s="361" t="s">
        <v>14395</v>
      </c>
      <c r="H14481" s="361" t="s">
        <v>14332</v>
      </c>
      <c r="I14481" s="361" t="s">
        <v>14395</v>
      </c>
      <c r="J14481" s="366"/>
      <c r="K14481" s="366"/>
      <c r="L14481" s="366"/>
    </row>
    <row r="14482" spans="2:12">
      <c r="B14482" s="358" t="s">
        <v>22141</v>
      </c>
      <c r="C14482" s="358" t="s">
        <v>27751</v>
      </c>
      <c r="D14482" s="358" t="s">
        <v>22142</v>
      </c>
      <c r="E14482" s="358" t="s">
        <v>22143</v>
      </c>
      <c r="F14482" s="358" t="s">
        <v>14382</v>
      </c>
      <c r="G14482" s="358" t="s">
        <v>14483</v>
      </c>
      <c r="H14482" s="358" t="s">
        <v>14378</v>
      </c>
      <c r="I14482" s="358" t="s">
        <v>14483</v>
      </c>
      <c r="J14482" s="358"/>
      <c r="K14482" s="358"/>
      <c r="L14482" s="358"/>
    </row>
    <row r="14483" spans="2:12">
      <c r="B14483" s="367"/>
      <c r="C14483" s="367"/>
      <c r="D14483" s="367"/>
      <c r="E14483" s="367"/>
      <c r="F14483" s="360"/>
      <c r="G14483" s="360"/>
      <c r="H14483" s="360"/>
      <c r="I14483" s="360"/>
      <c r="J14483" s="365"/>
      <c r="K14483" s="365"/>
      <c r="L14483" s="365"/>
    </row>
    <row r="14484" spans="2:12">
      <c r="B14484" s="367"/>
      <c r="C14484" s="367"/>
      <c r="D14484" s="367"/>
      <c r="E14484" s="367"/>
      <c r="F14484" s="359" t="s">
        <v>14420</v>
      </c>
      <c r="G14484" s="359" t="s">
        <v>14429</v>
      </c>
      <c r="H14484" s="359" t="s">
        <v>14370</v>
      </c>
      <c r="I14484" s="359" t="s">
        <v>14429</v>
      </c>
      <c r="J14484" s="365"/>
      <c r="K14484" s="365"/>
      <c r="L14484" s="365"/>
    </row>
    <row r="14485" spans="2:12">
      <c r="B14485" s="367"/>
      <c r="C14485" s="367"/>
      <c r="D14485" s="367"/>
      <c r="E14485" s="367"/>
      <c r="F14485" s="360"/>
      <c r="G14485" s="360"/>
      <c r="H14485" s="360"/>
      <c r="I14485" s="360"/>
      <c r="J14485" s="365"/>
      <c r="K14485" s="365"/>
      <c r="L14485" s="365"/>
    </row>
    <row r="14486" spans="2:12">
      <c r="B14486" s="367"/>
      <c r="C14486" s="367"/>
      <c r="D14486" s="367"/>
      <c r="E14486" s="367"/>
      <c r="F14486" s="359" t="s">
        <v>14371</v>
      </c>
      <c r="G14486" s="359" t="s">
        <v>14372</v>
      </c>
      <c r="H14486" s="359" t="s">
        <v>14332</v>
      </c>
      <c r="I14486" s="359" t="s">
        <v>14373</v>
      </c>
      <c r="J14486" s="365"/>
      <c r="K14486" s="365"/>
      <c r="L14486" s="365"/>
    </row>
    <row r="14487" spans="2:12">
      <c r="B14487" s="367"/>
      <c r="C14487" s="367"/>
      <c r="D14487" s="367"/>
      <c r="E14487" s="367"/>
      <c r="F14487" s="360"/>
      <c r="G14487" s="360"/>
      <c r="H14487" s="360"/>
      <c r="I14487" s="360"/>
      <c r="J14487" s="365"/>
      <c r="K14487" s="365"/>
      <c r="L14487" s="365"/>
    </row>
    <row r="14488" spans="2:12" ht="28.5">
      <c r="B14488" s="368"/>
      <c r="C14488" s="368"/>
      <c r="D14488" s="368"/>
      <c r="E14488" s="368"/>
      <c r="F14488" s="361" t="s">
        <v>14374</v>
      </c>
      <c r="G14488" s="361" t="s">
        <v>14373</v>
      </c>
      <c r="H14488" s="362"/>
      <c r="I14488" s="362"/>
      <c r="J14488" s="366"/>
      <c r="K14488" s="366"/>
      <c r="L14488" s="366"/>
    </row>
    <row r="14489" spans="2:12">
      <c r="B14489" s="358" t="s">
        <v>22144</v>
      </c>
      <c r="C14489" s="358" t="s">
        <v>22145</v>
      </c>
      <c r="D14489" s="358" t="s">
        <v>22146</v>
      </c>
      <c r="E14489" s="358" t="s">
        <v>22147</v>
      </c>
      <c r="F14489" s="358" t="s">
        <v>14420</v>
      </c>
      <c r="G14489" s="358" t="s">
        <v>14429</v>
      </c>
      <c r="H14489" s="358" t="s">
        <v>14367</v>
      </c>
      <c r="I14489" s="358" t="s">
        <v>14429</v>
      </c>
      <c r="J14489" s="358"/>
      <c r="K14489" s="358"/>
      <c r="L14489" s="358"/>
    </row>
    <row r="14490" spans="2:12">
      <c r="B14490" s="367"/>
      <c r="C14490" s="367"/>
      <c r="D14490" s="367"/>
      <c r="E14490" s="367"/>
      <c r="F14490" s="360"/>
      <c r="G14490" s="360"/>
      <c r="H14490" s="360"/>
      <c r="I14490" s="360"/>
      <c r="J14490" s="365"/>
      <c r="K14490" s="365"/>
      <c r="L14490" s="365"/>
    </row>
    <row r="14491" spans="2:12" ht="28.5">
      <c r="B14491" s="367"/>
      <c r="C14491" s="367"/>
      <c r="D14491" s="367"/>
      <c r="E14491" s="367"/>
      <c r="F14491" s="359" t="s">
        <v>14394</v>
      </c>
      <c r="G14491" s="359" t="s">
        <v>14395</v>
      </c>
      <c r="H14491" s="359" t="s">
        <v>14370</v>
      </c>
      <c r="I14491" s="359" t="s">
        <v>14395</v>
      </c>
      <c r="J14491" s="365"/>
      <c r="K14491" s="365"/>
      <c r="L14491" s="365"/>
    </row>
    <row r="14492" spans="2:12">
      <c r="B14492" s="367"/>
      <c r="C14492" s="367"/>
      <c r="D14492" s="367"/>
      <c r="E14492" s="367"/>
      <c r="F14492" s="360"/>
      <c r="G14492" s="360"/>
      <c r="H14492" s="360"/>
      <c r="I14492" s="360"/>
      <c r="J14492" s="365"/>
      <c r="K14492" s="365"/>
      <c r="L14492" s="365"/>
    </row>
    <row r="14493" spans="2:12">
      <c r="B14493" s="368"/>
      <c r="C14493" s="368"/>
      <c r="D14493" s="368"/>
      <c r="E14493" s="368"/>
      <c r="F14493" s="362"/>
      <c r="G14493" s="362"/>
      <c r="H14493" s="361" t="s">
        <v>14422</v>
      </c>
      <c r="I14493" s="362"/>
      <c r="J14493" s="366"/>
      <c r="K14493" s="366"/>
      <c r="L14493" s="366"/>
    </row>
    <row r="14494" spans="2:12" ht="28.5">
      <c r="B14494" s="358" t="s">
        <v>22148</v>
      </c>
      <c r="C14494" s="358" t="s">
        <v>22149</v>
      </c>
      <c r="D14494" s="358" t="s">
        <v>22150</v>
      </c>
      <c r="E14494" s="358" t="s">
        <v>22151</v>
      </c>
      <c r="F14494" s="358" t="s">
        <v>14462</v>
      </c>
      <c r="G14494" s="358" t="s">
        <v>14463</v>
      </c>
      <c r="H14494" s="358" t="s">
        <v>8356</v>
      </c>
      <c r="I14494" s="358" t="s">
        <v>14463</v>
      </c>
      <c r="J14494" s="358"/>
      <c r="K14494" s="358"/>
      <c r="L14494" s="358"/>
    </row>
    <row r="14495" spans="2:12">
      <c r="B14495" s="368"/>
      <c r="C14495" s="368"/>
      <c r="D14495" s="368"/>
      <c r="E14495" s="368"/>
      <c r="F14495" s="368"/>
      <c r="G14495" s="368"/>
      <c r="H14495" s="368"/>
      <c r="I14495" s="368"/>
      <c r="J14495" s="366"/>
      <c r="K14495" s="366"/>
      <c r="L14495" s="366"/>
    </row>
    <row r="14496" spans="2:12" ht="28.5">
      <c r="B14496" s="358" t="s">
        <v>22152</v>
      </c>
      <c r="C14496" s="358" t="s">
        <v>22153</v>
      </c>
      <c r="D14496" s="358" t="s">
        <v>22154</v>
      </c>
      <c r="E14496" s="358" t="s">
        <v>22155</v>
      </c>
      <c r="F14496" s="358" t="s">
        <v>14394</v>
      </c>
      <c r="G14496" s="358" t="s">
        <v>14395</v>
      </c>
      <c r="H14496" s="358" t="s">
        <v>14370</v>
      </c>
      <c r="I14496" s="358" t="s">
        <v>14395</v>
      </c>
      <c r="J14496" s="358"/>
      <c r="K14496" s="358"/>
      <c r="L14496" s="358"/>
    </row>
    <row r="14497" spans="2:12">
      <c r="B14497" s="368"/>
      <c r="C14497" s="368"/>
      <c r="D14497" s="368"/>
      <c r="E14497" s="368"/>
      <c r="F14497" s="368"/>
      <c r="G14497" s="368"/>
      <c r="H14497" s="368"/>
      <c r="I14497" s="368"/>
      <c r="J14497" s="366"/>
      <c r="K14497" s="366"/>
      <c r="L14497" s="366"/>
    </row>
    <row r="14498" spans="2:12" ht="28.5">
      <c r="B14498" s="358" t="s">
        <v>22156</v>
      </c>
      <c r="C14498" s="358" t="s">
        <v>22157</v>
      </c>
      <c r="D14498" s="358" t="s">
        <v>22158</v>
      </c>
      <c r="E14498" s="358" t="s">
        <v>22159</v>
      </c>
      <c r="F14498" s="358" t="s">
        <v>14420</v>
      </c>
      <c r="G14498" s="358" t="s">
        <v>14429</v>
      </c>
      <c r="H14498" s="358" t="s">
        <v>14381</v>
      </c>
      <c r="I14498" s="358" t="s">
        <v>14429</v>
      </c>
      <c r="J14498" s="358"/>
      <c r="K14498" s="358"/>
      <c r="L14498" s="358"/>
    </row>
    <row r="14499" spans="2:12">
      <c r="B14499" s="367"/>
      <c r="C14499" s="367"/>
      <c r="D14499" s="367"/>
      <c r="E14499" s="367"/>
      <c r="F14499" s="360"/>
      <c r="G14499" s="360"/>
      <c r="H14499" s="360"/>
      <c r="I14499" s="360"/>
      <c r="J14499" s="365"/>
      <c r="K14499" s="365"/>
      <c r="L14499" s="365"/>
    </row>
    <row r="14500" spans="2:12">
      <c r="B14500" s="367"/>
      <c r="C14500" s="367"/>
      <c r="D14500" s="367"/>
      <c r="E14500" s="367"/>
      <c r="F14500" s="359" t="s">
        <v>14460</v>
      </c>
      <c r="G14500" s="359" t="s">
        <v>14461</v>
      </c>
      <c r="H14500" s="359" t="s">
        <v>14367</v>
      </c>
      <c r="I14500" s="359" t="s">
        <v>14461</v>
      </c>
      <c r="J14500" s="365"/>
      <c r="K14500" s="365"/>
      <c r="L14500" s="365"/>
    </row>
    <row r="14501" spans="2:12">
      <c r="B14501" s="367"/>
      <c r="C14501" s="367"/>
      <c r="D14501" s="367"/>
      <c r="E14501" s="367"/>
      <c r="F14501" s="360"/>
      <c r="G14501" s="360"/>
      <c r="H14501" s="360"/>
      <c r="I14501" s="360"/>
      <c r="J14501" s="365"/>
      <c r="K14501" s="365"/>
      <c r="L14501" s="365"/>
    </row>
    <row r="14502" spans="2:12">
      <c r="B14502" s="367"/>
      <c r="C14502" s="367"/>
      <c r="D14502" s="367"/>
      <c r="E14502" s="367"/>
      <c r="F14502" s="359" t="s">
        <v>14391</v>
      </c>
      <c r="G14502" s="359" t="s">
        <v>14392</v>
      </c>
      <c r="H14502" s="359" t="s">
        <v>14370</v>
      </c>
      <c r="I14502" s="359" t="s">
        <v>14392</v>
      </c>
      <c r="J14502" s="365"/>
      <c r="K14502" s="365"/>
      <c r="L14502" s="365"/>
    </row>
    <row r="14503" spans="2:12">
      <c r="B14503" s="367"/>
      <c r="C14503" s="367"/>
      <c r="D14503" s="367"/>
      <c r="E14503" s="367"/>
      <c r="F14503" s="360"/>
      <c r="G14503" s="360"/>
      <c r="H14503" s="360"/>
      <c r="I14503" s="360"/>
      <c r="J14503" s="365"/>
      <c r="K14503" s="365"/>
      <c r="L14503" s="365"/>
    </row>
    <row r="14504" spans="2:12" ht="28.5">
      <c r="B14504" s="368"/>
      <c r="C14504" s="368"/>
      <c r="D14504" s="368"/>
      <c r="E14504" s="368"/>
      <c r="F14504" s="361" t="s">
        <v>14394</v>
      </c>
      <c r="G14504" s="361" t="s">
        <v>14395</v>
      </c>
      <c r="H14504" s="361" t="s">
        <v>14422</v>
      </c>
      <c r="I14504" s="361" t="s">
        <v>14395</v>
      </c>
      <c r="J14504" s="366"/>
      <c r="K14504" s="366"/>
      <c r="L14504" s="366"/>
    </row>
    <row r="14505" spans="2:12" ht="28.5">
      <c r="B14505" s="358" t="s">
        <v>22160</v>
      </c>
      <c r="C14505" s="358" t="s">
        <v>22161</v>
      </c>
      <c r="D14505" s="358" t="s">
        <v>22162</v>
      </c>
      <c r="E14505" s="358" t="s">
        <v>22163</v>
      </c>
      <c r="F14505" s="358" t="s">
        <v>14391</v>
      </c>
      <c r="G14505" s="358" t="s">
        <v>14392</v>
      </c>
      <c r="H14505" s="358" t="s">
        <v>14367</v>
      </c>
      <c r="I14505" s="358" t="s">
        <v>14392</v>
      </c>
      <c r="J14505" s="358"/>
      <c r="K14505" s="358"/>
      <c r="L14505" s="358"/>
    </row>
    <row r="14506" spans="2:12">
      <c r="B14506" s="367"/>
      <c r="C14506" s="367"/>
      <c r="D14506" s="367"/>
      <c r="E14506" s="367"/>
      <c r="F14506" s="360"/>
      <c r="G14506" s="360"/>
      <c r="H14506" s="360"/>
      <c r="I14506" s="360"/>
      <c r="J14506" s="365"/>
      <c r="K14506" s="365"/>
      <c r="L14506" s="365"/>
    </row>
    <row r="14507" spans="2:12">
      <c r="B14507" s="367"/>
      <c r="C14507" s="367"/>
      <c r="D14507" s="367"/>
      <c r="E14507" s="367"/>
      <c r="F14507" s="359" t="s">
        <v>14371</v>
      </c>
      <c r="G14507" s="359" t="s">
        <v>14372</v>
      </c>
      <c r="H14507" s="359" t="s">
        <v>14370</v>
      </c>
      <c r="I14507" s="359" t="s">
        <v>14373</v>
      </c>
      <c r="J14507" s="365"/>
      <c r="K14507" s="365"/>
      <c r="L14507" s="365"/>
    </row>
    <row r="14508" spans="2:12">
      <c r="B14508" s="367"/>
      <c r="C14508" s="367"/>
      <c r="D14508" s="367"/>
      <c r="E14508" s="367"/>
      <c r="F14508" s="360"/>
      <c r="G14508" s="360"/>
      <c r="H14508" s="360"/>
      <c r="I14508" s="360"/>
      <c r="J14508" s="365"/>
      <c r="K14508" s="365"/>
      <c r="L14508" s="365"/>
    </row>
    <row r="14509" spans="2:12" ht="28.5">
      <c r="B14509" s="368"/>
      <c r="C14509" s="368"/>
      <c r="D14509" s="368"/>
      <c r="E14509" s="368"/>
      <c r="F14509" s="361" t="s">
        <v>14374</v>
      </c>
      <c r="G14509" s="361" t="s">
        <v>14373</v>
      </c>
      <c r="H14509" s="361" t="s">
        <v>14422</v>
      </c>
      <c r="I14509" s="362"/>
      <c r="J14509" s="366"/>
      <c r="K14509" s="366"/>
      <c r="L14509" s="366"/>
    </row>
    <row r="14510" spans="2:12" ht="42.75">
      <c r="B14510" s="358" t="s">
        <v>22164</v>
      </c>
      <c r="C14510" s="358" t="s">
        <v>22165</v>
      </c>
      <c r="D14510" s="358" t="s">
        <v>22166</v>
      </c>
      <c r="E14510" s="358" t="s">
        <v>8356</v>
      </c>
      <c r="F14510" s="358" t="s">
        <v>14462</v>
      </c>
      <c r="G14510" s="358" t="s">
        <v>14463</v>
      </c>
      <c r="H14510" s="358" t="s">
        <v>8356</v>
      </c>
      <c r="I14510" s="358" t="s">
        <v>14463</v>
      </c>
      <c r="J14510" s="358"/>
      <c r="K14510" s="358"/>
      <c r="L14510" s="358"/>
    </row>
    <row r="14511" spans="2:12">
      <c r="B14511" s="367"/>
      <c r="C14511" s="360"/>
      <c r="D14511" s="367"/>
      <c r="E14511" s="367"/>
      <c r="F14511" s="367"/>
      <c r="G14511" s="367"/>
      <c r="H14511" s="367"/>
      <c r="I14511" s="367"/>
      <c r="J14511" s="365"/>
      <c r="K14511" s="365"/>
      <c r="L14511" s="365"/>
    </row>
    <row r="14512" spans="2:12" ht="42.75">
      <c r="B14512" s="368"/>
      <c r="C14512" s="361" t="s">
        <v>22167</v>
      </c>
      <c r="D14512" s="368"/>
      <c r="E14512" s="368"/>
      <c r="F14512" s="368"/>
      <c r="G14512" s="368"/>
      <c r="H14512" s="368"/>
      <c r="I14512" s="368"/>
      <c r="J14512" s="366"/>
      <c r="K14512" s="366"/>
      <c r="L14512" s="366"/>
    </row>
    <row r="14513" spans="2:12" ht="28.5">
      <c r="B14513" s="358" t="s">
        <v>22168</v>
      </c>
      <c r="C14513" s="358" t="s">
        <v>27752</v>
      </c>
      <c r="D14513" s="358" t="s">
        <v>22169</v>
      </c>
      <c r="E14513" s="358" t="s">
        <v>22170</v>
      </c>
      <c r="F14513" s="358" t="s">
        <v>14420</v>
      </c>
      <c r="G14513" s="358" t="s">
        <v>14429</v>
      </c>
      <c r="H14513" s="358" t="s">
        <v>14367</v>
      </c>
      <c r="I14513" s="358" t="s">
        <v>14429</v>
      </c>
      <c r="J14513" s="358"/>
      <c r="K14513" s="358"/>
      <c r="L14513" s="358"/>
    </row>
    <row r="14514" spans="2:12">
      <c r="B14514" s="367"/>
      <c r="C14514" s="367"/>
      <c r="D14514" s="367"/>
      <c r="E14514" s="367"/>
      <c r="F14514" s="360"/>
      <c r="G14514" s="360"/>
      <c r="H14514" s="360"/>
      <c r="I14514" s="360"/>
      <c r="J14514" s="365"/>
      <c r="K14514" s="365"/>
      <c r="L14514" s="365"/>
    </row>
    <row r="14515" spans="2:12">
      <c r="B14515" s="367"/>
      <c r="C14515" s="367"/>
      <c r="D14515" s="367"/>
      <c r="E14515" s="367"/>
      <c r="F14515" s="359" t="s">
        <v>14391</v>
      </c>
      <c r="G14515" s="359" t="s">
        <v>14392</v>
      </c>
      <c r="H14515" s="359" t="s">
        <v>14370</v>
      </c>
      <c r="I14515" s="359" t="s">
        <v>14392</v>
      </c>
      <c r="J14515" s="365"/>
      <c r="K14515" s="365"/>
      <c r="L14515" s="365"/>
    </row>
    <row r="14516" spans="2:12">
      <c r="B14516" s="367"/>
      <c r="C14516" s="367"/>
      <c r="D14516" s="367"/>
      <c r="E14516" s="367"/>
      <c r="F14516" s="360"/>
      <c r="G14516" s="360"/>
      <c r="H14516" s="360"/>
      <c r="I14516" s="360"/>
      <c r="J14516" s="365"/>
      <c r="K14516" s="365"/>
      <c r="L14516" s="365"/>
    </row>
    <row r="14517" spans="2:12" ht="28.5">
      <c r="B14517" s="368"/>
      <c r="C14517" s="368"/>
      <c r="D14517" s="368"/>
      <c r="E14517" s="368"/>
      <c r="F14517" s="361" t="s">
        <v>14394</v>
      </c>
      <c r="G14517" s="361" t="s">
        <v>14395</v>
      </c>
      <c r="H14517" s="361" t="s">
        <v>14422</v>
      </c>
      <c r="I14517" s="361" t="s">
        <v>14395</v>
      </c>
      <c r="J14517" s="366"/>
      <c r="K14517" s="366"/>
      <c r="L14517" s="366"/>
    </row>
    <row r="14518" spans="2:12" ht="28.5">
      <c r="B14518" s="358" t="s">
        <v>22171</v>
      </c>
      <c r="C14518" s="358" t="s">
        <v>27753</v>
      </c>
      <c r="D14518" s="358" t="s">
        <v>22172</v>
      </c>
      <c r="E14518" s="358" t="s">
        <v>22173</v>
      </c>
      <c r="F14518" s="358" t="s">
        <v>14420</v>
      </c>
      <c r="G14518" s="358" t="s">
        <v>14429</v>
      </c>
      <c r="H14518" s="358" t="s">
        <v>14367</v>
      </c>
      <c r="I14518" s="358" t="s">
        <v>14429</v>
      </c>
      <c r="J14518" s="358"/>
      <c r="K14518" s="358"/>
      <c r="L14518" s="358"/>
    </row>
    <row r="14519" spans="2:12">
      <c r="B14519" s="367"/>
      <c r="C14519" s="367"/>
      <c r="D14519" s="367"/>
      <c r="E14519" s="367"/>
      <c r="F14519" s="360"/>
      <c r="G14519" s="360"/>
      <c r="H14519" s="360"/>
      <c r="I14519" s="360"/>
      <c r="J14519" s="365"/>
      <c r="K14519" s="365"/>
      <c r="L14519" s="365"/>
    </row>
    <row r="14520" spans="2:12">
      <c r="B14520" s="367"/>
      <c r="C14520" s="367"/>
      <c r="D14520" s="367"/>
      <c r="E14520" s="367"/>
      <c r="F14520" s="359" t="s">
        <v>14391</v>
      </c>
      <c r="G14520" s="359" t="s">
        <v>14392</v>
      </c>
      <c r="H14520" s="359" t="s">
        <v>14370</v>
      </c>
      <c r="I14520" s="359" t="s">
        <v>14392</v>
      </c>
      <c r="J14520" s="365"/>
      <c r="K14520" s="365"/>
      <c r="L14520" s="365"/>
    </row>
    <row r="14521" spans="2:12">
      <c r="B14521" s="367"/>
      <c r="C14521" s="367"/>
      <c r="D14521" s="367"/>
      <c r="E14521" s="367"/>
      <c r="F14521" s="360"/>
      <c r="G14521" s="360"/>
      <c r="H14521" s="360"/>
      <c r="I14521" s="360"/>
      <c r="J14521" s="365"/>
      <c r="K14521" s="365"/>
      <c r="L14521" s="365"/>
    </row>
    <row r="14522" spans="2:12" ht="28.5">
      <c r="B14522" s="368"/>
      <c r="C14522" s="368"/>
      <c r="D14522" s="368"/>
      <c r="E14522" s="368"/>
      <c r="F14522" s="361" t="s">
        <v>14394</v>
      </c>
      <c r="G14522" s="361" t="s">
        <v>14395</v>
      </c>
      <c r="H14522" s="361" t="s">
        <v>14422</v>
      </c>
      <c r="I14522" s="361" t="s">
        <v>14395</v>
      </c>
      <c r="J14522" s="366"/>
      <c r="K14522" s="366"/>
      <c r="L14522" s="366"/>
    </row>
    <row r="14523" spans="2:12" ht="28.5">
      <c r="B14523" s="358" t="s">
        <v>22174</v>
      </c>
      <c r="C14523" s="358" t="s">
        <v>27754</v>
      </c>
      <c r="D14523" s="358" t="s">
        <v>22175</v>
      </c>
      <c r="E14523" s="358" t="s">
        <v>22176</v>
      </c>
      <c r="F14523" s="358" t="s">
        <v>14420</v>
      </c>
      <c r="G14523" s="358" t="s">
        <v>14429</v>
      </c>
      <c r="H14523" s="358" t="s">
        <v>14367</v>
      </c>
      <c r="I14523" s="358" t="s">
        <v>14429</v>
      </c>
      <c r="J14523" s="358"/>
      <c r="K14523" s="358"/>
      <c r="L14523" s="358"/>
    </row>
    <row r="14524" spans="2:12">
      <c r="B14524" s="367"/>
      <c r="C14524" s="367"/>
      <c r="D14524" s="367"/>
      <c r="E14524" s="367"/>
      <c r="F14524" s="360"/>
      <c r="G14524" s="360"/>
      <c r="H14524" s="360"/>
      <c r="I14524" s="360"/>
      <c r="J14524" s="365"/>
      <c r="K14524" s="365"/>
      <c r="L14524" s="365"/>
    </row>
    <row r="14525" spans="2:12">
      <c r="B14525" s="367"/>
      <c r="C14525" s="367"/>
      <c r="D14525" s="367"/>
      <c r="E14525" s="367"/>
      <c r="F14525" s="359" t="s">
        <v>14391</v>
      </c>
      <c r="G14525" s="359" t="s">
        <v>14392</v>
      </c>
      <c r="H14525" s="359" t="s">
        <v>14370</v>
      </c>
      <c r="I14525" s="359" t="s">
        <v>14392</v>
      </c>
      <c r="J14525" s="365"/>
      <c r="K14525" s="365"/>
      <c r="L14525" s="365"/>
    </row>
    <row r="14526" spans="2:12">
      <c r="B14526" s="367"/>
      <c r="C14526" s="367"/>
      <c r="D14526" s="367"/>
      <c r="E14526" s="367"/>
      <c r="F14526" s="360"/>
      <c r="G14526" s="360"/>
      <c r="H14526" s="360"/>
      <c r="I14526" s="360"/>
      <c r="J14526" s="365"/>
      <c r="K14526" s="365"/>
      <c r="L14526" s="365"/>
    </row>
    <row r="14527" spans="2:12" ht="28.5">
      <c r="B14527" s="368"/>
      <c r="C14527" s="368"/>
      <c r="D14527" s="368"/>
      <c r="E14527" s="368"/>
      <c r="F14527" s="361" t="s">
        <v>14394</v>
      </c>
      <c r="G14527" s="361" t="s">
        <v>14395</v>
      </c>
      <c r="H14527" s="361" t="s">
        <v>14422</v>
      </c>
      <c r="I14527" s="361" t="s">
        <v>14395</v>
      </c>
      <c r="J14527" s="366"/>
      <c r="K14527" s="366"/>
      <c r="L14527" s="366"/>
    </row>
    <row r="14528" spans="2:12" ht="42.75">
      <c r="B14528" s="358" t="s">
        <v>22177</v>
      </c>
      <c r="C14528" s="358" t="s">
        <v>30302</v>
      </c>
      <c r="D14528" s="358" t="s">
        <v>22178</v>
      </c>
      <c r="E14528" s="358" t="s">
        <v>8356</v>
      </c>
      <c r="F14528" s="358" t="s">
        <v>14420</v>
      </c>
      <c r="G14528" s="358" t="s">
        <v>14429</v>
      </c>
      <c r="H14528" s="358" t="s">
        <v>14341</v>
      </c>
      <c r="I14528" s="358" t="s">
        <v>14429</v>
      </c>
      <c r="J14528" s="358"/>
      <c r="K14528" s="358"/>
      <c r="L14528" s="358"/>
    </row>
    <row r="14529" spans="2:12">
      <c r="B14529" s="367"/>
      <c r="C14529" s="367"/>
      <c r="D14529" s="367"/>
      <c r="E14529" s="367"/>
      <c r="F14529" s="360"/>
      <c r="G14529" s="360"/>
      <c r="H14529" s="360"/>
      <c r="I14529" s="360"/>
      <c r="J14529" s="365"/>
      <c r="K14529" s="365"/>
      <c r="L14529" s="365"/>
    </row>
    <row r="14530" spans="2:12">
      <c r="B14530" s="367"/>
      <c r="C14530" s="367"/>
      <c r="D14530" s="367"/>
      <c r="E14530" s="367"/>
      <c r="F14530" s="359" t="s">
        <v>14430</v>
      </c>
      <c r="G14530" s="359" t="s">
        <v>14431</v>
      </c>
      <c r="H14530" s="359" t="s">
        <v>14367</v>
      </c>
      <c r="I14530" s="359" t="s">
        <v>14431</v>
      </c>
      <c r="J14530" s="365"/>
      <c r="K14530" s="365"/>
      <c r="L14530" s="365"/>
    </row>
    <row r="14531" spans="2:12">
      <c r="B14531" s="367"/>
      <c r="C14531" s="367"/>
      <c r="D14531" s="367"/>
      <c r="E14531" s="367"/>
      <c r="F14531" s="360"/>
      <c r="G14531" s="360"/>
      <c r="H14531" s="360"/>
      <c r="I14531" s="360"/>
      <c r="J14531" s="365"/>
      <c r="K14531" s="365"/>
      <c r="L14531" s="365"/>
    </row>
    <row r="14532" spans="2:12">
      <c r="B14532" s="367"/>
      <c r="C14532" s="367"/>
      <c r="D14532" s="367"/>
      <c r="E14532" s="367"/>
      <c r="F14532" s="359" t="s">
        <v>14391</v>
      </c>
      <c r="G14532" s="359" t="s">
        <v>14392</v>
      </c>
      <c r="H14532" s="359" t="s">
        <v>14370</v>
      </c>
      <c r="I14532" s="359" t="s">
        <v>14392</v>
      </c>
      <c r="J14532" s="365"/>
      <c r="K14532" s="365"/>
      <c r="L14532" s="365"/>
    </row>
    <row r="14533" spans="2:12">
      <c r="B14533" s="367"/>
      <c r="C14533" s="367"/>
      <c r="D14533" s="367"/>
      <c r="E14533" s="367"/>
      <c r="F14533" s="360"/>
      <c r="G14533" s="360"/>
      <c r="H14533" s="360"/>
      <c r="I14533" s="360"/>
      <c r="J14533" s="365"/>
      <c r="K14533" s="365"/>
      <c r="L14533" s="365"/>
    </row>
    <row r="14534" spans="2:12" ht="28.5">
      <c r="B14534" s="368"/>
      <c r="C14534" s="368"/>
      <c r="D14534" s="368"/>
      <c r="E14534" s="368"/>
      <c r="F14534" s="361" t="s">
        <v>14394</v>
      </c>
      <c r="G14534" s="361" t="s">
        <v>14395</v>
      </c>
      <c r="H14534" s="361" t="s">
        <v>14332</v>
      </c>
      <c r="I14534" s="361" t="s">
        <v>14395</v>
      </c>
      <c r="J14534" s="366"/>
      <c r="K14534" s="366"/>
      <c r="L14534" s="366"/>
    </row>
    <row r="14535" spans="2:12">
      <c r="B14535" s="354" t="s">
        <v>8444</v>
      </c>
      <c r="C14535" s="369"/>
      <c r="D14535" s="369"/>
      <c r="E14535" s="369"/>
      <c r="F14535" s="369"/>
      <c r="G14535" s="369"/>
      <c r="H14535" s="369"/>
      <c r="I14535" s="369"/>
      <c r="J14535" s="369"/>
      <c r="K14535" s="369"/>
      <c r="L14535" s="370"/>
    </row>
    <row r="14536" spans="2:12">
      <c r="B14536" s="358" t="s">
        <v>22179</v>
      </c>
      <c r="C14536" s="358" t="s">
        <v>22180</v>
      </c>
      <c r="D14536" s="358" t="s">
        <v>22181</v>
      </c>
      <c r="E14536" s="358" t="s">
        <v>1794</v>
      </c>
      <c r="F14536" s="358" t="s">
        <v>19150</v>
      </c>
      <c r="G14536" s="358" t="s">
        <v>14383</v>
      </c>
      <c r="H14536" s="358" t="s">
        <v>14378</v>
      </c>
      <c r="I14536" s="358" t="s">
        <v>14383</v>
      </c>
      <c r="J14536" s="358"/>
      <c r="K14536" s="358" t="s">
        <v>22182</v>
      </c>
      <c r="L14536" s="358"/>
    </row>
    <row r="14537" spans="2:12">
      <c r="B14537" s="367"/>
      <c r="C14537" s="360"/>
      <c r="D14537" s="367"/>
      <c r="E14537" s="367"/>
      <c r="F14537" s="360"/>
      <c r="G14537" s="360"/>
      <c r="H14537" s="360"/>
      <c r="I14537" s="360"/>
      <c r="J14537" s="365"/>
      <c r="K14537" s="360"/>
      <c r="L14537" s="365"/>
    </row>
    <row r="14538" spans="2:12" ht="28.5">
      <c r="B14538" s="367"/>
      <c r="C14538" s="359" t="s">
        <v>22183</v>
      </c>
      <c r="D14538" s="367"/>
      <c r="E14538" s="367"/>
      <c r="F14538" s="359" t="s">
        <v>19150</v>
      </c>
      <c r="G14538" s="359" t="s">
        <v>14579</v>
      </c>
      <c r="H14538" s="359" t="s">
        <v>14381</v>
      </c>
      <c r="I14538" s="359" t="s">
        <v>14579</v>
      </c>
      <c r="J14538" s="365"/>
      <c r="K14538" s="359" t="s">
        <v>22002</v>
      </c>
      <c r="L14538" s="365"/>
    </row>
    <row r="14539" spans="2:12">
      <c r="B14539" s="367"/>
      <c r="C14539" s="360"/>
      <c r="D14539" s="367"/>
      <c r="E14539" s="367"/>
      <c r="F14539" s="360"/>
      <c r="G14539" s="360"/>
      <c r="H14539" s="360"/>
      <c r="I14539" s="360"/>
      <c r="J14539" s="365"/>
      <c r="K14539" s="360"/>
      <c r="L14539" s="365"/>
    </row>
    <row r="14540" spans="2:12">
      <c r="B14540" s="367"/>
      <c r="C14540" s="360"/>
      <c r="D14540" s="367"/>
      <c r="E14540" s="367"/>
      <c r="F14540" s="359" t="s">
        <v>19150</v>
      </c>
      <c r="G14540" s="359" t="s">
        <v>14483</v>
      </c>
      <c r="H14540" s="359" t="s">
        <v>14370</v>
      </c>
      <c r="I14540" s="359" t="s">
        <v>14483</v>
      </c>
      <c r="J14540" s="365"/>
      <c r="K14540" s="360"/>
      <c r="L14540" s="365"/>
    </row>
    <row r="14541" spans="2:12">
      <c r="B14541" s="367"/>
      <c r="C14541" s="360"/>
      <c r="D14541" s="367"/>
      <c r="E14541" s="367"/>
      <c r="F14541" s="360"/>
      <c r="G14541" s="360"/>
      <c r="H14541" s="360"/>
      <c r="I14541" s="360"/>
      <c r="J14541" s="365"/>
      <c r="K14541" s="360"/>
      <c r="L14541" s="365"/>
    </row>
    <row r="14542" spans="2:12">
      <c r="B14542" s="367"/>
      <c r="C14542" s="360"/>
      <c r="D14542" s="367"/>
      <c r="E14542" s="367"/>
      <c r="F14542" s="359" t="s">
        <v>14384</v>
      </c>
      <c r="G14542" s="359" t="s">
        <v>22184</v>
      </c>
      <c r="H14542" s="359" t="s">
        <v>14332</v>
      </c>
      <c r="I14542" s="359" t="s">
        <v>22184</v>
      </c>
      <c r="J14542" s="365"/>
      <c r="K14542" s="360"/>
      <c r="L14542" s="365"/>
    </row>
    <row r="14543" spans="2:12">
      <c r="B14543" s="367"/>
      <c r="C14543" s="360"/>
      <c r="D14543" s="367"/>
      <c r="E14543" s="367"/>
      <c r="F14543" s="360"/>
      <c r="G14543" s="360"/>
      <c r="H14543" s="360"/>
      <c r="I14543" s="360"/>
      <c r="J14543" s="365"/>
      <c r="K14543" s="360"/>
      <c r="L14543" s="365"/>
    </row>
    <row r="14544" spans="2:12">
      <c r="B14544" s="367"/>
      <c r="C14544" s="360"/>
      <c r="D14544" s="367"/>
      <c r="E14544" s="367"/>
      <c r="F14544" s="359" t="s">
        <v>14371</v>
      </c>
      <c r="G14544" s="359" t="s">
        <v>14372</v>
      </c>
      <c r="H14544" s="360"/>
      <c r="I14544" s="359" t="s">
        <v>14373</v>
      </c>
      <c r="J14544" s="365"/>
      <c r="K14544" s="360"/>
      <c r="L14544" s="365"/>
    </row>
    <row r="14545" spans="2:12">
      <c r="B14545" s="367"/>
      <c r="C14545" s="360"/>
      <c r="D14545" s="367"/>
      <c r="E14545" s="367"/>
      <c r="F14545" s="360"/>
      <c r="G14545" s="360"/>
      <c r="H14545" s="360"/>
      <c r="I14545" s="360"/>
      <c r="J14545" s="365"/>
      <c r="K14545" s="360"/>
      <c r="L14545" s="365"/>
    </row>
    <row r="14546" spans="2:12" ht="28.5">
      <c r="B14546" s="368"/>
      <c r="C14546" s="362"/>
      <c r="D14546" s="368"/>
      <c r="E14546" s="368"/>
      <c r="F14546" s="361" t="s">
        <v>14374</v>
      </c>
      <c r="G14546" s="361" t="s">
        <v>14373</v>
      </c>
      <c r="H14546" s="362"/>
      <c r="I14546" s="362"/>
      <c r="J14546" s="366"/>
      <c r="K14546" s="362"/>
      <c r="L14546" s="366"/>
    </row>
    <row r="14547" spans="2:12">
      <c r="B14547" s="354" t="s">
        <v>28528</v>
      </c>
      <c r="C14547" s="369"/>
      <c r="D14547" s="369"/>
      <c r="E14547" s="369"/>
      <c r="F14547" s="369"/>
      <c r="G14547" s="369"/>
      <c r="H14547" s="369"/>
      <c r="I14547" s="369"/>
      <c r="J14547" s="369"/>
      <c r="K14547" s="369"/>
      <c r="L14547" s="370"/>
    </row>
    <row r="14548" spans="2:12">
      <c r="B14548" s="358" t="s">
        <v>22185</v>
      </c>
      <c r="C14548" s="358" t="s">
        <v>27755</v>
      </c>
      <c r="D14548" s="358" t="s">
        <v>22186</v>
      </c>
      <c r="E14548" s="358" t="s">
        <v>8356</v>
      </c>
      <c r="F14548" s="358" t="s">
        <v>14420</v>
      </c>
      <c r="G14548" s="358" t="s">
        <v>14429</v>
      </c>
      <c r="H14548" s="358" t="s">
        <v>14341</v>
      </c>
      <c r="I14548" s="358" t="s">
        <v>14429</v>
      </c>
      <c r="J14548" s="358"/>
      <c r="K14548" s="358"/>
      <c r="L14548" s="358"/>
    </row>
    <row r="14549" spans="2:12">
      <c r="B14549" s="367"/>
      <c r="C14549" s="367"/>
      <c r="D14549" s="367"/>
      <c r="E14549" s="367"/>
      <c r="F14549" s="360"/>
      <c r="G14549" s="360"/>
      <c r="H14549" s="360"/>
      <c r="I14549" s="360"/>
      <c r="J14549" s="365"/>
      <c r="K14549" s="365"/>
      <c r="L14549" s="365"/>
    </row>
    <row r="14550" spans="2:12">
      <c r="B14550" s="367"/>
      <c r="C14550" s="367"/>
      <c r="D14550" s="367"/>
      <c r="E14550" s="367"/>
      <c r="F14550" s="359" t="s">
        <v>14430</v>
      </c>
      <c r="G14550" s="359" t="s">
        <v>14431</v>
      </c>
      <c r="H14550" s="359" t="s">
        <v>14367</v>
      </c>
      <c r="I14550" s="359" t="s">
        <v>14431</v>
      </c>
      <c r="J14550" s="365"/>
      <c r="K14550" s="365"/>
      <c r="L14550" s="365"/>
    </row>
    <row r="14551" spans="2:12">
      <c r="B14551" s="367"/>
      <c r="C14551" s="367"/>
      <c r="D14551" s="367"/>
      <c r="E14551" s="367"/>
      <c r="F14551" s="360"/>
      <c r="G14551" s="360"/>
      <c r="H14551" s="360"/>
      <c r="I14551" s="360"/>
      <c r="J14551" s="365"/>
      <c r="K14551" s="365"/>
      <c r="L14551" s="365"/>
    </row>
    <row r="14552" spans="2:12">
      <c r="B14552" s="368"/>
      <c r="C14552" s="368"/>
      <c r="D14552" s="368"/>
      <c r="E14552" s="368"/>
      <c r="F14552" s="362"/>
      <c r="G14552" s="362"/>
      <c r="H14552" s="361" t="s">
        <v>14332</v>
      </c>
      <c r="I14552" s="362"/>
      <c r="J14552" s="366"/>
      <c r="K14552" s="366"/>
      <c r="L14552" s="366"/>
    </row>
    <row r="14553" spans="2:12" ht="28.5">
      <c r="B14553" s="358" t="s">
        <v>22187</v>
      </c>
      <c r="C14553" s="358" t="s">
        <v>22188</v>
      </c>
      <c r="D14553" s="358" t="s">
        <v>22189</v>
      </c>
      <c r="E14553" s="358" t="s">
        <v>22190</v>
      </c>
      <c r="F14553" s="358" t="s">
        <v>14420</v>
      </c>
      <c r="G14553" s="358" t="s">
        <v>14429</v>
      </c>
      <c r="H14553" s="358" t="s">
        <v>14341</v>
      </c>
      <c r="I14553" s="358" t="s">
        <v>14429</v>
      </c>
      <c r="J14553" s="358"/>
      <c r="K14553" s="358"/>
      <c r="L14553" s="358"/>
    </row>
    <row r="14554" spans="2:12">
      <c r="B14554" s="367"/>
      <c r="C14554" s="367"/>
      <c r="D14554" s="367"/>
      <c r="E14554" s="367"/>
      <c r="F14554" s="360"/>
      <c r="G14554" s="360"/>
      <c r="H14554" s="360"/>
      <c r="I14554" s="360"/>
      <c r="J14554" s="365"/>
      <c r="K14554" s="365"/>
      <c r="L14554" s="365"/>
    </row>
    <row r="14555" spans="2:12">
      <c r="B14555" s="367"/>
      <c r="C14555" s="367"/>
      <c r="D14555" s="367"/>
      <c r="E14555" s="367"/>
      <c r="F14555" s="359" t="s">
        <v>14430</v>
      </c>
      <c r="G14555" s="359" t="s">
        <v>14431</v>
      </c>
      <c r="H14555" s="359" t="s">
        <v>14367</v>
      </c>
      <c r="I14555" s="359" t="s">
        <v>14431</v>
      </c>
      <c r="J14555" s="365"/>
      <c r="K14555" s="365"/>
      <c r="L14555" s="365"/>
    </row>
    <row r="14556" spans="2:12">
      <c r="B14556" s="367"/>
      <c r="C14556" s="367"/>
      <c r="D14556" s="367"/>
      <c r="E14556" s="367"/>
      <c r="F14556" s="360"/>
      <c r="G14556" s="360"/>
      <c r="H14556" s="360"/>
      <c r="I14556" s="360"/>
      <c r="J14556" s="365"/>
      <c r="K14556" s="365"/>
      <c r="L14556" s="365"/>
    </row>
    <row r="14557" spans="2:12">
      <c r="B14557" s="368"/>
      <c r="C14557" s="368"/>
      <c r="D14557" s="368"/>
      <c r="E14557" s="368"/>
      <c r="F14557" s="361" t="s">
        <v>14391</v>
      </c>
      <c r="G14557" s="361" t="s">
        <v>14392</v>
      </c>
      <c r="H14557" s="361" t="s">
        <v>14332</v>
      </c>
      <c r="I14557" s="361" t="s">
        <v>14392</v>
      </c>
      <c r="J14557" s="366"/>
      <c r="K14557" s="366"/>
      <c r="L14557" s="366"/>
    </row>
    <row r="14558" spans="2:12">
      <c r="B14558" s="358" t="s">
        <v>22191</v>
      </c>
      <c r="C14558" s="358" t="s">
        <v>22192</v>
      </c>
      <c r="D14558" s="358" t="s">
        <v>8356</v>
      </c>
      <c r="E14558" s="358" t="s">
        <v>1784</v>
      </c>
      <c r="F14558" s="358" t="s">
        <v>14382</v>
      </c>
      <c r="G14558" s="358" t="s">
        <v>14483</v>
      </c>
      <c r="H14558" s="358" t="s">
        <v>14378</v>
      </c>
      <c r="I14558" s="358" t="s">
        <v>14483</v>
      </c>
      <c r="J14558" s="358"/>
      <c r="K14558" s="358" t="s">
        <v>15394</v>
      </c>
      <c r="L14558" s="358"/>
    </row>
    <row r="14559" spans="2:12">
      <c r="B14559" s="367"/>
      <c r="C14559" s="360"/>
      <c r="D14559" s="367"/>
      <c r="E14559" s="367"/>
      <c r="F14559" s="360"/>
      <c r="G14559" s="360"/>
      <c r="H14559" s="360"/>
      <c r="I14559" s="360"/>
      <c r="J14559" s="365"/>
      <c r="K14559" s="367"/>
      <c r="L14559" s="365"/>
    </row>
    <row r="14560" spans="2:12" ht="28.5">
      <c r="B14560" s="367"/>
      <c r="C14560" s="359" t="s">
        <v>22193</v>
      </c>
      <c r="D14560" s="367"/>
      <c r="E14560" s="367"/>
      <c r="F14560" s="359" t="s">
        <v>14382</v>
      </c>
      <c r="G14560" s="359" t="s">
        <v>14383</v>
      </c>
      <c r="H14560" s="359" t="s">
        <v>14370</v>
      </c>
      <c r="I14560" s="359" t="s">
        <v>14383</v>
      </c>
      <c r="J14560" s="365"/>
      <c r="K14560" s="367"/>
      <c r="L14560" s="365"/>
    </row>
    <row r="14561" spans="2:12">
      <c r="B14561" s="367"/>
      <c r="C14561" s="360"/>
      <c r="D14561" s="367"/>
      <c r="E14561" s="367"/>
      <c r="F14561" s="360"/>
      <c r="G14561" s="360"/>
      <c r="H14561" s="360"/>
      <c r="I14561" s="360"/>
      <c r="J14561" s="365"/>
      <c r="K14561" s="367"/>
      <c r="L14561" s="365"/>
    </row>
    <row r="14562" spans="2:12">
      <c r="B14562" s="367"/>
      <c r="C14562" s="360"/>
      <c r="D14562" s="367"/>
      <c r="E14562" s="367"/>
      <c r="F14562" s="359" t="s">
        <v>14391</v>
      </c>
      <c r="G14562" s="359" t="s">
        <v>14392</v>
      </c>
      <c r="H14562" s="359" t="s">
        <v>14332</v>
      </c>
      <c r="I14562" s="359" t="s">
        <v>14392</v>
      </c>
      <c r="J14562" s="365"/>
      <c r="K14562" s="367"/>
      <c r="L14562" s="365"/>
    </row>
    <row r="14563" spans="2:12">
      <c r="B14563" s="367"/>
      <c r="C14563" s="360"/>
      <c r="D14563" s="367"/>
      <c r="E14563" s="367"/>
      <c r="F14563" s="360"/>
      <c r="G14563" s="360"/>
      <c r="H14563" s="360"/>
      <c r="I14563" s="360"/>
      <c r="J14563" s="365"/>
      <c r="K14563" s="367"/>
      <c r="L14563" s="365"/>
    </row>
    <row r="14564" spans="2:12">
      <c r="B14564" s="367"/>
      <c r="C14564" s="360"/>
      <c r="D14564" s="367"/>
      <c r="E14564" s="367"/>
      <c r="F14564" s="359" t="s">
        <v>14371</v>
      </c>
      <c r="G14564" s="359" t="s">
        <v>14372</v>
      </c>
      <c r="H14564" s="360"/>
      <c r="I14564" s="359" t="s">
        <v>14373</v>
      </c>
      <c r="J14564" s="365"/>
      <c r="K14564" s="367"/>
      <c r="L14564" s="365"/>
    </row>
    <row r="14565" spans="2:12">
      <c r="B14565" s="367"/>
      <c r="C14565" s="360"/>
      <c r="D14565" s="367"/>
      <c r="E14565" s="367"/>
      <c r="F14565" s="360"/>
      <c r="G14565" s="360"/>
      <c r="H14565" s="360"/>
      <c r="I14565" s="360"/>
      <c r="J14565" s="365"/>
      <c r="K14565" s="367"/>
      <c r="L14565" s="365"/>
    </row>
    <row r="14566" spans="2:12" ht="28.5">
      <c r="B14566" s="368"/>
      <c r="C14566" s="362"/>
      <c r="D14566" s="368"/>
      <c r="E14566" s="368"/>
      <c r="F14566" s="361" t="s">
        <v>14374</v>
      </c>
      <c r="G14566" s="361" t="s">
        <v>14373</v>
      </c>
      <c r="H14566" s="362"/>
      <c r="I14566" s="362"/>
      <c r="J14566" s="366"/>
      <c r="K14566" s="368"/>
      <c r="L14566" s="366"/>
    </row>
    <row r="14567" spans="2:12" ht="28.5">
      <c r="B14567" s="358" t="s">
        <v>22194</v>
      </c>
      <c r="C14567" s="358" t="s">
        <v>27756</v>
      </c>
      <c r="D14567" s="358" t="s">
        <v>22195</v>
      </c>
      <c r="E14567" s="358" t="s">
        <v>22196</v>
      </c>
      <c r="F14567" s="358" t="s">
        <v>14394</v>
      </c>
      <c r="G14567" s="358" t="s">
        <v>14395</v>
      </c>
      <c r="H14567" s="358" t="s">
        <v>14370</v>
      </c>
      <c r="I14567" s="358" t="s">
        <v>14395</v>
      </c>
      <c r="J14567" s="358"/>
      <c r="K14567" s="358"/>
      <c r="L14567" s="358"/>
    </row>
    <row r="14568" spans="2:12">
      <c r="B14568" s="368"/>
      <c r="C14568" s="368"/>
      <c r="D14568" s="368"/>
      <c r="E14568" s="368"/>
      <c r="F14568" s="368"/>
      <c r="G14568" s="368"/>
      <c r="H14568" s="368"/>
      <c r="I14568" s="368"/>
      <c r="J14568" s="366"/>
      <c r="K14568" s="366"/>
      <c r="L14568" s="366"/>
    </row>
    <row r="14569" spans="2:12" ht="28.5">
      <c r="B14569" s="358" t="s">
        <v>22197</v>
      </c>
      <c r="C14569" s="358" t="s">
        <v>22198</v>
      </c>
      <c r="D14569" s="358" t="s">
        <v>22199</v>
      </c>
      <c r="E14569" s="358" t="s">
        <v>22200</v>
      </c>
      <c r="F14569" s="358" t="s">
        <v>14371</v>
      </c>
      <c r="G14569" s="358" t="s">
        <v>14372</v>
      </c>
      <c r="H14569" s="358" t="s">
        <v>14370</v>
      </c>
      <c r="I14569" s="358" t="s">
        <v>14373</v>
      </c>
      <c r="J14569" s="358"/>
      <c r="K14569" s="358"/>
      <c r="L14569" s="358"/>
    </row>
    <row r="14570" spans="2:12">
      <c r="B14570" s="367"/>
      <c r="C14570" s="367"/>
      <c r="D14570" s="367"/>
      <c r="E14570" s="367"/>
      <c r="F14570" s="360"/>
      <c r="G14570" s="360"/>
      <c r="H14570" s="360"/>
      <c r="I14570" s="367"/>
      <c r="J14570" s="365"/>
      <c r="K14570" s="365"/>
      <c r="L14570" s="365"/>
    </row>
    <row r="14571" spans="2:12" ht="28.5">
      <c r="B14571" s="368"/>
      <c r="C14571" s="368"/>
      <c r="D14571" s="368"/>
      <c r="E14571" s="368"/>
      <c r="F14571" s="361" t="s">
        <v>14374</v>
      </c>
      <c r="G14571" s="361" t="s">
        <v>14373</v>
      </c>
      <c r="H14571" s="361" t="s">
        <v>14422</v>
      </c>
      <c r="I14571" s="368"/>
      <c r="J14571" s="366"/>
      <c r="K14571" s="366"/>
      <c r="L14571" s="366"/>
    </row>
    <row r="14572" spans="2:12">
      <c r="B14572" s="358" t="s">
        <v>22201</v>
      </c>
      <c r="C14572" s="358" t="s">
        <v>22202</v>
      </c>
      <c r="D14572" s="358" t="s">
        <v>22203</v>
      </c>
      <c r="E14572" s="358" t="s">
        <v>22204</v>
      </c>
      <c r="F14572" s="358" t="s">
        <v>14420</v>
      </c>
      <c r="G14572" s="358" t="s">
        <v>14429</v>
      </c>
      <c r="H14572" s="358" t="s">
        <v>14341</v>
      </c>
      <c r="I14572" s="358" t="s">
        <v>14429</v>
      </c>
      <c r="J14572" s="358"/>
      <c r="K14572" s="358"/>
      <c r="L14572" s="358"/>
    </row>
    <row r="14573" spans="2:12">
      <c r="B14573" s="367"/>
      <c r="C14573" s="367"/>
      <c r="D14573" s="367"/>
      <c r="E14573" s="367"/>
      <c r="F14573" s="360"/>
      <c r="G14573" s="360"/>
      <c r="H14573" s="360"/>
      <c r="I14573" s="360"/>
      <c r="J14573" s="365"/>
      <c r="K14573" s="365"/>
      <c r="L14573" s="365"/>
    </row>
    <row r="14574" spans="2:12">
      <c r="B14574" s="367"/>
      <c r="C14574" s="367"/>
      <c r="D14574" s="367"/>
      <c r="E14574" s="367"/>
      <c r="F14574" s="359" t="s">
        <v>14430</v>
      </c>
      <c r="G14574" s="359" t="s">
        <v>14431</v>
      </c>
      <c r="H14574" s="359" t="s">
        <v>14367</v>
      </c>
      <c r="I14574" s="359" t="s">
        <v>14431</v>
      </c>
      <c r="J14574" s="365"/>
      <c r="K14574" s="365"/>
      <c r="L14574" s="365"/>
    </row>
    <row r="14575" spans="2:12">
      <c r="B14575" s="367"/>
      <c r="C14575" s="367"/>
      <c r="D14575" s="367"/>
      <c r="E14575" s="367"/>
      <c r="F14575" s="360"/>
      <c r="G14575" s="360"/>
      <c r="H14575" s="360"/>
      <c r="I14575" s="360"/>
      <c r="J14575" s="365"/>
      <c r="K14575" s="365"/>
      <c r="L14575" s="365"/>
    </row>
    <row r="14576" spans="2:12" ht="28.5">
      <c r="B14576" s="367"/>
      <c r="C14576" s="367"/>
      <c r="D14576" s="367"/>
      <c r="E14576" s="367"/>
      <c r="F14576" s="359" t="s">
        <v>14394</v>
      </c>
      <c r="G14576" s="359" t="s">
        <v>14395</v>
      </c>
      <c r="H14576" s="359" t="s">
        <v>14370</v>
      </c>
      <c r="I14576" s="359" t="s">
        <v>14395</v>
      </c>
      <c r="J14576" s="365"/>
      <c r="K14576" s="365"/>
      <c r="L14576" s="365"/>
    </row>
    <row r="14577" spans="2:12">
      <c r="B14577" s="367"/>
      <c r="C14577" s="367"/>
      <c r="D14577" s="367"/>
      <c r="E14577" s="367"/>
      <c r="F14577" s="360"/>
      <c r="G14577" s="360"/>
      <c r="H14577" s="360"/>
      <c r="I14577" s="360"/>
      <c r="J14577" s="365"/>
      <c r="K14577" s="365"/>
      <c r="L14577" s="365"/>
    </row>
    <row r="14578" spans="2:12">
      <c r="B14578" s="368"/>
      <c r="C14578" s="368"/>
      <c r="D14578" s="368"/>
      <c r="E14578" s="368"/>
      <c r="F14578" s="362"/>
      <c r="G14578" s="362"/>
      <c r="H14578" s="361" t="s">
        <v>14332</v>
      </c>
      <c r="I14578" s="362"/>
      <c r="J14578" s="366"/>
      <c r="K14578" s="366"/>
      <c r="L14578" s="366"/>
    </row>
    <row r="14579" spans="2:12">
      <c r="B14579" s="358" t="s">
        <v>22205</v>
      </c>
      <c r="C14579" s="358" t="s">
        <v>27757</v>
      </c>
      <c r="D14579" s="358" t="s">
        <v>22206</v>
      </c>
      <c r="E14579" s="358" t="s">
        <v>22207</v>
      </c>
      <c r="F14579" s="358" t="s">
        <v>14382</v>
      </c>
      <c r="G14579" s="358" t="s">
        <v>14383</v>
      </c>
      <c r="H14579" s="358" t="s">
        <v>14378</v>
      </c>
      <c r="I14579" s="358" t="s">
        <v>14383</v>
      </c>
      <c r="J14579" s="358"/>
      <c r="K14579" s="358"/>
      <c r="L14579" s="358"/>
    </row>
    <row r="14580" spans="2:12">
      <c r="B14580" s="367"/>
      <c r="C14580" s="367"/>
      <c r="D14580" s="367"/>
      <c r="E14580" s="367"/>
      <c r="F14580" s="360"/>
      <c r="G14580" s="360"/>
      <c r="H14580" s="360"/>
      <c r="I14580" s="360"/>
      <c r="J14580" s="365"/>
      <c r="K14580" s="365"/>
      <c r="L14580" s="365"/>
    </row>
    <row r="14581" spans="2:12">
      <c r="B14581" s="367"/>
      <c r="C14581" s="367"/>
      <c r="D14581" s="367"/>
      <c r="E14581" s="367"/>
      <c r="F14581" s="359" t="s">
        <v>14430</v>
      </c>
      <c r="G14581" s="359" t="s">
        <v>14431</v>
      </c>
      <c r="H14581" s="359" t="s">
        <v>14341</v>
      </c>
      <c r="I14581" s="359" t="s">
        <v>14431</v>
      </c>
      <c r="J14581" s="365"/>
      <c r="K14581" s="365"/>
      <c r="L14581" s="365"/>
    </row>
    <row r="14582" spans="2:12">
      <c r="B14582" s="367"/>
      <c r="C14582" s="367"/>
      <c r="D14582" s="367"/>
      <c r="E14582" s="367"/>
      <c r="F14582" s="360"/>
      <c r="G14582" s="360"/>
      <c r="H14582" s="360"/>
      <c r="I14582" s="360"/>
      <c r="J14582" s="365"/>
      <c r="K14582" s="365"/>
      <c r="L14582" s="365"/>
    </row>
    <row r="14583" spans="2:12">
      <c r="B14583" s="367"/>
      <c r="C14583" s="367"/>
      <c r="D14583" s="367"/>
      <c r="E14583" s="367"/>
      <c r="F14583" s="359" t="s">
        <v>14391</v>
      </c>
      <c r="G14583" s="359" t="s">
        <v>14392</v>
      </c>
      <c r="H14583" s="359" t="s">
        <v>14370</v>
      </c>
      <c r="I14583" s="359" t="s">
        <v>14392</v>
      </c>
      <c r="J14583" s="365"/>
      <c r="K14583" s="365"/>
      <c r="L14583" s="365"/>
    </row>
    <row r="14584" spans="2:12">
      <c r="B14584" s="367"/>
      <c r="C14584" s="367"/>
      <c r="D14584" s="367"/>
      <c r="E14584" s="367"/>
      <c r="F14584" s="360"/>
      <c r="G14584" s="360"/>
      <c r="H14584" s="360"/>
      <c r="I14584" s="360"/>
      <c r="J14584" s="365"/>
      <c r="K14584" s="365"/>
      <c r="L14584" s="365"/>
    </row>
    <row r="14585" spans="2:12">
      <c r="B14585" s="367"/>
      <c r="C14585" s="367"/>
      <c r="D14585" s="367"/>
      <c r="E14585" s="367"/>
      <c r="F14585" s="359" t="s">
        <v>14371</v>
      </c>
      <c r="G14585" s="359" t="s">
        <v>14372</v>
      </c>
      <c r="H14585" s="359" t="s">
        <v>14332</v>
      </c>
      <c r="I14585" s="359" t="s">
        <v>14373</v>
      </c>
      <c r="J14585" s="365"/>
      <c r="K14585" s="365"/>
      <c r="L14585" s="365"/>
    </row>
    <row r="14586" spans="2:12">
      <c r="B14586" s="367"/>
      <c r="C14586" s="367"/>
      <c r="D14586" s="367"/>
      <c r="E14586" s="367"/>
      <c r="F14586" s="360"/>
      <c r="G14586" s="360"/>
      <c r="H14586" s="360"/>
      <c r="I14586" s="360"/>
      <c r="J14586" s="365"/>
      <c r="K14586" s="365"/>
      <c r="L14586" s="365"/>
    </row>
    <row r="14587" spans="2:12" ht="28.5">
      <c r="B14587" s="368"/>
      <c r="C14587" s="368"/>
      <c r="D14587" s="368"/>
      <c r="E14587" s="368"/>
      <c r="F14587" s="361" t="s">
        <v>14374</v>
      </c>
      <c r="G14587" s="361" t="s">
        <v>14373</v>
      </c>
      <c r="H14587" s="362"/>
      <c r="I14587" s="362"/>
      <c r="J14587" s="366"/>
      <c r="K14587" s="366"/>
      <c r="L14587" s="366"/>
    </row>
    <row r="14588" spans="2:12" ht="28.5">
      <c r="B14588" s="358" t="s">
        <v>22208</v>
      </c>
      <c r="C14588" s="358" t="s">
        <v>22209</v>
      </c>
      <c r="D14588" s="358" t="s">
        <v>22210</v>
      </c>
      <c r="E14588" s="358" t="s">
        <v>8356</v>
      </c>
      <c r="F14588" s="358" t="s">
        <v>14472</v>
      </c>
      <c r="G14588" s="358" t="s">
        <v>14473</v>
      </c>
      <c r="H14588" s="358" t="s">
        <v>8356</v>
      </c>
      <c r="I14588" s="358" t="s">
        <v>14473</v>
      </c>
      <c r="J14588" s="358"/>
      <c r="K14588" s="358"/>
      <c r="L14588" s="358"/>
    </row>
    <row r="14589" spans="2:12">
      <c r="B14589" s="368"/>
      <c r="C14589" s="368"/>
      <c r="D14589" s="368"/>
      <c r="E14589" s="368"/>
      <c r="F14589" s="368"/>
      <c r="G14589" s="368"/>
      <c r="H14589" s="368"/>
      <c r="I14589" s="368"/>
      <c r="J14589" s="366"/>
      <c r="K14589" s="366"/>
      <c r="L14589" s="366"/>
    </row>
    <row r="14590" spans="2:12" ht="28.5">
      <c r="B14590" s="358" t="s">
        <v>22211</v>
      </c>
      <c r="C14590" s="358" t="s">
        <v>22212</v>
      </c>
      <c r="D14590" s="358" t="s">
        <v>8356</v>
      </c>
      <c r="E14590" s="358" t="s">
        <v>8356</v>
      </c>
      <c r="F14590" s="358" t="s">
        <v>14507</v>
      </c>
      <c r="G14590" s="358" t="s">
        <v>29394</v>
      </c>
      <c r="H14590" s="358" t="s">
        <v>14378</v>
      </c>
      <c r="I14590" s="358" t="s">
        <v>29394</v>
      </c>
      <c r="J14590" s="358"/>
      <c r="K14590" s="358" t="s">
        <v>14517</v>
      </c>
      <c r="L14590" s="358" t="s">
        <v>9491</v>
      </c>
    </row>
    <row r="14591" spans="2:12">
      <c r="B14591" s="367"/>
      <c r="C14591" s="367"/>
      <c r="D14591" s="367"/>
      <c r="E14591" s="367"/>
      <c r="F14591" s="360"/>
      <c r="G14591" s="360"/>
      <c r="H14591" s="360"/>
      <c r="I14591" s="360"/>
      <c r="J14591" s="365"/>
      <c r="K14591" s="367"/>
      <c r="L14591" s="367"/>
    </row>
    <row r="14592" spans="2:12">
      <c r="B14592" s="367"/>
      <c r="C14592" s="367"/>
      <c r="D14592" s="367"/>
      <c r="E14592" s="367"/>
      <c r="F14592" s="359" t="s">
        <v>14379</v>
      </c>
      <c r="G14592" s="359" t="s">
        <v>14383</v>
      </c>
      <c r="H14592" s="359" t="s">
        <v>14381</v>
      </c>
      <c r="I14592" s="359" t="s">
        <v>14383</v>
      </c>
      <c r="J14592" s="365"/>
      <c r="K14592" s="367"/>
      <c r="L14592" s="367"/>
    </row>
    <row r="14593" spans="2:12">
      <c r="B14593" s="367"/>
      <c r="C14593" s="367"/>
      <c r="D14593" s="367"/>
      <c r="E14593" s="367"/>
      <c r="F14593" s="360"/>
      <c r="G14593" s="360"/>
      <c r="H14593" s="360"/>
      <c r="I14593" s="360"/>
      <c r="J14593" s="365"/>
      <c r="K14593" s="367"/>
      <c r="L14593" s="367"/>
    </row>
    <row r="14594" spans="2:12">
      <c r="B14594" s="367"/>
      <c r="C14594" s="367"/>
      <c r="D14594" s="367"/>
      <c r="E14594" s="367"/>
      <c r="F14594" s="359" t="s">
        <v>14382</v>
      </c>
      <c r="G14594" s="359" t="s">
        <v>14392</v>
      </c>
      <c r="H14594" s="359" t="s">
        <v>14370</v>
      </c>
      <c r="I14594" s="359" t="s">
        <v>14392</v>
      </c>
      <c r="J14594" s="365"/>
      <c r="K14594" s="367"/>
      <c r="L14594" s="367"/>
    </row>
    <row r="14595" spans="2:12">
      <c r="B14595" s="367"/>
      <c r="C14595" s="367"/>
      <c r="D14595" s="367"/>
      <c r="E14595" s="367"/>
      <c r="F14595" s="360"/>
      <c r="G14595" s="360"/>
      <c r="H14595" s="360"/>
      <c r="I14595" s="360"/>
      <c r="J14595" s="365"/>
      <c r="K14595" s="367"/>
      <c r="L14595" s="367"/>
    </row>
    <row r="14596" spans="2:12">
      <c r="B14596" s="367"/>
      <c r="C14596" s="367"/>
      <c r="D14596" s="367"/>
      <c r="E14596" s="367"/>
      <c r="F14596" s="359" t="s">
        <v>14391</v>
      </c>
      <c r="G14596" s="359" t="s">
        <v>14372</v>
      </c>
      <c r="H14596" s="359" t="s">
        <v>14332</v>
      </c>
      <c r="I14596" s="359" t="s">
        <v>14373</v>
      </c>
      <c r="J14596" s="365"/>
      <c r="K14596" s="367"/>
      <c r="L14596" s="367"/>
    </row>
    <row r="14597" spans="2:12">
      <c r="B14597" s="367"/>
      <c r="C14597" s="367"/>
      <c r="D14597" s="367"/>
      <c r="E14597" s="367"/>
      <c r="F14597" s="360"/>
      <c r="G14597" s="360"/>
      <c r="H14597" s="360"/>
      <c r="I14597" s="360"/>
      <c r="J14597" s="365"/>
      <c r="K14597" s="367"/>
      <c r="L14597" s="367"/>
    </row>
    <row r="14598" spans="2:12">
      <c r="B14598" s="367"/>
      <c r="C14598" s="367"/>
      <c r="D14598" s="367"/>
      <c r="E14598" s="367"/>
      <c r="F14598" s="359" t="s">
        <v>14371</v>
      </c>
      <c r="G14598" s="359" t="s">
        <v>14373</v>
      </c>
      <c r="H14598" s="360"/>
      <c r="I14598" s="360"/>
      <c r="J14598" s="365"/>
      <c r="K14598" s="367"/>
      <c r="L14598" s="367"/>
    </row>
    <row r="14599" spans="2:12">
      <c r="B14599" s="367"/>
      <c r="C14599" s="367"/>
      <c r="D14599" s="367"/>
      <c r="E14599" s="367"/>
      <c r="F14599" s="360"/>
      <c r="G14599" s="360"/>
      <c r="H14599" s="360"/>
      <c r="I14599" s="360"/>
      <c r="J14599" s="365"/>
      <c r="K14599" s="367"/>
      <c r="L14599" s="367"/>
    </row>
    <row r="14600" spans="2:12" ht="28.5">
      <c r="B14600" s="368"/>
      <c r="C14600" s="368"/>
      <c r="D14600" s="368"/>
      <c r="E14600" s="368"/>
      <c r="F14600" s="361" t="s">
        <v>14374</v>
      </c>
      <c r="G14600" s="362"/>
      <c r="H14600" s="362"/>
      <c r="I14600" s="362"/>
      <c r="J14600" s="366"/>
      <c r="K14600" s="368"/>
      <c r="L14600" s="368"/>
    </row>
    <row r="14601" spans="2:12" ht="28.5">
      <c r="B14601" s="358" t="s">
        <v>22213</v>
      </c>
      <c r="C14601" s="358" t="s">
        <v>22214</v>
      </c>
      <c r="D14601" s="358" t="s">
        <v>8356</v>
      </c>
      <c r="E14601" s="358" t="s">
        <v>8356</v>
      </c>
      <c r="F14601" s="358" t="s">
        <v>14507</v>
      </c>
      <c r="G14601" s="358" t="s">
        <v>29397</v>
      </c>
      <c r="H14601" s="358" t="s">
        <v>14378</v>
      </c>
      <c r="I14601" s="358" t="s">
        <v>29397</v>
      </c>
      <c r="J14601" s="358"/>
      <c r="K14601" s="358" t="s">
        <v>14517</v>
      </c>
      <c r="L14601" s="358" t="s">
        <v>9491</v>
      </c>
    </row>
    <row r="14602" spans="2:12">
      <c r="B14602" s="367"/>
      <c r="C14602" s="367"/>
      <c r="D14602" s="367"/>
      <c r="E14602" s="367"/>
      <c r="F14602" s="360"/>
      <c r="G14602" s="360"/>
      <c r="H14602" s="360"/>
      <c r="I14602" s="360"/>
      <c r="J14602" s="365"/>
      <c r="K14602" s="367"/>
      <c r="L14602" s="367"/>
    </row>
    <row r="14603" spans="2:12">
      <c r="B14603" s="367"/>
      <c r="C14603" s="367"/>
      <c r="D14603" s="367"/>
      <c r="E14603" s="367"/>
      <c r="F14603" s="359" t="s">
        <v>14382</v>
      </c>
      <c r="G14603" s="359" t="s">
        <v>14383</v>
      </c>
      <c r="H14603" s="359" t="s">
        <v>14381</v>
      </c>
      <c r="I14603" s="359" t="s">
        <v>14383</v>
      </c>
      <c r="J14603" s="365"/>
      <c r="K14603" s="367"/>
      <c r="L14603" s="367"/>
    </row>
    <row r="14604" spans="2:12">
      <c r="B14604" s="367"/>
      <c r="C14604" s="367"/>
      <c r="D14604" s="367"/>
      <c r="E14604" s="367"/>
      <c r="F14604" s="360"/>
      <c r="G14604" s="360"/>
      <c r="H14604" s="360"/>
      <c r="I14604" s="360"/>
      <c r="J14604" s="365"/>
      <c r="K14604" s="367"/>
      <c r="L14604" s="367"/>
    </row>
    <row r="14605" spans="2:12">
      <c r="B14605" s="367"/>
      <c r="C14605" s="367"/>
      <c r="D14605" s="367"/>
      <c r="E14605" s="367"/>
      <c r="F14605" s="359" t="s">
        <v>14382</v>
      </c>
      <c r="G14605" s="359" t="s">
        <v>14421</v>
      </c>
      <c r="H14605" s="359" t="s">
        <v>14370</v>
      </c>
      <c r="I14605" s="359" t="s">
        <v>14421</v>
      </c>
      <c r="J14605" s="365"/>
      <c r="K14605" s="367"/>
      <c r="L14605" s="367"/>
    </row>
    <row r="14606" spans="2:12">
      <c r="B14606" s="367"/>
      <c r="C14606" s="367"/>
      <c r="D14606" s="367"/>
      <c r="E14606" s="367"/>
      <c r="F14606" s="360"/>
      <c r="G14606" s="360"/>
      <c r="H14606" s="360"/>
      <c r="I14606" s="360"/>
      <c r="J14606" s="365"/>
      <c r="K14606" s="367"/>
      <c r="L14606" s="367"/>
    </row>
    <row r="14607" spans="2:12">
      <c r="B14607" s="367"/>
      <c r="C14607" s="367"/>
      <c r="D14607" s="367"/>
      <c r="E14607" s="367"/>
      <c r="F14607" s="359" t="s">
        <v>14420</v>
      </c>
      <c r="G14607" s="359" t="s">
        <v>14519</v>
      </c>
      <c r="H14607" s="359" t="s">
        <v>14332</v>
      </c>
      <c r="I14607" s="359" t="s">
        <v>14519</v>
      </c>
      <c r="J14607" s="365"/>
      <c r="K14607" s="367"/>
      <c r="L14607" s="367"/>
    </row>
    <row r="14608" spans="2:12">
      <c r="B14608" s="367"/>
      <c r="C14608" s="367"/>
      <c r="D14608" s="367"/>
      <c r="E14608" s="367"/>
      <c r="F14608" s="360"/>
      <c r="G14608" s="360"/>
      <c r="H14608" s="360"/>
      <c r="I14608" s="360"/>
      <c r="J14608" s="365"/>
      <c r="K14608" s="367"/>
      <c r="L14608" s="367"/>
    </row>
    <row r="14609" spans="2:12">
      <c r="B14609" s="367"/>
      <c r="C14609" s="367"/>
      <c r="D14609" s="367"/>
      <c r="E14609" s="367"/>
      <c r="F14609" s="359" t="s">
        <v>14460</v>
      </c>
      <c r="G14609" s="359" t="s">
        <v>14387</v>
      </c>
      <c r="H14609" s="360"/>
      <c r="I14609" s="359" t="s">
        <v>14387</v>
      </c>
      <c r="J14609" s="365"/>
      <c r="K14609" s="367"/>
      <c r="L14609" s="367"/>
    </row>
    <row r="14610" spans="2:12">
      <c r="B14610" s="367"/>
      <c r="C14610" s="367"/>
      <c r="D14610" s="367"/>
      <c r="E14610" s="367"/>
      <c r="F14610" s="360"/>
      <c r="G14610" s="360"/>
      <c r="H14610" s="360"/>
      <c r="I14610" s="360"/>
      <c r="J14610" s="365"/>
      <c r="K14610" s="367"/>
      <c r="L14610" s="367"/>
    </row>
    <row r="14611" spans="2:12">
      <c r="B14611" s="367"/>
      <c r="C14611" s="367"/>
      <c r="D14611" s="367"/>
      <c r="E14611" s="367"/>
      <c r="F14611" s="359" t="s">
        <v>14386</v>
      </c>
      <c r="G14611" s="359" t="s">
        <v>14372</v>
      </c>
      <c r="H14611" s="360"/>
      <c r="I14611" s="359" t="s">
        <v>14373</v>
      </c>
      <c r="J14611" s="365"/>
      <c r="K14611" s="367"/>
      <c r="L14611" s="367"/>
    </row>
    <row r="14612" spans="2:12">
      <c r="B14612" s="367"/>
      <c r="C14612" s="367"/>
      <c r="D14612" s="367"/>
      <c r="E14612" s="367"/>
      <c r="F14612" s="360"/>
      <c r="G14612" s="360"/>
      <c r="H14612" s="360"/>
      <c r="I14612" s="360"/>
      <c r="J14612" s="365"/>
      <c r="K14612" s="367"/>
      <c r="L14612" s="367"/>
    </row>
    <row r="14613" spans="2:12">
      <c r="B14613" s="367"/>
      <c r="C14613" s="367"/>
      <c r="D14613" s="367"/>
      <c r="E14613" s="367"/>
      <c r="F14613" s="359" t="s">
        <v>14371</v>
      </c>
      <c r="G14613" s="359" t="s">
        <v>14373</v>
      </c>
      <c r="H14613" s="360"/>
      <c r="I14613" s="360"/>
      <c r="J14613" s="365"/>
      <c r="K14613" s="367"/>
      <c r="L14613" s="367"/>
    </row>
    <row r="14614" spans="2:12">
      <c r="B14614" s="367"/>
      <c r="C14614" s="367"/>
      <c r="D14614" s="367"/>
      <c r="E14614" s="367"/>
      <c r="F14614" s="360"/>
      <c r="G14614" s="360"/>
      <c r="H14614" s="360"/>
      <c r="I14614" s="360"/>
      <c r="J14614" s="365"/>
      <c r="K14614" s="367"/>
      <c r="L14614" s="367"/>
    </row>
    <row r="14615" spans="2:12" ht="28.5">
      <c r="B14615" s="368"/>
      <c r="C14615" s="368"/>
      <c r="D14615" s="368"/>
      <c r="E14615" s="368"/>
      <c r="F14615" s="361" t="s">
        <v>14374</v>
      </c>
      <c r="G14615" s="362"/>
      <c r="H14615" s="362"/>
      <c r="I14615" s="362"/>
      <c r="J14615" s="366"/>
      <c r="K14615" s="368"/>
      <c r="L14615" s="368"/>
    </row>
    <row r="14616" spans="2:12">
      <c r="B14616" s="354" t="s">
        <v>14492</v>
      </c>
      <c r="C14616" s="369"/>
      <c r="D14616" s="369"/>
      <c r="E14616" s="369"/>
      <c r="F14616" s="369"/>
      <c r="G14616" s="369"/>
      <c r="H14616" s="369"/>
      <c r="I14616" s="369"/>
      <c r="J14616" s="369"/>
      <c r="K14616" s="369"/>
      <c r="L14616" s="370"/>
    </row>
    <row r="14617" spans="2:12">
      <c r="B14617" s="358" t="s">
        <v>13733</v>
      </c>
      <c r="C14617" s="358" t="s">
        <v>13898</v>
      </c>
      <c r="D14617" s="358" t="s">
        <v>13734</v>
      </c>
      <c r="E14617" s="358" t="s">
        <v>13899</v>
      </c>
      <c r="F14617" s="358" t="s">
        <v>14889</v>
      </c>
      <c r="G14617" s="358" t="s">
        <v>14890</v>
      </c>
      <c r="H14617" s="358" t="s">
        <v>14381</v>
      </c>
      <c r="I14617" s="358" t="s">
        <v>14890</v>
      </c>
      <c r="J14617" s="358"/>
      <c r="K14617" s="358"/>
      <c r="L14617" s="358"/>
    </row>
    <row r="14618" spans="2:12">
      <c r="B14618" s="367"/>
      <c r="C14618" s="367"/>
      <c r="D14618" s="367"/>
      <c r="E14618" s="367"/>
      <c r="F14618" s="367"/>
      <c r="G14618" s="367"/>
      <c r="H14618" s="360"/>
      <c r="I14618" s="367"/>
      <c r="J14618" s="365"/>
      <c r="K14618" s="365"/>
      <c r="L14618" s="365"/>
    </row>
    <row r="14619" spans="2:12">
      <c r="B14619" s="368"/>
      <c r="C14619" s="368"/>
      <c r="D14619" s="368"/>
      <c r="E14619" s="368"/>
      <c r="F14619" s="368"/>
      <c r="G14619" s="368"/>
      <c r="H14619" s="361" t="s">
        <v>14332</v>
      </c>
      <c r="I14619" s="368"/>
      <c r="J14619" s="366"/>
      <c r="K14619" s="366"/>
      <c r="L14619" s="366"/>
    </row>
    <row r="14620" spans="2:12">
      <c r="B14620" s="354" t="s">
        <v>28574</v>
      </c>
      <c r="C14620" s="369"/>
      <c r="D14620" s="369"/>
      <c r="E14620" s="369"/>
      <c r="F14620" s="369"/>
      <c r="G14620" s="369"/>
      <c r="H14620" s="369"/>
      <c r="I14620" s="369"/>
      <c r="J14620" s="369"/>
      <c r="K14620" s="369"/>
      <c r="L14620" s="370"/>
    </row>
    <row r="14621" spans="2:12" ht="28.5">
      <c r="B14621" s="358" t="s">
        <v>29411</v>
      </c>
      <c r="C14621" s="358" t="s">
        <v>28432</v>
      </c>
      <c r="D14621" s="358" t="s">
        <v>8356</v>
      </c>
      <c r="E14621" s="358" t="s">
        <v>28433</v>
      </c>
      <c r="F14621" s="358" t="s">
        <v>14374</v>
      </c>
      <c r="G14621" s="358" t="s">
        <v>14373</v>
      </c>
      <c r="H14621" s="358" t="s">
        <v>14370</v>
      </c>
      <c r="I14621" s="358" t="s">
        <v>14373</v>
      </c>
      <c r="J14621" s="358"/>
      <c r="K14621" s="358" t="s">
        <v>14557</v>
      </c>
      <c r="L14621" s="358"/>
    </row>
    <row r="14622" spans="2:12">
      <c r="B14622" s="367"/>
      <c r="C14622" s="360"/>
      <c r="D14622" s="367"/>
      <c r="E14622" s="367"/>
      <c r="F14622" s="367"/>
      <c r="G14622" s="367"/>
      <c r="H14622" s="360"/>
      <c r="I14622" s="367"/>
      <c r="J14622" s="365"/>
      <c r="K14622" s="367"/>
      <c r="L14622" s="365"/>
    </row>
    <row r="14623" spans="2:12" ht="28.5">
      <c r="B14623" s="368"/>
      <c r="C14623" s="361" t="s">
        <v>30303</v>
      </c>
      <c r="D14623" s="368"/>
      <c r="E14623" s="368"/>
      <c r="F14623" s="368"/>
      <c r="G14623" s="368"/>
      <c r="H14623" s="361" t="s">
        <v>14422</v>
      </c>
      <c r="I14623" s="368"/>
      <c r="J14623" s="366"/>
      <c r="K14623" s="368"/>
      <c r="L14623" s="366"/>
    </row>
    <row r="14624" spans="2:12">
      <c r="B14624" s="354" t="s">
        <v>28528</v>
      </c>
      <c r="C14624" s="369"/>
      <c r="D14624" s="369"/>
      <c r="E14624" s="369"/>
      <c r="F14624" s="369"/>
      <c r="G14624" s="369"/>
      <c r="H14624" s="369"/>
      <c r="I14624" s="369"/>
      <c r="J14624" s="369"/>
      <c r="K14624" s="369"/>
      <c r="L14624" s="370"/>
    </row>
    <row r="14625" spans="2:12">
      <c r="B14625" s="358" t="s">
        <v>22215</v>
      </c>
      <c r="C14625" s="358" t="s">
        <v>22216</v>
      </c>
      <c r="D14625" s="358" t="s">
        <v>22217</v>
      </c>
      <c r="E14625" s="358" t="s">
        <v>22218</v>
      </c>
      <c r="F14625" s="358" t="s">
        <v>14418</v>
      </c>
      <c r="G14625" s="358" t="s">
        <v>14419</v>
      </c>
      <c r="H14625" s="358" t="s">
        <v>14328</v>
      </c>
      <c r="I14625" s="358" t="s">
        <v>29412</v>
      </c>
      <c r="J14625" s="358"/>
      <c r="K14625" s="358" t="s">
        <v>14929</v>
      </c>
      <c r="L14625" s="358"/>
    </row>
    <row r="14626" spans="2:12">
      <c r="B14626" s="367"/>
      <c r="C14626" s="367"/>
      <c r="D14626" s="367"/>
      <c r="E14626" s="367"/>
      <c r="F14626" s="360"/>
      <c r="G14626" s="360"/>
      <c r="H14626" s="360"/>
      <c r="I14626" s="360"/>
      <c r="J14626" s="365"/>
      <c r="K14626" s="367"/>
      <c r="L14626" s="365"/>
    </row>
    <row r="14627" spans="2:12">
      <c r="B14627" s="367"/>
      <c r="C14627" s="367"/>
      <c r="D14627" s="367"/>
      <c r="E14627" s="367"/>
      <c r="F14627" s="359" t="s">
        <v>14420</v>
      </c>
      <c r="G14627" s="359" t="s">
        <v>14459</v>
      </c>
      <c r="H14627" s="359" t="s">
        <v>14367</v>
      </c>
      <c r="I14627" s="359" t="s">
        <v>30304</v>
      </c>
      <c r="J14627" s="365"/>
      <c r="K14627" s="367"/>
      <c r="L14627" s="365"/>
    </row>
    <row r="14628" spans="2:12">
      <c r="B14628" s="367"/>
      <c r="C14628" s="367"/>
      <c r="D14628" s="367"/>
      <c r="E14628" s="367"/>
      <c r="F14628" s="360"/>
      <c r="G14628" s="360"/>
      <c r="H14628" s="360"/>
      <c r="I14628" s="360"/>
      <c r="J14628" s="365"/>
      <c r="K14628" s="367"/>
      <c r="L14628" s="365"/>
    </row>
    <row r="14629" spans="2:12">
      <c r="B14629" s="367"/>
      <c r="C14629" s="367"/>
      <c r="D14629" s="367"/>
      <c r="E14629" s="367"/>
      <c r="F14629" s="359" t="s">
        <v>14420</v>
      </c>
      <c r="G14629" s="359" t="s">
        <v>14421</v>
      </c>
      <c r="H14629" s="359" t="s">
        <v>14422</v>
      </c>
      <c r="I14629" s="359" t="s">
        <v>14459</v>
      </c>
      <c r="J14629" s="365"/>
      <c r="K14629" s="367"/>
      <c r="L14629" s="365"/>
    </row>
    <row r="14630" spans="2:12">
      <c r="B14630" s="367"/>
      <c r="C14630" s="367"/>
      <c r="D14630" s="367"/>
      <c r="E14630" s="367"/>
      <c r="F14630" s="360"/>
      <c r="G14630" s="360"/>
      <c r="H14630" s="360"/>
      <c r="I14630" s="360"/>
      <c r="J14630" s="365"/>
      <c r="K14630" s="367"/>
      <c r="L14630" s="365"/>
    </row>
    <row r="14631" spans="2:12">
      <c r="B14631" s="367"/>
      <c r="C14631" s="367"/>
      <c r="D14631" s="367"/>
      <c r="E14631" s="367"/>
      <c r="F14631" s="359" t="s">
        <v>14420</v>
      </c>
      <c r="G14631" s="359" t="s">
        <v>14429</v>
      </c>
      <c r="H14631" s="360"/>
      <c r="I14631" s="359" t="s">
        <v>14421</v>
      </c>
      <c r="J14631" s="365"/>
      <c r="K14631" s="367"/>
      <c r="L14631" s="365"/>
    </row>
    <row r="14632" spans="2:12">
      <c r="B14632" s="367"/>
      <c r="C14632" s="367"/>
      <c r="D14632" s="367"/>
      <c r="E14632" s="367"/>
      <c r="F14632" s="360"/>
      <c r="G14632" s="360"/>
      <c r="H14632" s="360"/>
      <c r="I14632" s="360"/>
      <c r="J14632" s="365"/>
      <c r="K14632" s="367"/>
      <c r="L14632" s="365"/>
    </row>
    <row r="14633" spans="2:12">
      <c r="B14633" s="368"/>
      <c r="C14633" s="368"/>
      <c r="D14633" s="368"/>
      <c r="E14633" s="368"/>
      <c r="F14633" s="362"/>
      <c r="G14633" s="362"/>
      <c r="H14633" s="362"/>
      <c r="I14633" s="361" t="s">
        <v>14429</v>
      </c>
      <c r="J14633" s="366"/>
      <c r="K14633" s="368"/>
      <c r="L14633" s="366"/>
    </row>
    <row r="14634" spans="2:12">
      <c r="B14634" s="358" t="s">
        <v>10418</v>
      </c>
      <c r="C14634" s="358" t="s">
        <v>22219</v>
      </c>
      <c r="D14634" s="358" t="s">
        <v>10419</v>
      </c>
      <c r="E14634" s="358" t="s">
        <v>10420</v>
      </c>
      <c r="F14634" s="358" t="s">
        <v>14418</v>
      </c>
      <c r="G14634" s="358" t="s">
        <v>14419</v>
      </c>
      <c r="H14634" s="358" t="s">
        <v>14328</v>
      </c>
      <c r="I14634" s="358" t="s">
        <v>14419</v>
      </c>
      <c r="J14634" s="358"/>
      <c r="K14634" s="358"/>
      <c r="L14634" s="358"/>
    </row>
    <row r="14635" spans="2:12">
      <c r="B14635" s="367"/>
      <c r="C14635" s="367"/>
      <c r="D14635" s="367"/>
      <c r="E14635" s="367"/>
      <c r="F14635" s="360"/>
      <c r="G14635" s="360"/>
      <c r="H14635" s="360"/>
      <c r="I14635" s="360"/>
      <c r="J14635" s="365"/>
      <c r="K14635" s="365"/>
      <c r="L14635" s="365"/>
    </row>
    <row r="14636" spans="2:12">
      <c r="B14636" s="367"/>
      <c r="C14636" s="367"/>
      <c r="D14636" s="367"/>
      <c r="E14636" s="367"/>
      <c r="F14636" s="359" t="s">
        <v>14376</v>
      </c>
      <c r="G14636" s="359" t="s">
        <v>14669</v>
      </c>
      <c r="H14636" s="359" t="s">
        <v>14381</v>
      </c>
      <c r="I14636" s="359" t="s">
        <v>14669</v>
      </c>
      <c r="J14636" s="365"/>
      <c r="K14636" s="365"/>
      <c r="L14636" s="365"/>
    </row>
    <row r="14637" spans="2:12">
      <c r="B14637" s="367"/>
      <c r="C14637" s="367"/>
      <c r="D14637" s="367"/>
      <c r="E14637" s="367"/>
      <c r="F14637" s="360"/>
      <c r="G14637" s="360"/>
      <c r="H14637" s="360"/>
      <c r="I14637" s="360"/>
      <c r="J14637" s="365"/>
      <c r="K14637" s="365"/>
      <c r="L14637" s="365"/>
    </row>
    <row r="14638" spans="2:12">
      <c r="B14638" s="367"/>
      <c r="C14638" s="367"/>
      <c r="D14638" s="367"/>
      <c r="E14638" s="367"/>
      <c r="F14638" s="359" t="s">
        <v>14420</v>
      </c>
      <c r="G14638" s="359" t="s">
        <v>14459</v>
      </c>
      <c r="H14638" s="359" t="s">
        <v>14367</v>
      </c>
      <c r="I14638" s="359" t="s">
        <v>14459</v>
      </c>
      <c r="J14638" s="365"/>
      <c r="K14638" s="365"/>
      <c r="L14638" s="365"/>
    </row>
    <row r="14639" spans="2:12">
      <c r="B14639" s="367"/>
      <c r="C14639" s="367"/>
      <c r="D14639" s="367"/>
      <c r="E14639" s="367"/>
      <c r="F14639" s="360"/>
      <c r="G14639" s="360"/>
      <c r="H14639" s="360"/>
      <c r="I14639" s="360"/>
      <c r="J14639" s="365"/>
      <c r="K14639" s="365"/>
      <c r="L14639" s="365"/>
    </row>
    <row r="14640" spans="2:12">
      <c r="B14640" s="368"/>
      <c r="C14640" s="368"/>
      <c r="D14640" s="368"/>
      <c r="E14640" s="368"/>
      <c r="F14640" s="361" t="s">
        <v>14420</v>
      </c>
      <c r="G14640" s="361" t="s">
        <v>14429</v>
      </c>
      <c r="H14640" s="361" t="s">
        <v>14332</v>
      </c>
      <c r="I14640" s="361" t="s">
        <v>14429</v>
      </c>
      <c r="J14640" s="366"/>
      <c r="K14640" s="366"/>
      <c r="L14640" s="366"/>
    </row>
    <row r="14641" spans="2:12" ht="28.5">
      <c r="B14641" s="358" t="s">
        <v>13175</v>
      </c>
      <c r="C14641" s="358" t="s">
        <v>22220</v>
      </c>
      <c r="D14641" s="358" t="s">
        <v>99</v>
      </c>
      <c r="E14641" s="358" t="s">
        <v>100</v>
      </c>
      <c r="F14641" s="358" t="s">
        <v>29413</v>
      </c>
      <c r="G14641" s="358" t="s">
        <v>14444</v>
      </c>
      <c r="H14641" s="358" t="s">
        <v>14378</v>
      </c>
      <c r="I14641" s="358" t="s">
        <v>14444</v>
      </c>
      <c r="J14641" s="358"/>
      <c r="K14641" s="358"/>
      <c r="L14641" s="358"/>
    </row>
    <row r="14642" spans="2:12">
      <c r="B14642" s="367"/>
      <c r="C14642" s="367"/>
      <c r="D14642" s="367"/>
      <c r="E14642" s="367"/>
      <c r="F14642" s="360"/>
      <c r="G14642" s="360"/>
      <c r="H14642" s="360"/>
      <c r="I14642" s="360"/>
      <c r="J14642" s="365"/>
      <c r="K14642" s="365"/>
      <c r="L14642" s="365"/>
    </row>
    <row r="14643" spans="2:12">
      <c r="B14643" s="367"/>
      <c r="C14643" s="367"/>
      <c r="D14643" s="367"/>
      <c r="E14643" s="367"/>
      <c r="F14643" s="359" t="s">
        <v>14656</v>
      </c>
      <c r="G14643" s="359" t="s">
        <v>16046</v>
      </c>
      <c r="H14643" s="359" t="s">
        <v>14381</v>
      </c>
      <c r="I14643" s="359" t="s">
        <v>16046</v>
      </c>
      <c r="J14643" s="365"/>
      <c r="K14643" s="365"/>
      <c r="L14643" s="365"/>
    </row>
    <row r="14644" spans="2:12">
      <c r="B14644" s="367"/>
      <c r="C14644" s="367"/>
      <c r="D14644" s="367"/>
      <c r="E14644" s="367"/>
      <c r="F14644" s="360"/>
      <c r="G14644" s="360"/>
      <c r="H14644" s="360"/>
      <c r="I14644" s="360"/>
      <c r="J14644" s="365"/>
      <c r="K14644" s="365"/>
      <c r="L14644" s="365"/>
    </row>
    <row r="14645" spans="2:12">
      <c r="B14645" s="367"/>
      <c r="C14645" s="367"/>
      <c r="D14645" s="367"/>
      <c r="E14645" s="367"/>
      <c r="F14645" s="359" t="s">
        <v>14656</v>
      </c>
      <c r="G14645" s="359" t="s">
        <v>14383</v>
      </c>
      <c r="H14645" s="359" t="s">
        <v>14332</v>
      </c>
      <c r="I14645" s="359" t="s">
        <v>14383</v>
      </c>
      <c r="J14645" s="365"/>
      <c r="K14645" s="365"/>
      <c r="L14645" s="365"/>
    </row>
    <row r="14646" spans="2:12">
      <c r="B14646" s="367"/>
      <c r="C14646" s="367"/>
      <c r="D14646" s="367"/>
      <c r="E14646" s="367"/>
      <c r="F14646" s="360"/>
      <c r="G14646" s="360"/>
      <c r="H14646" s="360"/>
      <c r="I14646" s="360"/>
      <c r="J14646" s="365"/>
      <c r="K14646" s="365"/>
      <c r="L14646" s="365"/>
    </row>
    <row r="14647" spans="2:12">
      <c r="B14647" s="367"/>
      <c r="C14647" s="367"/>
      <c r="D14647" s="367"/>
      <c r="E14647" s="367"/>
      <c r="F14647" s="359" t="s">
        <v>14656</v>
      </c>
      <c r="G14647" s="359" t="s">
        <v>14483</v>
      </c>
      <c r="H14647" s="360"/>
      <c r="I14647" s="359" t="s">
        <v>14483</v>
      </c>
      <c r="J14647" s="365"/>
      <c r="K14647" s="365"/>
      <c r="L14647" s="365"/>
    </row>
    <row r="14648" spans="2:12">
      <c r="B14648" s="367"/>
      <c r="C14648" s="367"/>
      <c r="D14648" s="367"/>
      <c r="E14648" s="367"/>
      <c r="F14648" s="360"/>
      <c r="G14648" s="360"/>
      <c r="H14648" s="360"/>
      <c r="I14648" s="360"/>
      <c r="J14648" s="365"/>
      <c r="K14648" s="365"/>
      <c r="L14648" s="365"/>
    </row>
    <row r="14649" spans="2:12">
      <c r="B14649" s="367"/>
      <c r="C14649" s="367"/>
      <c r="D14649" s="367"/>
      <c r="E14649" s="367"/>
      <c r="F14649" s="359" t="s">
        <v>14384</v>
      </c>
      <c r="G14649" s="359" t="s">
        <v>14579</v>
      </c>
      <c r="H14649" s="360"/>
      <c r="I14649" s="359" t="s">
        <v>14579</v>
      </c>
      <c r="J14649" s="365"/>
      <c r="K14649" s="365"/>
      <c r="L14649" s="365"/>
    </row>
    <row r="14650" spans="2:12">
      <c r="B14650" s="367"/>
      <c r="C14650" s="367"/>
      <c r="D14650" s="367"/>
      <c r="E14650" s="367"/>
      <c r="F14650" s="360"/>
      <c r="G14650" s="360"/>
      <c r="H14650" s="360"/>
      <c r="I14650" s="360"/>
      <c r="J14650" s="365"/>
      <c r="K14650" s="365"/>
      <c r="L14650" s="365"/>
    </row>
    <row r="14651" spans="2:12" ht="42.75">
      <c r="B14651" s="368"/>
      <c r="C14651" s="368"/>
      <c r="D14651" s="368"/>
      <c r="E14651" s="368"/>
      <c r="F14651" s="361" t="s">
        <v>14472</v>
      </c>
      <c r="G14651" s="361" t="s">
        <v>29414</v>
      </c>
      <c r="H14651" s="362"/>
      <c r="I14651" s="361" t="s">
        <v>29414</v>
      </c>
      <c r="J14651" s="366"/>
      <c r="K14651" s="366"/>
      <c r="L14651" s="366"/>
    </row>
    <row r="14652" spans="2:12" ht="28.5">
      <c r="B14652" s="358" t="s">
        <v>22221</v>
      </c>
      <c r="C14652" s="358" t="s">
        <v>22222</v>
      </c>
      <c r="D14652" s="358" t="s">
        <v>22223</v>
      </c>
      <c r="E14652" s="358" t="s">
        <v>22224</v>
      </c>
      <c r="F14652" s="358" t="s">
        <v>14379</v>
      </c>
      <c r="G14652" s="358" t="s">
        <v>14380</v>
      </c>
      <c r="H14652" s="358" t="s">
        <v>14378</v>
      </c>
      <c r="I14652" s="358" t="s">
        <v>14380</v>
      </c>
      <c r="J14652" s="358"/>
      <c r="K14652" s="358"/>
      <c r="L14652" s="358"/>
    </row>
    <row r="14653" spans="2:12">
      <c r="B14653" s="367"/>
      <c r="C14653" s="360"/>
      <c r="D14653" s="360"/>
      <c r="E14653" s="360"/>
      <c r="F14653" s="360"/>
      <c r="G14653" s="360"/>
      <c r="H14653" s="360"/>
      <c r="I14653" s="360"/>
      <c r="J14653" s="365"/>
      <c r="K14653" s="365"/>
      <c r="L14653" s="365"/>
    </row>
    <row r="14654" spans="2:12">
      <c r="B14654" s="367"/>
      <c r="C14654" s="359" t="s">
        <v>22225</v>
      </c>
      <c r="D14654" s="359" t="s">
        <v>22226</v>
      </c>
      <c r="E14654" s="359" t="s">
        <v>22227</v>
      </c>
      <c r="F14654" s="359" t="s">
        <v>14530</v>
      </c>
      <c r="G14654" s="359" t="s">
        <v>14531</v>
      </c>
      <c r="H14654" s="359" t="s">
        <v>14381</v>
      </c>
      <c r="I14654" s="359" t="s">
        <v>14531</v>
      </c>
      <c r="J14654" s="365"/>
      <c r="K14654" s="365"/>
      <c r="L14654" s="365"/>
    </row>
    <row r="14655" spans="2:12">
      <c r="B14655" s="367"/>
      <c r="C14655" s="360"/>
      <c r="D14655" s="360"/>
      <c r="E14655" s="360"/>
      <c r="F14655" s="360"/>
      <c r="G14655" s="360"/>
      <c r="H14655" s="360"/>
      <c r="I14655" s="360"/>
      <c r="J14655" s="365"/>
      <c r="K14655" s="365"/>
      <c r="L14655" s="365"/>
    </row>
    <row r="14656" spans="2:12">
      <c r="B14656" s="367"/>
      <c r="C14656" s="359" t="s">
        <v>22228</v>
      </c>
      <c r="D14656" s="359" t="s">
        <v>22229</v>
      </c>
      <c r="E14656" s="359" t="s">
        <v>22230</v>
      </c>
      <c r="F14656" s="359" t="s">
        <v>14379</v>
      </c>
      <c r="G14656" s="359" t="s">
        <v>14405</v>
      </c>
      <c r="H14656" s="359" t="s">
        <v>14370</v>
      </c>
      <c r="I14656" s="359" t="s">
        <v>14405</v>
      </c>
      <c r="J14656" s="365"/>
      <c r="K14656" s="365"/>
      <c r="L14656" s="365"/>
    </row>
    <row r="14657" spans="2:12">
      <c r="B14657" s="367"/>
      <c r="C14657" s="360"/>
      <c r="D14657" s="360"/>
      <c r="E14657" s="360"/>
      <c r="F14657" s="360"/>
      <c r="G14657" s="360"/>
      <c r="H14657" s="360"/>
      <c r="I14657" s="360"/>
      <c r="J14657" s="365"/>
      <c r="K14657" s="365"/>
      <c r="L14657" s="365"/>
    </row>
    <row r="14658" spans="2:12">
      <c r="B14658" s="367"/>
      <c r="C14658" s="359" t="s">
        <v>22231</v>
      </c>
      <c r="D14658" s="359" t="s">
        <v>22232</v>
      </c>
      <c r="E14658" s="359" t="s">
        <v>22233</v>
      </c>
      <c r="F14658" s="359" t="s">
        <v>14460</v>
      </c>
      <c r="G14658" s="359" t="s">
        <v>14519</v>
      </c>
      <c r="H14658" s="359" t="s">
        <v>14332</v>
      </c>
      <c r="I14658" s="359" t="s">
        <v>14519</v>
      </c>
      <c r="J14658" s="365"/>
      <c r="K14658" s="365"/>
      <c r="L14658" s="365"/>
    </row>
    <row r="14659" spans="2:12">
      <c r="B14659" s="367"/>
      <c r="C14659" s="360"/>
      <c r="D14659" s="360"/>
      <c r="E14659" s="360"/>
      <c r="F14659" s="360"/>
      <c r="G14659" s="360"/>
      <c r="H14659" s="360"/>
      <c r="I14659" s="360"/>
      <c r="J14659" s="365"/>
      <c r="K14659" s="365"/>
      <c r="L14659" s="365"/>
    </row>
    <row r="14660" spans="2:12">
      <c r="B14660" s="367"/>
      <c r="C14660" s="360"/>
      <c r="D14660" s="360"/>
      <c r="E14660" s="360"/>
      <c r="F14660" s="359" t="s">
        <v>14371</v>
      </c>
      <c r="G14660" s="359" t="s">
        <v>14372</v>
      </c>
      <c r="H14660" s="360"/>
      <c r="I14660" s="359" t="s">
        <v>14373</v>
      </c>
      <c r="J14660" s="365"/>
      <c r="K14660" s="365"/>
      <c r="L14660" s="365"/>
    </row>
    <row r="14661" spans="2:12">
      <c r="B14661" s="367"/>
      <c r="C14661" s="360"/>
      <c r="D14661" s="360"/>
      <c r="E14661" s="360"/>
      <c r="F14661" s="360"/>
      <c r="G14661" s="360"/>
      <c r="H14661" s="360"/>
      <c r="I14661" s="360"/>
      <c r="J14661" s="365"/>
      <c r="K14661" s="365"/>
      <c r="L14661" s="365"/>
    </row>
    <row r="14662" spans="2:12" ht="28.5">
      <c r="B14662" s="368"/>
      <c r="C14662" s="362"/>
      <c r="D14662" s="362"/>
      <c r="E14662" s="362"/>
      <c r="F14662" s="361" t="s">
        <v>14374</v>
      </c>
      <c r="G14662" s="361" t="s">
        <v>14373</v>
      </c>
      <c r="H14662" s="362"/>
      <c r="I14662" s="362"/>
      <c r="J14662" s="366"/>
      <c r="K14662" s="366"/>
      <c r="L14662" s="366"/>
    </row>
    <row r="14663" spans="2:12">
      <c r="B14663" s="358" t="s">
        <v>22234</v>
      </c>
      <c r="C14663" s="358" t="s">
        <v>22235</v>
      </c>
      <c r="D14663" s="358" t="s">
        <v>22236</v>
      </c>
      <c r="E14663" s="358" t="s">
        <v>22237</v>
      </c>
      <c r="F14663" s="358" t="s">
        <v>16426</v>
      </c>
      <c r="G14663" s="358" t="s">
        <v>15011</v>
      </c>
      <c r="H14663" s="358" t="s">
        <v>14954</v>
      </c>
      <c r="I14663" s="358" t="s">
        <v>15011</v>
      </c>
      <c r="J14663" s="358"/>
      <c r="K14663" s="358"/>
      <c r="L14663" s="358"/>
    </row>
    <row r="14664" spans="2:12">
      <c r="B14664" s="367"/>
      <c r="C14664" s="367"/>
      <c r="D14664" s="367"/>
      <c r="E14664" s="367"/>
      <c r="F14664" s="360"/>
      <c r="G14664" s="360"/>
      <c r="H14664" s="360"/>
      <c r="I14664" s="360"/>
      <c r="J14664" s="365"/>
      <c r="K14664" s="365"/>
      <c r="L14664" s="365"/>
    </row>
    <row r="14665" spans="2:12">
      <c r="B14665" s="367"/>
      <c r="C14665" s="367"/>
      <c r="D14665" s="367"/>
      <c r="E14665" s="367"/>
      <c r="F14665" s="359" t="s">
        <v>14379</v>
      </c>
      <c r="G14665" s="359" t="s">
        <v>14380</v>
      </c>
      <c r="H14665" s="359" t="s">
        <v>14378</v>
      </c>
      <c r="I14665" s="359" t="s">
        <v>14380</v>
      </c>
      <c r="J14665" s="365"/>
      <c r="K14665" s="365"/>
      <c r="L14665" s="365"/>
    </row>
    <row r="14666" spans="2:12">
      <c r="B14666" s="367"/>
      <c r="C14666" s="367"/>
      <c r="D14666" s="367"/>
      <c r="E14666" s="367"/>
      <c r="F14666" s="360"/>
      <c r="G14666" s="360"/>
      <c r="H14666" s="360"/>
      <c r="I14666" s="360"/>
      <c r="J14666" s="365"/>
      <c r="K14666" s="365"/>
      <c r="L14666" s="365"/>
    </row>
    <row r="14667" spans="2:12">
      <c r="B14667" s="367"/>
      <c r="C14667" s="367"/>
      <c r="D14667" s="367"/>
      <c r="E14667" s="367"/>
      <c r="F14667" s="359" t="s">
        <v>14530</v>
      </c>
      <c r="G14667" s="359" t="s">
        <v>14531</v>
      </c>
      <c r="H14667" s="359" t="s">
        <v>14381</v>
      </c>
      <c r="I14667" s="359" t="s">
        <v>14531</v>
      </c>
      <c r="J14667" s="365"/>
      <c r="K14667" s="365"/>
      <c r="L14667" s="365"/>
    </row>
    <row r="14668" spans="2:12">
      <c r="B14668" s="367"/>
      <c r="C14668" s="367"/>
      <c r="D14668" s="367"/>
      <c r="E14668" s="367"/>
      <c r="F14668" s="360"/>
      <c r="G14668" s="360"/>
      <c r="H14668" s="360"/>
      <c r="I14668" s="360"/>
      <c r="J14668" s="365"/>
      <c r="K14668" s="365"/>
      <c r="L14668" s="365"/>
    </row>
    <row r="14669" spans="2:12">
      <c r="B14669" s="367"/>
      <c r="C14669" s="367"/>
      <c r="D14669" s="367"/>
      <c r="E14669" s="367"/>
      <c r="F14669" s="359" t="s">
        <v>14379</v>
      </c>
      <c r="G14669" s="359" t="s">
        <v>14405</v>
      </c>
      <c r="H14669" s="359" t="s">
        <v>14370</v>
      </c>
      <c r="I14669" s="359" t="s">
        <v>14405</v>
      </c>
      <c r="J14669" s="365"/>
      <c r="K14669" s="365"/>
      <c r="L14669" s="365"/>
    </row>
    <row r="14670" spans="2:12">
      <c r="B14670" s="367"/>
      <c r="C14670" s="367"/>
      <c r="D14670" s="367"/>
      <c r="E14670" s="367"/>
      <c r="F14670" s="360"/>
      <c r="G14670" s="360"/>
      <c r="H14670" s="360"/>
      <c r="I14670" s="360"/>
      <c r="J14670" s="365"/>
      <c r="K14670" s="365"/>
      <c r="L14670" s="365"/>
    </row>
    <row r="14671" spans="2:12">
      <c r="B14671" s="367"/>
      <c r="C14671" s="367"/>
      <c r="D14671" s="367"/>
      <c r="E14671" s="367"/>
      <c r="F14671" s="359" t="s">
        <v>16919</v>
      </c>
      <c r="G14671" s="359" t="s">
        <v>14461</v>
      </c>
      <c r="H14671" s="359" t="s">
        <v>14332</v>
      </c>
      <c r="I14671" s="359" t="s">
        <v>14461</v>
      </c>
      <c r="J14671" s="365"/>
      <c r="K14671" s="365"/>
      <c r="L14671" s="365"/>
    </row>
    <row r="14672" spans="2:12">
      <c r="B14672" s="367"/>
      <c r="C14672" s="367"/>
      <c r="D14672" s="367"/>
      <c r="E14672" s="367"/>
      <c r="F14672" s="360"/>
      <c r="G14672" s="360"/>
      <c r="H14672" s="360"/>
      <c r="I14672" s="360"/>
      <c r="J14672" s="365"/>
      <c r="K14672" s="365"/>
      <c r="L14672" s="365"/>
    </row>
    <row r="14673" spans="2:12">
      <c r="B14673" s="367"/>
      <c r="C14673" s="367"/>
      <c r="D14673" s="367"/>
      <c r="E14673" s="367"/>
      <c r="F14673" s="359" t="s">
        <v>14371</v>
      </c>
      <c r="G14673" s="359" t="s">
        <v>14372</v>
      </c>
      <c r="H14673" s="360"/>
      <c r="I14673" s="359" t="s">
        <v>14373</v>
      </c>
      <c r="J14673" s="365"/>
      <c r="K14673" s="365"/>
      <c r="L14673" s="365"/>
    </row>
    <row r="14674" spans="2:12">
      <c r="B14674" s="367"/>
      <c r="C14674" s="367"/>
      <c r="D14674" s="367"/>
      <c r="E14674" s="367"/>
      <c r="F14674" s="360"/>
      <c r="G14674" s="360"/>
      <c r="H14674" s="360"/>
      <c r="I14674" s="360"/>
      <c r="J14674" s="365"/>
      <c r="K14674" s="365"/>
      <c r="L14674" s="365"/>
    </row>
    <row r="14675" spans="2:12" ht="28.5">
      <c r="B14675" s="368"/>
      <c r="C14675" s="368"/>
      <c r="D14675" s="368"/>
      <c r="E14675" s="368"/>
      <c r="F14675" s="361" t="s">
        <v>14374</v>
      </c>
      <c r="G14675" s="361" t="s">
        <v>14373</v>
      </c>
      <c r="H14675" s="362"/>
      <c r="I14675" s="362"/>
      <c r="J14675" s="366"/>
      <c r="K14675" s="366"/>
      <c r="L14675" s="366"/>
    </row>
    <row r="14676" spans="2:12">
      <c r="B14676" s="358" t="s">
        <v>22238</v>
      </c>
      <c r="C14676" s="358" t="s">
        <v>22239</v>
      </c>
      <c r="D14676" s="358" t="s">
        <v>22240</v>
      </c>
      <c r="E14676" s="358" t="s">
        <v>22241</v>
      </c>
      <c r="F14676" s="358" t="s">
        <v>14382</v>
      </c>
      <c r="G14676" s="358" t="s">
        <v>14483</v>
      </c>
      <c r="H14676" s="358" t="s">
        <v>14378</v>
      </c>
      <c r="I14676" s="358" t="s">
        <v>14483</v>
      </c>
      <c r="J14676" s="358"/>
      <c r="K14676" s="358"/>
      <c r="L14676" s="358"/>
    </row>
    <row r="14677" spans="2:12">
      <c r="B14677" s="367"/>
      <c r="C14677" s="367"/>
      <c r="D14677" s="367"/>
      <c r="E14677" s="367"/>
      <c r="F14677" s="360"/>
      <c r="G14677" s="360"/>
      <c r="H14677" s="360"/>
      <c r="I14677" s="360"/>
      <c r="J14677" s="365"/>
      <c r="K14677" s="365"/>
      <c r="L14677" s="365"/>
    </row>
    <row r="14678" spans="2:12">
      <c r="B14678" s="367"/>
      <c r="C14678" s="367"/>
      <c r="D14678" s="367"/>
      <c r="E14678" s="367"/>
      <c r="F14678" s="359" t="s">
        <v>14382</v>
      </c>
      <c r="G14678" s="359" t="s">
        <v>14579</v>
      </c>
      <c r="H14678" s="359" t="s">
        <v>14381</v>
      </c>
      <c r="I14678" s="359" t="s">
        <v>14579</v>
      </c>
      <c r="J14678" s="365"/>
      <c r="K14678" s="365"/>
      <c r="L14678" s="365"/>
    </row>
    <row r="14679" spans="2:12">
      <c r="B14679" s="367"/>
      <c r="C14679" s="367"/>
      <c r="D14679" s="367"/>
      <c r="E14679" s="367"/>
      <c r="F14679" s="360"/>
      <c r="G14679" s="360"/>
      <c r="H14679" s="360"/>
      <c r="I14679" s="360"/>
      <c r="J14679" s="365"/>
      <c r="K14679" s="365"/>
      <c r="L14679" s="365"/>
    </row>
    <row r="14680" spans="2:12">
      <c r="B14680" s="367"/>
      <c r="C14680" s="367"/>
      <c r="D14680" s="367"/>
      <c r="E14680" s="367"/>
      <c r="F14680" s="359" t="s">
        <v>14382</v>
      </c>
      <c r="G14680" s="359" t="s">
        <v>14383</v>
      </c>
      <c r="H14680" s="359" t="s">
        <v>14370</v>
      </c>
      <c r="I14680" s="359" t="s">
        <v>14383</v>
      </c>
      <c r="J14680" s="365"/>
      <c r="K14680" s="365"/>
      <c r="L14680" s="365"/>
    </row>
    <row r="14681" spans="2:12">
      <c r="B14681" s="367"/>
      <c r="C14681" s="367"/>
      <c r="D14681" s="367"/>
      <c r="E14681" s="367"/>
      <c r="F14681" s="360"/>
      <c r="G14681" s="360"/>
      <c r="H14681" s="360"/>
      <c r="I14681" s="360"/>
      <c r="J14681" s="365"/>
      <c r="K14681" s="365"/>
      <c r="L14681" s="365"/>
    </row>
    <row r="14682" spans="2:12">
      <c r="B14682" s="367"/>
      <c r="C14682" s="367"/>
      <c r="D14682" s="367"/>
      <c r="E14682" s="367"/>
      <c r="F14682" s="359" t="s">
        <v>14460</v>
      </c>
      <c r="G14682" s="359" t="s">
        <v>14519</v>
      </c>
      <c r="H14682" s="359" t="s">
        <v>14332</v>
      </c>
      <c r="I14682" s="359" t="s">
        <v>14519</v>
      </c>
      <c r="J14682" s="365"/>
      <c r="K14682" s="365"/>
      <c r="L14682" s="365"/>
    </row>
    <row r="14683" spans="2:12">
      <c r="B14683" s="367"/>
      <c r="C14683" s="367"/>
      <c r="D14683" s="367"/>
      <c r="E14683" s="367"/>
      <c r="F14683" s="360"/>
      <c r="G14683" s="360"/>
      <c r="H14683" s="360"/>
      <c r="I14683" s="360"/>
      <c r="J14683" s="365"/>
      <c r="K14683" s="365"/>
      <c r="L14683" s="365"/>
    </row>
    <row r="14684" spans="2:12" ht="28.5">
      <c r="B14684" s="368"/>
      <c r="C14684" s="368"/>
      <c r="D14684" s="368"/>
      <c r="E14684" s="368"/>
      <c r="F14684" s="361" t="s">
        <v>14394</v>
      </c>
      <c r="G14684" s="361" t="s">
        <v>14395</v>
      </c>
      <c r="H14684" s="362"/>
      <c r="I14684" s="361" t="s">
        <v>14395</v>
      </c>
      <c r="J14684" s="366"/>
      <c r="K14684" s="366"/>
      <c r="L14684" s="366"/>
    </row>
    <row r="14685" spans="2:12">
      <c r="B14685" s="358" t="s">
        <v>10422</v>
      </c>
      <c r="C14685" s="358" t="s">
        <v>22242</v>
      </c>
      <c r="D14685" s="358" t="s">
        <v>10423</v>
      </c>
      <c r="E14685" s="358" t="s">
        <v>10424</v>
      </c>
      <c r="F14685" s="358" t="s">
        <v>14376</v>
      </c>
      <c r="G14685" s="358" t="s">
        <v>14669</v>
      </c>
      <c r="H14685" s="358" t="s">
        <v>14378</v>
      </c>
      <c r="I14685" s="358" t="s">
        <v>14669</v>
      </c>
      <c r="J14685" s="358"/>
      <c r="K14685" s="358"/>
      <c r="L14685" s="358"/>
    </row>
    <row r="14686" spans="2:12">
      <c r="B14686" s="367"/>
      <c r="C14686" s="360"/>
      <c r="D14686" s="360"/>
      <c r="E14686" s="360"/>
      <c r="F14686" s="360"/>
      <c r="G14686" s="360"/>
      <c r="H14686" s="360"/>
      <c r="I14686" s="360"/>
      <c r="J14686" s="365"/>
      <c r="K14686" s="365"/>
      <c r="L14686" s="365"/>
    </row>
    <row r="14687" spans="2:12" ht="28.5">
      <c r="B14687" s="367"/>
      <c r="C14687" s="359" t="s">
        <v>22243</v>
      </c>
      <c r="D14687" s="359" t="s">
        <v>10426</v>
      </c>
      <c r="E14687" s="359" t="s">
        <v>10427</v>
      </c>
      <c r="F14687" s="359" t="s">
        <v>14426</v>
      </c>
      <c r="G14687" s="359" t="s">
        <v>14427</v>
      </c>
      <c r="H14687" s="359" t="s">
        <v>14381</v>
      </c>
      <c r="I14687" s="359" t="s">
        <v>14427</v>
      </c>
      <c r="J14687" s="365"/>
      <c r="K14687" s="365"/>
      <c r="L14687" s="365"/>
    </row>
    <row r="14688" spans="2:12">
      <c r="B14688" s="367"/>
      <c r="C14688" s="360"/>
      <c r="D14688" s="360"/>
      <c r="E14688" s="360"/>
      <c r="F14688" s="360"/>
      <c r="G14688" s="360"/>
      <c r="H14688" s="360"/>
      <c r="I14688" s="360"/>
      <c r="J14688" s="365"/>
      <c r="K14688" s="365"/>
      <c r="L14688" s="365"/>
    </row>
    <row r="14689" spans="2:12">
      <c r="B14689" s="367"/>
      <c r="C14689" s="360"/>
      <c r="D14689" s="360"/>
      <c r="E14689" s="360"/>
      <c r="F14689" s="359" t="s">
        <v>14507</v>
      </c>
      <c r="G14689" s="359" t="s">
        <v>14873</v>
      </c>
      <c r="H14689" s="359" t="s">
        <v>14370</v>
      </c>
      <c r="I14689" s="359" t="s">
        <v>14873</v>
      </c>
      <c r="J14689" s="365"/>
      <c r="K14689" s="365"/>
      <c r="L14689" s="365"/>
    </row>
    <row r="14690" spans="2:12">
      <c r="B14690" s="367"/>
      <c r="C14690" s="360"/>
      <c r="D14690" s="360"/>
      <c r="E14690" s="360"/>
      <c r="F14690" s="360"/>
      <c r="G14690" s="360"/>
      <c r="H14690" s="360"/>
      <c r="I14690" s="360"/>
      <c r="J14690" s="365"/>
      <c r="K14690" s="365"/>
      <c r="L14690" s="365"/>
    </row>
    <row r="14691" spans="2:12">
      <c r="B14691" s="367"/>
      <c r="C14691" s="360"/>
      <c r="D14691" s="360"/>
      <c r="E14691" s="360"/>
      <c r="F14691" s="359" t="s">
        <v>14382</v>
      </c>
      <c r="G14691" s="359" t="s">
        <v>14483</v>
      </c>
      <c r="H14691" s="359" t="s">
        <v>14332</v>
      </c>
      <c r="I14691" s="359" t="s">
        <v>14483</v>
      </c>
      <c r="J14691" s="365"/>
      <c r="K14691" s="365"/>
      <c r="L14691" s="365"/>
    </row>
    <row r="14692" spans="2:12">
      <c r="B14692" s="367"/>
      <c r="C14692" s="360"/>
      <c r="D14692" s="360"/>
      <c r="E14692" s="360"/>
      <c r="F14692" s="360"/>
      <c r="G14692" s="360"/>
      <c r="H14692" s="360"/>
      <c r="I14692" s="360"/>
      <c r="J14692" s="365"/>
      <c r="K14692" s="365"/>
      <c r="L14692" s="365"/>
    </row>
    <row r="14693" spans="2:12">
      <c r="B14693" s="367"/>
      <c r="C14693" s="360"/>
      <c r="D14693" s="360"/>
      <c r="E14693" s="360"/>
      <c r="F14693" s="359" t="s">
        <v>14382</v>
      </c>
      <c r="G14693" s="359" t="s">
        <v>14579</v>
      </c>
      <c r="H14693" s="360"/>
      <c r="I14693" s="359" t="s">
        <v>14579</v>
      </c>
      <c r="J14693" s="365"/>
      <c r="K14693" s="365"/>
      <c r="L14693" s="365"/>
    </row>
    <row r="14694" spans="2:12">
      <c r="B14694" s="367"/>
      <c r="C14694" s="360"/>
      <c r="D14694" s="360"/>
      <c r="E14694" s="360"/>
      <c r="F14694" s="360"/>
      <c r="G14694" s="360"/>
      <c r="H14694" s="360"/>
      <c r="I14694" s="360"/>
      <c r="J14694" s="365"/>
      <c r="K14694" s="365"/>
      <c r="L14694" s="365"/>
    </row>
    <row r="14695" spans="2:12">
      <c r="B14695" s="367"/>
      <c r="C14695" s="360"/>
      <c r="D14695" s="360"/>
      <c r="E14695" s="360"/>
      <c r="F14695" s="359" t="s">
        <v>14382</v>
      </c>
      <c r="G14695" s="359" t="s">
        <v>14383</v>
      </c>
      <c r="H14695" s="360"/>
      <c r="I14695" s="359" t="s">
        <v>14383</v>
      </c>
      <c r="J14695" s="365"/>
      <c r="K14695" s="365"/>
      <c r="L14695" s="365"/>
    </row>
    <row r="14696" spans="2:12">
      <c r="B14696" s="367"/>
      <c r="C14696" s="360"/>
      <c r="D14696" s="360"/>
      <c r="E14696" s="360"/>
      <c r="F14696" s="360"/>
      <c r="G14696" s="360"/>
      <c r="H14696" s="360"/>
      <c r="I14696" s="360"/>
      <c r="J14696" s="365"/>
      <c r="K14696" s="365"/>
      <c r="L14696" s="365"/>
    </row>
    <row r="14697" spans="2:12">
      <c r="B14697" s="367"/>
      <c r="C14697" s="360"/>
      <c r="D14697" s="360"/>
      <c r="E14697" s="360"/>
      <c r="F14697" s="359" t="s">
        <v>14460</v>
      </c>
      <c r="G14697" s="359" t="s">
        <v>14461</v>
      </c>
      <c r="H14697" s="360"/>
      <c r="I14697" s="359" t="s">
        <v>14461</v>
      </c>
      <c r="J14697" s="365"/>
      <c r="K14697" s="365"/>
      <c r="L14697" s="365"/>
    </row>
    <row r="14698" spans="2:12">
      <c r="B14698" s="367"/>
      <c r="C14698" s="360"/>
      <c r="D14698" s="360"/>
      <c r="E14698" s="360"/>
      <c r="F14698" s="360"/>
      <c r="G14698" s="360"/>
      <c r="H14698" s="360"/>
      <c r="I14698" s="360"/>
      <c r="J14698" s="365"/>
      <c r="K14698" s="365"/>
      <c r="L14698" s="365"/>
    </row>
    <row r="14699" spans="2:12">
      <c r="B14699" s="367"/>
      <c r="C14699" s="360"/>
      <c r="D14699" s="360"/>
      <c r="E14699" s="360"/>
      <c r="F14699" s="359" t="s">
        <v>14371</v>
      </c>
      <c r="G14699" s="359" t="s">
        <v>14372</v>
      </c>
      <c r="H14699" s="360"/>
      <c r="I14699" s="359" t="s">
        <v>14373</v>
      </c>
      <c r="J14699" s="365"/>
      <c r="K14699" s="365"/>
      <c r="L14699" s="365"/>
    </row>
    <row r="14700" spans="2:12">
      <c r="B14700" s="367"/>
      <c r="C14700" s="360"/>
      <c r="D14700" s="360"/>
      <c r="E14700" s="360"/>
      <c r="F14700" s="360"/>
      <c r="G14700" s="360"/>
      <c r="H14700" s="360"/>
      <c r="I14700" s="360"/>
      <c r="J14700" s="365"/>
      <c r="K14700" s="365"/>
      <c r="L14700" s="365"/>
    </row>
    <row r="14701" spans="2:12" ht="28.5">
      <c r="B14701" s="368"/>
      <c r="C14701" s="362"/>
      <c r="D14701" s="362"/>
      <c r="E14701" s="362"/>
      <c r="F14701" s="361" t="s">
        <v>14374</v>
      </c>
      <c r="G14701" s="361" t="s">
        <v>14373</v>
      </c>
      <c r="H14701" s="362"/>
      <c r="I14701" s="362"/>
      <c r="J14701" s="366"/>
      <c r="K14701" s="366"/>
      <c r="L14701" s="366"/>
    </row>
    <row r="14702" spans="2:12">
      <c r="B14702" s="358" t="s">
        <v>22244</v>
      </c>
      <c r="C14702" s="358" t="s">
        <v>29415</v>
      </c>
      <c r="D14702" s="358" t="s">
        <v>22245</v>
      </c>
      <c r="E14702" s="358" t="s">
        <v>22246</v>
      </c>
      <c r="F14702" s="358" t="s">
        <v>16426</v>
      </c>
      <c r="G14702" s="358" t="s">
        <v>15011</v>
      </c>
      <c r="H14702" s="358" t="s">
        <v>14954</v>
      </c>
      <c r="I14702" s="358" t="s">
        <v>15011</v>
      </c>
      <c r="J14702" s="358"/>
      <c r="K14702" s="358"/>
      <c r="L14702" s="358"/>
    </row>
    <row r="14703" spans="2:12">
      <c r="B14703" s="367"/>
      <c r="C14703" s="367"/>
      <c r="D14703" s="367"/>
      <c r="E14703" s="367"/>
      <c r="F14703" s="360"/>
      <c r="G14703" s="360"/>
      <c r="H14703" s="360"/>
      <c r="I14703" s="360"/>
      <c r="J14703" s="365"/>
      <c r="K14703" s="365"/>
      <c r="L14703" s="365"/>
    </row>
    <row r="14704" spans="2:12">
      <c r="B14704" s="367"/>
      <c r="C14704" s="367"/>
      <c r="D14704" s="367"/>
      <c r="E14704" s="367"/>
      <c r="F14704" s="359" t="s">
        <v>14382</v>
      </c>
      <c r="G14704" s="359" t="s">
        <v>14483</v>
      </c>
      <c r="H14704" s="359" t="s">
        <v>14378</v>
      </c>
      <c r="I14704" s="359" t="s">
        <v>14483</v>
      </c>
      <c r="J14704" s="365"/>
      <c r="K14704" s="365"/>
      <c r="L14704" s="365"/>
    </row>
    <row r="14705" spans="2:12">
      <c r="B14705" s="367"/>
      <c r="C14705" s="367"/>
      <c r="D14705" s="367"/>
      <c r="E14705" s="367"/>
      <c r="F14705" s="360"/>
      <c r="G14705" s="360"/>
      <c r="H14705" s="360"/>
      <c r="I14705" s="360"/>
      <c r="J14705" s="365"/>
      <c r="K14705" s="365"/>
      <c r="L14705" s="365"/>
    </row>
    <row r="14706" spans="2:12">
      <c r="B14706" s="367"/>
      <c r="C14706" s="367"/>
      <c r="D14706" s="367"/>
      <c r="E14706" s="367"/>
      <c r="F14706" s="359" t="s">
        <v>14382</v>
      </c>
      <c r="G14706" s="359" t="s">
        <v>14579</v>
      </c>
      <c r="H14706" s="359" t="s">
        <v>14381</v>
      </c>
      <c r="I14706" s="359" t="s">
        <v>14579</v>
      </c>
      <c r="J14706" s="365"/>
      <c r="K14706" s="365"/>
      <c r="L14706" s="365"/>
    </row>
    <row r="14707" spans="2:12">
      <c r="B14707" s="367"/>
      <c r="C14707" s="367"/>
      <c r="D14707" s="367"/>
      <c r="E14707" s="367"/>
      <c r="F14707" s="360"/>
      <c r="G14707" s="360"/>
      <c r="H14707" s="360"/>
      <c r="I14707" s="360"/>
      <c r="J14707" s="365"/>
      <c r="K14707" s="365"/>
      <c r="L14707" s="365"/>
    </row>
    <row r="14708" spans="2:12">
      <c r="B14708" s="367"/>
      <c r="C14708" s="367"/>
      <c r="D14708" s="367"/>
      <c r="E14708" s="367"/>
      <c r="F14708" s="359" t="s">
        <v>14382</v>
      </c>
      <c r="G14708" s="359" t="s">
        <v>14383</v>
      </c>
      <c r="H14708" s="359" t="s">
        <v>14370</v>
      </c>
      <c r="I14708" s="359" t="s">
        <v>14383</v>
      </c>
      <c r="J14708" s="365"/>
      <c r="K14708" s="365"/>
      <c r="L14708" s="365"/>
    </row>
    <row r="14709" spans="2:12">
      <c r="B14709" s="367"/>
      <c r="C14709" s="367"/>
      <c r="D14709" s="367"/>
      <c r="E14709" s="367"/>
      <c r="F14709" s="360"/>
      <c r="G14709" s="360"/>
      <c r="H14709" s="360"/>
      <c r="I14709" s="360"/>
      <c r="J14709" s="365"/>
      <c r="K14709" s="365"/>
      <c r="L14709" s="365"/>
    </row>
    <row r="14710" spans="2:12">
      <c r="B14710" s="367"/>
      <c r="C14710" s="367"/>
      <c r="D14710" s="367"/>
      <c r="E14710" s="367"/>
      <c r="F14710" s="359" t="s">
        <v>14460</v>
      </c>
      <c r="G14710" s="359" t="s">
        <v>14519</v>
      </c>
      <c r="H14710" s="359" t="s">
        <v>14332</v>
      </c>
      <c r="I14710" s="359" t="s">
        <v>14519</v>
      </c>
      <c r="J14710" s="365"/>
      <c r="K14710" s="365"/>
      <c r="L14710" s="365"/>
    </row>
    <row r="14711" spans="2:12">
      <c r="B14711" s="367"/>
      <c r="C14711" s="367"/>
      <c r="D14711" s="367"/>
      <c r="E14711" s="367"/>
      <c r="F14711" s="360"/>
      <c r="G14711" s="360"/>
      <c r="H14711" s="360"/>
      <c r="I14711" s="360"/>
      <c r="J14711" s="365"/>
      <c r="K14711" s="365"/>
      <c r="L14711" s="365"/>
    </row>
    <row r="14712" spans="2:12" ht="28.5">
      <c r="B14712" s="368"/>
      <c r="C14712" s="368"/>
      <c r="D14712" s="368"/>
      <c r="E14712" s="368"/>
      <c r="F14712" s="361" t="s">
        <v>14394</v>
      </c>
      <c r="G14712" s="361" t="s">
        <v>14395</v>
      </c>
      <c r="H14712" s="362"/>
      <c r="I14712" s="361" t="s">
        <v>14395</v>
      </c>
      <c r="J14712" s="366"/>
      <c r="K14712" s="366"/>
      <c r="L14712" s="366"/>
    </row>
    <row r="14713" spans="2:12">
      <c r="B14713" s="358" t="s">
        <v>22247</v>
      </c>
      <c r="C14713" s="358" t="s">
        <v>22248</v>
      </c>
      <c r="D14713" s="358" t="s">
        <v>22249</v>
      </c>
      <c r="E14713" s="358" t="s">
        <v>22250</v>
      </c>
      <c r="F14713" s="358" t="s">
        <v>16426</v>
      </c>
      <c r="G14713" s="358" t="s">
        <v>15011</v>
      </c>
      <c r="H14713" s="358" t="s">
        <v>14954</v>
      </c>
      <c r="I14713" s="358" t="s">
        <v>15011</v>
      </c>
      <c r="J14713" s="358"/>
      <c r="K14713" s="358"/>
      <c r="L14713" s="358"/>
    </row>
    <row r="14714" spans="2:12">
      <c r="B14714" s="367"/>
      <c r="C14714" s="360"/>
      <c r="D14714" s="367"/>
      <c r="E14714" s="367"/>
      <c r="F14714" s="360"/>
      <c r="G14714" s="360"/>
      <c r="H14714" s="360"/>
      <c r="I14714" s="360"/>
      <c r="J14714" s="365"/>
      <c r="K14714" s="365"/>
      <c r="L14714" s="365"/>
    </row>
    <row r="14715" spans="2:12">
      <c r="B14715" s="367"/>
      <c r="C14715" s="359" t="s">
        <v>22251</v>
      </c>
      <c r="D14715" s="367"/>
      <c r="E14715" s="367"/>
      <c r="F14715" s="359" t="s">
        <v>14382</v>
      </c>
      <c r="G14715" s="359" t="s">
        <v>14483</v>
      </c>
      <c r="H14715" s="359" t="s">
        <v>14378</v>
      </c>
      <c r="I14715" s="359" t="s">
        <v>14483</v>
      </c>
      <c r="J14715" s="365"/>
      <c r="K14715" s="365"/>
      <c r="L14715" s="365"/>
    </row>
    <row r="14716" spans="2:12">
      <c r="B14716" s="367"/>
      <c r="C14716" s="360"/>
      <c r="D14716" s="367"/>
      <c r="E14716" s="367"/>
      <c r="F14716" s="360"/>
      <c r="G14716" s="360"/>
      <c r="H14716" s="360"/>
      <c r="I14716" s="360"/>
      <c r="J14716" s="365"/>
      <c r="K14716" s="365"/>
      <c r="L14716" s="365"/>
    </row>
    <row r="14717" spans="2:12">
      <c r="B14717" s="367"/>
      <c r="C14717" s="360"/>
      <c r="D14717" s="367"/>
      <c r="E14717" s="367"/>
      <c r="F14717" s="359" t="s">
        <v>14382</v>
      </c>
      <c r="G14717" s="359" t="s">
        <v>14579</v>
      </c>
      <c r="H14717" s="359" t="s">
        <v>14332</v>
      </c>
      <c r="I14717" s="359" t="s">
        <v>14579</v>
      </c>
      <c r="J14717" s="365"/>
      <c r="K14717" s="365"/>
      <c r="L14717" s="365"/>
    </row>
    <row r="14718" spans="2:12">
      <c r="B14718" s="367"/>
      <c r="C14718" s="360"/>
      <c r="D14718" s="367"/>
      <c r="E14718" s="367"/>
      <c r="F14718" s="360"/>
      <c r="G14718" s="360"/>
      <c r="H14718" s="360"/>
      <c r="I14718" s="360"/>
      <c r="J14718" s="365"/>
      <c r="K14718" s="365"/>
      <c r="L14718" s="365"/>
    </row>
    <row r="14719" spans="2:12">
      <c r="B14719" s="368"/>
      <c r="C14719" s="362"/>
      <c r="D14719" s="368"/>
      <c r="E14719" s="368"/>
      <c r="F14719" s="361" t="s">
        <v>14382</v>
      </c>
      <c r="G14719" s="361" t="s">
        <v>14383</v>
      </c>
      <c r="H14719" s="362"/>
      <c r="I14719" s="361" t="s">
        <v>14383</v>
      </c>
      <c r="J14719" s="366"/>
      <c r="K14719" s="366"/>
      <c r="L14719" s="366"/>
    </row>
    <row r="14720" spans="2:12">
      <c r="B14720" s="358" t="s">
        <v>22252</v>
      </c>
      <c r="C14720" s="358" t="s">
        <v>22253</v>
      </c>
      <c r="D14720" s="358" t="s">
        <v>8356</v>
      </c>
      <c r="E14720" s="358" t="s">
        <v>8356</v>
      </c>
      <c r="F14720" s="358" t="s">
        <v>18221</v>
      </c>
      <c r="G14720" s="358" t="s">
        <v>15011</v>
      </c>
      <c r="H14720" s="358" t="s">
        <v>14954</v>
      </c>
      <c r="I14720" s="358" t="s">
        <v>15011</v>
      </c>
      <c r="J14720" s="358"/>
      <c r="K14720" s="358"/>
      <c r="L14720" s="358" t="s">
        <v>14513</v>
      </c>
    </row>
    <row r="14721" spans="2:12">
      <c r="B14721" s="367"/>
      <c r="C14721" s="367"/>
      <c r="D14721" s="367"/>
      <c r="E14721" s="367"/>
      <c r="F14721" s="360"/>
      <c r="G14721" s="360"/>
      <c r="H14721" s="360"/>
      <c r="I14721" s="360"/>
      <c r="J14721" s="365"/>
      <c r="K14721" s="365"/>
      <c r="L14721" s="367"/>
    </row>
    <row r="14722" spans="2:12">
      <c r="B14722" s="367"/>
      <c r="C14722" s="367"/>
      <c r="D14722" s="367"/>
      <c r="E14722" s="367"/>
      <c r="F14722" s="359" t="s">
        <v>14382</v>
      </c>
      <c r="G14722" s="359" t="s">
        <v>14483</v>
      </c>
      <c r="H14722" s="359" t="s">
        <v>14378</v>
      </c>
      <c r="I14722" s="359" t="s">
        <v>14483</v>
      </c>
      <c r="J14722" s="365"/>
      <c r="K14722" s="365"/>
      <c r="L14722" s="367"/>
    </row>
    <row r="14723" spans="2:12">
      <c r="B14723" s="367"/>
      <c r="C14723" s="367"/>
      <c r="D14723" s="367"/>
      <c r="E14723" s="367"/>
      <c r="F14723" s="360"/>
      <c r="G14723" s="360"/>
      <c r="H14723" s="360"/>
      <c r="I14723" s="360"/>
      <c r="J14723" s="365"/>
      <c r="K14723" s="365"/>
      <c r="L14723" s="367"/>
    </row>
    <row r="14724" spans="2:12">
      <c r="B14724" s="367"/>
      <c r="C14724" s="367"/>
      <c r="D14724" s="367"/>
      <c r="E14724" s="367"/>
      <c r="F14724" s="359" t="s">
        <v>14382</v>
      </c>
      <c r="G14724" s="359" t="s">
        <v>14579</v>
      </c>
      <c r="H14724" s="359" t="s">
        <v>14332</v>
      </c>
      <c r="I14724" s="359" t="s">
        <v>14579</v>
      </c>
      <c r="J14724" s="365"/>
      <c r="K14724" s="365"/>
      <c r="L14724" s="367"/>
    </row>
    <row r="14725" spans="2:12">
      <c r="B14725" s="367"/>
      <c r="C14725" s="367"/>
      <c r="D14725" s="367"/>
      <c r="E14725" s="367"/>
      <c r="F14725" s="360"/>
      <c r="G14725" s="360"/>
      <c r="H14725" s="360"/>
      <c r="I14725" s="360"/>
      <c r="J14725" s="365"/>
      <c r="K14725" s="365"/>
      <c r="L14725" s="367"/>
    </row>
    <row r="14726" spans="2:12">
      <c r="B14726" s="368"/>
      <c r="C14726" s="368"/>
      <c r="D14726" s="368"/>
      <c r="E14726" s="368"/>
      <c r="F14726" s="361" t="s">
        <v>14382</v>
      </c>
      <c r="G14726" s="361" t="s">
        <v>14383</v>
      </c>
      <c r="H14726" s="362"/>
      <c r="I14726" s="361" t="s">
        <v>14383</v>
      </c>
      <c r="J14726" s="366"/>
      <c r="K14726" s="366"/>
      <c r="L14726" s="368"/>
    </row>
    <row r="14727" spans="2:12">
      <c r="B14727" s="358" t="s">
        <v>22254</v>
      </c>
      <c r="C14727" s="358" t="s">
        <v>22255</v>
      </c>
      <c r="D14727" s="358" t="s">
        <v>8356</v>
      </c>
      <c r="E14727" s="358" t="s">
        <v>22256</v>
      </c>
      <c r="F14727" s="358" t="s">
        <v>16426</v>
      </c>
      <c r="G14727" s="358" t="s">
        <v>15011</v>
      </c>
      <c r="H14727" s="358" t="s">
        <v>14954</v>
      </c>
      <c r="I14727" s="358" t="s">
        <v>15011</v>
      </c>
      <c r="J14727" s="358"/>
      <c r="K14727" s="358"/>
      <c r="L14727" s="358"/>
    </row>
    <row r="14728" spans="2:12">
      <c r="B14728" s="367"/>
      <c r="C14728" s="367"/>
      <c r="D14728" s="367"/>
      <c r="E14728" s="367"/>
      <c r="F14728" s="360"/>
      <c r="G14728" s="360"/>
      <c r="H14728" s="360"/>
      <c r="I14728" s="360"/>
      <c r="J14728" s="365"/>
      <c r="K14728" s="365"/>
      <c r="L14728" s="365"/>
    </row>
    <row r="14729" spans="2:12">
      <c r="B14729" s="367"/>
      <c r="C14729" s="367"/>
      <c r="D14729" s="367"/>
      <c r="E14729" s="367"/>
      <c r="F14729" s="359" t="s">
        <v>14420</v>
      </c>
      <c r="G14729" s="359" t="s">
        <v>14459</v>
      </c>
      <c r="H14729" s="359" t="s">
        <v>14367</v>
      </c>
      <c r="I14729" s="359" t="s">
        <v>14459</v>
      </c>
      <c r="J14729" s="365"/>
      <c r="K14729" s="365"/>
      <c r="L14729" s="365"/>
    </row>
    <row r="14730" spans="2:12">
      <c r="B14730" s="367"/>
      <c r="C14730" s="367"/>
      <c r="D14730" s="367"/>
      <c r="E14730" s="367"/>
      <c r="F14730" s="360"/>
      <c r="G14730" s="360"/>
      <c r="H14730" s="360"/>
      <c r="I14730" s="360"/>
      <c r="J14730" s="365"/>
      <c r="K14730" s="365"/>
      <c r="L14730" s="365"/>
    </row>
    <row r="14731" spans="2:12">
      <c r="B14731" s="367"/>
      <c r="C14731" s="367"/>
      <c r="D14731" s="367"/>
      <c r="E14731" s="367"/>
      <c r="F14731" s="359" t="s">
        <v>14420</v>
      </c>
      <c r="G14731" s="359" t="s">
        <v>14421</v>
      </c>
      <c r="H14731" s="359" t="s">
        <v>14370</v>
      </c>
      <c r="I14731" s="359" t="s">
        <v>14421</v>
      </c>
      <c r="J14731" s="365"/>
      <c r="K14731" s="365"/>
      <c r="L14731" s="365"/>
    </row>
    <row r="14732" spans="2:12">
      <c r="B14732" s="367"/>
      <c r="C14732" s="367"/>
      <c r="D14732" s="367"/>
      <c r="E14732" s="367"/>
      <c r="F14732" s="360"/>
      <c r="G14732" s="360"/>
      <c r="H14732" s="360"/>
      <c r="I14732" s="360"/>
      <c r="J14732" s="365"/>
      <c r="K14732" s="365"/>
      <c r="L14732" s="365"/>
    </row>
    <row r="14733" spans="2:12">
      <c r="B14733" s="367"/>
      <c r="C14733" s="367"/>
      <c r="D14733" s="367"/>
      <c r="E14733" s="367"/>
      <c r="F14733" s="359" t="s">
        <v>14420</v>
      </c>
      <c r="G14733" s="359" t="s">
        <v>14429</v>
      </c>
      <c r="H14733" s="359" t="s">
        <v>14422</v>
      </c>
      <c r="I14733" s="359" t="s">
        <v>14429</v>
      </c>
      <c r="J14733" s="365"/>
      <c r="K14733" s="365"/>
      <c r="L14733" s="365"/>
    </row>
    <row r="14734" spans="2:12">
      <c r="B14734" s="367"/>
      <c r="C14734" s="367"/>
      <c r="D14734" s="367"/>
      <c r="E14734" s="367"/>
      <c r="F14734" s="360"/>
      <c r="G14734" s="360"/>
      <c r="H14734" s="360"/>
      <c r="I14734" s="360"/>
      <c r="J14734" s="365"/>
      <c r="K14734" s="365"/>
      <c r="L14734" s="365"/>
    </row>
    <row r="14735" spans="2:12" ht="28.5">
      <c r="B14735" s="368"/>
      <c r="C14735" s="368"/>
      <c r="D14735" s="368"/>
      <c r="E14735" s="368"/>
      <c r="F14735" s="361" t="s">
        <v>14394</v>
      </c>
      <c r="G14735" s="361" t="s">
        <v>14395</v>
      </c>
      <c r="H14735" s="362"/>
      <c r="I14735" s="361" t="s">
        <v>14395</v>
      </c>
      <c r="J14735" s="366"/>
      <c r="K14735" s="366"/>
      <c r="L14735" s="366"/>
    </row>
    <row r="14736" spans="2:12">
      <c r="B14736" s="358" t="s">
        <v>22257</v>
      </c>
      <c r="C14736" s="358" t="s">
        <v>27758</v>
      </c>
      <c r="D14736" s="358" t="s">
        <v>22258</v>
      </c>
      <c r="E14736" s="358" t="s">
        <v>22259</v>
      </c>
      <c r="F14736" s="358" t="s">
        <v>16426</v>
      </c>
      <c r="G14736" s="358" t="s">
        <v>15011</v>
      </c>
      <c r="H14736" s="358" t="s">
        <v>14954</v>
      </c>
      <c r="I14736" s="358" t="s">
        <v>15011</v>
      </c>
      <c r="J14736" s="358"/>
      <c r="K14736" s="358"/>
      <c r="L14736" s="358"/>
    </row>
    <row r="14737" spans="2:12">
      <c r="B14737" s="367"/>
      <c r="C14737" s="367"/>
      <c r="D14737" s="367"/>
      <c r="E14737" s="367"/>
      <c r="F14737" s="360"/>
      <c r="G14737" s="360"/>
      <c r="H14737" s="360"/>
      <c r="I14737" s="360"/>
      <c r="J14737" s="365"/>
      <c r="K14737" s="365"/>
      <c r="L14737" s="365"/>
    </row>
    <row r="14738" spans="2:12">
      <c r="B14738" s="367"/>
      <c r="C14738" s="367"/>
      <c r="D14738" s="367"/>
      <c r="E14738" s="367"/>
      <c r="F14738" s="359" t="s">
        <v>14420</v>
      </c>
      <c r="G14738" s="359" t="s">
        <v>14459</v>
      </c>
      <c r="H14738" s="359" t="s">
        <v>14367</v>
      </c>
      <c r="I14738" s="359" t="s">
        <v>14459</v>
      </c>
      <c r="J14738" s="365"/>
      <c r="K14738" s="365"/>
      <c r="L14738" s="365"/>
    </row>
    <row r="14739" spans="2:12">
      <c r="B14739" s="367"/>
      <c r="C14739" s="367"/>
      <c r="D14739" s="367"/>
      <c r="E14739" s="367"/>
      <c r="F14739" s="360"/>
      <c r="G14739" s="360"/>
      <c r="H14739" s="360"/>
      <c r="I14739" s="360"/>
      <c r="J14739" s="365"/>
      <c r="K14739" s="365"/>
      <c r="L14739" s="365"/>
    </row>
    <row r="14740" spans="2:12">
      <c r="B14740" s="367"/>
      <c r="C14740" s="367"/>
      <c r="D14740" s="367"/>
      <c r="E14740" s="367"/>
      <c r="F14740" s="359" t="s">
        <v>14420</v>
      </c>
      <c r="G14740" s="359" t="s">
        <v>14421</v>
      </c>
      <c r="H14740" s="359" t="s">
        <v>14422</v>
      </c>
      <c r="I14740" s="359" t="s">
        <v>14421</v>
      </c>
      <c r="J14740" s="365"/>
      <c r="K14740" s="365"/>
      <c r="L14740" s="365"/>
    </row>
    <row r="14741" spans="2:12">
      <c r="B14741" s="367"/>
      <c r="C14741" s="367"/>
      <c r="D14741" s="367"/>
      <c r="E14741" s="367"/>
      <c r="F14741" s="360"/>
      <c r="G14741" s="360"/>
      <c r="H14741" s="360"/>
      <c r="I14741" s="360"/>
      <c r="J14741" s="365"/>
      <c r="K14741" s="365"/>
      <c r="L14741" s="365"/>
    </row>
    <row r="14742" spans="2:12">
      <c r="B14742" s="368"/>
      <c r="C14742" s="368"/>
      <c r="D14742" s="368"/>
      <c r="E14742" s="368"/>
      <c r="F14742" s="361" t="s">
        <v>14420</v>
      </c>
      <c r="G14742" s="361" t="s">
        <v>14429</v>
      </c>
      <c r="H14742" s="362"/>
      <c r="I14742" s="361" t="s">
        <v>14429</v>
      </c>
      <c r="J14742" s="366"/>
      <c r="K14742" s="366"/>
      <c r="L14742" s="366"/>
    </row>
    <row r="14743" spans="2:12">
      <c r="B14743" s="358" t="s">
        <v>22260</v>
      </c>
      <c r="C14743" s="358" t="s">
        <v>27759</v>
      </c>
      <c r="D14743" s="358" t="s">
        <v>22261</v>
      </c>
      <c r="E14743" s="358" t="s">
        <v>22262</v>
      </c>
      <c r="F14743" s="358" t="s">
        <v>16426</v>
      </c>
      <c r="G14743" s="358" t="s">
        <v>15011</v>
      </c>
      <c r="H14743" s="358" t="s">
        <v>14954</v>
      </c>
      <c r="I14743" s="358" t="s">
        <v>15011</v>
      </c>
      <c r="J14743" s="358"/>
      <c r="K14743" s="358"/>
      <c r="L14743" s="358"/>
    </row>
    <row r="14744" spans="2:12">
      <c r="B14744" s="367"/>
      <c r="C14744" s="367"/>
      <c r="D14744" s="367"/>
      <c r="E14744" s="367"/>
      <c r="F14744" s="360"/>
      <c r="G14744" s="360"/>
      <c r="H14744" s="360"/>
      <c r="I14744" s="360"/>
      <c r="J14744" s="365"/>
      <c r="K14744" s="365"/>
      <c r="L14744" s="365"/>
    </row>
    <row r="14745" spans="2:12">
      <c r="B14745" s="367"/>
      <c r="C14745" s="367"/>
      <c r="D14745" s="367"/>
      <c r="E14745" s="367"/>
      <c r="F14745" s="359" t="s">
        <v>14420</v>
      </c>
      <c r="G14745" s="359" t="s">
        <v>14459</v>
      </c>
      <c r="H14745" s="359" t="s">
        <v>14381</v>
      </c>
      <c r="I14745" s="359" t="s">
        <v>14459</v>
      </c>
      <c r="J14745" s="365"/>
      <c r="K14745" s="365"/>
      <c r="L14745" s="365"/>
    </row>
    <row r="14746" spans="2:12">
      <c r="B14746" s="367"/>
      <c r="C14746" s="367"/>
      <c r="D14746" s="367"/>
      <c r="E14746" s="367"/>
      <c r="F14746" s="360"/>
      <c r="G14746" s="360"/>
      <c r="H14746" s="360"/>
      <c r="I14746" s="360"/>
      <c r="J14746" s="365"/>
      <c r="K14746" s="365"/>
      <c r="L14746" s="365"/>
    </row>
    <row r="14747" spans="2:12">
      <c r="B14747" s="367"/>
      <c r="C14747" s="367"/>
      <c r="D14747" s="367"/>
      <c r="E14747" s="367"/>
      <c r="F14747" s="359" t="s">
        <v>14420</v>
      </c>
      <c r="G14747" s="359" t="s">
        <v>14421</v>
      </c>
      <c r="H14747" s="359" t="s">
        <v>14367</v>
      </c>
      <c r="I14747" s="359" t="s">
        <v>14421</v>
      </c>
      <c r="J14747" s="365"/>
      <c r="K14747" s="365"/>
      <c r="L14747" s="365"/>
    </row>
    <row r="14748" spans="2:12">
      <c r="B14748" s="367"/>
      <c r="C14748" s="367"/>
      <c r="D14748" s="367"/>
      <c r="E14748" s="367"/>
      <c r="F14748" s="360"/>
      <c r="G14748" s="360"/>
      <c r="H14748" s="360"/>
      <c r="I14748" s="360"/>
      <c r="J14748" s="365"/>
      <c r="K14748" s="365"/>
      <c r="L14748" s="365"/>
    </row>
    <row r="14749" spans="2:12">
      <c r="B14749" s="367"/>
      <c r="C14749" s="367"/>
      <c r="D14749" s="367"/>
      <c r="E14749" s="367"/>
      <c r="F14749" s="359" t="s">
        <v>14420</v>
      </c>
      <c r="G14749" s="359" t="s">
        <v>14429</v>
      </c>
      <c r="H14749" s="359" t="s">
        <v>14422</v>
      </c>
      <c r="I14749" s="359" t="s">
        <v>14429</v>
      </c>
      <c r="J14749" s="365"/>
      <c r="K14749" s="365"/>
      <c r="L14749" s="365"/>
    </row>
    <row r="14750" spans="2:12">
      <c r="B14750" s="367"/>
      <c r="C14750" s="367"/>
      <c r="D14750" s="367"/>
      <c r="E14750" s="367"/>
      <c r="F14750" s="360"/>
      <c r="G14750" s="360"/>
      <c r="H14750" s="360"/>
      <c r="I14750" s="360"/>
      <c r="J14750" s="365"/>
      <c r="K14750" s="365"/>
      <c r="L14750" s="365"/>
    </row>
    <row r="14751" spans="2:12">
      <c r="B14751" s="368"/>
      <c r="C14751" s="368"/>
      <c r="D14751" s="368"/>
      <c r="E14751" s="368"/>
      <c r="F14751" s="361" t="s">
        <v>14460</v>
      </c>
      <c r="G14751" s="361" t="s">
        <v>14519</v>
      </c>
      <c r="H14751" s="362"/>
      <c r="I14751" s="361" t="s">
        <v>14519</v>
      </c>
      <c r="J14751" s="366"/>
      <c r="K14751" s="366"/>
      <c r="L14751" s="366"/>
    </row>
    <row r="14752" spans="2:12">
      <c r="B14752" s="358" t="s">
        <v>22263</v>
      </c>
      <c r="C14752" s="358" t="s">
        <v>22264</v>
      </c>
      <c r="D14752" s="358" t="s">
        <v>22265</v>
      </c>
      <c r="E14752" s="358" t="s">
        <v>22266</v>
      </c>
      <c r="F14752" s="358" t="s">
        <v>14420</v>
      </c>
      <c r="G14752" s="358" t="s">
        <v>14459</v>
      </c>
      <c r="H14752" s="358" t="s">
        <v>14381</v>
      </c>
      <c r="I14752" s="358" t="s">
        <v>14459</v>
      </c>
      <c r="J14752" s="358"/>
      <c r="K14752" s="358"/>
      <c r="L14752" s="358"/>
    </row>
    <row r="14753" spans="2:12">
      <c r="B14753" s="367"/>
      <c r="C14753" s="360"/>
      <c r="D14753" s="367"/>
      <c r="E14753" s="367"/>
      <c r="F14753" s="360"/>
      <c r="G14753" s="360"/>
      <c r="H14753" s="360"/>
      <c r="I14753" s="360"/>
      <c r="J14753" s="365"/>
      <c r="K14753" s="365"/>
      <c r="L14753" s="365"/>
    </row>
    <row r="14754" spans="2:12">
      <c r="B14754" s="367"/>
      <c r="C14754" s="359" t="s">
        <v>27760</v>
      </c>
      <c r="D14754" s="367"/>
      <c r="E14754" s="367"/>
      <c r="F14754" s="359" t="s">
        <v>14420</v>
      </c>
      <c r="G14754" s="359" t="s">
        <v>14421</v>
      </c>
      <c r="H14754" s="359" t="s">
        <v>14367</v>
      </c>
      <c r="I14754" s="359" t="s">
        <v>14421</v>
      </c>
      <c r="J14754" s="365"/>
      <c r="K14754" s="365"/>
      <c r="L14754" s="365"/>
    </row>
    <row r="14755" spans="2:12">
      <c r="B14755" s="367"/>
      <c r="C14755" s="360"/>
      <c r="D14755" s="367"/>
      <c r="E14755" s="367"/>
      <c r="F14755" s="360"/>
      <c r="G14755" s="360"/>
      <c r="H14755" s="360"/>
      <c r="I14755" s="360"/>
      <c r="J14755" s="365"/>
      <c r="K14755" s="365"/>
      <c r="L14755" s="365"/>
    </row>
    <row r="14756" spans="2:12">
      <c r="B14756" s="367"/>
      <c r="C14756" s="360"/>
      <c r="D14756" s="367"/>
      <c r="E14756" s="367"/>
      <c r="F14756" s="359" t="s">
        <v>14420</v>
      </c>
      <c r="G14756" s="359" t="s">
        <v>14429</v>
      </c>
      <c r="H14756" s="359" t="s">
        <v>14422</v>
      </c>
      <c r="I14756" s="359" t="s">
        <v>14429</v>
      </c>
      <c r="J14756" s="365"/>
      <c r="K14756" s="365"/>
      <c r="L14756" s="365"/>
    </row>
    <row r="14757" spans="2:12">
      <c r="B14757" s="367"/>
      <c r="C14757" s="360"/>
      <c r="D14757" s="367"/>
      <c r="E14757" s="367"/>
      <c r="F14757" s="360"/>
      <c r="G14757" s="360"/>
      <c r="H14757" s="360"/>
      <c r="I14757" s="360"/>
      <c r="J14757" s="365"/>
      <c r="K14757" s="365"/>
      <c r="L14757" s="365"/>
    </row>
    <row r="14758" spans="2:12">
      <c r="B14758" s="368"/>
      <c r="C14758" s="362"/>
      <c r="D14758" s="368"/>
      <c r="E14758" s="368"/>
      <c r="F14758" s="361" t="s">
        <v>14460</v>
      </c>
      <c r="G14758" s="361" t="s">
        <v>14519</v>
      </c>
      <c r="H14758" s="362"/>
      <c r="I14758" s="361" t="s">
        <v>14519</v>
      </c>
      <c r="J14758" s="366"/>
      <c r="K14758" s="366"/>
      <c r="L14758" s="366"/>
    </row>
    <row r="14759" spans="2:12" ht="28.5">
      <c r="B14759" s="358" t="s">
        <v>22267</v>
      </c>
      <c r="C14759" s="358" t="s">
        <v>22268</v>
      </c>
      <c r="D14759" s="358" t="s">
        <v>22269</v>
      </c>
      <c r="E14759" s="358" t="s">
        <v>22270</v>
      </c>
      <c r="F14759" s="358" t="s">
        <v>14382</v>
      </c>
      <c r="G14759" s="358" t="s">
        <v>14483</v>
      </c>
      <c r="H14759" s="358" t="s">
        <v>14378</v>
      </c>
      <c r="I14759" s="358" t="s">
        <v>14483</v>
      </c>
      <c r="J14759" s="358"/>
      <c r="K14759" s="358"/>
      <c r="L14759" s="358"/>
    </row>
    <row r="14760" spans="2:12">
      <c r="B14760" s="367"/>
      <c r="C14760" s="360"/>
      <c r="D14760" s="360"/>
      <c r="E14760" s="360"/>
      <c r="F14760" s="360"/>
      <c r="G14760" s="360"/>
      <c r="H14760" s="360"/>
      <c r="I14760" s="360"/>
      <c r="J14760" s="365"/>
      <c r="K14760" s="365"/>
      <c r="L14760" s="365"/>
    </row>
    <row r="14761" spans="2:12" ht="28.5">
      <c r="B14761" s="367"/>
      <c r="C14761" s="359" t="s">
        <v>22271</v>
      </c>
      <c r="D14761" s="359" t="s">
        <v>22272</v>
      </c>
      <c r="E14761" s="359" t="s">
        <v>22273</v>
      </c>
      <c r="F14761" s="359" t="s">
        <v>14382</v>
      </c>
      <c r="G14761" s="359" t="s">
        <v>14579</v>
      </c>
      <c r="H14761" s="359" t="s">
        <v>14381</v>
      </c>
      <c r="I14761" s="359" t="s">
        <v>14579</v>
      </c>
      <c r="J14761" s="365"/>
      <c r="K14761" s="365"/>
      <c r="L14761" s="365"/>
    </row>
    <row r="14762" spans="2:12">
      <c r="B14762" s="367"/>
      <c r="C14762" s="360"/>
      <c r="D14762" s="360"/>
      <c r="E14762" s="360"/>
      <c r="F14762" s="360"/>
      <c r="G14762" s="360"/>
      <c r="H14762" s="360"/>
      <c r="I14762" s="360"/>
      <c r="J14762" s="365"/>
      <c r="K14762" s="365"/>
      <c r="L14762" s="365"/>
    </row>
    <row r="14763" spans="2:12">
      <c r="B14763" s="367"/>
      <c r="C14763" s="360"/>
      <c r="D14763" s="360"/>
      <c r="E14763" s="360"/>
      <c r="F14763" s="359" t="s">
        <v>14382</v>
      </c>
      <c r="G14763" s="359" t="s">
        <v>14383</v>
      </c>
      <c r="H14763" s="359" t="s">
        <v>14370</v>
      </c>
      <c r="I14763" s="359" t="s">
        <v>14383</v>
      </c>
      <c r="J14763" s="365"/>
      <c r="K14763" s="365"/>
      <c r="L14763" s="365"/>
    </row>
    <row r="14764" spans="2:12">
      <c r="B14764" s="367"/>
      <c r="C14764" s="360"/>
      <c r="D14764" s="360"/>
      <c r="E14764" s="360"/>
      <c r="F14764" s="360"/>
      <c r="G14764" s="360"/>
      <c r="H14764" s="360"/>
      <c r="I14764" s="360"/>
      <c r="J14764" s="365"/>
      <c r="K14764" s="365"/>
      <c r="L14764" s="365"/>
    </row>
    <row r="14765" spans="2:12">
      <c r="B14765" s="367"/>
      <c r="C14765" s="360"/>
      <c r="D14765" s="360"/>
      <c r="E14765" s="360"/>
      <c r="F14765" s="359" t="s">
        <v>14460</v>
      </c>
      <c r="G14765" s="359" t="s">
        <v>14519</v>
      </c>
      <c r="H14765" s="359" t="s">
        <v>14332</v>
      </c>
      <c r="I14765" s="359" t="s">
        <v>14519</v>
      </c>
      <c r="J14765" s="365"/>
      <c r="K14765" s="365"/>
      <c r="L14765" s="365"/>
    </row>
    <row r="14766" spans="2:12">
      <c r="B14766" s="367"/>
      <c r="C14766" s="360"/>
      <c r="D14766" s="360"/>
      <c r="E14766" s="360"/>
      <c r="F14766" s="360"/>
      <c r="G14766" s="360"/>
      <c r="H14766" s="360"/>
      <c r="I14766" s="360"/>
      <c r="J14766" s="365"/>
      <c r="K14766" s="365"/>
      <c r="L14766" s="365"/>
    </row>
    <row r="14767" spans="2:12">
      <c r="B14767" s="367"/>
      <c r="C14767" s="360"/>
      <c r="D14767" s="360"/>
      <c r="E14767" s="360"/>
      <c r="F14767" s="359" t="s">
        <v>14371</v>
      </c>
      <c r="G14767" s="359" t="s">
        <v>14372</v>
      </c>
      <c r="H14767" s="360"/>
      <c r="I14767" s="359" t="s">
        <v>14373</v>
      </c>
      <c r="J14767" s="365"/>
      <c r="K14767" s="365"/>
      <c r="L14767" s="365"/>
    </row>
    <row r="14768" spans="2:12">
      <c r="B14768" s="367"/>
      <c r="C14768" s="360"/>
      <c r="D14768" s="360"/>
      <c r="E14768" s="360"/>
      <c r="F14768" s="360"/>
      <c r="G14768" s="360"/>
      <c r="H14768" s="360"/>
      <c r="I14768" s="360"/>
      <c r="J14768" s="365"/>
      <c r="K14768" s="365"/>
      <c r="L14768" s="365"/>
    </row>
    <row r="14769" spans="2:12" ht="28.5">
      <c r="B14769" s="368"/>
      <c r="C14769" s="362"/>
      <c r="D14769" s="362"/>
      <c r="E14769" s="362"/>
      <c r="F14769" s="361" t="s">
        <v>14374</v>
      </c>
      <c r="G14769" s="361" t="s">
        <v>14373</v>
      </c>
      <c r="H14769" s="362"/>
      <c r="I14769" s="362"/>
      <c r="J14769" s="366"/>
      <c r="K14769" s="366"/>
      <c r="L14769" s="366"/>
    </row>
    <row r="14770" spans="2:12">
      <c r="B14770" s="358" t="s">
        <v>22274</v>
      </c>
      <c r="C14770" s="358" t="s">
        <v>22275</v>
      </c>
      <c r="D14770" s="358" t="s">
        <v>22276</v>
      </c>
      <c r="E14770" s="358" t="s">
        <v>22277</v>
      </c>
      <c r="F14770" s="358" t="s">
        <v>16426</v>
      </c>
      <c r="G14770" s="358" t="s">
        <v>15011</v>
      </c>
      <c r="H14770" s="358" t="s">
        <v>14954</v>
      </c>
      <c r="I14770" s="358" t="s">
        <v>15011</v>
      </c>
      <c r="J14770" s="358"/>
      <c r="K14770" s="358"/>
      <c r="L14770" s="358"/>
    </row>
    <row r="14771" spans="2:12">
      <c r="B14771" s="367"/>
      <c r="C14771" s="360"/>
      <c r="D14771" s="367"/>
      <c r="E14771" s="367"/>
      <c r="F14771" s="360"/>
      <c r="G14771" s="360"/>
      <c r="H14771" s="360"/>
      <c r="I14771" s="360"/>
      <c r="J14771" s="365"/>
      <c r="K14771" s="365"/>
      <c r="L14771" s="365"/>
    </row>
    <row r="14772" spans="2:12">
      <c r="B14772" s="367"/>
      <c r="C14772" s="359" t="s">
        <v>22278</v>
      </c>
      <c r="D14772" s="367"/>
      <c r="E14772" s="367"/>
      <c r="F14772" s="359" t="s">
        <v>14420</v>
      </c>
      <c r="G14772" s="359" t="s">
        <v>14459</v>
      </c>
      <c r="H14772" s="359" t="s">
        <v>14367</v>
      </c>
      <c r="I14772" s="359" t="s">
        <v>14459</v>
      </c>
      <c r="J14772" s="365"/>
      <c r="K14772" s="365"/>
      <c r="L14772" s="365"/>
    </row>
    <row r="14773" spans="2:12">
      <c r="B14773" s="367"/>
      <c r="C14773" s="360"/>
      <c r="D14773" s="367"/>
      <c r="E14773" s="367"/>
      <c r="F14773" s="360"/>
      <c r="G14773" s="360"/>
      <c r="H14773" s="360"/>
      <c r="I14773" s="360"/>
      <c r="J14773" s="365"/>
      <c r="K14773" s="365"/>
      <c r="L14773" s="365"/>
    </row>
    <row r="14774" spans="2:12">
      <c r="B14774" s="367"/>
      <c r="C14774" s="360"/>
      <c r="D14774" s="367"/>
      <c r="E14774" s="367"/>
      <c r="F14774" s="359" t="s">
        <v>14420</v>
      </c>
      <c r="G14774" s="359" t="s">
        <v>14421</v>
      </c>
      <c r="H14774" s="359" t="s">
        <v>14332</v>
      </c>
      <c r="I14774" s="359" t="s">
        <v>14421</v>
      </c>
      <c r="J14774" s="365"/>
      <c r="K14774" s="365"/>
      <c r="L14774" s="365"/>
    </row>
    <row r="14775" spans="2:12">
      <c r="B14775" s="367"/>
      <c r="C14775" s="360"/>
      <c r="D14775" s="367"/>
      <c r="E14775" s="367"/>
      <c r="F14775" s="360"/>
      <c r="G14775" s="360"/>
      <c r="H14775" s="360"/>
      <c r="I14775" s="360"/>
      <c r="J14775" s="365"/>
      <c r="K14775" s="365"/>
      <c r="L14775" s="365"/>
    </row>
    <row r="14776" spans="2:12">
      <c r="B14776" s="368"/>
      <c r="C14776" s="362"/>
      <c r="D14776" s="368"/>
      <c r="E14776" s="368"/>
      <c r="F14776" s="361" t="s">
        <v>14420</v>
      </c>
      <c r="G14776" s="361" t="s">
        <v>14429</v>
      </c>
      <c r="H14776" s="362"/>
      <c r="I14776" s="361" t="s">
        <v>14429</v>
      </c>
      <c r="J14776" s="366"/>
      <c r="K14776" s="366"/>
      <c r="L14776" s="366"/>
    </row>
    <row r="14777" spans="2:12" ht="28.5">
      <c r="B14777" s="358" t="s">
        <v>12946</v>
      </c>
      <c r="C14777" s="358" t="s">
        <v>30305</v>
      </c>
      <c r="D14777" s="358" t="s">
        <v>404</v>
      </c>
      <c r="E14777" s="358" t="s">
        <v>405</v>
      </c>
      <c r="F14777" s="358" t="s">
        <v>18221</v>
      </c>
      <c r="G14777" s="358" t="s">
        <v>14953</v>
      </c>
      <c r="H14777" s="358" t="s">
        <v>14954</v>
      </c>
      <c r="I14777" s="358" t="s">
        <v>14953</v>
      </c>
      <c r="J14777" s="358"/>
      <c r="K14777" s="358"/>
      <c r="L14777" s="358" t="s">
        <v>27406</v>
      </c>
    </row>
    <row r="14778" spans="2:12">
      <c r="B14778" s="367"/>
      <c r="C14778" s="360"/>
      <c r="D14778" s="367"/>
      <c r="E14778" s="367"/>
      <c r="F14778" s="360"/>
      <c r="G14778" s="360"/>
      <c r="H14778" s="360"/>
      <c r="I14778" s="360"/>
      <c r="J14778" s="365"/>
      <c r="K14778" s="365"/>
      <c r="L14778" s="367"/>
    </row>
    <row r="14779" spans="2:12">
      <c r="B14779" s="367"/>
      <c r="C14779" s="359" t="s">
        <v>22280</v>
      </c>
      <c r="D14779" s="367"/>
      <c r="E14779" s="367"/>
      <c r="F14779" s="359" t="s">
        <v>14497</v>
      </c>
      <c r="G14779" s="359" t="s">
        <v>14481</v>
      </c>
      <c r="H14779" s="359" t="s">
        <v>14381</v>
      </c>
      <c r="I14779" s="359" t="s">
        <v>14481</v>
      </c>
      <c r="J14779" s="365"/>
      <c r="K14779" s="365"/>
      <c r="L14779" s="367"/>
    </row>
    <row r="14780" spans="2:12">
      <c r="B14780" s="367"/>
      <c r="C14780" s="360"/>
      <c r="D14780" s="367"/>
      <c r="E14780" s="367"/>
      <c r="F14780" s="360"/>
      <c r="G14780" s="360"/>
      <c r="H14780" s="360"/>
      <c r="I14780" s="360"/>
      <c r="J14780" s="365"/>
      <c r="K14780" s="365"/>
      <c r="L14780" s="367"/>
    </row>
    <row r="14781" spans="2:12">
      <c r="B14781" s="367"/>
      <c r="C14781" s="360"/>
      <c r="D14781" s="367"/>
      <c r="E14781" s="367"/>
      <c r="F14781" s="359" t="s">
        <v>14420</v>
      </c>
      <c r="G14781" s="359" t="s">
        <v>14459</v>
      </c>
      <c r="H14781" s="359" t="s">
        <v>14367</v>
      </c>
      <c r="I14781" s="359" t="s">
        <v>14459</v>
      </c>
      <c r="J14781" s="365"/>
      <c r="K14781" s="365"/>
      <c r="L14781" s="367"/>
    </row>
    <row r="14782" spans="2:12">
      <c r="B14782" s="367"/>
      <c r="C14782" s="360"/>
      <c r="D14782" s="367"/>
      <c r="E14782" s="367"/>
      <c r="F14782" s="360"/>
      <c r="G14782" s="360"/>
      <c r="H14782" s="360"/>
      <c r="I14782" s="360"/>
      <c r="J14782" s="365"/>
      <c r="K14782" s="365"/>
      <c r="L14782" s="367"/>
    </row>
    <row r="14783" spans="2:12">
      <c r="B14783" s="367"/>
      <c r="C14783" s="360"/>
      <c r="D14783" s="367"/>
      <c r="E14783" s="367"/>
      <c r="F14783" s="359" t="s">
        <v>14420</v>
      </c>
      <c r="G14783" s="359" t="s">
        <v>14429</v>
      </c>
      <c r="H14783" s="359" t="s">
        <v>14370</v>
      </c>
      <c r="I14783" s="359" t="s">
        <v>14429</v>
      </c>
      <c r="J14783" s="365"/>
      <c r="K14783" s="365"/>
      <c r="L14783" s="367"/>
    </row>
    <row r="14784" spans="2:12">
      <c r="B14784" s="367"/>
      <c r="C14784" s="360"/>
      <c r="D14784" s="367"/>
      <c r="E14784" s="367"/>
      <c r="F14784" s="360"/>
      <c r="G14784" s="360"/>
      <c r="H14784" s="360"/>
      <c r="I14784" s="360"/>
      <c r="J14784" s="365"/>
      <c r="K14784" s="365"/>
      <c r="L14784" s="367"/>
    </row>
    <row r="14785" spans="2:12">
      <c r="B14785" s="367"/>
      <c r="C14785" s="360"/>
      <c r="D14785" s="367"/>
      <c r="E14785" s="367"/>
      <c r="F14785" s="359" t="s">
        <v>14460</v>
      </c>
      <c r="G14785" s="359" t="s">
        <v>14519</v>
      </c>
      <c r="H14785" s="359" t="s">
        <v>14332</v>
      </c>
      <c r="I14785" s="359" t="s">
        <v>14519</v>
      </c>
      <c r="J14785" s="365"/>
      <c r="K14785" s="365"/>
      <c r="L14785" s="367"/>
    </row>
    <row r="14786" spans="2:12">
      <c r="B14786" s="367"/>
      <c r="C14786" s="360"/>
      <c r="D14786" s="367"/>
      <c r="E14786" s="367"/>
      <c r="F14786" s="360"/>
      <c r="G14786" s="360"/>
      <c r="H14786" s="360"/>
      <c r="I14786" s="360"/>
      <c r="J14786" s="365"/>
      <c r="K14786" s="365"/>
      <c r="L14786" s="367"/>
    </row>
    <row r="14787" spans="2:12">
      <c r="B14787" s="367"/>
      <c r="C14787" s="360"/>
      <c r="D14787" s="367"/>
      <c r="E14787" s="367"/>
      <c r="F14787" s="359" t="s">
        <v>14371</v>
      </c>
      <c r="G14787" s="359" t="s">
        <v>14372</v>
      </c>
      <c r="H14787" s="360"/>
      <c r="I14787" s="359" t="s">
        <v>14373</v>
      </c>
      <c r="J14787" s="365"/>
      <c r="K14787" s="365"/>
      <c r="L14787" s="367"/>
    </row>
    <row r="14788" spans="2:12">
      <c r="B14788" s="367"/>
      <c r="C14788" s="360"/>
      <c r="D14788" s="367"/>
      <c r="E14788" s="367"/>
      <c r="F14788" s="360"/>
      <c r="G14788" s="360"/>
      <c r="H14788" s="360"/>
      <c r="I14788" s="360"/>
      <c r="J14788" s="365"/>
      <c r="K14788" s="365"/>
      <c r="L14788" s="367"/>
    </row>
    <row r="14789" spans="2:12" ht="28.5">
      <c r="B14789" s="368"/>
      <c r="C14789" s="362"/>
      <c r="D14789" s="368"/>
      <c r="E14789" s="368"/>
      <c r="F14789" s="361" t="s">
        <v>14374</v>
      </c>
      <c r="G14789" s="361" t="s">
        <v>14373</v>
      </c>
      <c r="H14789" s="362"/>
      <c r="I14789" s="362"/>
      <c r="J14789" s="366"/>
      <c r="K14789" s="366"/>
      <c r="L14789" s="368"/>
    </row>
    <row r="14790" spans="2:12">
      <c r="B14790" s="358" t="s">
        <v>22281</v>
      </c>
      <c r="C14790" s="358" t="s">
        <v>27761</v>
      </c>
      <c r="D14790" s="358" t="s">
        <v>404</v>
      </c>
      <c r="E14790" s="358" t="s">
        <v>405</v>
      </c>
      <c r="F14790" s="358" t="s">
        <v>16426</v>
      </c>
      <c r="G14790" s="358" t="s">
        <v>15011</v>
      </c>
      <c r="H14790" s="358" t="s">
        <v>14954</v>
      </c>
      <c r="I14790" s="358" t="s">
        <v>15011</v>
      </c>
      <c r="J14790" s="358"/>
      <c r="K14790" s="358"/>
      <c r="L14790" s="358" t="s">
        <v>27406</v>
      </c>
    </row>
    <row r="14791" spans="2:12">
      <c r="B14791" s="367"/>
      <c r="C14791" s="360"/>
      <c r="D14791" s="367"/>
      <c r="E14791" s="367"/>
      <c r="F14791" s="360"/>
      <c r="G14791" s="360"/>
      <c r="H14791" s="360"/>
      <c r="I14791" s="360"/>
      <c r="J14791" s="365"/>
      <c r="K14791" s="365"/>
      <c r="L14791" s="367"/>
    </row>
    <row r="14792" spans="2:12">
      <c r="B14792" s="367"/>
      <c r="C14792" s="359" t="s">
        <v>22279</v>
      </c>
      <c r="D14792" s="367"/>
      <c r="E14792" s="367"/>
      <c r="F14792" s="359" t="s">
        <v>14497</v>
      </c>
      <c r="G14792" s="359" t="s">
        <v>14481</v>
      </c>
      <c r="H14792" s="359" t="s">
        <v>14381</v>
      </c>
      <c r="I14792" s="359" t="s">
        <v>14481</v>
      </c>
      <c r="J14792" s="365"/>
      <c r="K14792" s="365"/>
      <c r="L14792" s="367"/>
    </row>
    <row r="14793" spans="2:12">
      <c r="B14793" s="367"/>
      <c r="C14793" s="360"/>
      <c r="D14793" s="367"/>
      <c r="E14793" s="367"/>
      <c r="F14793" s="360"/>
      <c r="G14793" s="360"/>
      <c r="H14793" s="360"/>
      <c r="I14793" s="360"/>
      <c r="J14793" s="365"/>
      <c r="K14793" s="365"/>
      <c r="L14793" s="367"/>
    </row>
    <row r="14794" spans="2:12">
      <c r="B14794" s="367"/>
      <c r="C14794" s="359" t="s">
        <v>29416</v>
      </c>
      <c r="D14794" s="367"/>
      <c r="E14794" s="367"/>
      <c r="F14794" s="359" t="s">
        <v>14420</v>
      </c>
      <c r="G14794" s="359" t="s">
        <v>14459</v>
      </c>
      <c r="H14794" s="359" t="s">
        <v>14367</v>
      </c>
      <c r="I14794" s="359" t="s">
        <v>14459</v>
      </c>
      <c r="J14794" s="365"/>
      <c r="K14794" s="365"/>
      <c r="L14794" s="367"/>
    </row>
    <row r="14795" spans="2:12">
      <c r="B14795" s="367"/>
      <c r="C14795" s="360"/>
      <c r="D14795" s="367"/>
      <c r="E14795" s="367"/>
      <c r="F14795" s="360"/>
      <c r="G14795" s="360"/>
      <c r="H14795" s="360"/>
      <c r="I14795" s="360"/>
      <c r="J14795" s="365"/>
      <c r="K14795" s="365"/>
      <c r="L14795" s="367"/>
    </row>
    <row r="14796" spans="2:12">
      <c r="B14796" s="367"/>
      <c r="C14796" s="360"/>
      <c r="D14796" s="367"/>
      <c r="E14796" s="367"/>
      <c r="F14796" s="359" t="s">
        <v>14420</v>
      </c>
      <c r="G14796" s="359" t="s">
        <v>14429</v>
      </c>
      <c r="H14796" s="359" t="s">
        <v>14370</v>
      </c>
      <c r="I14796" s="359" t="s">
        <v>14429</v>
      </c>
      <c r="J14796" s="365"/>
      <c r="K14796" s="365"/>
      <c r="L14796" s="367"/>
    </row>
    <row r="14797" spans="2:12">
      <c r="B14797" s="367"/>
      <c r="C14797" s="360"/>
      <c r="D14797" s="367"/>
      <c r="E14797" s="367"/>
      <c r="F14797" s="360"/>
      <c r="G14797" s="360"/>
      <c r="H14797" s="360"/>
      <c r="I14797" s="360"/>
      <c r="J14797" s="365"/>
      <c r="K14797" s="365"/>
      <c r="L14797" s="367"/>
    </row>
    <row r="14798" spans="2:12">
      <c r="B14798" s="367"/>
      <c r="C14798" s="360"/>
      <c r="D14798" s="367"/>
      <c r="E14798" s="367"/>
      <c r="F14798" s="359" t="s">
        <v>14460</v>
      </c>
      <c r="G14798" s="359" t="s">
        <v>14519</v>
      </c>
      <c r="H14798" s="359" t="s">
        <v>14332</v>
      </c>
      <c r="I14798" s="359" t="s">
        <v>14519</v>
      </c>
      <c r="J14798" s="365"/>
      <c r="K14798" s="365"/>
      <c r="L14798" s="367"/>
    </row>
    <row r="14799" spans="2:12">
      <c r="B14799" s="367"/>
      <c r="C14799" s="360"/>
      <c r="D14799" s="367"/>
      <c r="E14799" s="367"/>
      <c r="F14799" s="360"/>
      <c r="G14799" s="360"/>
      <c r="H14799" s="360"/>
      <c r="I14799" s="360"/>
      <c r="J14799" s="365"/>
      <c r="K14799" s="365"/>
      <c r="L14799" s="367"/>
    </row>
    <row r="14800" spans="2:12">
      <c r="B14800" s="367"/>
      <c r="C14800" s="360"/>
      <c r="D14800" s="367"/>
      <c r="E14800" s="367"/>
      <c r="F14800" s="359" t="s">
        <v>14371</v>
      </c>
      <c r="G14800" s="359" t="s">
        <v>14372</v>
      </c>
      <c r="H14800" s="360"/>
      <c r="I14800" s="359" t="s">
        <v>14373</v>
      </c>
      <c r="J14800" s="365"/>
      <c r="K14800" s="365"/>
      <c r="L14800" s="367"/>
    </row>
    <row r="14801" spans="2:12">
      <c r="B14801" s="367"/>
      <c r="C14801" s="360"/>
      <c r="D14801" s="367"/>
      <c r="E14801" s="367"/>
      <c r="F14801" s="360"/>
      <c r="G14801" s="360"/>
      <c r="H14801" s="360"/>
      <c r="I14801" s="360"/>
      <c r="J14801" s="365"/>
      <c r="K14801" s="365"/>
      <c r="L14801" s="367"/>
    </row>
    <row r="14802" spans="2:12" ht="28.5">
      <c r="B14802" s="368"/>
      <c r="C14802" s="362"/>
      <c r="D14802" s="368"/>
      <c r="E14802" s="368"/>
      <c r="F14802" s="361" t="s">
        <v>14374</v>
      </c>
      <c r="G14802" s="361" t="s">
        <v>14373</v>
      </c>
      <c r="H14802" s="362"/>
      <c r="I14802" s="362"/>
      <c r="J14802" s="366"/>
      <c r="K14802" s="366"/>
      <c r="L14802" s="368"/>
    </row>
    <row r="14803" spans="2:12">
      <c r="B14803" s="358" t="s">
        <v>22282</v>
      </c>
      <c r="C14803" s="358" t="s">
        <v>22283</v>
      </c>
      <c r="D14803" s="358" t="s">
        <v>22284</v>
      </c>
      <c r="E14803" s="358" t="s">
        <v>22285</v>
      </c>
      <c r="F14803" s="358" t="s">
        <v>14426</v>
      </c>
      <c r="G14803" s="358" t="s">
        <v>14427</v>
      </c>
      <c r="H14803" s="358" t="s">
        <v>14378</v>
      </c>
      <c r="I14803" s="358" t="s">
        <v>14427</v>
      </c>
      <c r="J14803" s="358" t="s">
        <v>19122</v>
      </c>
      <c r="K14803" s="358"/>
      <c r="L14803" s="358"/>
    </row>
    <row r="14804" spans="2:12">
      <c r="B14804" s="367"/>
      <c r="C14804" s="360"/>
      <c r="D14804" s="367"/>
      <c r="E14804" s="367"/>
      <c r="F14804" s="360"/>
      <c r="G14804" s="360"/>
      <c r="H14804" s="360"/>
      <c r="I14804" s="360"/>
      <c r="J14804" s="367"/>
      <c r="K14804" s="365"/>
      <c r="L14804" s="365"/>
    </row>
    <row r="14805" spans="2:12">
      <c r="B14805" s="367"/>
      <c r="C14805" s="359" t="s">
        <v>27762</v>
      </c>
      <c r="D14805" s="367"/>
      <c r="E14805" s="367"/>
      <c r="F14805" s="359" t="s">
        <v>14379</v>
      </c>
      <c r="G14805" s="359" t="s">
        <v>14380</v>
      </c>
      <c r="H14805" s="359" t="s">
        <v>14381</v>
      </c>
      <c r="I14805" s="359" t="s">
        <v>14380</v>
      </c>
      <c r="J14805" s="367"/>
      <c r="K14805" s="365"/>
      <c r="L14805" s="365"/>
    </row>
    <row r="14806" spans="2:12">
      <c r="B14806" s="367"/>
      <c r="C14806" s="360"/>
      <c r="D14806" s="367"/>
      <c r="E14806" s="367"/>
      <c r="F14806" s="360"/>
      <c r="G14806" s="360"/>
      <c r="H14806" s="360"/>
      <c r="I14806" s="360"/>
      <c r="J14806" s="367"/>
      <c r="K14806" s="365"/>
      <c r="L14806" s="365"/>
    </row>
    <row r="14807" spans="2:12">
      <c r="B14807" s="367"/>
      <c r="C14807" s="360"/>
      <c r="D14807" s="367"/>
      <c r="E14807" s="367"/>
      <c r="F14807" s="359" t="s">
        <v>14530</v>
      </c>
      <c r="G14807" s="359" t="s">
        <v>14531</v>
      </c>
      <c r="H14807" s="359" t="s">
        <v>14341</v>
      </c>
      <c r="I14807" s="359" t="s">
        <v>14531</v>
      </c>
      <c r="J14807" s="367"/>
      <c r="K14807" s="365"/>
      <c r="L14807" s="365"/>
    </row>
    <row r="14808" spans="2:12">
      <c r="B14808" s="367"/>
      <c r="C14808" s="360"/>
      <c r="D14808" s="367"/>
      <c r="E14808" s="367"/>
      <c r="F14808" s="360"/>
      <c r="G14808" s="360"/>
      <c r="H14808" s="360"/>
      <c r="I14808" s="360"/>
      <c r="J14808" s="367"/>
      <c r="K14808" s="365"/>
      <c r="L14808" s="365"/>
    </row>
    <row r="14809" spans="2:12">
      <c r="B14809" s="367"/>
      <c r="C14809" s="360"/>
      <c r="D14809" s="367"/>
      <c r="E14809" s="367"/>
      <c r="F14809" s="359" t="s">
        <v>14379</v>
      </c>
      <c r="G14809" s="359" t="s">
        <v>14405</v>
      </c>
      <c r="H14809" s="359" t="s">
        <v>14367</v>
      </c>
      <c r="I14809" s="359" t="s">
        <v>14405</v>
      </c>
      <c r="J14809" s="367"/>
      <c r="K14809" s="365"/>
      <c r="L14809" s="365"/>
    </row>
    <row r="14810" spans="2:12">
      <c r="B14810" s="367"/>
      <c r="C14810" s="360"/>
      <c r="D14810" s="367"/>
      <c r="E14810" s="367"/>
      <c r="F14810" s="360"/>
      <c r="G14810" s="360"/>
      <c r="H14810" s="360"/>
      <c r="I14810" s="360"/>
      <c r="J14810" s="367"/>
      <c r="K14810" s="365"/>
      <c r="L14810" s="365"/>
    </row>
    <row r="14811" spans="2:12">
      <c r="B14811" s="367"/>
      <c r="C14811" s="360"/>
      <c r="D14811" s="367"/>
      <c r="E14811" s="367"/>
      <c r="F14811" s="359" t="s">
        <v>14389</v>
      </c>
      <c r="G14811" s="359" t="s">
        <v>14390</v>
      </c>
      <c r="H14811" s="359" t="s">
        <v>14370</v>
      </c>
      <c r="I14811" s="359" t="s">
        <v>14390</v>
      </c>
      <c r="J14811" s="367"/>
      <c r="K14811" s="365"/>
      <c r="L14811" s="365"/>
    </row>
    <row r="14812" spans="2:12">
      <c r="B14812" s="367"/>
      <c r="C14812" s="360"/>
      <c r="D14812" s="367"/>
      <c r="E14812" s="367"/>
      <c r="F14812" s="360"/>
      <c r="G14812" s="360"/>
      <c r="H14812" s="360"/>
      <c r="I14812" s="360"/>
      <c r="J14812" s="367"/>
      <c r="K14812" s="365"/>
      <c r="L14812" s="365"/>
    </row>
    <row r="14813" spans="2:12">
      <c r="B14813" s="367"/>
      <c r="C14813" s="360"/>
      <c r="D14813" s="367"/>
      <c r="E14813" s="367"/>
      <c r="F14813" s="359" t="s">
        <v>14430</v>
      </c>
      <c r="G14813" s="359" t="s">
        <v>14431</v>
      </c>
      <c r="H14813" s="359" t="s">
        <v>14332</v>
      </c>
      <c r="I14813" s="359" t="s">
        <v>14431</v>
      </c>
      <c r="J14813" s="367"/>
      <c r="K14813" s="365"/>
      <c r="L14813" s="365"/>
    </row>
    <row r="14814" spans="2:12">
      <c r="B14814" s="367"/>
      <c r="C14814" s="360"/>
      <c r="D14814" s="367"/>
      <c r="E14814" s="367"/>
      <c r="F14814" s="360"/>
      <c r="G14814" s="360"/>
      <c r="H14814" s="360"/>
      <c r="I14814" s="360"/>
      <c r="J14814" s="367"/>
      <c r="K14814" s="365"/>
      <c r="L14814" s="365"/>
    </row>
    <row r="14815" spans="2:12">
      <c r="B14815" s="367"/>
      <c r="C14815" s="360"/>
      <c r="D14815" s="367"/>
      <c r="E14815" s="367"/>
      <c r="F14815" s="359" t="s">
        <v>14391</v>
      </c>
      <c r="G14815" s="359" t="s">
        <v>14392</v>
      </c>
      <c r="H14815" s="360"/>
      <c r="I14815" s="359" t="s">
        <v>14392</v>
      </c>
      <c r="J14815" s="367"/>
      <c r="K14815" s="365"/>
      <c r="L14815" s="365"/>
    </row>
    <row r="14816" spans="2:12">
      <c r="B14816" s="367"/>
      <c r="C14816" s="360"/>
      <c r="D14816" s="367"/>
      <c r="E14816" s="367"/>
      <c r="F14816" s="360"/>
      <c r="G14816" s="360"/>
      <c r="H14816" s="360"/>
      <c r="I14816" s="360"/>
      <c r="J14816" s="367"/>
      <c r="K14816" s="365"/>
      <c r="L14816" s="365"/>
    </row>
    <row r="14817" spans="2:12">
      <c r="B14817" s="367"/>
      <c r="C14817" s="360"/>
      <c r="D14817" s="367"/>
      <c r="E14817" s="367"/>
      <c r="F14817" s="359" t="s">
        <v>14371</v>
      </c>
      <c r="G14817" s="359" t="s">
        <v>14372</v>
      </c>
      <c r="H14817" s="360"/>
      <c r="I14817" s="359" t="s">
        <v>14373</v>
      </c>
      <c r="J14817" s="367"/>
      <c r="K14817" s="365"/>
      <c r="L14817" s="365"/>
    </row>
    <row r="14818" spans="2:12">
      <c r="B14818" s="367"/>
      <c r="C14818" s="360"/>
      <c r="D14818" s="367"/>
      <c r="E14818" s="367"/>
      <c r="F14818" s="360"/>
      <c r="G14818" s="360"/>
      <c r="H14818" s="360"/>
      <c r="I14818" s="360"/>
      <c r="J14818" s="367"/>
      <c r="K14818" s="365"/>
      <c r="L14818" s="365"/>
    </row>
    <row r="14819" spans="2:12" ht="28.5">
      <c r="B14819" s="368"/>
      <c r="C14819" s="362"/>
      <c r="D14819" s="368"/>
      <c r="E14819" s="368"/>
      <c r="F14819" s="361" t="s">
        <v>14374</v>
      </c>
      <c r="G14819" s="361" t="s">
        <v>14373</v>
      </c>
      <c r="H14819" s="362"/>
      <c r="I14819" s="362"/>
      <c r="J14819" s="368"/>
      <c r="K14819" s="366"/>
      <c r="L14819" s="366"/>
    </row>
    <row r="14820" spans="2:12" ht="28.5">
      <c r="B14820" s="358" t="s">
        <v>22286</v>
      </c>
      <c r="C14820" s="358" t="s">
        <v>22287</v>
      </c>
      <c r="D14820" s="358" t="s">
        <v>22288</v>
      </c>
      <c r="E14820" s="358" t="s">
        <v>22289</v>
      </c>
      <c r="F14820" s="358" t="s">
        <v>14382</v>
      </c>
      <c r="G14820" s="358" t="s">
        <v>14483</v>
      </c>
      <c r="H14820" s="358" t="s">
        <v>14378</v>
      </c>
      <c r="I14820" s="358" t="s">
        <v>14483</v>
      </c>
      <c r="J14820" s="358"/>
      <c r="K14820" s="358"/>
      <c r="L14820" s="358"/>
    </row>
    <row r="14821" spans="2:12">
      <c r="B14821" s="367"/>
      <c r="C14821" s="360"/>
      <c r="D14821" s="360"/>
      <c r="E14821" s="360"/>
      <c r="F14821" s="360"/>
      <c r="G14821" s="360"/>
      <c r="H14821" s="360"/>
      <c r="I14821" s="360"/>
      <c r="J14821" s="365"/>
      <c r="K14821" s="365"/>
      <c r="L14821" s="365"/>
    </row>
    <row r="14822" spans="2:12" ht="28.5">
      <c r="B14822" s="367"/>
      <c r="C14822" s="359" t="s">
        <v>27763</v>
      </c>
      <c r="D14822" s="359" t="s">
        <v>28737</v>
      </c>
      <c r="E14822" s="359" t="s">
        <v>22290</v>
      </c>
      <c r="F14822" s="359" t="s">
        <v>14382</v>
      </c>
      <c r="G14822" s="359" t="s">
        <v>14579</v>
      </c>
      <c r="H14822" s="359" t="s">
        <v>14381</v>
      </c>
      <c r="I14822" s="359" t="s">
        <v>14579</v>
      </c>
      <c r="J14822" s="365"/>
      <c r="K14822" s="365"/>
      <c r="L14822" s="365"/>
    </row>
    <row r="14823" spans="2:12">
      <c r="B14823" s="367"/>
      <c r="C14823" s="360"/>
      <c r="D14823" s="360"/>
      <c r="E14823" s="360"/>
      <c r="F14823" s="360"/>
      <c r="G14823" s="360"/>
      <c r="H14823" s="360"/>
      <c r="I14823" s="360"/>
      <c r="J14823" s="365"/>
      <c r="K14823" s="365"/>
      <c r="L14823" s="365"/>
    </row>
    <row r="14824" spans="2:12" ht="28.5">
      <c r="B14824" s="367"/>
      <c r="C14824" s="359" t="s">
        <v>30306</v>
      </c>
      <c r="D14824" s="360"/>
      <c r="E14824" s="360"/>
      <c r="F14824" s="359" t="s">
        <v>14382</v>
      </c>
      <c r="G14824" s="359" t="s">
        <v>14383</v>
      </c>
      <c r="H14824" s="359" t="s">
        <v>14370</v>
      </c>
      <c r="I14824" s="359" t="s">
        <v>14383</v>
      </c>
      <c r="J14824" s="365"/>
      <c r="K14824" s="365"/>
      <c r="L14824" s="365"/>
    </row>
    <row r="14825" spans="2:12">
      <c r="B14825" s="367"/>
      <c r="C14825" s="360"/>
      <c r="D14825" s="360"/>
      <c r="E14825" s="360"/>
      <c r="F14825" s="360"/>
      <c r="G14825" s="360"/>
      <c r="H14825" s="360"/>
      <c r="I14825" s="360"/>
      <c r="J14825" s="365"/>
      <c r="K14825" s="365"/>
      <c r="L14825" s="365"/>
    </row>
    <row r="14826" spans="2:12">
      <c r="B14826" s="367"/>
      <c r="C14826" s="360"/>
      <c r="D14826" s="360"/>
      <c r="E14826" s="360"/>
      <c r="F14826" s="359" t="s">
        <v>14460</v>
      </c>
      <c r="G14826" s="359" t="s">
        <v>14519</v>
      </c>
      <c r="H14826" s="359" t="s">
        <v>14332</v>
      </c>
      <c r="I14826" s="359" t="s">
        <v>14519</v>
      </c>
      <c r="J14826" s="365"/>
      <c r="K14826" s="365"/>
      <c r="L14826" s="365"/>
    </row>
    <row r="14827" spans="2:12">
      <c r="B14827" s="367"/>
      <c r="C14827" s="360"/>
      <c r="D14827" s="360"/>
      <c r="E14827" s="360"/>
      <c r="F14827" s="360"/>
      <c r="G14827" s="360"/>
      <c r="H14827" s="360"/>
      <c r="I14827" s="360"/>
      <c r="J14827" s="365"/>
      <c r="K14827" s="365"/>
      <c r="L14827" s="365"/>
    </row>
    <row r="14828" spans="2:12">
      <c r="B14828" s="367"/>
      <c r="C14828" s="360"/>
      <c r="D14828" s="360"/>
      <c r="E14828" s="360"/>
      <c r="F14828" s="359" t="s">
        <v>14371</v>
      </c>
      <c r="G14828" s="359" t="s">
        <v>14372</v>
      </c>
      <c r="H14828" s="360"/>
      <c r="I14828" s="359" t="s">
        <v>14373</v>
      </c>
      <c r="J14828" s="365"/>
      <c r="K14828" s="365"/>
      <c r="L14828" s="365"/>
    </row>
    <row r="14829" spans="2:12">
      <c r="B14829" s="367"/>
      <c r="C14829" s="360"/>
      <c r="D14829" s="360"/>
      <c r="E14829" s="360"/>
      <c r="F14829" s="360"/>
      <c r="G14829" s="360"/>
      <c r="H14829" s="360"/>
      <c r="I14829" s="360"/>
      <c r="J14829" s="365"/>
      <c r="K14829" s="365"/>
      <c r="L14829" s="365"/>
    </row>
    <row r="14830" spans="2:12" ht="28.5">
      <c r="B14830" s="368"/>
      <c r="C14830" s="362"/>
      <c r="D14830" s="362"/>
      <c r="E14830" s="362"/>
      <c r="F14830" s="361" t="s">
        <v>14374</v>
      </c>
      <c r="G14830" s="361" t="s">
        <v>14373</v>
      </c>
      <c r="H14830" s="362"/>
      <c r="I14830" s="362"/>
      <c r="J14830" s="366"/>
      <c r="K14830" s="366"/>
      <c r="L14830" s="366"/>
    </row>
    <row r="14831" spans="2:12" ht="28.5">
      <c r="B14831" s="358" t="s">
        <v>22291</v>
      </c>
      <c r="C14831" s="358" t="s">
        <v>30307</v>
      </c>
      <c r="D14831" s="358" t="s">
        <v>22292</v>
      </c>
      <c r="E14831" s="358" t="s">
        <v>22293</v>
      </c>
      <c r="F14831" s="358" t="s">
        <v>14379</v>
      </c>
      <c r="G14831" s="358" t="s">
        <v>14380</v>
      </c>
      <c r="H14831" s="358" t="s">
        <v>14378</v>
      </c>
      <c r="I14831" s="358" t="s">
        <v>14380</v>
      </c>
      <c r="J14831" s="358"/>
      <c r="K14831" s="358"/>
      <c r="L14831" s="358"/>
    </row>
    <row r="14832" spans="2:12">
      <c r="B14832" s="367"/>
      <c r="C14832" s="367"/>
      <c r="D14832" s="367"/>
      <c r="E14832" s="367"/>
      <c r="F14832" s="360"/>
      <c r="G14832" s="360"/>
      <c r="H14832" s="360"/>
      <c r="I14832" s="360"/>
      <c r="J14832" s="365"/>
      <c r="K14832" s="365"/>
      <c r="L14832" s="365"/>
    </row>
    <row r="14833" spans="2:12">
      <c r="B14833" s="367"/>
      <c r="C14833" s="367"/>
      <c r="D14833" s="367"/>
      <c r="E14833" s="367"/>
      <c r="F14833" s="359" t="s">
        <v>14530</v>
      </c>
      <c r="G14833" s="359" t="s">
        <v>14531</v>
      </c>
      <c r="H14833" s="359" t="s">
        <v>14381</v>
      </c>
      <c r="I14833" s="359" t="s">
        <v>14531</v>
      </c>
      <c r="J14833" s="365"/>
      <c r="K14833" s="365"/>
      <c r="L14833" s="365"/>
    </row>
    <row r="14834" spans="2:12">
      <c r="B14834" s="367"/>
      <c r="C14834" s="367"/>
      <c r="D14834" s="367"/>
      <c r="E14834" s="367"/>
      <c r="F14834" s="360"/>
      <c r="G14834" s="360"/>
      <c r="H14834" s="360"/>
      <c r="I14834" s="360"/>
      <c r="J14834" s="365"/>
      <c r="K14834" s="365"/>
      <c r="L14834" s="365"/>
    </row>
    <row r="14835" spans="2:12">
      <c r="B14835" s="367"/>
      <c r="C14835" s="367"/>
      <c r="D14835" s="367"/>
      <c r="E14835" s="367"/>
      <c r="F14835" s="359" t="s">
        <v>14379</v>
      </c>
      <c r="G14835" s="359" t="s">
        <v>14405</v>
      </c>
      <c r="H14835" s="359" t="s">
        <v>14370</v>
      </c>
      <c r="I14835" s="359" t="s">
        <v>14405</v>
      </c>
      <c r="J14835" s="365"/>
      <c r="K14835" s="365"/>
      <c r="L14835" s="365"/>
    </row>
    <row r="14836" spans="2:12">
      <c r="B14836" s="367"/>
      <c r="C14836" s="367"/>
      <c r="D14836" s="367"/>
      <c r="E14836" s="367"/>
      <c r="F14836" s="360"/>
      <c r="G14836" s="360"/>
      <c r="H14836" s="360"/>
      <c r="I14836" s="360"/>
      <c r="J14836" s="365"/>
      <c r="K14836" s="365"/>
      <c r="L14836" s="365"/>
    </row>
    <row r="14837" spans="2:12">
      <c r="B14837" s="367"/>
      <c r="C14837" s="367"/>
      <c r="D14837" s="367"/>
      <c r="E14837" s="367"/>
      <c r="F14837" s="359" t="s">
        <v>14460</v>
      </c>
      <c r="G14837" s="359" t="s">
        <v>14519</v>
      </c>
      <c r="H14837" s="359" t="s">
        <v>14332</v>
      </c>
      <c r="I14837" s="359" t="s">
        <v>14519</v>
      </c>
      <c r="J14837" s="365"/>
      <c r="K14837" s="365"/>
      <c r="L14837" s="365"/>
    </row>
    <row r="14838" spans="2:12">
      <c r="B14838" s="367"/>
      <c r="C14838" s="367"/>
      <c r="D14838" s="367"/>
      <c r="E14838" s="367"/>
      <c r="F14838" s="360"/>
      <c r="G14838" s="360"/>
      <c r="H14838" s="360"/>
      <c r="I14838" s="360"/>
      <c r="J14838" s="365"/>
      <c r="K14838" s="365"/>
      <c r="L14838" s="365"/>
    </row>
    <row r="14839" spans="2:12">
      <c r="B14839" s="367"/>
      <c r="C14839" s="367"/>
      <c r="D14839" s="367"/>
      <c r="E14839" s="367"/>
      <c r="F14839" s="359" t="s">
        <v>14371</v>
      </c>
      <c r="G14839" s="359" t="s">
        <v>14372</v>
      </c>
      <c r="H14839" s="360"/>
      <c r="I14839" s="359" t="s">
        <v>14373</v>
      </c>
      <c r="J14839" s="365"/>
      <c r="K14839" s="365"/>
      <c r="L14839" s="365"/>
    </row>
    <row r="14840" spans="2:12">
      <c r="B14840" s="367"/>
      <c r="C14840" s="367"/>
      <c r="D14840" s="367"/>
      <c r="E14840" s="367"/>
      <c r="F14840" s="360"/>
      <c r="G14840" s="360"/>
      <c r="H14840" s="360"/>
      <c r="I14840" s="360"/>
      <c r="J14840" s="365"/>
      <c r="K14840" s="365"/>
      <c r="L14840" s="365"/>
    </row>
    <row r="14841" spans="2:12" ht="28.5">
      <c r="B14841" s="368"/>
      <c r="C14841" s="368"/>
      <c r="D14841" s="368"/>
      <c r="E14841" s="368"/>
      <c r="F14841" s="361" t="s">
        <v>14374</v>
      </c>
      <c r="G14841" s="361" t="s">
        <v>14373</v>
      </c>
      <c r="H14841" s="362"/>
      <c r="I14841" s="362"/>
      <c r="J14841" s="366"/>
      <c r="K14841" s="366"/>
      <c r="L14841" s="366"/>
    </row>
    <row r="14842" spans="2:12">
      <c r="B14842" s="358" t="s">
        <v>13178</v>
      </c>
      <c r="C14842" s="358" t="s">
        <v>22294</v>
      </c>
      <c r="D14842" s="358" t="s">
        <v>13179</v>
      </c>
      <c r="E14842" s="358" t="s">
        <v>13180</v>
      </c>
      <c r="F14842" s="358" t="s">
        <v>14424</v>
      </c>
      <c r="G14842" s="358" t="s">
        <v>16648</v>
      </c>
      <c r="H14842" s="358" t="s">
        <v>14381</v>
      </c>
      <c r="I14842" s="358" t="s">
        <v>16648</v>
      </c>
      <c r="J14842" s="358"/>
      <c r="K14842" s="358" t="s">
        <v>14552</v>
      </c>
      <c r="L14842" s="358"/>
    </row>
    <row r="14843" spans="2:12">
      <c r="B14843" s="367"/>
      <c r="C14843" s="360"/>
      <c r="D14843" s="367"/>
      <c r="E14843" s="367"/>
      <c r="F14843" s="360"/>
      <c r="G14843" s="360"/>
      <c r="H14843" s="360"/>
      <c r="I14843" s="360"/>
      <c r="J14843" s="365"/>
      <c r="K14843" s="367"/>
      <c r="L14843" s="365"/>
    </row>
    <row r="14844" spans="2:12" ht="57">
      <c r="B14844" s="367"/>
      <c r="C14844" s="359" t="s">
        <v>30308</v>
      </c>
      <c r="D14844" s="367"/>
      <c r="E14844" s="367"/>
      <c r="F14844" s="359" t="s">
        <v>14420</v>
      </c>
      <c r="G14844" s="359" t="s">
        <v>14459</v>
      </c>
      <c r="H14844" s="359" t="s">
        <v>14367</v>
      </c>
      <c r="I14844" s="359" t="s">
        <v>14459</v>
      </c>
      <c r="J14844" s="365"/>
      <c r="K14844" s="367"/>
      <c r="L14844" s="365"/>
    </row>
    <row r="14845" spans="2:12">
      <c r="B14845" s="367"/>
      <c r="C14845" s="360"/>
      <c r="D14845" s="367"/>
      <c r="E14845" s="367"/>
      <c r="F14845" s="360"/>
      <c r="G14845" s="360"/>
      <c r="H14845" s="360"/>
      <c r="I14845" s="360"/>
      <c r="J14845" s="365"/>
      <c r="K14845" s="367"/>
      <c r="L14845" s="365"/>
    </row>
    <row r="14846" spans="2:12">
      <c r="B14846" s="367"/>
      <c r="C14846" s="360"/>
      <c r="D14846" s="367"/>
      <c r="E14846" s="367"/>
      <c r="F14846" s="359" t="s">
        <v>14420</v>
      </c>
      <c r="G14846" s="359" t="s">
        <v>14429</v>
      </c>
      <c r="H14846" s="359" t="s">
        <v>14370</v>
      </c>
      <c r="I14846" s="359" t="s">
        <v>14429</v>
      </c>
      <c r="J14846" s="365"/>
      <c r="K14846" s="367"/>
      <c r="L14846" s="365"/>
    </row>
    <row r="14847" spans="2:12">
      <c r="B14847" s="367"/>
      <c r="C14847" s="360"/>
      <c r="D14847" s="367"/>
      <c r="E14847" s="367"/>
      <c r="F14847" s="360"/>
      <c r="G14847" s="360"/>
      <c r="H14847" s="360"/>
      <c r="I14847" s="360"/>
      <c r="J14847" s="365"/>
      <c r="K14847" s="367"/>
      <c r="L14847" s="365"/>
    </row>
    <row r="14848" spans="2:12">
      <c r="B14848" s="367"/>
      <c r="C14848" s="360"/>
      <c r="D14848" s="367"/>
      <c r="E14848" s="367"/>
      <c r="F14848" s="359" t="s">
        <v>14460</v>
      </c>
      <c r="G14848" s="359" t="s">
        <v>14461</v>
      </c>
      <c r="H14848" s="359" t="s">
        <v>14332</v>
      </c>
      <c r="I14848" s="359" t="s">
        <v>14461</v>
      </c>
      <c r="J14848" s="365"/>
      <c r="K14848" s="367"/>
      <c r="L14848" s="365"/>
    </row>
    <row r="14849" spans="2:12">
      <c r="B14849" s="367"/>
      <c r="C14849" s="360"/>
      <c r="D14849" s="367"/>
      <c r="E14849" s="367"/>
      <c r="F14849" s="360"/>
      <c r="G14849" s="360"/>
      <c r="H14849" s="360"/>
      <c r="I14849" s="360"/>
      <c r="J14849" s="365"/>
      <c r="K14849" s="367"/>
      <c r="L14849" s="365"/>
    </row>
    <row r="14850" spans="2:12">
      <c r="B14850" s="367"/>
      <c r="C14850" s="360"/>
      <c r="D14850" s="367"/>
      <c r="E14850" s="367"/>
      <c r="F14850" s="359" t="s">
        <v>14389</v>
      </c>
      <c r="G14850" s="359" t="s">
        <v>14390</v>
      </c>
      <c r="H14850" s="360"/>
      <c r="I14850" s="359" t="s">
        <v>14390</v>
      </c>
      <c r="J14850" s="365"/>
      <c r="K14850" s="367"/>
      <c r="L14850" s="365"/>
    </row>
    <row r="14851" spans="2:12">
      <c r="B14851" s="367"/>
      <c r="C14851" s="360"/>
      <c r="D14851" s="367"/>
      <c r="E14851" s="367"/>
      <c r="F14851" s="360"/>
      <c r="G14851" s="360"/>
      <c r="H14851" s="360"/>
      <c r="I14851" s="360"/>
      <c r="J14851" s="365"/>
      <c r="K14851" s="367"/>
      <c r="L14851" s="365"/>
    </row>
    <row r="14852" spans="2:12">
      <c r="B14852" s="367"/>
      <c r="C14852" s="360"/>
      <c r="D14852" s="367"/>
      <c r="E14852" s="367"/>
      <c r="F14852" s="359" t="s">
        <v>14391</v>
      </c>
      <c r="G14852" s="359" t="s">
        <v>14392</v>
      </c>
      <c r="H14852" s="360"/>
      <c r="I14852" s="359" t="s">
        <v>14392</v>
      </c>
      <c r="J14852" s="365"/>
      <c r="K14852" s="367"/>
      <c r="L14852" s="365"/>
    </row>
    <row r="14853" spans="2:12">
      <c r="B14853" s="367"/>
      <c r="C14853" s="360"/>
      <c r="D14853" s="367"/>
      <c r="E14853" s="367"/>
      <c r="F14853" s="360"/>
      <c r="G14853" s="360"/>
      <c r="H14853" s="360"/>
      <c r="I14853" s="360"/>
      <c r="J14853" s="365"/>
      <c r="K14853" s="367"/>
      <c r="L14853" s="365"/>
    </row>
    <row r="14854" spans="2:12">
      <c r="B14854" s="367"/>
      <c r="C14854" s="360"/>
      <c r="D14854" s="367"/>
      <c r="E14854" s="367"/>
      <c r="F14854" s="359" t="s">
        <v>14371</v>
      </c>
      <c r="G14854" s="359" t="s">
        <v>14372</v>
      </c>
      <c r="H14854" s="360"/>
      <c r="I14854" s="359" t="s">
        <v>14373</v>
      </c>
      <c r="J14854" s="365"/>
      <c r="K14854" s="367"/>
      <c r="L14854" s="365"/>
    </row>
    <row r="14855" spans="2:12">
      <c r="B14855" s="367"/>
      <c r="C14855" s="360"/>
      <c r="D14855" s="367"/>
      <c r="E14855" s="367"/>
      <c r="F14855" s="360"/>
      <c r="G14855" s="360"/>
      <c r="H14855" s="360"/>
      <c r="I14855" s="360"/>
      <c r="J14855" s="365"/>
      <c r="K14855" s="367"/>
      <c r="L14855" s="365"/>
    </row>
    <row r="14856" spans="2:12" ht="28.5">
      <c r="B14856" s="368"/>
      <c r="C14856" s="362"/>
      <c r="D14856" s="368"/>
      <c r="E14856" s="368"/>
      <c r="F14856" s="361" t="s">
        <v>14374</v>
      </c>
      <c r="G14856" s="361" t="s">
        <v>14373</v>
      </c>
      <c r="H14856" s="362"/>
      <c r="I14856" s="362"/>
      <c r="J14856" s="366"/>
      <c r="K14856" s="368"/>
      <c r="L14856" s="366"/>
    </row>
    <row r="14857" spans="2:12" ht="28.5">
      <c r="B14857" s="358" t="s">
        <v>13182</v>
      </c>
      <c r="C14857" s="358" t="s">
        <v>22295</v>
      </c>
      <c r="D14857" s="358" t="s">
        <v>13183</v>
      </c>
      <c r="E14857" s="358" t="s">
        <v>13184</v>
      </c>
      <c r="F14857" s="358" t="s">
        <v>14424</v>
      </c>
      <c r="G14857" s="358" t="s">
        <v>29417</v>
      </c>
      <c r="H14857" s="358" t="s">
        <v>14381</v>
      </c>
      <c r="I14857" s="358" t="s">
        <v>29417</v>
      </c>
      <c r="J14857" s="358"/>
      <c r="K14857" s="358"/>
      <c r="L14857" s="358"/>
    </row>
    <row r="14858" spans="2:12">
      <c r="B14858" s="367"/>
      <c r="C14858" s="360"/>
      <c r="D14858" s="367"/>
      <c r="E14858" s="367"/>
      <c r="F14858" s="360"/>
      <c r="G14858" s="360"/>
      <c r="H14858" s="360"/>
      <c r="I14858" s="360"/>
      <c r="J14858" s="365"/>
      <c r="K14858" s="365"/>
      <c r="L14858" s="365"/>
    </row>
    <row r="14859" spans="2:12">
      <c r="B14859" s="367"/>
      <c r="C14859" s="359" t="s">
        <v>27764</v>
      </c>
      <c r="D14859" s="367"/>
      <c r="E14859" s="367"/>
      <c r="F14859" s="359" t="s">
        <v>14420</v>
      </c>
      <c r="G14859" s="359" t="s">
        <v>14429</v>
      </c>
      <c r="H14859" s="359" t="s">
        <v>14367</v>
      </c>
      <c r="I14859" s="359" t="s">
        <v>14429</v>
      </c>
      <c r="J14859" s="365"/>
      <c r="K14859" s="365"/>
      <c r="L14859" s="365"/>
    </row>
    <row r="14860" spans="2:12">
      <c r="B14860" s="367"/>
      <c r="C14860" s="360"/>
      <c r="D14860" s="367"/>
      <c r="E14860" s="367"/>
      <c r="F14860" s="360"/>
      <c r="G14860" s="360"/>
      <c r="H14860" s="360"/>
      <c r="I14860" s="360"/>
      <c r="J14860" s="365"/>
      <c r="K14860" s="365"/>
      <c r="L14860" s="365"/>
    </row>
    <row r="14861" spans="2:12">
      <c r="B14861" s="367"/>
      <c r="C14861" s="360"/>
      <c r="D14861" s="367"/>
      <c r="E14861" s="367"/>
      <c r="F14861" s="359" t="s">
        <v>14420</v>
      </c>
      <c r="G14861" s="359" t="s">
        <v>14372</v>
      </c>
      <c r="H14861" s="359" t="s">
        <v>14370</v>
      </c>
      <c r="I14861" s="359" t="s">
        <v>14373</v>
      </c>
      <c r="J14861" s="365"/>
      <c r="K14861" s="365"/>
      <c r="L14861" s="365"/>
    </row>
    <row r="14862" spans="2:12">
      <c r="B14862" s="367"/>
      <c r="C14862" s="360"/>
      <c r="D14862" s="367"/>
      <c r="E14862" s="367"/>
      <c r="F14862" s="360"/>
      <c r="G14862" s="360"/>
      <c r="H14862" s="360"/>
      <c r="I14862" s="360"/>
      <c r="J14862" s="365"/>
      <c r="K14862" s="365"/>
      <c r="L14862" s="365"/>
    </row>
    <row r="14863" spans="2:12">
      <c r="B14863" s="367"/>
      <c r="C14863" s="360"/>
      <c r="D14863" s="367"/>
      <c r="E14863" s="367"/>
      <c r="F14863" s="359" t="s">
        <v>14371</v>
      </c>
      <c r="G14863" s="359" t="s">
        <v>14373</v>
      </c>
      <c r="H14863" s="359" t="s">
        <v>14332</v>
      </c>
      <c r="I14863" s="360"/>
      <c r="J14863" s="365"/>
      <c r="K14863" s="365"/>
      <c r="L14863" s="365"/>
    </row>
    <row r="14864" spans="2:12">
      <c r="B14864" s="367"/>
      <c r="C14864" s="360"/>
      <c r="D14864" s="367"/>
      <c r="E14864" s="367"/>
      <c r="F14864" s="360"/>
      <c r="G14864" s="360"/>
      <c r="H14864" s="360"/>
      <c r="I14864" s="360"/>
      <c r="J14864" s="365"/>
      <c r="K14864" s="365"/>
      <c r="L14864" s="365"/>
    </row>
    <row r="14865" spans="2:12" ht="28.5">
      <c r="B14865" s="368"/>
      <c r="C14865" s="362"/>
      <c r="D14865" s="368"/>
      <c r="E14865" s="368"/>
      <c r="F14865" s="361" t="s">
        <v>14374</v>
      </c>
      <c r="G14865" s="362"/>
      <c r="H14865" s="362"/>
      <c r="I14865" s="362"/>
      <c r="J14865" s="366"/>
      <c r="K14865" s="366"/>
      <c r="L14865" s="366"/>
    </row>
    <row r="14866" spans="2:12">
      <c r="B14866" s="358" t="s">
        <v>13186</v>
      </c>
      <c r="C14866" s="358" t="s">
        <v>29418</v>
      </c>
      <c r="D14866" s="358" t="s">
        <v>231</v>
      </c>
      <c r="E14866" s="358" t="s">
        <v>232</v>
      </c>
      <c r="F14866" s="358" t="s">
        <v>14424</v>
      </c>
      <c r="G14866" s="358" t="s">
        <v>14481</v>
      </c>
      <c r="H14866" s="358" t="s">
        <v>14378</v>
      </c>
      <c r="I14866" s="358" t="s">
        <v>14481</v>
      </c>
      <c r="J14866" s="358" t="s">
        <v>19122</v>
      </c>
      <c r="K14866" s="358"/>
      <c r="L14866" s="358"/>
    </row>
    <row r="14867" spans="2:12">
      <c r="B14867" s="367"/>
      <c r="C14867" s="360"/>
      <c r="D14867" s="367"/>
      <c r="E14867" s="367"/>
      <c r="F14867" s="360"/>
      <c r="G14867" s="360"/>
      <c r="H14867" s="360"/>
      <c r="I14867" s="360"/>
      <c r="J14867" s="367"/>
      <c r="K14867" s="365"/>
      <c r="L14867" s="365"/>
    </row>
    <row r="14868" spans="2:12">
      <c r="B14868" s="367"/>
      <c r="C14868" s="359" t="s">
        <v>27765</v>
      </c>
      <c r="D14868" s="367"/>
      <c r="E14868" s="367"/>
      <c r="F14868" s="359" t="s">
        <v>14382</v>
      </c>
      <c r="G14868" s="359" t="s">
        <v>14579</v>
      </c>
      <c r="H14868" s="359" t="s">
        <v>14381</v>
      </c>
      <c r="I14868" s="359" t="s">
        <v>14579</v>
      </c>
      <c r="J14868" s="367"/>
      <c r="K14868" s="365"/>
      <c r="L14868" s="365"/>
    </row>
    <row r="14869" spans="2:12">
      <c r="B14869" s="367"/>
      <c r="C14869" s="360"/>
      <c r="D14869" s="367"/>
      <c r="E14869" s="367"/>
      <c r="F14869" s="360"/>
      <c r="G14869" s="360"/>
      <c r="H14869" s="360"/>
      <c r="I14869" s="360"/>
      <c r="J14869" s="367"/>
      <c r="K14869" s="365"/>
      <c r="L14869" s="365"/>
    </row>
    <row r="14870" spans="2:12">
      <c r="B14870" s="367"/>
      <c r="C14870" s="360"/>
      <c r="D14870" s="367"/>
      <c r="E14870" s="367"/>
      <c r="F14870" s="359" t="s">
        <v>14382</v>
      </c>
      <c r="G14870" s="359" t="s">
        <v>14383</v>
      </c>
      <c r="H14870" s="359" t="s">
        <v>14370</v>
      </c>
      <c r="I14870" s="359" t="s">
        <v>14383</v>
      </c>
      <c r="J14870" s="367"/>
      <c r="K14870" s="365"/>
      <c r="L14870" s="365"/>
    </row>
    <row r="14871" spans="2:12">
      <c r="B14871" s="367"/>
      <c r="C14871" s="360"/>
      <c r="D14871" s="367"/>
      <c r="E14871" s="367"/>
      <c r="F14871" s="360"/>
      <c r="G14871" s="360"/>
      <c r="H14871" s="360"/>
      <c r="I14871" s="360"/>
      <c r="J14871" s="367"/>
      <c r="K14871" s="365"/>
      <c r="L14871" s="365"/>
    </row>
    <row r="14872" spans="2:12">
      <c r="B14872" s="367"/>
      <c r="C14872" s="360"/>
      <c r="D14872" s="367"/>
      <c r="E14872" s="367"/>
      <c r="F14872" s="359" t="s">
        <v>14386</v>
      </c>
      <c r="G14872" s="359" t="s">
        <v>14387</v>
      </c>
      <c r="H14872" s="359" t="s">
        <v>14332</v>
      </c>
      <c r="I14872" s="359" t="s">
        <v>14387</v>
      </c>
      <c r="J14872" s="367"/>
      <c r="K14872" s="365"/>
      <c r="L14872" s="365"/>
    </row>
    <row r="14873" spans="2:12">
      <c r="B14873" s="367"/>
      <c r="C14873" s="360"/>
      <c r="D14873" s="367"/>
      <c r="E14873" s="367"/>
      <c r="F14873" s="360"/>
      <c r="G14873" s="360"/>
      <c r="H14873" s="360"/>
      <c r="I14873" s="360"/>
      <c r="J14873" s="367"/>
      <c r="K14873" s="365"/>
      <c r="L14873" s="365"/>
    </row>
    <row r="14874" spans="2:12">
      <c r="B14874" s="367"/>
      <c r="C14874" s="360"/>
      <c r="D14874" s="367"/>
      <c r="E14874" s="367"/>
      <c r="F14874" s="359" t="s">
        <v>14371</v>
      </c>
      <c r="G14874" s="359" t="s">
        <v>14372</v>
      </c>
      <c r="H14874" s="360"/>
      <c r="I14874" s="359" t="s">
        <v>14373</v>
      </c>
      <c r="J14874" s="367"/>
      <c r="K14874" s="365"/>
      <c r="L14874" s="365"/>
    </row>
    <row r="14875" spans="2:12">
      <c r="B14875" s="367"/>
      <c r="C14875" s="360"/>
      <c r="D14875" s="367"/>
      <c r="E14875" s="367"/>
      <c r="F14875" s="360"/>
      <c r="G14875" s="360"/>
      <c r="H14875" s="360"/>
      <c r="I14875" s="360"/>
      <c r="J14875" s="367"/>
      <c r="K14875" s="365"/>
      <c r="L14875" s="365"/>
    </row>
    <row r="14876" spans="2:12" ht="28.5">
      <c r="B14876" s="368"/>
      <c r="C14876" s="362"/>
      <c r="D14876" s="368"/>
      <c r="E14876" s="368"/>
      <c r="F14876" s="361" t="s">
        <v>14374</v>
      </c>
      <c r="G14876" s="361" t="s">
        <v>14373</v>
      </c>
      <c r="H14876" s="362"/>
      <c r="I14876" s="362"/>
      <c r="J14876" s="368"/>
      <c r="K14876" s="366"/>
      <c r="L14876" s="366"/>
    </row>
    <row r="14877" spans="2:12" ht="28.5">
      <c r="B14877" s="358" t="s">
        <v>13188</v>
      </c>
      <c r="C14877" s="358" t="s">
        <v>22296</v>
      </c>
      <c r="D14877" s="358" t="s">
        <v>8356</v>
      </c>
      <c r="E14877" s="358" t="s">
        <v>8356</v>
      </c>
      <c r="F14877" s="358" t="s">
        <v>14424</v>
      </c>
      <c r="G14877" s="358" t="s">
        <v>14481</v>
      </c>
      <c r="H14877" s="358" t="s">
        <v>14378</v>
      </c>
      <c r="I14877" s="358" t="s">
        <v>14481</v>
      </c>
      <c r="J14877" s="358" t="s">
        <v>19122</v>
      </c>
      <c r="K14877" s="358"/>
      <c r="L14877" s="358" t="s">
        <v>9491</v>
      </c>
    </row>
    <row r="14878" spans="2:12">
      <c r="B14878" s="367"/>
      <c r="C14878" s="367"/>
      <c r="D14878" s="367"/>
      <c r="E14878" s="367"/>
      <c r="F14878" s="360"/>
      <c r="G14878" s="360"/>
      <c r="H14878" s="360"/>
      <c r="I14878" s="360"/>
      <c r="J14878" s="367"/>
      <c r="K14878" s="365"/>
      <c r="L14878" s="367"/>
    </row>
    <row r="14879" spans="2:12">
      <c r="B14879" s="367"/>
      <c r="C14879" s="367"/>
      <c r="D14879" s="367"/>
      <c r="E14879" s="367"/>
      <c r="F14879" s="359" t="s">
        <v>14382</v>
      </c>
      <c r="G14879" s="359" t="s">
        <v>14579</v>
      </c>
      <c r="H14879" s="359" t="s">
        <v>14381</v>
      </c>
      <c r="I14879" s="359" t="s">
        <v>14579</v>
      </c>
      <c r="J14879" s="367"/>
      <c r="K14879" s="365"/>
      <c r="L14879" s="367"/>
    </row>
    <row r="14880" spans="2:12">
      <c r="B14880" s="367"/>
      <c r="C14880" s="367"/>
      <c r="D14880" s="367"/>
      <c r="E14880" s="367"/>
      <c r="F14880" s="360"/>
      <c r="G14880" s="360"/>
      <c r="H14880" s="360"/>
      <c r="I14880" s="360"/>
      <c r="J14880" s="367"/>
      <c r="K14880" s="365"/>
      <c r="L14880" s="367"/>
    </row>
    <row r="14881" spans="2:12">
      <c r="B14881" s="367"/>
      <c r="C14881" s="367"/>
      <c r="D14881" s="367"/>
      <c r="E14881" s="367"/>
      <c r="F14881" s="359" t="s">
        <v>14382</v>
      </c>
      <c r="G14881" s="359" t="s">
        <v>14383</v>
      </c>
      <c r="H14881" s="359" t="s">
        <v>14370</v>
      </c>
      <c r="I14881" s="359" t="s">
        <v>14383</v>
      </c>
      <c r="J14881" s="367"/>
      <c r="K14881" s="365"/>
      <c r="L14881" s="367"/>
    </row>
    <row r="14882" spans="2:12">
      <c r="B14882" s="367"/>
      <c r="C14882" s="367"/>
      <c r="D14882" s="367"/>
      <c r="E14882" s="367"/>
      <c r="F14882" s="360"/>
      <c r="G14882" s="360"/>
      <c r="H14882" s="360"/>
      <c r="I14882" s="360"/>
      <c r="J14882" s="367"/>
      <c r="K14882" s="365"/>
      <c r="L14882" s="367"/>
    </row>
    <row r="14883" spans="2:12">
      <c r="B14883" s="367"/>
      <c r="C14883" s="367"/>
      <c r="D14883" s="367"/>
      <c r="E14883" s="367"/>
      <c r="F14883" s="359" t="s">
        <v>14386</v>
      </c>
      <c r="G14883" s="359" t="s">
        <v>14387</v>
      </c>
      <c r="H14883" s="359" t="s">
        <v>14332</v>
      </c>
      <c r="I14883" s="359" t="s">
        <v>14387</v>
      </c>
      <c r="J14883" s="367"/>
      <c r="K14883" s="365"/>
      <c r="L14883" s="367"/>
    </row>
    <row r="14884" spans="2:12">
      <c r="B14884" s="367"/>
      <c r="C14884" s="367"/>
      <c r="D14884" s="367"/>
      <c r="E14884" s="367"/>
      <c r="F14884" s="360"/>
      <c r="G14884" s="360"/>
      <c r="H14884" s="360"/>
      <c r="I14884" s="360"/>
      <c r="J14884" s="367"/>
      <c r="K14884" s="365"/>
      <c r="L14884" s="367"/>
    </row>
    <row r="14885" spans="2:12">
      <c r="B14885" s="367"/>
      <c r="C14885" s="367"/>
      <c r="D14885" s="367"/>
      <c r="E14885" s="367"/>
      <c r="F14885" s="359" t="s">
        <v>14371</v>
      </c>
      <c r="G14885" s="359" t="s">
        <v>14372</v>
      </c>
      <c r="H14885" s="360"/>
      <c r="I14885" s="359" t="s">
        <v>14373</v>
      </c>
      <c r="J14885" s="367"/>
      <c r="K14885" s="365"/>
      <c r="L14885" s="367"/>
    </row>
    <row r="14886" spans="2:12">
      <c r="B14886" s="367"/>
      <c r="C14886" s="367"/>
      <c r="D14886" s="367"/>
      <c r="E14886" s="367"/>
      <c r="F14886" s="360"/>
      <c r="G14886" s="360"/>
      <c r="H14886" s="360"/>
      <c r="I14886" s="360"/>
      <c r="J14886" s="367"/>
      <c r="K14886" s="365"/>
      <c r="L14886" s="367"/>
    </row>
    <row r="14887" spans="2:12" ht="28.5">
      <c r="B14887" s="368"/>
      <c r="C14887" s="368"/>
      <c r="D14887" s="368"/>
      <c r="E14887" s="368"/>
      <c r="F14887" s="361" t="s">
        <v>14374</v>
      </c>
      <c r="G14887" s="361" t="s">
        <v>14373</v>
      </c>
      <c r="H14887" s="362"/>
      <c r="I14887" s="362"/>
      <c r="J14887" s="368"/>
      <c r="K14887" s="366"/>
      <c r="L14887" s="368"/>
    </row>
    <row r="14888" spans="2:12">
      <c r="B14888" s="358" t="s">
        <v>22297</v>
      </c>
      <c r="C14888" s="358" t="s">
        <v>22298</v>
      </c>
      <c r="D14888" s="358" t="s">
        <v>8356</v>
      </c>
      <c r="E14888" s="358" t="s">
        <v>22299</v>
      </c>
      <c r="F14888" s="358" t="s">
        <v>14420</v>
      </c>
      <c r="G14888" s="358" t="s">
        <v>14429</v>
      </c>
      <c r="H14888" s="358" t="s">
        <v>14367</v>
      </c>
      <c r="I14888" s="358" t="s">
        <v>14429</v>
      </c>
      <c r="J14888" s="358"/>
      <c r="K14888" s="358"/>
      <c r="L14888" s="358"/>
    </row>
    <row r="14889" spans="2:12">
      <c r="B14889" s="367"/>
      <c r="C14889" s="360"/>
      <c r="D14889" s="367"/>
      <c r="E14889" s="367"/>
      <c r="F14889" s="360"/>
      <c r="G14889" s="360"/>
      <c r="H14889" s="360"/>
      <c r="I14889" s="360"/>
      <c r="J14889" s="365"/>
      <c r="K14889" s="365"/>
      <c r="L14889" s="365"/>
    </row>
    <row r="14890" spans="2:12">
      <c r="B14890" s="367"/>
      <c r="C14890" s="359" t="s">
        <v>29419</v>
      </c>
      <c r="D14890" s="367"/>
      <c r="E14890" s="367"/>
      <c r="F14890" s="359" t="s">
        <v>14371</v>
      </c>
      <c r="G14890" s="359" t="s">
        <v>14372</v>
      </c>
      <c r="H14890" s="359" t="s">
        <v>14370</v>
      </c>
      <c r="I14890" s="359" t="s">
        <v>14373</v>
      </c>
      <c r="J14890" s="365"/>
      <c r="K14890" s="365"/>
      <c r="L14890" s="365"/>
    </row>
    <row r="14891" spans="2:12">
      <c r="B14891" s="367"/>
      <c r="C14891" s="360"/>
      <c r="D14891" s="367"/>
      <c r="E14891" s="367"/>
      <c r="F14891" s="360"/>
      <c r="G14891" s="360"/>
      <c r="H14891" s="360"/>
      <c r="I14891" s="360"/>
      <c r="J14891" s="365"/>
      <c r="K14891" s="365"/>
      <c r="L14891" s="365"/>
    </row>
    <row r="14892" spans="2:12" ht="28.5">
      <c r="B14892" s="368"/>
      <c r="C14892" s="361" t="s">
        <v>29420</v>
      </c>
      <c r="D14892" s="368"/>
      <c r="E14892" s="368"/>
      <c r="F14892" s="361" t="s">
        <v>14374</v>
      </c>
      <c r="G14892" s="361" t="s">
        <v>14373</v>
      </c>
      <c r="H14892" s="361" t="s">
        <v>14422</v>
      </c>
      <c r="I14892" s="362"/>
      <c r="J14892" s="366"/>
      <c r="K14892" s="366"/>
      <c r="L14892" s="366"/>
    </row>
    <row r="14893" spans="2:12">
      <c r="B14893" s="358" t="s">
        <v>22300</v>
      </c>
      <c r="C14893" s="358" t="s">
        <v>22301</v>
      </c>
      <c r="D14893" s="358" t="s">
        <v>22302</v>
      </c>
      <c r="E14893" s="358" t="s">
        <v>22303</v>
      </c>
      <c r="F14893" s="358" t="s">
        <v>14382</v>
      </c>
      <c r="G14893" s="358" t="s">
        <v>14483</v>
      </c>
      <c r="H14893" s="358" t="s">
        <v>14378</v>
      </c>
      <c r="I14893" s="358" t="s">
        <v>14483</v>
      </c>
      <c r="J14893" s="358"/>
      <c r="K14893" s="358"/>
      <c r="L14893" s="358"/>
    </row>
    <row r="14894" spans="2:12">
      <c r="B14894" s="367"/>
      <c r="C14894" s="360"/>
      <c r="D14894" s="367"/>
      <c r="E14894" s="367"/>
      <c r="F14894" s="360"/>
      <c r="G14894" s="360"/>
      <c r="H14894" s="360"/>
      <c r="I14894" s="360"/>
      <c r="J14894" s="365"/>
      <c r="K14894" s="365"/>
      <c r="L14894" s="365"/>
    </row>
    <row r="14895" spans="2:12">
      <c r="B14895" s="367"/>
      <c r="C14895" s="359" t="s">
        <v>22304</v>
      </c>
      <c r="D14895" s="367"/>
      <c r="E14895" s="367"/>
      <c r="F14895" s="359" t="s">
        <v>14382</v>
      </c>
      <c r="G14895" s="359" t="s">
        <v>14579</v>
      </c>
      <c r="H14895" s="359" t="s">
        <v>14370</v>
      </c>
      <c r="I14895" s="359" t="s">
        <v>14579</v>
      </c>
      <c r="J14895" s="365"/>
      <c r="K14895" s="365"/>
      <c r="L14895" s="365"/>
    </row>
    <row r="14896" spans="2:12">
      <c r="B14896" s="367"/>
      <c r="C14896" s="360"/>
      <c r="D14896" s="367"/>
      <c r="E14896" s="367"/>
      <c r="F14896" s="360"/>
      <c r="G14896" s="360"/>
      <c r="H14896" s="360"/>
      <c r="I14896" s="360"/>
      <c r="J14896" s="365"/>
      <c r="K14896" s="365"/>
      <c r="L14896" s="365"/>
    </row>
    <row r="14897" spans="2:12">
      <c r="B14897" s="367"/>
      <c r="C14897" s="360"/>
      <c r="D14897" s="367"/>
      <c r="E14897" s="367"/>
      <c r="F14897" s="359" t="s">
        <v>14382</v>
      </c>
      <c r="G14897" s="359" t="s">
        <v>14383</v>
      </c>
      <c r="H14897" s="359" t="s">
        <v>14332</v>
      </c>
      <c r="I14897" s="359" t="s">
        <v>14383</v>
      </c>
      <c r="J14897" s="365"/>
      <c r="K14897" s="365"/>
      <c r="L14897" s="365"/>
    </row>
    <row r="14898" spans="2:12">
      <c r="B14898" s="367"/>
      <c r="C14898" s="360"/>
      <c r="D14898" s="367"/>
      <c r="E14898" s="367"/>
      <c r="F14898" s="360"/>
      <c r="G14898" s="360"/>
      <c r="H14898" s="360"/>
      <c r="I14898" s="360"/>
      <c r="J14898" s="365"/>
      <c r="K14898" s="365"/>
      <c r="L14898" s="365"/>
    </row>
    <row r="14899" spans="2:12">
      <c r="B14899" s="367"/>
      <c r="C14899" s="360"/>
      <c r="D14899" s="367"/>
      <c r="E14899" s="367"/>
      <c r="F14899" s="359" t="s">
        <v>14371</v>
      </c>
      <c r="G14899" s="359" t="s">
        <v>14372</v>
      </c>
      <c r="H14899" s="360"/>
      <c r="I14899" s="359" t="s">
        <v>14373</v>
      </c>
      <c r="J14899" s="365"/>
      <c r="K14899" s="365"/>
      <c r="L14899" s="365"/>
    </row>
    <row r="14900" spans="2:12">
      <c r="B14900" s="367"/>
      <c r="C14900" s="360"/>
      <c r="D14900" s="367"/>
      <c r="E14900" s="367"/>
      <c r="F14900" s="360"/>
      <c r="G14900" s="360"/>
      <c r="H14900" s="360"/>
      <c r="I14900" s="360"/>
      <c r="J14900" s="365"/>
      <c r="K14900" s="365"/>
      <c r="L14900" s="365"/>
    </row>
    <row r="14901" spans="2:12" ht="28.5">
      <c r="B14901" s="368"/>
      <c r="C14901" s="362"/>
      <c r="D14901" s="368"/>
      <c r="E14901" s="368"/>
      <c r="F14901" s="361" t="s">
        <v>14374</v>
      </c>
      <c r="G14901" s="361" t="s">
        <v>14373</v>
      </c>
      <c r="H14901" s="362"/>
      <c r="I14901" s="362"/>
      <c r="J14901" s="366"/>
      <c r="K14901" s="366"/>
      <c r="L14901" s="366"/>
    </row>
    <row r="14902" spans="2:12">
      <c r="B14902" s="358" t="s">
        <v>22305</v>
      </c>
      <c r="C14902" s="358" t="s">
        <v>22306</v>
      </c>
      <c r="D14902" s="358" t="s">
        <v>8356</v>
      </c>
      <c r="E14902" s="358" t="s">
        <v>8356</v>
      </c>
      <c r="F14902" s="358" t="s">
        <v>14382</v>
      </c>
      <c r="G14902" s="358" t="s">
        <v>14483</v>
      </c>
      <c r="H14902" s="358" t="s">
        <v>14378</v>
      </c>
      <c r="I14902" s="358" t="s">
        <v>14483</v>
      </c>
      <c r="J14902" s="358"/>
      <c r="K14902" s="358"/>
      <c r="L14902" s="358" t="s">
        <v>9491</v>
      </c>
    </row>
    <row r="14903" spans="2:12">
      <c r="B14903" s="367"/>
      <c r="C14903" s="367"/>
      <c r="D14903" s="367"/>
      <c r="E14903" s="367"/>
      <c r="F14903" s="360"/>
      <c r="G14903" s="360"/>
      <c r="H14903" s="360"/>
      <c r="I14903" s="360"/>
      <c r="J14903" s="365"/>
      <c r="K14903" s="365"/>
      <c r="L14903" s="367"/>
    </row>
    <row r="14904" spans="2:12">
      <c r="B14904" s="367"/>
      <c r="C14904" s="367"/>
      <c r="D14904" s="367"/>
      <c r="E14904" s="367"/>
      <c r="F14904" s="359" t="s">
        <v>14382</v>
      </c>
      <c r="G14904" s="359" t="s">
        <v>14579</v>
      </c>
      <c r="H14904" s="359" t="s">
        <v>14370</v>
      </c>
      <c r="I14904" s="359" t="s">
        <v>14579</v>
      </c>
      <c r="J14904" s="365"/>
      <c r="K14904" s="365"/>
      <c r="L14904" s="367"/>
    </row>
    <row r="14905" spans="2:12">
      <c r="B14905" s="367"/>
      <c r="C14905" s="367"/>
      <c r="D14905" s="367"/>
      <c r="E14905" s="367"/>
      <c r="F14905" s="360"/>
      <c r="G14905" s="360"/>
      <c r="H14905" s="360"/>
      <c r="I14905" s="360"/>
      <c r="J14905" s="365"/>
      <c r="K14905" s="365"/>
      <c r="L14905" s="367"/>
    </row>
    <row r="14906" spans="2:12">
      <c r="B14906" s="367"/>
      <c r="C14906" s="367"/>
      <c r="D14906" s="367"/>
      <c r="E14906" s="367"/>
      <c r="F14906" s="359" t="s">
        <v>14382</v>
      </c>
      <c r="G14906" s="359" t="s">
        <v>14383</v>
      </c>
      <c r="H14906" s="359" t="s">
        <v>14332</v>
      </c>
      <c r="I14906" s="359" t="s">
        <v>14383</v>
      </c>
      <c r="J14906" s="365"/>
      <c r="K14906" s="365"/>
      <c r="L14906" s="367"/>
    </row>
    <row r="14907" spans="2:12">
      <c r="B14907" s="367"/>
      <c r="C14907" s="367"/>
      <c r="D14907" s="367"/>
      <c r="E14907" s="367"/>
      <c r="F14907" s="360"/>
      <c r="G14907" s="360"/>
      <c r="H14907" s="360"/>
      <c r="I14907" s="360"/>
      <c r="J14907" s="365"/>
      <c r="K14907" s="365"/>
      <c r="L14907" s="367"/>
    </row>
    <row r="14908" spans="2:12">
      <c r="B14908" s="367"/>
      <c r="C14908" s="367"/>
      <c r="D14908" s="367"/>
      <c r="E14908" s="367"/>
      <c r="F14908" s="359" t="s">
        <v>14371</v>
      </c>
      <c r="G14908" s="359" t="s">
        <v>14372</v>
      </c>
      <c r="H14908" s="360"/>
      <c r="I14908" s="359" t="s">
        <v>14373</v>
      </c>
      <c r="J14908" s="365"/>
      <c r="K14908" s="365"/>
      <c r="L14908" s="367"/>
    </row>
    <row r="14909" spans="2:12">
      <c r="B14909" s="367"/>
      <c r="C14909" s="367"/>
      <c r="D14909" s="367"/>
      <c r="E14909" s="367"/>
      <c r="F14909" s="360"/>
      <c r="G14909" s="360"/>
      <c r="H14909" s="360"/>
      <c r="I14909" s="360"/>
      <c r="J14909" s="365"/>
      <c r="K14909" s="365"/>
      <c r="L14909" s="367"/>
    </row>
    <row r="14910" spans="2:12" ht="28.5">
      <c r="B14910" s="368"/>
      <c r="C14910" s="368"/>
      <c r="D14910" s="368"/>
      <c r="E14910" s="368"/>
      <c r="F14910" s="361" t="s">
        <v>14374</v>
      </c>
      <c r="G14910" s="361" t="s">
        <v>14373</v>
      </c>
      <c r="H14910" s="362"/>
      <c r="I14910" s="362"/>
      <c r="J14910" s="366"/>
      <c r="K14910" s="366"/>
      <c r="L14910" s="368"/>
    </row>
    <row r="14911" spans="2:12" ht="28.5">
      <c r="B14911" s="358" t="s">
        <v>13190</v>
      </c>
      <c r="C14911" s="358" t="s">
        <v>22307</v>
      </c>
      <c r="D14911" s="358" t="s">
        <v>13191</v>
      </c>
      <c r="E14911" s="358" t="s">
        <v>13192</v>
      </c>
      <c r="F14911" s="358" t="s">
        <v>14424</v>
      </c>
      <c r="G14911" s="358" t="s">
        <v>29421</v>
      </c>
      <c r="H14911" s="358" t="s">
        <v>14378</v>
      </c>
      <c r="I14911" s="358" t="s">
        <v>29421</v>
      </c>
      <c r="J14911" s="358" t="s">
        <v>19122</v>
      </c>
      <c r="K14911" s="358"/>
      <c r="L14911" s="358"/>
    </row>
    <row r="14912" spans="2:12">
      <c r="B14912" s="367"/>
      <c r="C14912" s="360"/>
      <c r="D14912" s="367"/>
      <c r="E14912" s="367"/>
      <c r="F14912" s="360"/>
      <c r="G14912" s="360"/>
      <c r="H14912" s="360"/>
      <c r="I14912" s="360"/>
      <c r="J14912" s="367"/>
      <c r="K14912" s="365"/>
      <c r="L14912" s="365"/>
    </row>
    <row r="14913" spans="2:12">
      <c r="B14913" s="367"/>
      <c r="C14913" s="359" t="s">
        <v>27766</v>
      </c>
      <c r="D14913" s="367"/>
      <c r="E14913" s="367"/>
      <c r="F14913" s="359" t="s">
        <v>14379</v>
      </c>
      <c r="G14913" s="359" t="s">
        <v>14579</v>
      </c>
      <c r="H14913" s="359" t="s">
        <v>14381</v>
      </c>
      <c r="I14913" s="359" t="s">
        <v>14579</v>
      </c>
      <c r="J14913" s="367"/>
      <c r="K14913" s="365"/>
      <c r="L14913" s="365"/>
    </row>
    <row r="14914" spans="2:12">
      <c r="B14914" s="367"/>
      <c r="C14914" s="360"/>
      <c r="D14914" s="367"/>
      <c r="E14914" s="367"/>
      <c r="F14914" s="360"/>
      <c r="G14914" s="360"/>
      <c r="H14914" s="360"/>
      <c r="I14914" s="360"/>
      <c r="J14914" s="367"/>
      <c r="K14914" s="365"/>
      <c r="L14914" s="365"/>
    </row>
    <row r="14915" spans="2:12">
      <c r="B14915" s="367"/>
      <c r="C14915" s="360"/>
      <c r="D14915" s="367"/>
      <c r="E14915" s="367"/>
      <c r="F14915" s="359" t="s">
        <v>14382</v>
      </c>
      <c r="G14915" s="359" t="s">
        <v>14372</v>
      </c>
      <c r="H14915" s="359" t="s">
        <v>14370</v>
      </c>
      <c r="I14915" s="359" t="s">
        <v>14373</v>
      </c>
      <c r="J14915" s="367"/>
      <c r="K14915" s="365"/>
      <c r="L14915" s="365"/>
    </row>
    <row r="14916" spans="2:12">
      <c r="B14916" s="367"/>
      <c r="C14916" s="360"/>
      <c r="D14916" s="367"/>
      <c r="E14916" s="367"/>
      <c r="F14916" s="360"/>
      <c r="G14916" s="360"/>
      <c r="H14916" s="360"/>
      <c r="I14916" s="360"/>
      <c r="J14916" s="367"/>
      <c r="K14916" s="365"/>
      <c r="L14916" s="365"/>
    </row>
    <row r="14917" spans="2:12">
      <c r="B14917" s="367"/>
      <c r="C14917" s="360"/>
      <c r="D14917" s="367"/>
      <c r="E14917" s="367"/>
      <c r="F14917" s="359" t="s">
        <v>14371</v>
      </c>
      <c r="G14917" s="359" t="s">
        <v>14373</v>
      </c>
      <c r="H14917" s="359" t="s">
        <v>14332</v>
      </c>
      <c r="I14917" s="360"/>
      <c r="J14917" s="367"/>
      <c r="K14917" s="365"/>
      <c r="L14917" s="365"/>
    </row>
    <row r="14918" spans="2:12">
      <c r="B14918" s="367"/>
      <c r="C14918" s="360"/>
      <c r="D14918" s="367"/>
      <c r="E14918" s="367"/>
      <c r="F14918" s="360"/>
      <c r="G14918" s="360"/>
      <c r="H14918" s="360"/>
      <c r="I14918" s="360"/>
      <c r="J14918" s="367"/>
      <c r="K14918" s="365"/>
      <c r="L14918" s="365"/>
    </row>
    <row r="14919" spans="2:12" ht="28.5">
      <c r="B14919" s="368"/>
      <c r="C14919" s="362"/>
      <c r="D14919" s="368"/>
      <c r="E14919" s="368"/>
      <c r="F14919" s="361" t="s">
        <v>14374</v>
      </c>
      <c r="G14919" s="362"/>
      <c r="H14919" s="362"/>
      <c r="I14919" s="362"/>
      <c r="J14919" s="368"/>
      <c r="K14919" s="366"/>
      <c r="L14919" s="366"/>
    </row>
    <row r="14920" spans="2:12" ht="28.5">
      <c r="B14920" s="358" t="s">
        <v>13194</v>
      </c>
      <c r="C14920" s="358" t="s">
        <v>22308</v>
      </c>
      <c r="D14920" s="358" t="s">
        <v>8356</v>
      </c>
      <c r="E14920" s="358" t="s">
        <v>8356</v>
      </c>
      <c r="F14920" s="358" t="s">
        <v>14424</v>
      </c>
      <c r="G14920" s="358" t="s">
        <v>29421</v>
      </c>
      <c r="H14920" s="358" t="s">
        <v>14378</v>
      </c>
      <c r="I14920" s="358" t="s">
        <v>29421</v>
      </c>
      <c r="J14920" s="358"/>
      <c r="K14920" s="358"/>
      <c r="L14920" s="358" t="s">
        <v>9491</v>
      </c>
    </row>
    <row r="14921" spans="2:12">
      <c r="B14921" s="367"/>
      <c r="C14921" s="367"/>
      <c r="D14921" s="367"/>
      <c r="E14921" s="367"/>
      <c r="F14921" s="360"/>
      <c r="G14921" s="360"/>
      <c r="H14921" s="360"/>
      <c r="I14921" s="360"/>
      <c r="J14921" s="365"/>
      <c r="K14921" s="365"/>
      <c r="L14921" s="367"/>
    </row>
    <row r="14922" spans="2:12">
      <c r="B14922" s="367"/>
      <c r="C14922" s="367"/>
      <c r="D14922" s="367"/>
      <c r="E14922" s="367"/>
      <c r="F14922" s="359" t="s">
        <v>14379</v>
      </c>
      <c r="G14922" s="359" t="s">
        <v>14579</v>
      </c>
      <c r="H14922" s="359" t="s">
        <v>14381</v>
      </c>
      <c r="I14922" s="359" t="s">
        <v>14579</v>
      </c>
      <c r="J14922" s="365"/>
      <c r="K14922" s="365"/>
      <c r="L14922" s="367"/>
    </row>
    <row r="14923" spans="2:12">
      <c r="B14923" s="367"/>
      <c r="C14923" s="367"/>
      <c r="D14923" s="367"/>
      <c r="E14923" s="367"/>
      <c r="F14923" s="360"/>
      <c r="G14923" s="360"/>
      <c r="H14923" s="360"/>
      <c r="I14923" s="360"/>
      <c r="J14923" s="365"/>
      <c r="K14923" s="365"/>
      <c r="L14923" s="367"/>
    </row>
    <row r="14924" spans="2:12">
      <c r="B14924" s="367"/>
      <c r="C14924" s="367"/>
      <c r="D14924" s="367"/>
      <c r="E14924" s="367"/>
      <c r="F14924" s="359" t="s">
        <v>14382</v>
      </c>
      <c r="G14924" s="359" t="s">
        <v>14372</v>
      </c>
      <c r="H14924" s="359" t="s">
        <v>14370</v>
      </c>
      <c r="I14924" s="359" t="s">
        <v>14373</v>
      </c>
      <c r="J14924" s="365"/>
      <c r="K14924" s="365"/>
      <c r="L14924" s="367"/>
    </row>
    <row r="14925" spans="2:12">
      <c r="B14925" s="367"/>
      <c r="C14925" s="367"/>
      <c r="D14925" s="367"/>
      <c r="E14925" s="367"/>
      <c r="F14925" s="360"/>
      <c r="G14925" s="360"/>
      <c r="H14925" s="360"/>
      <c r="I14925" s="360"/>
      <c r="J14925" s="365"/>
      <c r="K14925" s="365"/>
      <c r="L14925" s="367"/>
    </row>
    <row r="14926" spans="2:12">
      <c r="B14926" s="367"/>
      <c r="C14926" s="367"/>
      <c r="D14926" s="367"/>
      <c r="E14926" s="367"/>
      <c r="F14926" s="359" t="s">
        <v>14371</v>
      </c>
      <c r="G14926" s="359" t="s">
        <v>14373</v>
      </c>
      <c r="H14926" s="359" t="s">
        <v>14332</v>
      </c>
      <c r="I14926" s="360"/>
      <c r="J14926" s="365"/>
      <c r="K14926" s="365"/>
      <c r="L14926" s="367"/>
    </row>
    <row r="14927" spans="2:12">
      <c r="B14927" s="367"/>
      <c r="C14927" s="367"/>
      <c r="D14927" s="367"/>
      <c r="E14927" s="367"/>
      <c r="F14927" s="360"/>
      <c r="G14927" s="360"/>
      <c r="H14927" s="360"/>
      <c r="I14927" s="360"/>
      <c r="J14927" s="365"/>
      <c r="K14927" s="365"/>
      <c r="L14927" s="367"/>
    </row>
    <row r="14928" spans="2:12" ht="28.5">
      <c r="B14928" s="368"/>
      <c r="C14928" s="368"/>
      <c r="D14928" s="368"/>
      <c r="E14928" s="368"/>
      <c r="F14928" s="361" t="s">
        <v>14374</v>
      </c>
      <c r="G14928" s="362"/>
      <c r="H14928" s="362"/>
      <c r="I14928" s="362"/>
      <c r="J14928" s="366"/>
      <c r="K14928" s="366"/>
      <c r="L14928" s="368"/>
    </row>
    <row r="14929" spans="2:12">
      <c r="B14929" s="358" t="s">
        <v>22309</v>
      </c>
      <c r="C14929" s="358" t="s">
        <v>22310</v>
      </c>
      <c r="D14929" s="358" t="s">
        <v>22311</v>
      </c>
      <c r="E14929" s="358" t="s">
        <v>22312</v>
      </c>
      <c r="F14929" s="358" t="s">
        <v>14420</v>
      </c>
      <c r="G14929" s="358" t="s">
        <v>14429</v>
      </c>
      <c r="H14929" s="358" t="s">
        <v>14367</v>
      </c>
      <c r="I14929" s="358" t="s">
        <v>14429</v>
      </c>
      <c r="J14929" s="358"/>
      <c r="K14929" s="358"/>
      <c r="L14929" s="358"/>
    </row>
    <row r="14930" spans="2:12">
      <c r="B14930" s="367"/>
      <c r="C14930" s="360"/>
      <c r="D14930" s="367"/>
      <c r="E14930" s="367"/>
      <c r="F14930" s="360"/>
      <c r="G14930" s="360"/>
      <c r="H14930" s="360"/>
      <c r="I14930" s="360"/>
      <c r="J14930" s="365"/>
      <c r="K14930" s="365"/>
      <c r="L14930" s="365"/>
    </row>
    <row r="14931" spans="2:12" ht="28.5">
      <c r="B14931" s="367"/>
      <c r="C14931" s="359" t="s">
        <v>27767</v>
      </c>
      <c r="D14931" s="367"/>
      <c r="E14931" s="367"/>
      <c r="F14931" s="359" t="s">
        <v>14371</v>
      </c>
      <c r="G14931" s="359" t="s">
        <v>14372</v>
      </c>
      <c r="H14931" s="359" t="s">
        <v>14370</v>
      </c>
      <c r="I14931" s="359" t="s">
        <v>14373</v>
      </c>
      <c r="J14931" s="365"/>
      <c r="K14931" s="365"/>
      <c r="L14931" s="365"/>
    </row>
    <row r="14932" spans="2:12">
      <c r="B14932" s="367"/>
      <c r="C14932" s="360"/>
      <c r="D14932" s="367"/>
      <c r="E14932" s="367"/>
      <c r="F14932" s="360"/>
      <c r="G14932" s="360"/>
      <c r="H14932" s="360"/>
      <c r="I14932" s="360"/>
      <c r="J14932" s="365"/>
      <c r="K14932" s="365"/>
      <c r="L14932" s="365"/>
    </row>
    <row r="14933" spans="2:12" ht="28.5">
      <c r="B14933" s="368"/>
      <c r="C14933" s="362"/>
      <c r="D14933" s="368"/>
      <c r="E14933" s="368"/>
      <c r="F14933" s="361" t="s">
        <v>14374</v>
      </c>
      <c r="G14933" s="361" t="s">
        <v>14373</v>
      </c>
      <c r="H14933" s="361" t="s">
        <v>14422</v>
      </c>
      <c r="I14933" s="362"/>
      <c r="J14933" s="366"/>
      <c r="K14933" s="366"/>
      <c r="L14933" s="366"/>
    </row>
    <row r="14934" spans="2:12">
      <c r="B14934" s="358" t="s">
        <v>22313</v>
      </c>
      <c r="C14934" s="358" t="s">
        <v>22314</v>
      </c>
      <c r="D14934" s="358" t="s">
        <v>8356</v>
      </c>
      <c r="E14934" s="358" t="s">
        <v>22315</v>
      </c>
      <c r="F14934" s="358" t="s">
        <v>14382</v>
      </c>
      <c r="G14934" s="358" t="s">
        <v>14483</v>
      </c>
      <c r="H14934" s="358" t="s">
        <v>14378</v>
      </c>
      <c r="I14934" s="358" t="s">
        <v>14483</v>
      </c>
      <c r="J14934" s="358"/>
      <c r="K14934" s="358"/>
      <c r="L14934" s="358"/>
    </row>
    <row r="14935" spans="2:12">
      <c r="B14935" s="367"/>
      <c r="C14935" s="360"/>
      <c r="D14935" s="367"/>
      <c r="E14935" s="367"/>
      <c r="F14935" s="360"/>
      <c r="G14935" s="360"/>
      <c r="H14935" s="360"/>
      <c r="I14935" s="360"/>
      <c r="J14935" s="365"/>
      <c r="K14935" s="365"/>
      <c r="L14935" s="365"/>
    </row>
    <row r="14936" spans="2:12">
      <c r="B14936" s="367"/>
      <c r="C14936" s="359" t="s">
        <v>22316</v>
      </c>
      <c r="D14936" s="367"/>
      <c r="E14936" s="367"/>
      <c r="F14936" s="359" t="s">
        <v>14382</v>
      </c>
      <c r="G14936" s="359" t="s">
        <v>14579</v>
      </c>
      <c r="H14936" s="359" t="s">
        <v>14370</v>
      </c>
      <c r="I14936" s="359" t="s">
        <v>14579</v>
      </c>
      <c r="J14936" s="365"/>
      <c r="K14936" s="365"/>
      <c r="L14936" s="365"/>
    </row>
    <row r="14937" spans="2:12">
      <c r="B14937" s="367"/>
      <c r="C14937" s="360"/>
      <c r="D14937" s="367"/>
      <c r="E14937" s="367"/>
      <c r="F14937" s="360"/>
      <c r="G14937" s="360"/>
      <c r="H14937" s="360"/>
      <c r="I14937" s="360"/>
      <c r="J14937" s="365"/>
      <c r="K14937" s="365"/>
      <c r="L14937" s="365"/>
    </row>
    <row r="14938" spans="2:12">
      <c r="B14938" s="367"/>
      <c r="C14938" s="360"/>
      <c r="D14938" s="367"/>
      <c r="E14938" s="367"/>
      <c r="F14938" s="359" t="s">
        <v>14382</v>
      </c>
      <c r="G14938" s="359" t="s">
        <v>14383</v>
      </c>
      <c r="H14938" s="359" t="s">
        <v>14332</v>
      </c>
      <c r="I14938" s="359" t="s">
        <v>14383</v>
      </c>
      <c r="J14938" s="365"/>
      <c r="K14938" s="365"/>
      <c r="L14938" s="365"/>
    </row>
    <row r="14939" spans="2:12">
      <c r="B14939" s="367"/>
      <c r="C14939" s="360"/>
      <c r="D14939" s="367"/>
      <c r="E14939" s="367"/>
      <c r="F14939" s="360"/>
      <c r="G14939" s="360"/>
      <c r="H14939" s="360"/>
      <c r="I14939" s="360"/>
      <c r="J14939" s="365"/>
      <c r="K14939" s="365"/>
      <c r="L14939" s="365"/>
    </row>
    <row r="14940" spans="2:12">
      <c r="B14940" s="367"/>
      <c r="C14940" s="360"/>
      <c r="D14940" s="367"/>
      <c r="E14940" s="367"/>
      <c r="F14940" s="359" t="s">
        <v>14371</v>
      </c>
      <c r="G14940" s="359" t="s">
        <v>14372</v>
      </c>
      <c r="H14940" s="360"/>
      <c r="I14940" s="359" t="s">
        <v>14373</v>
      </c>
      <c r="J14940" s="365"/>
      <c r="K14940" s="365"/>
      <c r="L14940" s="365"/>
    </row>
    <row r="14941" spans="2:12">
      <c r="B14941" s="367"/>
      <c r="C14941" s="360"/>
      <c r="D14941" s="367"/>
      <c r="E14941" s="367"/>
      <c r="F14941" s="360"/>
      <c r="G14941" s="360"/>
      <c r="H14941" s="360"/>
      <c r="I14941" s="360"/>
      <c r="J14941" s="365"/>
      <c r="K14941" s="365"/>
      <c r="L14941" s="365"/>
    </row>
    <row r="14942" spans="2:12" ht="28.5">
      <c r="B14942" s="368"/>
      <c r="C14942" s="362"/>
      <c r="D14942" s="368"/>
      <c r="E14942" s="368"/>
      <c r="F14942" s="361" t="s">
        <v>14374</v>
      </c>
      <c r="G14942" s="361" t="s">
        <v>14373</v>
      </c>
      <c r="H14942" s="362"/>
      <c r="I14942" s="362"/>
      <c r="J14942" s="366"/>
      <c r="K14942" s="366"/>
      <c r="L14942" s="366"/>
    </row>
    <row r="14943" spans="2:12">
      <c r="B14943" s="358" t="s">
        <v>22317</v>
      </c>
      <c r="C14943" s="358" t="s">
        <v>22318</v>
      </c>
      <c r="D14943" s="358" t="s">
        <v>8356</v>
      </c>
      <c r="E14943" s="358" t="s">
        <v>8356</v>
      </c>
      <c r="F14943" s="358" t="s">
        <v>14382</v>
      </c>
      <c r="G14943" s="358" t="s">
        <v>14483</v>
      </c>
      <c r="H14943" s="358" t="s">
        <v>14378</v>
      </c>
      <c r="I14943" s="358" t="s">
        <v>14483</v>
      </c>
      <c r="J14943" s="358"/>
      <c r="K14943" s="358"/>
      <c r="L14943" s="358" t="s">
        <v>9491</v>
      </c>
    </row>
    <row r="14944" spans="2:12">
      <c r="B14944" s="367"/>
      <c r="C14944" s="367"/>
      <c r="D14944" s="367"/>
      <c r="E14944" s="367"/>
      <c r="F14944" s="360"/>
      <c r="G14944" s="360"/>
      <c r="H14944" s="360"/>
      <c r="I14944" s="360"/>
      <c r="J14944" s="365"/>
      <c r="K14944" s="365"/>
      <c r="L14944" s="367"/>
    </row>
    <row r="14945" spans="2:12">
      <c r="B14945" s="367"/>
      <c r="C14945" s="367"/>
      <c r="D14945" s="367"/>
      <c r="E14945" s="367"/>
      <c r="F14945" s="359" t="s">
        <v>14382</v>
      </c>
      <c r="G14945" s="359" t="s">
        <v>14579</v>
      </c>
      <c r="H14945" s="359" t="s">
        <v>14370</v>
      </c>
      <c r="I14945" s="359" t="s">
        <v>14579</v>
      </c>
      <c r="J14945" s="365"/>
      <c r="K14945" s="365"/>
      <c r="L14945" s="367"/>
    </row>
    <row r="14946" spans="2:12">
      <c r="B14946" s="367"/>
      <c r="C14946" s="367"/>
      <c r="D14946" s="367"/>
      <c r="E14946" s="367"/>
      <c r="F14946" s="360"/>
      <c r="G14946" s="360"/>
      <c r="H14946" s="360"/>
      <c r="I14946" s="360"/>
      <c r="J14946" s="365"/>
      <c r="K14946" s="365"/>
      <c r="L14946" s="367"/>
    </row>
    <row r="14947" spans="2:12">
      <c r="B14947" s="367"/>
      <c r="C14947" s="367"/>
      <c r="D14947" s="367"/>
      <c r="E14947" s="367"/>
      <c r="F14947" s="359" t="s">
        <v>14382</v>
      </c>
      <c r="G14947" s="359" t="s">
        <v>14383</v>
      </c>
      <c r="H14947" s="359" t="s">
        <v>14332</v>
      </c>
      <c r="I14947" s="359" t="s">
        <v>14383</v>
      </c>
      <c r="J14947" s="365"/>
      <c r="K14947" s="365"/>
      <c r="L14947" s="367"/>
    </row>
    <row r="14948" spans="2:12">
      <c r="B14948" s="367"/>
      <c r="C14948" s="367"/>
      <c r="D14948" s="367"/>
      <c r="E14948" s="367"/>
      <c r="F14948" s="360"/>
      <c r="G14948" s="360"/>
      <c r="H14948" s="360"/>
      <c r="I14948" s="360"/>
      <c r="J14948" s="365"/>
      <c r="K14948" s="365"/>
      <c r="L14948" s="367"/>
    </row>
    <row r="14949" spans="2:12">
      <c r="B14949" s="367"/>
      <c r="C14949" s="367"/>
      <c r="D14949" s="367"/>
      <c r="E14949" s="367"/>
      <c r="F14949" s="359" t="s">
        <v>14371</v>
      </c>
      <c r="G14949" s="359" t="s">
        <v>14372</v>
      </c>
      <c r="H14949" s="360"/>
      <c r="I14949" s="359" t="s">
        <v>14373</v>
      </c>
      <c r="J14949" s="365"/>
      <c r="K14949" s="365"/>
      <c r="L14949" s="367"/>
    </row>
    <row r="14950" spans="2:12">
      <c r="B14950" s="367"/>
      <c r="C14950" s="367"/>
      <c r="D14950" s="367"/>
      <c r="E14950" s="367"/>
      <c r="F14950" s="360"/>
      <c r="G14950" s="360"/>
      <c r="H14950" s="360"/>
      <c r="I14950" s="360"/>
      <c r="J14950" s="365"/>
      <c r="K14950" s="365"/>
      <c r="L14950" s="367"/>
    </row>
    <row r="14951" spans="2:12" ht="28.5">
      <c r="B14951" s="368"/>
      <c r="C14951" s="368"/>
      <c r="D14951" s="368"/>
      <c r="E14951" s="368"/>
      <c r="F14951" s="361" t="s">
        <v>14374</v>
      </c>
      <c r="G14951" s="361" t="s">
        <v>14373</v>
      </c>
      <c r="H14951" s="362"/>
      <c r="I14951" s="362"/>
      <c r="J14951" s="366"/>
      <c r="K14951" s="366"/>
      <c r="L14951" s="368"/>
    </row>
    <row r="14952" spans="2:12">
      <c r="B14952" s="358" t="s">
        <v>22319</v>
      </c>
      <c r="C14952" s="358" t="s">
        <v>22320</v>
      </c>
      <c r="D14952" s="358" t="s">
        <v>22321</v>
      </c>
      <c r="E14952" s="358" t="s">
        <v>22322</v>
      </c>
      <c r="F14952" s="358" t="s">
        <v>14418</v>
      </c>
      <c r="G14952" s="358" t="s">
        <v>14419</v>
      </c>
      <c r="H14952" s="358" t="s">
        <v>14328</v>
      </c>
      <c r="I14952" s="358" t="s">
        <v>14419</v>
      </c>
      <c r="J14952" s="358"/>
      <c r="K14952" s="358" t="s">
        <v>14929</v>
      </c>
      <c r="L14952" s="358"/>
    </row>
    <row r="14953" spans="2:12">
      <c r="B14953" s="367"/>
      <c r="C14953" s="367"/>
      <c r="D14953" s="367"/>
      <c r="E14953" s="367"/>
      <c r="F14953" s="360"/>
      <c r="G14953" s="360"/>
      <c r="H14953" s="360"/>
      <c r="I14953" s="360"/>
      <c r="J14953" s="365"/>
      <c r="K14953" s="367"/>
      <c r="L14953" s="365"/>
    </row>
    <row r="14954" spans="2:12">
      <c r="B14954" s="367"/>
      <c r="C14954" s="367"/>
      <c r="D14954" s="367"/>
      <c r="E14954" s="367"/>
      <c r="F14954" s="359" t="s">
        <v>14420</v>
      </c>
      <c r="G14954" s="359" t="s">
        <v>14459</v>
      </c>
      <c r="H14954" s="359" t="s">
        <v>14367</v>
      </c>
      <c r="I14954" s="359" t="s">
        <v>14459</v>
      </c>
      <c r="J14954" s="365"/>
      <c r="K14954" s="367"/>
      <c r="L14954" s="365"/>
    </row>
    <row r="14955" spans="2:12">
      <c r="B14955" s="367"/>
      <c r="C14955" s="367"/>
      <c r="D14955" s="367"/>
      <c r="E14955" s="367"/>
      <c r="F14955" s="360"/>
      <c r="G14955" s="360"/>
      <c r="H14955" s="360"/>
      <c r="I14955" s="360"/>
      <c r="J14955" s="365"/>
      <c r="K14955" s="367"/>
      <c r="L14955" s="365"/>
    </row>
    <row r="14956" spans="2:12">
      <c r="B14956" s="368"/>
      <c r="C14956" s="368"/>
      <c r="D14956" s="368"/>
      <c r="E14956" s="368"/>
      <c r="F14956" s="361" t="s">
        <v>14420</v>
      </c>
      <c r="G14956" s="361" t="s">
        <v>14429</v>
      </c>
      <c r="H14956" s="361" t="s">
        <v>14422</v>
      </c>
      <c r="I14956" s="361" t="s">
        <v>14429</v>
      </c>
      <c r="J14956" s="366"/>
      <c r="K14956" s="368"/>
      <c r="L14956" s="366"/>
    </row>
    <row r="14957" spans="2:12">
      <c r="B14957" s="358" t="s">
        <v>22323</v>
      </c>
      <c r="C14957" s="358" t="s">
        <v>22324</v>
      </c>
      <c r="D14957" s="358" t="s">
        <v>22325</v>
      </c>
      <c r="E14957" s="358" t="s">
        <v>22326</v>
      </c>
      <c r="F14957" s="358" t="s">
        <v>14418</v>
      </c>
      <c r="G14957" s="358" t="s">
        <v>14419</v>
      </c>
      <c r="H14957" s="358" t="s">
        <v>14328</v>
      </c>
      <c r="I14957" s="358" t="s">
        <v>14419</v>
      </c>
      <c r="J14957" s="358"/>
      <c r="K14957" s="358" t="s">
        <v>14929</v>
      </c>
      <c r="L14957" s="358"/>
    </row>
    <row r="14958" spans="2:12">
      <c r="B14958" s="367"/>
      <c r="C14958" s="367"/>
      <c r="D14958" s="367"/>
      <c r="E14958" s="367"/>
      <c r="F14958" s="360"/>
      <c r="G14958" s="360"/>
      <c r="H14958" s="360"/>
      <c r="I14958" s="360"/>
      <c r="J14958" s="365"/>
      <c r="K14958" s="367"/>
      <c r="L14958" s="365"/>
    </row>
    <row r="14959" spans="2:12">
      <c r="B14959" s="367"/>
      <c r="C14959" s="367"/>
      <c r="D14959" s="367"/>
      <c r="E14959" s="367"/>
      <c r="F14959" s="359" t="s">
        <v>14420</v>
      </c>
      <c r="G14959" s="359" t="s">
        <v>14429</v>
      </c>
      <c r="H14959" s="359" t="s">
        <v>14367</v>
      </c>
      <c r="I14959" s="359" t="s">
        <v>14429</v>
      </c>
      <c r="J14959" s="365"/>
      <c r="K14959" s="367"/>
      <c r="L14959" s="365"/>
    </row>
    <row r="14960" spans="2:12">
      <c r="B14960" s="367"/>
      <c r="C14960" s="367"/>
      <c r="D14960" s="367"/>
      <c r="E14960" s="367"/>
      <c r="F14960" s="360"/>
      <c r="G14960" s="360"/>
      <c r="H14960" s="360"/>
      <c r="I14960" s="360"/>
      <c r="J14960" s="365"/>
      <c r="K14960" s="367"/>
      <c r="L14960" s="365"/>
    </row>
    <row r="14961" spans="2:12">
      <c r="B14961" s="368"/>
      <c r="C14961" s="368"/>
      <c r="D14961" s="368"/>
      <c r="E14961" s="368"/>
      <c r="F14961" s="362"/>
      <c r="G14961" s="362"/>
      <c r="H14961" s="361" t="s">
        <v>14422</v>
      </c>
      <c r="I14961" s="362"/>
      <c r="J14961" s="366"/>
      <c r="K14961" s="368"/>
      <c r="L14961" s="366"/>
    </row>
    <row r="14962" spans="2:12">
      <c r="B14962" s="358" t="s">
        <v>10429</v>
      </c>
      <c r="C14962" s="358" t="s">
        <v>22327</v>
      </c>
      <c r="D14962" s="358" t="s">
        <v>10430</v>
      </c>
      <c r="E14962" s="358" t="s">
        <v>10431</v>
      </c>
      <c r="F14962" s="358" t="s">
        <v>14376</v>
      </c>
      <c r="G14962" s="358" t="s">
        <v>14669</v>
      </c>
      <c r="H14962" s="358" t="s">
        <v>14381</v>
      </c>
      <c r="I14962" s="358" t="s">
        <v>14669</v>
      </c>
      <c r="J14962" s="358"/>
      <c r="K14962" s="358"/>
      <c r="L14962" s="358"/>
    </row>
    <row r="14963" spans="2:12">
      <c r="B14963" s="367"/>
      <c r="C14963" s="367"/>
      <c r="D14963" s="367"/>
      <c r="E14963" s="367"/>
      <c r="F14963" s="367"/>
      <c r="G14963" s="367"/>
      <c r="H14963" s="360"/>
      <c r="I14963" s="367"/>
      <c r="J14963" s="365"/>
      <c r="K14963" s="365"/>
      <c r="L14963" s="365"/>
    </row>
    <row r="14964" spans="2:12">
      <c r="B14964" s="368"/>
      <c r="C14964" s="368"/>
      <c r="D14964" s="368"/>
      <c r="E14964" s="368"/>
      <c r="F14964" s="368"/>
      <c r="G14964" s="368"/>
      <c r="H14964" s="361" t="s">
        <v>14332</v>
      </c>
      <c r="I14964" s="368"/>
      <c r="J14964" s="366"/>
      <c r="K14964" s="366"/>
      <c r="L14964" s="366"/>
    </row>
    <row r="14965" spans="2:12">
      <c r="B14965" s="358" t="s">
        <v>10433</v>
      </c>
      <c r="C14965" s="358" t="s">
        <v>22328</v>
      </c>
      <c r="D14965" s="358" t="s">
        <v>10434</v>
      </c>
      <c r="E14965" s="358" t="s">
        <v>10435</v>
      </c>
      <c r="F14965" s="358" t="s">
        <v>14376</v>
      </c>
      <c r="G14965" s="358" t="s">
        <v>14669</v>
      </c>
      <c r="H14965" s="358" t="s">
        <v>14381</v>
      </c>
      <c r="I14965" s="358" t="s">
        <v>14669</v>
      </c>
      <c r="J14965" s="358"/>
      <c r="K14965" s="358"/>
      <c r="L14965" s="358"/>
    </row>
    <row r="14966" spans="2:12">
      <c r="B14966" s="367"/>
      <c r="C14966" s="367"/>
      <c r="D14966" s="367"/>
      <c r="E14966" s="367"/>
      <c r="F14966" s="360"/>
      <c r="G14966" s="360"/>
      <c r="H14966" s="360"/>
      <c r="I14966" s="360"/>
      <c r="J14966" s="365"/>
      <c r="K14966" s="365"/>
      <c r="L14966" s="365"/>
    </row>
    <row r="14967" spans="2:12" ht="28.5">
      <c r="B14967" s="367"/>
      <c r="C14967" s="367"/>
      <c r="D14967" s="367"/>
      <c r="E14967" s="367"/>
      <c r="F14967" s="359" t="s">
        <v>14394</v>
      </c>
      <c r="G14967" s="359" t="s">
        <v>14395</v>
      </c>
      <c r="H14967" s="359" t="s">
        <v>14370</v>
      </c>
      <c r="I14967" s="359" t="s">
        <v>14395</v>
      </c>
      <c r="J14967" s="365"/>
      <c r="K14967" s="365"/>
      <c r="L14967" s="365"/>
    </row>
    <row r="14968" spans="2:12">
      <c r="B14968" s="367"/>
      <c r="C14968" s="367"/>
      <c r="D14968" s="367"/>
      <c r="E14968" s="367"/>
      <c r="F14968" s="360"/>
      <c r="G14968" s="360"/>
      <c r="H14968" s="360"/>
      <c r="I14968" s="360"/>
      <c r="J14968" s="365"/>
      <c r="K14968" s="365"/>
      <c r="L14968" s="365"/>
    </row>
    <row r="14969" spans="2:12">
      <c r="B14969" s="368"/>
      <c r="C14969" s="368"/>
      <c r="D14969" s="368"/>
      <c r="E14969" s="368"/>
      <c r="F14969" s="362"/>
      <c r="G14969" s="362"/>
      <c r="H14969" s="361" t="s">
        <v>14332</v>
      </c>
      <c r="I14969" s="362"/>
      <c r="J14969" s="366"/>
      <c r="K14969" s="366"/>
      <c r="L14969" s="366"/>
    </row>
    <row r="14970" spans="2:12">
      <c r="B14970" s="358" t="s">
        <v>10437</v>
      </c>
      <c r="C14970" s="358" t="s">
        <v>22329</v>
      </c>
      <c r="D14970" s="358" t="s">
        <v>10438</v>
      </c>
      <c r="E14970" s="358" t="s">
        <v>5809</v>
      </c>
      <c r="F14970" s="358" t="s">
        <v>14376</v>
      </c>
      <c r="G14970" s="358" t="s">
        <v>14669</v>
      </c>
      <c r="H14970" s="358" t="s">
        <v>14381</v>
      </c>
      <c r="I14970" s="358" t="s">
        <v>14669</v>
      </c>
      <c r="J14970" s="358"/>
      <c r="K14970" s="358"/>
      <c r="L14970" s="358"/>
    </row>
    <row r="14971" spans="2:12">
      <c r="B14971" s="367"/>
      <c r="C14971" s="367"/>
      <c r="D14971" s="367"/>
      <c r="E14971" s="367"/>
      <c r="F14971" s="360"/>
      <c r="G14971" s="360"/>
      <c r="H14971" s="360"/>
      <c r="I14971" s="360"/>
      <c r="J14971" s="365"/>
      <c r="K14971" s="365"/>
      <c r="L14971" s="365"/>
    </row>
    <row r="14972" spans="2:12" ht="28.5">
      <c r="B14972" s="367"/>
      <c r="C14972" s="367"/>
      <c r="D14972" s="367"/>
      <c r="E14972" s="367"/>
      <c r="F14972" s="359" t="s">
        <v>14394</v>
      </c>
      <c r="G14972" s="359" t="s">
        <v>14395</v>
      </c>
      <c r="H14972" s="359" t="s">
        <v>14370</v>
      </c>
      <c r="I14972" s="359" t="s">
        <v>14395</v>
      </c>
      <c r="J14972" s="365"/>
      <c r="K14972" s="365"/>
      <c r="L14972" s="365"/>
    </row>
    <row r="14973" spans="2:12">
      <c r="B14973" s="367"/>
      <c r="C14973" s="367"/>
      <c r="D14973" s="367"/>
      <c r="E14973" s="367"/>
      <c r="F14973" s="360"/>
      <c r="G14973" s="360"/>
      <c r="H14973" s="360"/>
      <c r="I14973" s="360"/>
      <c r="J14973" s="365"/>
      <c r="K14973" s="365"/>
      <c r="L14973" s="365"/>
    </row>
    <row r="14974" spans="2:12">
      <c r="B14974" s="368"/>
      <c r="C14974" s="368"/>
      <c r="D14974" s="368"/>
      <c r="E14974" s="368"/>
      <c r="F14974" s="362"/>
      <c r="G14974" s="362"/>
      <c r="H14974" s="361" t="s">
        <v>14332</v>
      </c>
      <c r="I14974" s="362"/>
      <c r="J14974" s="366"/>
      <c r="K14974" s="366"/>
      <c r="L14974" s="366"/>
    </row>
    <row r="14975" spans="2:12">
      <c r="B14975" s="358" t="s">
        <v>10440</v>
      </c>
      <c r="C14975" s="358" t="s">
        <v>22330</v>
      </c>
      <c r="D14975" s="358" t="s">
        <v>10441</v>
      </c>
      <c r="E14975" s="358" t="s">
        <v>10442</v>
      </c>
      <c r="F14975" s="358" t="s">
        <v>14376</v>
      </c>
      <c r="G14975" s="358" t="s">
        <v>14669</v>
      </c>
      <c r="H14975" s="358" t="s">
        <v>14381</v>
      </c>
      <c r="I14975" s="358" t="s">
        <v>14669</v>
      </c>
      <c r="J14975" s="358"/>
      <c r="K14975" s="358"/>
      <c r="L14975" s="358"/>
    </row>
    <row r="14976" spans="2:12">
      <c r="B14976" s="367"/>
      <c r="C14976" s="360"/>
      <c r="D14976" s="367"/>
      <c r="E14976" s="367"/>
      <c r="F14976" s="360"/>
      <c r="G14976" s="360"/>
      <c r="H14976" s="360"/>
      <c r="I14976" s="360"/>
      <c r="J14976" s="365"/>
      <c r="K14976" s="365"/>
      <c r="L14976" s="365"/>
    </row>
    <row r="14977" spans="2:12" ht="28.5">
      <c r="B14977" s="367"/>
      <c r="C14977" s="359" t="s">
        <v>22331</v>
      </c>
      <c r="D14977" s="367"/>
      <c r="E14977" s="367"/>
      <c r="F14977" s="359" t="s">
        <v>14424</v>
      </c>
      <c r="G14977" s="359" t="s">
        <v>28617</v>
      </c>
      <c r="H14977" s="359" t="s">
        <v>14367</v>
      </c>
      <c r="I14977" s="359" t="s">
        <v>28617</v>
      </c>
      <c r="J14977" s="365"/>
      <c r="K14977" s="365"/>
      <c r="L14977" s="365"/>
    </row>
    <row r="14978" spans="2:12">
      <c r="B14978" s="367"/>
      <c r="C14978" s="360"/>
      <c r="D14978" s="367"/>
      <c r="E14978" s="367"/>
      <c r="F14978" s="360"/>
      <c r="G14978" s="360"/>
      <c r="H14978" s="360"/>
      <c r="I14978" s="360"/>
      <c r="J14978" s="365"/>
      <c r="K14978" s="365"/>
      <c r="L14978" s="365"/>
    </row>
    <row r="14979" spans="2:12">
      <c r="B14979" s="367"/>
      <c r="C14979" s="360"/>
      <c r="D14979" s="367"/>
      <c r="E14979" s="367"/>
      <c r="F14979" s="359" t="s">
        <v>14420</v>
      </c>
      <c r="G14979" s="359" t="s">
        <v>14372</v>
      </c>
      <c r="H14979" s="359" t="s">
        <v>14370</v>
      </c>
      <c r="I14979" s="359" t="s">
        <v>14373</v>
      </c>
      <c r="J14979" s="365"/>
      <c r="K14979" s="365"/>
      <c r="L14979" s="365"/>
    </row>
    <row r="14980" spans="2:12">
      <c r="B14980" s="367"/>
      <c r="C14980" s="360"/>
      <c r="D14980" s="367"/>
      <c r="E14980" s="367"/>
      <c r="F14980" s="360"/>
      <c r="G14980" s="360"/>
      <c r="H14980" s="360"/>
      <c r="I14980" s="360"/>
      <c r="J14980" s="365"/>
      <c r="K14980" s="365"/>
      <c r="L14980" s="365"/>
    </row>
    <row r="14981" spans="2:12">
      <c r="B14981" s="367"/>
      <c r="C14981" s="360"/>
      <c r="D14981" s="367"/>
      <c r="E14981" s="367"/>
      <c r="F14981" s="359" t="s">
        <v>14371</v>
      </c>
      <c r="G14981" s="359" t="s">
        <v>14373</v>
      </c>
      <c r="H14981" s="359" t="s">
        <v>14332</v>
      </c>
      <c r="I14981" s="360"/>
      <c r="J14981" s="365"/>
      <c r="K14981" s="365"/>
      <c r="L14981" s="365"/>
    </row>
    <row r="14982" spans="2:12">
      <c r="B14982" s="367"/>
      <c r="C14982" s="360"/>
      <c r="D14982" s="367"/>
      <c r="E14982" s="367"/>
      <c r="F14982" s="360"/>
      <c r="G14982" s="360"/>
      <c r="H14982" s="360"/>
      <c r="I14982" s="360"/>
      <c r="J14982" s="365"/>
      <c r="K14982" s="365"/>
      <c r="L14982" s="365"/>
    </row>
    <row r="14983" spans="2:12" ht="28.5">
      <c r="B14983" s="368"/>
      <c r="C14983" s="362"/>
      <c r="D14983" s="368"/>
      <c r="E14983" s="368"/>
      <c r="F14983" s="361" t="s">
        <v>14374</v>
      </c>
      <c r="G14983" s="362"/>
      <c r="H14983" s="362"/>
      <c r="I14983" s="362"/>
      <c r="J14983" s="366"/>
      <c r="K14983" s="366"/>
      <c r="L14983" s="366"/>
    </row>
    <row r="14984" spans="2:12">
      <c r="B14984" s="358" t="s">
        <v>22332</v>
      </c>
      <c r="C14984" s="358" t="s">
        <v>22333</v>
      </c>
      <c r="D14984" s="358" t="s">
        <v>22334</v>
      </c>
      <c r="E14984" s="358" t="s">
        <v>22335</v>
      </c>
      <c r="F14984" s="358" t="s">
        <v>14382</v>
      </c>
      <c r="G14984" s="358" t="s">
        <v>14483</v>
      </c>
      <c r="H14984" s="358" t="s">
        <v>14378</v>
      </c>
      <c r="I14984" s="358" t="s">
        <v>14483</v>
      </c>
      <c r="J14984" s="358"/>
      <c r="K14984" s="358"/>
      <c r="L14984" s="358"/>
    </row>
    <row r="14985" spans="2:12">
      <c r="B14985" s="367"/>
      <c r="C14985" s="367"/>
      <c r="D14985" s="367"/>
      <c r="E14985" s="367"/>
      <c r="F14985" s="360"/>
      <c r="G14985" s="360"/>
      <c r="H14985" s="360"/>
      <c r="I14985" s="360"/>
      <c r="J14985" s="365"/>
      <c r="K14985" s="365"/>
      <c r="L14985" s="365"/>
    </row>
    <row r="14986" spans="2:12">
      <c r="B14986" s="367"/>
      <c r="C14986" s="367"/>
      <c r="D14986" s="367"/>
      <c r="E14986" s="367"/>
      <c r="F14986" s="359" t="s">
        <v>14382</v>
      </c>
      <c r="G14986" s="359" t="s">
        <v>14579</v>
      </c>
      <c r="H14986" s="359" t="s">
        <v>14381</v>
      </c>
      <c r="I14986" s="359" t="s">
        <v>14579</v>
      </c>
      <c r="J14986" s="365"/>
      <c r="K14986" s="365"/>
      <c r="L14986" s="365"/>
    </row>
    <row r="14987" spans="2:12">
      <c r="B14987" s="367"/>
      <c r="C14987" s="367"/>
      <c r="D14987" s="367"/>
      <c r="E14987" s="367"/>
      <c r="F14987" s="360"/>
      <c r="G14987" s="360"/>
      <c r="H14987" s="360"/>
      <c r="I14987" s="360"/>
      <c r="J14987" s="365"/>
      <c r="K14987" s="365"/>
      <c r="L14987" s="365"/>
    </row>
    <row r="14988" spans="2:12">
      <c r="B14988" s="367"/>
      <c r="C14988" s="367"/>
      <c r="D14988" s="367"/>
      <c r="E14988" s="367"/>
      <c r="F14988" s="359" t="s">
        <v>14382</v>
      </c>
      <c r="G14988" s="359" t="s">
        <v>14383</v>
      </c>
      <c r="H14988" s="359" t="s">
        <v>14370</v>
      </c>
      <c r="I14988" s="359" t="s">
        <v>14383</v>
      </c>
      <c r="J14988" s="365"/>
      <c r="K14988" s="365"/>
      <c r="L14988" s="365"/>
    </row>
    <row r="14989" spans="2:12">
      <c r="B14989" s="367"/>
      <c r="C14989" s="367"/>
      <c r="D14989" s="367"/>
      <c r="E14989" s="367"/>
      <c r="F14989" s="360"/>
      <c r="G14989" s="360"/>
      <c r="H14989" s="360"/>
      <c r="I14989" s="360"/>
      <c r="J14989" s="365"/>
      <c r="K14989" s="365"/>
      <c r="L14989" s="365"/>
    </row>
    <row r="14990" spans="2:12">
      <c r="B14990" s="367"/>
      <c r="C14990" s="367"/>
      <c r="D14990" s="367"/>
      <c r="E14990" s="367"/>
      <c r="F14990" s="359" t="s">
        <v>14460</v>
      </c>
      <c r="G14990" s="359" t="s">
        <v>14519</v>
      </c>
      <c r="H14990" s="359" t="s">
        <v>14332</v>
      </c>
      <c r="I14990" s="359" t="s">
        <v>14519</v>
      </c>
      <c r="J14990" s="365"/>
      <c r="K14990" s="365"/>
      <c r="L14990" s="365"/>
    </row>
    <row r="14991" spans="2:12">
      <c r="B14991" s="367"/>
      <c r="C14991" s="367"/>
      <c r="D14991" s="367"/>
      <c r="E14991" s="367"/>
      <c r="F14991" s="360"/>
      <c r="G14991" s="360"/>
      <c r="H14991" s="360"/>
      <c r="I14991" s="360"/>
      <c r="J14991" s="365"/>
      <c r="K14991" s="365"/>
      <c r="L14991" s="365"/>
    </row>
    <row r="14992" spans="2:12">
      <c r="B14992" s="368"/>
      <c r="C14992" s="368"/>
      <c r="D14992" s="368"/>
      <c r="E14992" s="368"/>
      <c r="F14992" s="361" t="s">
        <v>14371</v>
      </c>
      <c r="G14992" s="361" t="s">
        <v>14372</v>
      </c>
      <c r="H14992" s="362"/>
      <c r="I14992" s="361" t="s">
        <v>14372</v>
      </c>
      <c r="J14992" s="366"/>
      <c r="K14992" s="366"/>
      <c r="L14992" s="366"/>
    </row>
    <row r="14993" spans="2:12">
      <c r="B14993" s="358" t="s">
        <v>22336</v>
      </c>
      <c r="C14993" s="358" t="s">
        <v>22337</v>
      </c>
      <c r="D14993" s="358" t="s">
        <v>22338</v>
      </c>
      <c r="E14993" s="358" t="s">
        <v>22339</v>
      </c>
      <c r="F14993" s="358" t="s">
        <v>14391</v>
      </c>
      <c r="G14993" s="358" t="s">
        <v>14392</v>
      </c>
      <c r="H14993" s="358" t="s">
        <v>14367</v>
      </c>
      <c r="I14993" s="358" t="s">
        <v>14392</v>
      </c>
      <c r="J14993" s="358"/>
      <c r="K14993" s="358"/>
      <c r="L14993" s="358"/>
    </row>
    <row r="14994" spans="2:12">
      <c r="B14994" s="367"/>
      <c r="C14994" s="360"/>
      <c r="D14994" s="367"/>
      <c r="E14994" s="367"/>
      <c r="F14994" s="360"/>
      <c r="G14994" s="360"/>
      <c r="H14994" s="360"/>
      <c r="I14994" s="360"/>
      <c r="J14994" s="365"/>
      <c r="K14994" s="365"/>
      <c r="L14994" s="365"/>
    </row>
    <row r="14995" spans="2:12">
      <c r="B14995" s="367"/>
      <c r="C14995" s="359" t="s">
        <v>27768</v>
      </c>
      <c r="D14995" s="367"/>
      <c r="E14995" s="367"/>
      <c r="F14995" s="359" t="s">
        <v>14371</v>
      </c>
      <c r="G14995" s="359" t="s">
        <v>14372</v>
      </c>
      <c r="H14995" s="359" t="s">
        <v>14370</v>
      </c>
      <c r="I14995" s="359" t="s">
        <v>14373</v>
      </c>
      <c r="J14995" s="365"/>
      <c r="K14995" s="365"/>
      <c r="L14995" s="365"/>
    </row>
    <row r="14996" spans="2:12">
      <c r="B14996" s="367"/>
      <c r="C14996" s="360"/>
      <c r="D14996" s="367"/>
      <c r="E14996" s="367"/>
      <c r="F14996" s="360"/>
      <c r="G14996" s="360"/>
      <c r="H14996" s="360"/>
      <c r="I14996" s="360"/>
      <c r="J14996" s="365"/>
      <c r="K14996" s="365"/>
      <c r="L14996" s="365"/>
    </row>
    <row r="14997" spans="2:12" ht="28.5">
      <c r="B14997" s="368"/>
      <c r="C14997" s="362"/>
      <c r="D14997" s="368"/>
      <c r="E14997" s="368"/>
      <c r="F14997" s="361" t="s">
        <v>14374</v>
      </c>
      <c r="G14997" s="361" t="s">
        <v>14373</v>
      </c>
      <c r="H14997" s="361" t="s">
        <v>14422</v>
      </c>
      <c r="I14997" s="362"/>
      <c r="J14997" s="366"/>
      <c r="K14997" s="366"/>
      <c r="L14997" s="366"/>
    </row>
    <row r="14998" spans="2:12">
      <c r="B14998" s="358" t="s">
        <v>22340</v>
      </c>
      <c r="C14998" s="358" t="s">
        <v>22341</v>
      </c>
      <c r="D14998" s="358" t="s">
        <v>22342</v>
      </c>
      <c r="E14998" s="358" t="s">
        <v>22343</v>
      </c>
      <c r="F14998" s="358" t="s">
        <v>14391</v>
      </c>
      <c r="G14998" s="358" t="s">
        <v>14392</v>
      </c>
      <c r="H14998" s="358" t="s">
        <v>14367</v>
      </c>
      <c r="I14998" s="358" t="s">
        <v>14392</v>
      </c>
      <c r="J14998" s="358"/>
      <c r="K14998" s="358"/>
      <c r="L14998" s="358"/>
    </row>
    <row r="14999" spans="2:12">
      <c r="B14999" s="367"/>
      <c r="C14999" s="360"/>
      <c r="D14999" s="367"/>
      <c r="E14999" s="367"/>
      <c r="F14999" s="360"/>
      <c r="G14999" s="360"/>
      <c r="H14999" s="360"/>
      <c r="I14999" s="360"/>
      <c r="J14999" s="365"/>
      <c r="K14999" s="365"/>
      <c r="L14999" s="365"/>
    </row>
    <row r="15000" spans="2:12">
      <c r="B15000" s="367"/>
      <c r="C15000" s="359" t="s">
        <v>22344</v>
      </c>
      <c r="D15000" s="367"/>
      <c r="E15000" s="367"/>
      <c r="F15000" s="359" t="s">
        <v>14371</v>
      </c>
      <c r="G15000" s="359" t="s">
        <v>14372</v>
      </c>
      <c r="H15000" s="359" t="s">
        <v>14370</v>
      </c>
      <c r="I15000" s="359" t="s">
        <v>14373</v>
      </c>
      <c r="J15000" s="365"/>
      <c r="K15000" s="365"/>
      <c r="L15000" s="365"/>
    </row>
    <row r="15001" spans="2:12">
      <c r="B15001" s="367"/>
      <c r="C15001" s="360"/>
      <c r="D15001" s="367"/>
      <c r="E15001" s="367"/>
      <c r="F15001" s="360"/>
      <c r="G15001" s="360"/>
      <c r="H15001" s="360"/>
      <c r="I15001" s="360"/>
      <c r="J15001" s="365"/>
      <c r="K15001" s="365"/>
      <c r="L15001" s="365"/>
    </row>
    <row r="15002" spans="2:12" ht="28.5">
      <c r="B15002" s="368"/>
      <c r="C15002" s="362"/>
      <c r="D15002" s="368"/>
      <c r="E15002" s="368"/>
      <c r="F15002" s="361" t="s">
        <v>14374</v>
      </c>
      <c r="G15002" s="361" t="s">
        <v>14373</v>
      </c>
      <c r="H15002" s="361" t="s">
        <v>14422</v>
      </c>
      <c r="I15002" s="362"/>
      <c r="J15002" s="366"/>
      <c r="K15002" s="366"/>
      <c r="L15002" s="366"/>
    </row>
    <row r="15003" spans="2:12">
      <c r="B15003" s="358" t="s">
        <v>22345</v>
      </c>
      <c r="C15003" s="358" t="s">
        <v>22346</v>
      </c>
      <c r="D15003" s="358" t="s">
        <v>22347</v>
      </c>
      <c r="E15003" s="358" t="s">
        <v>22348</v>
      </c>
      <c r="F15003" s="358" t="s">
        <v>14420</v>
      </c>
      <c r="G15003" s="358" t="s">
        <v>14429</v>
      </c>
      <c r="H15003" s="358" t="s">
        <v>14367</v>
      </c>
      <c r="I15003" s="358" t="s">
        <v>14429</v>
      </c>
      <c r="J15003" s="358"/>
      <c r="K15003" s="358"/>
      <c r="L15003" s="358"/>
    </row>
    <row r="15004" spans="2:12">
      <c r="B15004" s="367"/>
      <c r="C15004" s="360"/>
      <c r="D15004" s="367"/>
      <c r="E15004" s="367"/>
      <c r="F15004" s="360"/>
      <c r="G15004" s="360"/>
      <c r="H15004" s="360"/>
      <c r="I15004" s="360"/>
      <c r="J15004" s="365"/>
      <c r="K15004" s="365"/>
      <c r="L15004" s="365"/>
    </row>
    <row r="15005" spans="2:12">
      <c r="B15005" s="367"/>
      <c r="C15005" s="359" t="s">
        <v>22349</v>
      </c>
      <c r="D15005" s="367"/>
      <c r="E15005" s="367"/>
      <c r="F15005" s="359" t="s">
        <v>14391</v>
      </c>
      <c r="G15005" s="359" t="s">
        <v>14392</v>
      </c>
      <c r="H15005" s="359" t="s">
        <v>14370</v>
      </c>
      <c r="I15005" s="359" t="s">
        <v>14392</v>
      </c>
      <c r="J15005" s="365"/>
      <c r="K15005" s="365"/>
      <c r="L15005" s="365"/>
    </row>
    <row r="15006" spans="2:12">
      <c r="B15006" s="367"/>
      <c r="C15006" s="360"/>
      <c r="D15006" s="367"/>
      <c r="E15006" s="367"/>
      <c r="F15006" s="360"/>
      <c r="G15006" s="360"/>
      <c r="H15006" s="360"/>
      <c r="I15006" s="360"/>
      <c r="J15006" s="365"/>
      <c r="K15006" s="365"/>
      <c r="L15006" s="365"/>
    </row>
    <row r="15007" spans="2:12">
      <c r="B15007" s="367"/>
      <c r="C15007" s="360"/>
      <c r="D15007" s="367"/>
      <c r="E15007" s="367"/>
      <c r="F15007" s="359" t="s">
        <v>14371</v>
      </c>
      <c r="G15007" s="359" t="s">
        <v>14372</v>
      </c>
      <c r="H15007" s="359" t="s">
        <v>14422</v>
      </c>
      <c r="I15007" s="359" t="s">
        <v>14373</v>
      </c>
      <c r="J15007" s="365"/>
      <c r="K15007" s="365"/>
      <c r="L15007" s="365"/>
    </row>
    <row r="15008" spans="2:12">
      <c r="B15008" s="367"/>
      <c r="C15008" s="360"/>
      <c r="D15008" s="367"/>
      <c r="E15008" s="367"/>
      <c r="F15008" s="360"/>
      <c r="G15008" s="360"/>
      <c r="H15008" s="360"/>
      <c r="I15008" s="360"/>
      <c r="J15008" s="365"/>
      <c r="K15008" s="365"/>
      <c r="L15008" s="365"/>
    </row>
    <row r="15009" spans="2:12" ht="28.5">
      <c r="B15009" s="368"/>
      <c r="C15009" s="362"/>
      <c r="D15009" s="368"/>
      <c r="E15009" s="368"/>
      <c r="F15009" s="361" t="s">
        <v>14374</v>
      </c>
      <c r="G15009" s="361" t="s">
        <v>14373</v>
      </c>
      <c r="H15009" s="362"/>
      <c r="I15009" s="362"/>
      <c r="J15009" s="366"/>
      <c r="K15009" s="366"/>
      <c r="L15009" s="366"/>
    </row>
    <row r="15010" spans="2:12" ht="42.75">
      <c r="B15010" s="358" t="s">
        <v>22350</v>
      </c>
      <c r="C15010" s="358" t="s">
        <v>29422</v>
      </c>
      <c r="D15010" s="358" t="s">
        <v>8356</v>
      </c>
      <c r="E15010" s="358" t="s">
        <v>22351</v>
      </c>
      <c r="F15010" s="358" t="s">
        <v>14420</v>
      </c>
      <c r="G15010" s="358" t="s">
        <v>14429</v>
      </c>
      <c r="H15010" s="358" t="s">
        <v>14367</v>
      </c>
      <c r="I15010" s="358" t="s">
        <v>14429</v>
      </c>
      <c r="J15010" s="358"/>
      <c r="K15010" s="358"/>
      <c r="L15010" s="358"/>
    </row>
    <row r="15011" spans="2:12">
      <c r="B15011" s="367"/>
      <c r="C15011" s="367"/>
      <c r="D15011" s="367"/>
      <c r="E15011" s="367"/>
      <c r="F15011" s="360"/>
      <c r="G15011" s="360"/>
      <c r="H15011" s="360"/>
      <c r="I15011" s="360"/>
      <c r="J15011" s="365"/>
      <c r="K15011" s="365"/>
      <c r="L15011" s="365"/>
    </row>
    <row r="15012" spans="2:12">
      <c r="B15012" s="367"/>
      <c r="C15012" s="367"/>
      <c r="D15012" s="367"/>
      <c r="E15012" s="367"/>
      <c r="F15012" s="359" t="s">
        <v>14371</v>
      </c>
      <c r="G15012" s="359" t="s">
        <v>14372</v>
      </c>
      <c r="H15012" s="359" t="s">
        <v>14370</v>
      </c>
      <c r="I15012" s="359" t="s">
        <v>14373</v>
      </c>
      <c r="J15012" s="365"/>
      <c r="K15012" s="365"/>
      <c r="L15012" s="365"/>
    </row>
    <row r="15013" spans="2:12">
      <c r="B15013" s="367"/>
      <c r="C15013" s="367"/>
      <c r="D15013" s="367"/>
      <c r="E15013" s="367"/>
      <c r="F15013" s="360"/>
      <c r="G15013" s="360"/>
      <c r="H15013" s="360"/>
      <c r="I15013" s="360"/>
      <c r="J15013" s="365"/>
      <c r="K15013" s="365"/>
      <c r="L15013" s="365"/>
    </row>
    <row r="15014" spans="2:12" ht="28.5">
      <c r="B15014" s="368"/>
      <c r="C15014" s="368"/>
      <c r="D15014" s="368"/>
      <c r="E15014" s="368"/>
      <c r="F15014" s="361" t="s">
        <v>14374</v>
      </c>
      <c r="G15014" s="361" t="s">
        <v>14373</v>
      </c>
      <c r="H15014" s="361" t="s">
        <v>14422</v>
      </c>
      <c r="I15014" s="362"/>
      <c r="J15014" s="366"/>
      <c r="K15014" s="366"/>
      <c r="L15014" s="366"/>
    </row>
    <row r="15015" spans="2:12">
      <c r="B15015" s="358" t="s">
        <v>22352</v>
      </c>
      <c r="C15015" s="358" t="s">
        <v>29423</v>
      </c>
      <c r="D15015" s="358" t="s">
        <v>22353</v>
      </c>
      <c r="E15015" s="358" t="s">
        <v>22354</v>
      </c>
      <c r="F15015" s="358" t="s">
        <v>14443</v>
      </c>
      <c r="G15015" s="358" t="s">
        <v>14444</v>
      </c>
      <c r="H15015" s="358" t="s">
        <v>14381</v>
      </c>
      <c r="I15015" s="358" t="s">
        <v>14444</v>
      </c>
      <c r="J15015" s="358"/>
      <c r="K15015" s="358" t="s">
        <v>14820</v>
      </c>
      <c r="L15015" s="358"/>
    </row>
    <row r="15016" spans="2:12">
      <c r="B15016" s="367"/>
      <c r="C15016" s="360"/>
      <c r="D15016" s="367"/>
      <c r="E15016" s="367"/>
      <c r="F15016" s="360"/>
      <c r="G15016" s="360"/>
      <c r="H15016" s="360"/>
      <c r="I15016" s="360"/>
      <c r="J15016" s="365"/>
      <c r="K15016" s="367"/>
      <c r="L15016" s="365"/>
    </row>
    <row r="15017" spans="2:12" ht="28.5">
      <c r="B15017" s="367"/>
      <c r="C15017" s="359" t="s">
        <v>30309</v>
      </c>
      <c r="D15017" s="367"/>
      <c r="E15017" s="367"/>
      <c r="F15017" s="359" t="s">
        <v>14391</v>
      </c>
      <c r="G15017" s="359" t="s">
        <v>14392</v>
      </c>
      <c r="H15017" s="359" t="s">
        <v>14367</v>
      </c>
      <c r="I15017" s="359" t="s">
        <v>14392</v>
      </c>
      <c r="J15017" s="365"/>
      <c r="K15017" s="367"/>
      <c r="L15017" s="365"/>
    </row>
    <row r="15018" spans="2:12">
      <c r="B15018" s="367"/>
      <c r="C15018" s="360"/>
      <c r="D15018" s="367"/>
      <c r="E15018" s="367"/>
      <c r="F15018" s="360"/>
      <c r="G15018" s="360"/>
      <c r="H15018" s="360"/>
      <c r="I15018" s="360"/>
      <c r="J15018" s="365"/>
      <c r="K15018" s="367"/>
      <c r="L15018" s="365"/>
    </row>
    <row r="15019" spans="2:12">
      <c r="B15019" s="367"/>
      <c r="C15019" s="359" t="s">
        <v>29424</v>
      </c>
      <c r="D15019" s="367"/>
      <c r="E15019" s="367"/>
      <c r="F15019" s="359" t="s">
        <v>14371</v>
      </c>
      <c r="G15019" s="359" t="s">
        <v>14372</v>
      </c>
      <c r="H15019" s="359" t="s">
        <v>14370</v>
      </c>
      <c r="I15019" s="359" t="s">
        <v>14373</v>
      </c>
      <c r="J15019" s="365"/>
      <c r="K15019" s="367"/>
      <c r="L15019" s="365"/>
    </row>
    <row r="15020" spans="2:12">
      <c r="B15020" s="367"/>
      <c r="C15020" s="360"/>
      <c r="D15020" s="367"/>
      <c r="E15020" s="367"/>
      <c r="F15020" s="360"/>
      <c r="G15020" s="360"/>
      <c r="H15020" s="360"/>
      <c r="I15020" s="360"/>
      <c r="J15020" s="365"/>
      <c r="K15020" s="367"/>
      <c r="L15020" s="365"/>
    </row>
    <row r="15021" spans="2:12" ht="28.5">
      <c r="B15021" s="367"/>
      <c r="C15021" s="359" t="s">
        <v>30310</v>
      </c>
      <c r="D15021" s="367"/>
      <c r="E15021" s="367"/>
      <c r="F15021" s="359" t="s">
        <v>14374</v>
      </c>
      <c r="G15021" s="359" t="s">
        <v>14373</v>
      </c>
      <c r="H15021" s="359" t="s">
        <v>14422</v>
      </c>
      <c r="I15021" s="360"/>
      <c r="J15021" s="365"/>
      <c r="K15021" s="367"/>
      <c r="L15021" s="365"/>
    </row>
    <row r="15022" spans="2:12">
      <c r="B15022" s="367"/>
      <c r="C15022" s="360"/>
      <c r="D15022" s="367"/>
      <c r="E15022" s="367"/>
      <c r="F15022" s="360"/>
      <c r="G15022" s="360"/>
      <c r="H15022" s="360"/>
      <c r="I15022" s="360"/>
      <c r="J15022" s="365"/>
      <c r="K15022" s="367"/>
      <c r="L15022" s="365"/>
    </row>
    <row r="15023" spans="2:12" ht="28.5">
      <c r="B15023" s="368"/>
      <c r="C15023" s="361" t="s">
        <v>30311</v>
      </c>
      <c r="D15023" s="368"/>
      <c r="E15023" s="368"/>
      <c r="F15023" s="362"/>
      <c r="G15023" s="362"/>
      <c r="H15023" s="362"/>
      <c r="I15023" s="362"/>
      <c r="J15023" s="366"/>
      <c r="K15023" s="368"/>
      <c r="L15023" s="366"/>
    </row>
    <row r="15024" spans="2:12">
      <c r="B15024" s="358" t="s">
        <v>10444</v>
      </c>
      <c r="C15024" s="358" t="s">
        <v>22355</v>
      </c>
      <c r="D15024" s="358" t="s">
        <v>10445</v>
      </c>
      <c r="E15024" s="358" t="s">
        <v>10446</v>
      </c>
      <c r="F15024" s="358" t="s">
        <v>14376</v>
      </c>
      <c r="G15024" s="358" t="s">
        <v>14669</v>
      </c>
      <c r="H15024" s="358" t="s">
        <v>14381</v>
      </c>
      <c r="I15024" s="358" t="s">
        <v>14669</v>
      </c>
      <c r="J15024" s="358"/>
      <c r="K15024" s="358"/>
      <c r="L15024" s="358"/>
    </row>
    <row r="15025" spans="2:12">
      <c r="B15025" s="367"/>
      <c r="C15025" s="367"/>
      <c r="D15025" s="367"/>
      <c r="E15025" s="367"/>
      <c r="F15025" s="360"/>
      <c r="G15025" s="360"/>
      <c r="H15025" s="360"/>
      <c r="I15025" s="360"/>
      <c r="J15025" s="365"/>
      <c r="K15025" s="365"/>
      <c r="L15025" s="365"/>
    </row>
    <row r="15026" spans="2:12">
      <c r="B15026" s="367"/>
      <c r="C15026" s="367"/>
      <c r="D15026" s="367"/>
      <c r="E15026" s="367"/>
      <c r="F15026" s="359" t="s">
        <v>14420</v>
      </c>
      <c r="G15026" s="359" t="s">
        <v>14429</v>
      </c>
      <c r="H15026" s="359" t="s">
        <v>14367</v>
      </c>
      <c r="I15026" s="359" t="s">
        <v>14429</v>
      </c>
      <c r="J15026" s="365"/>
      <c r="K15026" s="365"/>
      <c r="L15026" s="365"/>
    </row>
    <row r="15027" spans="2:12">
      <c r="B15027" s="367"/>
      <c r="C15027" s="367"/>
      <c r="D15027" s="367"/>
      <c r="E15027" s="367"/>
      <c r="F15027" s="360"/>
      <c r="G15027" s="360"/>
      <c r="H15027" s="360"/>
      <c r="I15027" s="360"/>
      <c r="J15027" s="365"/>
      <c r="K15027" s="365"/>
      <c r="L15027" s="365"/>
    </row>
    <row r="15028" spans="2:12">
      <c r="B15028" s="368"/>
      <c r="C15028" s="368"/>
      <c r="D15028" s="368"/>
      <c r="E15028" s="368"/>
      <c r="F15028" s="362"/>
      <c r="G15028" s="362"/>
      <c r="H15028" s="361" t="s">
        <v>14332</v>
      </c>
      <c r="I15028" s="362"/>
      <c r="J15028" s="366"/>
      <c r="K15028" s="366"/>
      <c r="L15028" s="366"/>
    </row>
    <row r="15029" spans="2:12">
      <c r="B15029" s="358" t="s">
        <v>22356</v>
      </c>
      <c r="C15029" s="358" t="s">
        <v>22357</v>
      </c>
      <c r="D15029" s="358" t="s">
        <v>22358</v>
      </c>
      <c r="E15029" s="358" t="s">
        <v>22359</v>
      </c>
      <c r="F15029" s="358" t="s">
        <v>14386</v>
      </c>
      <c r="G15029" s="358" t="s">
        <v>14387</v>
      </c>
      <c r="H15029" s="358" t="s">
        <v>14367</v>
      </c>
      <c r="I15029" s="358" t="s">
        <v>14387</v>
      </c>
      <c r="J15029" s="358"/>
      <c r="K15029" s="358"/>
      <c r="L15029" s="358"/>
    </row>
    <row r="15030" spans="2:12">
      <c r="B15030" s="367"/>
      <c r="C15030" s="367"/>
      <c r="D15030" s="367"/>
      <c r="E15030" s="367"/>
      <c r="F15030" s="360"/>
      <c r="G15030" s="360"/>
      <c r="H15030" s="360"/>
      <c r="I15030" s="360"/>
      <c r="J15030" s="365"/>
      <c r="K15030" s="365"/>
      <c r="L15030" s="365"/>
    </row>
    <row r="15031" spans="2:12">
      <c r="B15031" s="368"/>
      <c r="C15031" s="368"/>
      <c r="D15031" s="368"/>
      <c r="E15031" s="368"/>
      <c r="F15031" s="361" t="s">
        <v>14391</v>
      </c>
      <c r="G15031" s="361" t="s">
        <v>14392</v>
      </c>
      <c r="H15031" s="361" t="s">
        <v>14422</v>
      </c>
      <c r="I15031" s="361" t="s">
        <v>14392</v>
      </c>
      <c r="J15031" s="366"/>
      <c r="K15031" s="366"/>
      <c r="L15031" s="366"/>
    </row>
    <row r="15032" spans="2:12">
      <c r="B15032" s="358" t="s">
        <v>10448</v>
      </c>
      <c r="C15032" s="358" t="s">
        <v>22360</v>
      </c>
      <c r="D15032" s="358" t="s">
        <v>10449</v>
      </c>
      <c r="E15032" s="358" t="s">
        <v>10450</v>
      </c>
      <c r="F15032" s="358" t="s">
        <v>14376</v>
      </c>
      <c r="G15032" s="358" t="s">
        <v>14669</v>
      </c>
      <c r="H15032" s="358" t="s">
        <v>14378</v>
      </c>
      <c r="I15032" s="358" t="s">
        <v>14669</v>
      </c>
      <c r="J15032" s="358"/>
      <c r="K15032" s="358"/>
      <c r="L15032" s="358"/>
    </row>
    <row r="15033" spans="2:12">
      <c r="B15033" s="367"/>
      <c r="C15033" s="367"/>
      <c r="D15033" s="367"/>
      <c r="E15033" s="367"/>
      <c r="F15033" s="360"/>
      <c r="G15033" s="360"/>
      <c r="H15033" s="360"/>
      <c r="I15033" s="360"/>
      <c r="J15033" s="365"/>
      <c r="K15033" s="365"/>
      <c r="L15033" s="365"/>
    </row>
    <row r="15034" spans="2:12">
      <c r="B15034" s="367"/>
      <c r="C15034" s="367"/>
      <c r="D15034" s="367"/>
      <c r="E15034" s="367"/>
      <c r="F15034" s="359" t="s">
        <v>14426</v>
      </c>
      <c r="G15034" s="359" t="s">
        <v>14427</v>
      </c>
      <c r="H15034" s="359" t="s">
        <v>14381</v>
      </c>
      <c r="I15034" s="359" t="s">
        <v>14427</v>
      </c>
      <c r="J15034" s="365"/>
      <c r="K15034" s="365"/>
      <c r="L15034" s="365"/>
    </row>
    <row r="15035" spans="2:12">
      <c r="B15035" s="367"/>
      <c r="C15035" s="367"/>
      <c r="D15035" s="367"/>
      <c r="E15035" s="367"/>
      <c r="F15035" s="360"/>
      <c r="G15035" s="360"/>
      <c r="H15035" s="360"/>
      <c r="I15035" s="360"/>
      <c r="J15035" s="365"/>
      <c r="K15035" s="365"/>
      <c r="L15035" s="365"/>
    </row>
    <row r="15036" spans="2:12">
      <c r="B15036" s="367"/>
      <c r="C15036" s="367"/>
      <c r="D15036" s="367"/>
      <c r="E15036" s="367"/>
      <c r="F15036" s="359" t="s">
        <v>14507</v>
      </c>
      <c r="G15036" s="359" t="s">
        <v>15234</v>
      </c>
      <c r="H15036" s="359" t="s">
        <v>14332</v>
      </c>
      <c r="I15036" s="359" t="s">
        <v>15234</v>
      </c>
      <c r="J15036" s="365"/>
      <c r="K15036" s="365"/>
      <c r="L15036" s="365"/>
    </row>
    <row r="15037" spans="2:12">
      <c r="B15037" s="367"/>
      <c r="C15037" s="367"/>
      <c r="D15037" s="367"/>
      <c r="E15037" s="367"/>
      <c r="F15037" s="360"/>
      <c r="G15037" s="360"/>
      <c r="H15037" s="360"/>
      <c r="I15037" s="360"/>
      <c r="J15037" s="365"/>
      <c r="K15037" s="365"/>
      <c r="L15037" s="365"/>
    </row>
    <row r="15038" spans="2:12">
      <c r="B15038" s="367"/>
      <c r="C15038" s="367"/>
      <c r="D15038" s="367"/>
      <c r="E15038" s="367"/>
      <c r="F15038" s="359" t="s">
        <v>14382</v>
      </c>
      <c r="G15038" s="359" t="s">
        <v>14483</v>
      </c>
      <c r="H15038" s="360"/>
      <c r="I15038" s="359" t="s">
        <v>14483</v>
      </c>
      <c r="J15038" s="365"/>
      <c r="K15038" s="365"/>
      <c r="L15038" s="365"/>
    </row>
    <row r="15039" spans="2:12">
      <c r="B15039" s="367"/>
      <c r="C15039" s="367"/>
      <c r="D15039" s="367"/>
      <c r="E15039" s="367"/>
      <c r="F15039" s="360"/>
      <c r="G15039" s="360"/>
      <c r="H15039" s="360"/>
      <c r="I15039" s="360"/>
      <c r="J15039" s="365"/>
      <c r="K15039" s="365"/>
      <c r="L15039" s="365"/>
    </row>
    <row r="15040" spans="2:12">
      <c r="B15040" s="367"/>
      <c r="C15040" s="367"/>
      <c r="D15040" s="367"/>
      <c r="E15040" s="367"/>
      <c r="F15040" s="359" t="s">
        <v>14382</v>
      </c>
      <c r="G15040" s="359" t="s">
        <v>14579</v>
      </c>
      <c r="H15040" s="360"/>
      <c r="I15040" s="359" t="s">
        <v>14579</v>
      </c>
      <c r="J15040" s="365"/>
      <c r="K15040" s="365"/>
      <c r="L15040" s="365"/>
    </row>
    <row r="15041" spans="2:12">
      <c r="B15041" s="367"/>
      <c r="C15041" s="367"/>
      <c r="D15041" s="367"/>
      <c r="E15041" s="367"/>
      <c r="F15041" s="360"/>
      <c r="G15041" s="360"/>
      <c r="H15041" s="360"/>
      <c r="I15041" s="360"/>
      <c r="J15041" s="365"/>
      <c r="K15041" s="365"/>
      <c r="L15041" s="365"/>
    </row>
    <row r="15042" spans="2:12">
      <c r="B15042" s="367"/>
      <c r="C15042" s="367"/>
      <c r="D15042" s="367"/>
      <c r="E15042" s="367"/>
      <c r="F15042" s="359" t="s">
        <v>14382</v>
      </c>
      <c r="G15042" s="359" t="s">
        <v>14383</v>
      </c>
      <c r="H15042" s="360"/>
      <c r="I15042" s="359" t="s">
        <v>14383</v>
      </c>
      <c r="J15042" s="365"/>
      <c r="K15042" s="365"/>
      <c r="L15042" s="365"/>
    </row>
    <row r="15043" spans="2:12">
      <c r="B15043" s="367"/>
      <c r="C15043" s="367"/>
      <c r="D15043" s="367"/>
      <c r="E15043" s="367"/>
      <c r="F15043" s="360"/>
      <c r="G15043" s="360"/>
      <c r="H15043" s="360"/>
      <c r="I15043" s="360"/>
      <c r="J15043" s="365"/>
      <c r="K15043" s="365"/>
      <c r="L15043" s="365"/>
    </row>
    <row r="15044" spans="2:12">
      <c r="B15044" s="367"/>
      <c r="C15044" s="367"/>
      <c r="D15044" s="367"/>
      <c r="E15044" s="367"/>
      <c r="F15044" s="359" t="s">
        <v>14460</v>
      </c>
      <c r="G15044" s="359" t="s">
        <v>14519</v>
      </c>
      <c r="H15044" s="360"/>
      <c r="I15044" s="359" t="s">
        <v>14519</v>
      </c>
      <c r="J15044" s="365"/>
      <c r="K15044" s="365"/>
      <c r="L15044" s="365"/>
    </row>
    <row r="15045" spans="2:12">
      <c r="B15045" s="367"/>
      <c r="C15045" s="367"/>
      <c r="D15045" s="367"/>
      <c r="E15045" s="367"/>
      <c r="F15045" s="360"/>
      <c r="G15045" s="360"/>
      <c r="H15045" s="360"/>
      <c r="I15045" s="360"/>
      <c r="J15045" s="365"/>
      <c r="K15045" s="365"/>
      <c r="L15045" s="365"/>
    </row>
    <row r="15046" spans="2:12" ht="28.5">
      <c r="B15046" s="368"/>
      <c r="C15046" s="368"/>
      <c r="D15046" s="368"/>
      <c r="E15046" s="368"/>
      <c r="F15046" s="361" t="s">
        <v>14472</v>
      </c>
      <c r="G15046" s="361" t="s">
        <v>14473</v>
      </c>
      <c r="H15046" s="362"/>
      <c r="I15046" s="361" t="s">
        <v>14473</v>
      </c>
      <c r="J15046" s="366"/>
      <c r="K15046" s="366"/>
      <c r="L15046" s="366"/>
    </row>
    <row r="15047" spans="2:12">
      <c r="B15047" s="358" t="s">
        <v>10452</v>
      </c>
      <c r="C15047" s="358" t="s">
        <v>10451</v>
      </c>
      <c r="D15047" s="358" t="s">
        <v>10453</v>
      </c>
      <c r="E15047" s="358" t="s">
        <v>10454</v>
      </c>
      <c r="F15047" s="358" t="s">
        <v>14376</v>
      </c>
      <c r="G15047" s="358" t="s">
        <v>14669</v>
      </c>
      <c r="H15047" s="358" t="s">
        <v>14378</v>
      </c>
      <c r="I15047" s="358" t="s">
        <v>14669</v>
      </c>
      <c r="J15047" s="358"/>
      <c r="K15047" s="358"/>
      <c r="L15047" s="358"/>
    </row>
    <row r="15048" spans="2:12">
      <c r="B15048" s="367"/>
      <c r="C15048" s="367"/>
      <c r="D15048" s="367"/>
      <c r="E15048" s="367"/>
      <c r="F15048" s="360"/>
      <c r="G15048" s="360"/>
      <c r="H15048" s="360"/>
      <c r="I15048" s="360"/>
      <c r="J15048" s="365"/>
      <c r="K15048" s="365"/>
      <c r="L15048" s="365"/>
    </row>
    <row r="15049" spans="2:12">
      <c r="B15049" s="367"/>
      <c r="C15049" s="367"/>
      <c r="D15049" s="367"/>
      <c r="E15049" s="367"/>
      <c r="F15049" s="359" t="s">
        <v>14426</v>
      </c>
      <c r="G15049" s="359" t="s">
        <v>14427</v>
      </c>
      <c r="H15049" s="359" t="s">
        <v>14381</v>
      </c>
      <c r="I15049" s="359" t="s">
        <v>14427</v>
      </c>
      <c r="J15049" s="365"/>
      <c r="K15049" s="365"/>
      <c r="L15049" s="365"/>
    </row>
    <row r="15050" spans="2:12">
      <c r="B15050" s="367"/>
      <c r="C15050" s="367"/>
      <c r="D15050" s="367"/>
      <c r="E15050" s="367"/>
      <c r="F15050" s="360"/>
      <c r="G15050" s="360"/>
      <c r="H15050" s="360"/>
      <c r="I15050" s="360"/>
      <c r="J15050" s="365"/>
      <c r="K15050" s="365"/>
      <c r="L15050" s="365"/>
    </row>
    <row r="15051" spans="2:12">
      <c r="B15051" s="367"/>
      <c r="C15051" s="367"/>
      <c r="D15051" s="367"/>
      <c r="E15051" s="367"/>
      <c r="F15051" s="359" t="s">
        <v>14507</v>
      </c>
      <c r="G15051" s="359" t="s">
        <v>15234</v>
      </c>
      <c r="H15051" s="359" t="s">
        <v>14370</v>
      </c>
      <c r="I15051" s="359" t="s">
        <v>15234</v>
      </c>
      <c r="J15051" s="365"/>
      <c r="K15051" s="365"/>
      <c r="L15051" s="365"/>
    </row>
    <row r="15052" spans="2:12">
      <c r="B15052" s="367"/>
      <c r="C15052" s="367"/>
      <c r="D15052" s="367"/>
      <c r="E15052" s="367"/>
      <c r="F15052" s="360"/>
      <c r="G15052" s="360"/>
      <c r="H15052" s="360"/>
      <c r="I15052" s="360"/>
      <c r="J15052" s="365"/>
      <c r="K15052" s="365"/>
      <c r="L15052" s="365"/>
    </row>
    <row r="15053" spans="2:12">
      <c r="B15053" s="367"/>
      <c r="C15053" s="367"/>
      <c r="D15053" s="367"/>
      <c r="E15053" s="367"/>
      <c r="F15053" s="359" t="s">
        <v>14382</v>
      </c>
      <c r="G15053" s="359" t="s">
        <v>14483</v>
      </c>
      <c r="H15053" s="359" t="s">
        <v>14332</v>
      </c>
      <c r="I15053" s="359" t="s">
        <v>14483</v>
      </c>
      <c r="J15053" s="365"/>
      <c r="K15053" s="365"/>
      <c r="L15053" s="365"/>
    </row>
    <row r="15054" spans="2:12">
      <c r="B15054" s="367"/>
      <c r="C15054" s="367"/>
      <c r="D15054" s="367"/>
      <c r="E15054" s="367"/>
      <c r="F15054" s="360"/>
      <c r="G15054" s="360"/>
      <c r="H15054" s="360"/>
      <c r="I15054" s="360"/>
      <c r="J15054" s="365"/>
      <c r="K15054" s="365"/>
      <c r="L15054" s="365"/>
    </row>
    <row r="15055" spans="2:12">
      <c r="B15055" s="367"/>
      <c r="C15055" s="367"/>
      <c r="D15055" s="367"/>
      <c r="E15055" s="367"/>
      <c r="F15055" s="359" t="s">
        <v>14382</v>
      </c>
      <c r="G15055" s="359" t="s">
        <v>14579</v>
      </c>
      <c r="H15055" s="360"/>
      <c r="I15055" s="359" t="s">
        <v>14579</v>
      </c>
      <c r="J15055" s="365"/>
      <c r="K15055" s="365"/>
      <c r="L15055" s="365"/>
    </row>
    <row r="15056" spans="2:12">
      <c r="B15056" s="367"/>
      <c r="C15056" s="367"/>
      <c r="D15056" s="367"/>
      <c r="E15056" s="367"/>
      <c r="F15056" s="360"/>
      <c r="G15056" s="360"/>
      <c r="H15056" s="360"/>
      <c r="I15056" s="360"/>
      <c r="J15056" s="365"/>
      <c r="K15056" s="365"/>
      <c r="L15056" s="365"/>
    </row>
    <row r="15057" spans="2:12">
      <c r="B15057" s="367"/>
      <c r="C15057" s="367"/>
      <c r="D15057" s="367"/>
      <c r="E15057" s="367"/>
      <c r="F15057" s="359" t="s">
        <v>14382</v>
      </c>
      <c r="G15057" s="359" t="s">
        <v>14383</v>
      </c>
      <c r="H15057" s="360"/>
      <c r="I15057" s="359" t="s">
        <v>14383</v>
      </c>
      <c r="J15057" s="365"/>
      <c r="K15057" s="365"/>
      <c r="L15057" s="365"/>
    </row>
    <row r="15058" spans="2:12">
      <c r="B15058" s="367"/>
      <c r="C15058" s="367"/>
      <c r="D15058" s="367"/>
      <c r="E15058" s="367"/>
      <c r="F15058" s="360"/>
      <c r="G15058" s="360"/>
      <c r="H15058" s="360"/>
      <c r="I15058" s="360"/>
      <c r="J15058" s="365"/>
      <c r="K15058" s="365"/>
      <c r="L15058" s="365"/>
    </row>
    <row r="15059" spans="2:12">
      <c r="B15059" s="367"/>
      <c r="C15059" s="367"/>
      <c r="D15059" s="367"/>
      <c r="E15059" s="367"/>
      <c r="F15059" s="359" t="s">
        <v>14460</v>
      </c>
      <c r="G15059" s="359" t="s">
        <v>14519</v>
      </c>
      <c r="H15059" s="360"/>
      <c r="I15059" s="359" t="s">
        <v>14519</v>
      </c>
      <c r="J15059" s="365"/>
      <c r="K15059" s="365"/>
      <c r="L15059" s="365"/>
    </row>
    <row r="15060" spans="2:12">
      <c r="B15060" s="367"/>
      <c r="C15060" s="367"/>
      <c r="D15060" s="367"/>
      <c r="E15060" s="367"/>
      <c r="F15060" s="360"/>
      <c r="G15060" s="360"/>
      <c r="H15060" s="360"/>
      <c r="I15060" s="360"/>
      <c r="J15060" s="365"/>
      <c r="K15060" s="365"/>
      <c r="L15060" s="365"/>
    </row>
    <row r="15061" spans="2:12">
      <c r="B15061" s="367"/>
      <c r="C15061" s="367"/>
      <c r="D15061" s="367"/>
      <c r="E15061" s="367"/>
      <c r="F15061" s="359" t="s">
        <v>14371</v>
      </c>
      <c r="G15061" s="359" t="s">
        <v>14372</v>
      </c>
      <c r="H15061" s="360"/>
      <c r="I15061" s="359" t="s">
        <v>14373</v>
      </c>
      <c r="J15061" s="365"/>
      <c r="K15061" s="365"/>
      <c r="L15061" s="365"/>
    </row>
    <row r="15062" spans="2:12">
      <c r="B15062" s="367"/>
      <c r="C15062" s="367"/>
      <c r="D15062" s="367"/>
      <c r="E15062" s="367"/>
      <c r="F15062" s="360"/>
      <c r="G15062" s="360"/>
      <c r="H15062" s="360"/>
      <c r="I15062" s="360"/>
      <c r="J15062" s="365"/>
      <c r="K15062" s="365"/>
      <c r="L15062" s="365"/>
    </row>
    <row r="15063" spans="2:12" ht="28.5">
      <c r="B15063" s="368"/>
      <c r="C15063" s="368"/>
      <c r="D15063" s="368"/>
      <c r="E15063" s="368"/>
      <c r="F15063" s="361" t="s">
        <v>14374</v>
      </c>
      <c r="G15063" s="361" t="s">
        <v>14373</v>
      </c>
      <c r="H15063" s="362"/>
      <c r="I15063" s="362"/>
      <c r="J15063" s="366"/>
      <c r="K15063" s="366"/>
      <c r="L15063" s="366"/>
    </row>
    <row r="15064" spans="2:12">
      <c r="B15064" s="358" t="s">
        <v>10456</v>
      </c>
      <c r="C15064" s="358" t="s">
        <v>10455</v>
      </c>
      <c r="D15064" s="358" t="s">
        <v>10457</v>
      </c>
      <c r="E15064" s="358" t="s">
        <v>10458</v>
      </c>
      <c r="F15064" s="358" t="s">
        <v>14376</v>
      </c>
      <c r="G15064" s="358" t="s">
        <v>14669</v>
      </c>
      <c r="H15064" s="358" t="s">
        <v>14378</v>
      </c>
      <c r="I15064" s="358" t="s">
        <v>14669</v>
      </c>
      <c r="J15064" s="358"/>
      <c r="K15064" s="358"/>
      <c r="L15064" s="358"/>
    </row>
    <row r="15065" spans="2:12">
      <c r="B15065" s="367"/>
      <c r="C15065" s="367"/>
      <c r="D15065" s="367"/>
      <c r="E15065" s="367"/>
      <c r="F15065" s="360"/>
      <c r="G15065" s="360"/>
      <c r="H15065" s="360"/>
      <c r="I15065" s="360"/>
      <c r="J15065" s="365"/>
      <c r="K15065" s="365"/>
      <c r="L15065" s="365"/>
    </row>
    <row r="15066" spans="2:12">
      <c r="B15066" s="367"/>
      <c r="C15066" s="367"/>
      <c r="D15066" s="367"/>
      <c r="E15066" s="367"/>
      <c r="F15066" s="359" t="s">
        <v>14426</v>
      </c>
      <c r="G15066" s="359" t="s">
        <v>14427</v>
      </c>
      <c r="H15066" s="359" t="s">
        <v>14381</v>
      </c>
      <c r="I15066" s="359" t="s">
        <v>14427</v>
      </c>
      <c r="J15066" s="365"/>
      <c r="K15066" s="365"/>
      <c r="L15066" s="365"/>
    </row>
    <row r="15067" spans="2:12">
      <c r="B15067" s="367"/>
      <c r="C15067" s="367"/>
      <c r="D15067" s="367"/>
      <c r="E15067" s="367"/>
      <c r="F15067" s="360"/>
      <c r="G15067" s="360"/>
      <c r="H15067" s="360"/>
      <c r="I15067" s="360"/>
      <c r="J15067" s="365"/>
      <c r="K15067" s="365"/>
      <c r="L15067" s="365"/>
    </row>
    <row r="15068" spans="2:12">
      <c r="B15068" s="367"/>
      <c r="C15068" s="367"/>
      <c r="D15068" s="367"/>
      <c r="E15068" s="367"/>
      <c r="F15068" s="359" t="s">
        <v>14507</v>
      </c>
      <c r="G15068" s="359" t="s">
        <v>15234</v>
      </c>
      <c r="H15068" s="359" t="s">
        <v>14370</v>
      </c>
      <c r="I15068" s="359" t="s">
        <v>15234</v>
      </c>
      <c r="J15068" s="365"/>
      <c r="K15068" s="365"/>
      <c r="L15068" s="365"/>
    </row>
    <row r="15069" spans="2:12">
      <c r="B15069" s="367"/>
      <c r="C15069" s="367"/>
      <c r="D15069" s="367"/>
      <c r="E15069" s="367"/>
      <c r="F15069" s="360"/>
      <c r="G15069" s="360"/>
      <c r="H15069" s="360"/>
      <c r="I15069" s="360"/>
      <c r="J15069" s="365"/>
      <c r="K15069" s="365"/>
      <c r="L15069" s="365"/>
    </row>
    <row r="15070" spans="2:12">
      <c r="B15070" s="367"/>
      <c r="C15070" s="367"/>
      <c r="D15070" s="367"/>
      <c r="E15070" s="367"/>
      <c r="F15070" s="359" t="s">
        <v>14382</v>
      </c>
      <c r="G15070" s="359" t="s">
        <v>14483</v>
      </c>
      <c r="H15070" s="359" t="s">
        <v>14332</v>
      </c>
      <c r="I15070" s="359" t="s">
        <v>14483</v>
      </c>
      <c r="J15070" s="365"/>
      <c r="K15070" s="365"/>
      <c r="L15070" s="365"/>
    </row>
    <row r="15071" spans="2:12">
      <c r="B15071" s="367"/>
      <c r="C15071" s="367"/>
      <c r="D15071" s="367"/>
      <c r="E15071" s="367"/>
      <c r="F15071" s="360"/>
      <c r="G15071" s="360"/>
      <c r="H15071" s="360"/>
      <c r="I15071" s="360"/>
      <c r="J15071" s="365"/>
      <c r="K15071" s="365"/>
      <c r="L15071" s="365"/>
    </row>
    <row r="15072" spans="2:12">
      <c r="B15072" s="367"/>
      <c r="C15072" s="367"/>
      <c r="D15072" s="367"/>
      <c r="E15072" s="367"/>
      <c r="F15072" s="359" t="s">
        <v>14382</v>
      </c>
      <c r="G15072" s="359" t="s">
        <v>14579</v>
      </c>
      <c r="H15072" s="360"/>
      <c r="I15072" s="359" t="s">
        <v>14579</v>
      </c>
      <c r="J15072" s="365"/>
      <c r="K15072" s="365"/>
      <c r="L15072" s="365"/>
    </row>
    <row r="15073" spans="2:12">
      <c r="B15073" s="367"/>
      <c r="C15073" s="367"/>
      <c r="D15073" s="367"/>
      <c r="E15073" s="367"/>
      <c r="F15073" s="360"/>
      <c r="G15073" s="360"/>
      <c r="H15073" s="360"/>
      <c r="I15073" s="360"/>
      <c r="J15073" s="365"/>
      <c r="K15073" s="365"/>
      <c r="L15073" s="365"/>
    </row>
    <row r="15074" spans="2:12">
      <c r="B15074" s="367"/>
      <c r="C15074" s="367"/>
      <c r="D15074" s="367"/>
      <c r="E15074" s="367"/>
      <c r="F15074" s="359" t="s">
        <v>14382</v>
      </c>
      <c r="G15074" s="359" t="s">
        <v>14383</v>
      </c>
      <c r="H15074" s="360"/>
      <c r="I15074" s="359" t="s">
        <v>14383</v>
      </c>
      <c r="J15074" s="365"/>
      <c r="K15074" s="365"/>
      <c r="L15074" s="365"/>
    </row>
    <row r="15075" spans="2:12">
      <c r="B15075" s="367"/>
      <c r="C15075" s="367"/>
      <c r="D15075" s="367"/>
      <c r="E15075" s="367"/>
      <c r="F15075" s="360"/>
      <c r="G15075" s="360"/>
      <c r="H15075" s="360"/>
      <c r="I15075" s="360"/>
      <c r="J15075" s="365"/>
      <c r="K15075" s="365"/>
      <c r="L15075" s="365"/>
    </row>
    <row r="15076" spans="2:12">
      <c r="B15076" s="367"/>
      <c r="C15076" s="367"/>
      <c r="D15076" s="367"/>
      <c r="E15076" s="367"/>
      <c r="F15076" s="359" t="s">
        <v>14460</v>
      </c>
      <c r="G15076" s="359" t="s">
        <v>14519</v>
      </c>
      <c r="H15076" s="360"/>
      <c r="I15076" s="359" t="s">
        <v>14519</v>
      </c>
      <c r="J15076" s="365"/>
      <c r="K15076" s="365"/>
      <c r="L15076" s="365"/>
    </row>
    <row r="15077" spans="2:12">
      <c r="B15077" s="367"/>
      <c r="C15077" s="367"/>
      <c r="D15077" s="367"/>
      <c r="E15077" s="367"/>
      <c r="F15077" s="360"/>
      <c r="G15077" s="360"/>
      <c r="H15077" s="360"/>
      <c r="I15077" s="360"/>
      <c r="J15077" s="365"/>
      <c r="K15077" s="365"/>
      <c r="L15077" s="365"/>
    </row>
    <row r="15078" spans="2:12" ht="28.5">
      <c r="B15078" s="368"/>
      <c r="C15078" s="368"/>
      <c r="D15078" s="368"/>
      <c r="E15078" s="368"/>
      <c r="F15078" s="361" t="s">
        <v>14394</v>
      </c>
      <c r="G15078" s="361" t="s">
        <v>14395</v>
      </c>
      <c r="H15078" s="362"/>
      <c r="I15078" s="361" t="s">
        <v>14395</v>
      </c>
      <c r="J15078" s="366"/>
      <c r="K15078" s="366"/>
      <c r="L15078" s="366"/>
    </row>
    <row r="15079" spans="2:12">
      <c r="B15079" s="358" t="s">
        <v>10460</v>
      </c>
      <c r="C15079" s="358" t="s">
        <v>10459</v>
      </c>
      <c r="D15079" s="358" t="s">
        <v>10461</v>
      </c>
      <c r="E15079" s="358" t="s">
        <v>10462</v>
      </c>
      <c r="F15079" s="358" t="s">
        <v>14376</v>
      </c>
      <c r="G15079" s="358" t="s">
        <v>14669</v>
      </c>
      <c r="H15079" s="358" t="s">
        <v>14378</v>
      </c>
      <c r="I15079" s="358" t="s">
        <v>14669</v>
      </c>
      <c r="J15079" s="358"/>
      <c r="K15079" s="358"/>
      <c r="L15079" s="358"/>
    </row>
    <row r="15080" spans="2:12">
      <c r="B15080" s="367"/>
      <c r="C15080" s="367"/>
      <c r="D15080" s="367"/>
      <c r="E15080" s="367"/>
      <c r="F15080" s="360"/>
      <c r="G15080" s="360"/>
      <c r="H15080" s="360"/>
      <c r="I15080" s="360"/>
      <c r="J15080" s="365"/>
      <c r="K15080" s="365"/>
      <c r="L15080" s="365"/>
    </row>
    <row r="15081" spans="2:12">
      <c r="B15081" s="367"/>
      <c r="C15081" s="367"/>
      <c r="D15081" s="367"/>
      <c r="E15081" s="367"/>
      <c r="F15081" s="359" t="s">
        <v>14426</v>
      </c>
      <c r="G15081" s="359" t="s">
        <v>14427</v>
      </c>
      <c r="H15081" s="359" t="s">
        <v>14381</v>
      </c>
      <c r="I15081" s="359" t="s">
        <v>14427</v>
      </c>
      <c r="J15081" s="365"/>
      <c r="K15081" s="365"/>
      <c r="L15081" s="365"/>
    </row>
    <row r="15082" spans="2:12">
      <c r="B15082" s="367"/>
      <c r="C15082" s="367"/>
      <c r="D15082" s="367"/>
      <c r="E15082" s="367"/>
      <c r="F15082" s="360"/>
      <c r="G15082" s="360"/>
      <c r="H15082" s="360"/>
      <c r="I15082" s="360"/>
      <c r="J15082" s="365"/>
      <c r="K15082" s="365"/>
      <c r="L15082" s="365"/>
    </row>
    <row r="15083" spans="2:12">
      <c r="B15083" s="367"/>
      <c r="C15083" s="367"/>
      <c r="D15083" s="367"/>
      <c r="E15083" s="367"/>
      <c r="F15083" s="359" t="s">
        <v>14507</v>
      </c>
      <c r="G15083" s="359" t="s">
        <v>15234</v>
      </c>
      <c r="H15083" s="359" t="s">
        <v>14332</v>
      </c>
      <c r="I15083" s="359" t="s">
        <v>15234</v>
      </c>
      <c r="J15083" s="365"/>
      <c r="K15083" s="365"/>
      <c r="L15083" s="365"/>
    </row>
    <row r="15084" spans="2:12">
      <c r="B15084" s="367"/>
      <c r="C15084" s="367"/>
      <c r="D15084" s="367"/>
      <c r="E15084" s="367"/>
      <c r="F15084" s="360"/>
      <c r="G15084" s="360"/>
      <c r="H15084" s="360"/>
      <c r="I15084" s="360"/>
      <c r="J15084" s="365"/>
      <c r="K15084" s="365"/>
      <c r="L15084" s="365"/>
    </row>
    <row r="15085" spans="2:12">
      <c r="B15085" s="367"/>
      <c r="C15085" s="367"/>
      <c r="D15085" s="367"/>
      <c r="E15085" s="367"/>
      <c r="F15085" s="359" t="s">
        <v>14382</v>
      </c>
      <c r="G15085" s="359" t="s">
        <v>14483</v>
      </c>
      <c r="H15085" s="360"/>
      <c r="I15085" s="359" t="s">
        <v>14483</v>
      </c>
      <c r="J15085" s="365"/>
      <c r="K15085" s="365"/>
      <c r="L15085" s="365"/>
    </row>
    <row r="15086" spans="2:12">
      <c r="B15086" s="367"/>
      <c r="C15086" s="367"/>
      <c r="D15086" s="367"/>
      <c r="E15086" s="367"/>
      <c r="F15086" s="360"/>
      <c r="G15086" s="360"/>
      <c r="H15086" s="360"/>
      <c r="I15086" s="360"/>
      <c r="J15086" s="365"/>
      <c r="K15086" s="365"/>
      <c r="L15086" s="365"/>
    </row>
    <row r="15087" spans="2:12">
      <c r="B15087" s="367"/>
      <c r="C15087" s="367"/>
      <c r="D15087" s="367"/>
      <c r="E15087" s="367"/>
      <c r="F15087" s="359" t="s">
        <v>14382</v>
      </c>
      <c r="G15087" s="359" t="s">
        <v>14579</v>
      </c>
      <c r="H15087" s="360"/>
      <c r="I15087" s="359" t="s">
        <v>14579</v>
      </c>
      <c r="J15087" s="365"/>
      <c r="K15087" s="365"/>
      <c r="L15087" s="365"/>
    </row>
    <row r="15088" spans="2:12">
      <c r="B15088" s="367"/>
      <c r="C15088" s="367"/>
      <c r="D15088" s="367"/>
      <c r="E15088" s="367"/>
      <c r="F15088" s="360"/>
      <c r="G15088" s="360"/>
      <c r="H15088" s="360"/>
      <c r="I15088" s="360"/>
      <c r="J15088" s="365"/>
      <c r="K15088" s="365"/>
      <c r="L15088" s="365"/>
    </row>
    <row r="15089" spans="2:12">
      <c r="B15089" s="367"/>
      <c r="C15089" s="367"/>
      <c r="D15089" s="367"/>
      <c r="E15089" s="367"/>
      <c r="F15089" s="359" t="s">
        <v>14382</v>
      </c>
      <c r="G15089" s="359" t="s">
        <v>14383</v>
      </c>
      <c r="H15089" s="360"/>
      <c r="I15089" s="359" t="s">
        <v>14383</v>
      </c>
      <c r="J15089" s="365"/>
      <c r="K15089" s="365"/>
      <c r="L15089" s="365"/>
    </row>
    <row r="15090" spans="2:12">
      <c r="B15090" s="367"/>
      <c r="C15090" s="367"/>
      <c r="D15090" s="367"/>
      <c r="E15090" s="367"/>
      <c r="F15090" s="360"/>
      <c r="G15090" s="360"/>
      <c r="H15090" s="360"/>
      <c r="I15090" s="360"/>
      <c r="J15090" s="365"/>
      <c r="K15090" s="365"/>
      <c r="L15090" s="365"/>
    </row>
    <row r="15091" spans="2:12">
      <c r="B15091" s="367"/>
      <c r="C15091" s="367"/>
      <c r="D15091" s="367"/>
      <c r="E15091" s="367"/>
      <c r="F15091" s="359" t="s">
        <v>14460</v>
      </c>
      <c r="G15091" s="359" t="s">
        <v>14519</v>
      </c>
      <c r="H15091" s="360"/>
      <c r="I15091" s="359" t="s">
        <v>14519</v>
      </c>
      <c r="J15091" s="365"/>
      <c r="K15091" s="365"/>
      <c r="L15091" s="365"/>
    </row>
    <row r="15092" spans="2:12">
      <c r="B15092" s="367"/>
      <c r="C15092" s="367"/>
      <c r="D15092" s="367"/>
      <c r="E15092" s="367"/>
      <c r="F15092" s="360"/>
      <c r="G15092" s="360"/>
      <c r="H15092" s="360"/>
      <c r="I15092" s="360"/>
      <c r="J15092" s="365"/>
      <c r="K15092" s="365"/>
      <c r="L15092" s="365"/>
    </row>
    <row r="15093" spans="2:12" ht="28.5">
      <c r="B15093" s="368"/>
      <c r="C15093" s="368"/>
      <c r="D15093" s="368"/>
      <c r="E15093" s="368"/>
      <c r="F15093" s="361" t="s">
        <v>14472</v>
      </c>
      <c r="G15093" s="361" t="s">
        <v>14473</v>
      </c>
      <c r="H15093" s="362"/>
      <c r="I15093" s="361" t="s">
        <v>14473</v>
      </c>
      <c r="J15093" s="366"/>
      <c r="K15093" s="366"/>
      <c r="L15093" s="366"/>
    </row>
    <row r="15094" spans="2:12">
      <c r="B15094" s="358" t="s">
        <v>10464</v>
      </c>
      <c r="C15094" s="358" t="s">
        <v>22361</v>
      </c>
      <c r="D15094" s="358" t="s">
        <v>15</v>
      </c>
      <c r="E15094" s="358" t="s">
        <v>8356</v>
      </c>
      <c r="F15094" s="358" t="s">
        <v>15010</v>
      </c>
      <c r="G15094" s="358" t="s">
        <v>15011</v>
      </c>
      <c r="H15094" s="358" t="s">
        <v>14954</v>
      </c>
      <c r="I15094" s="358" t="s">
        <v>15011</v>
      </c>
      <c r="J15094" s="358"/>
      <c r="K15094" s="358"/>
      <c r="L15094" s="358"/>
    </row>
    <row r="15095" spans="2:12">
      <c r="B15095" s="367"/>
      <c r="C15095" s="367"/>
      <c r="D15095" s="367"/>
      <c r="E15095" s="367"/>
      <c r="F15095" s="360"/>
      <c r="G15095" s="360"/>
      <c r="H15095" s="360"/>
      <c r="I15095" s="360"/>
      <c r="J15095" s="365"/>
      <c r="K15095" s="365"/>
      <c r="L15095" s="365"/>
    </row>
    <row r="15096" spans="2:12">
      <c r="B15096" s="367"/>
      <c r="C15096" s="367"/>
      <c r="D15096" s="367"/>
      <c r="E15096" s="367"/>
      <c r="F15096" s="359" t="s">
        <v>22362</v>
      </c>
      <c r="G15096" s="359" t="s">
        <v>22363</v>
      </c>
      <c r="H15096" s="359" t="s">
        <v>14378</v>
      </c>
      <c r="I15096" s="359" t="s">
        <v>22363</v>
      </c>
      <c r="J15096" s="365"/>
      <c r="K15096" s="365"/>
      <c r="L15096" s="365"/>
    </row>
    <row r="15097" spans="2:12">
      <c r="B15097" s="367"/>
      <c r="C15097" s="367"/>
      <c r="D15097" s="367"/>
      <c r="E15097" s="367"/>
      <c r="F15097" s="360"/>
      <c r="G15097" s="360"/>
      <c r="H15097" s="360"/>
      <c r="I15097" s="360"/>
      <c r="J15097" s="365"/>
      <c r="K15097" s="365"/>
      <c r="L15097" s="365"/>
    </row>
    <row r="15098" spans="2:12">
      <c r="B15098" s="367"/>
      <c r="C15098" s="367"/>
      <c r="D15098" s="367"/>
      <c r="E15098" s="367"/>
      <c r="F15098" s="359" t="s">
        <v>14376</v>
      </c>
      <c r="G15098" s="359" t="s">
        <v>14669</v>
      </c>
      <c r="H15098" s="359" t="s">
        <v>14381</v>
      </c>
      <c r="I15098" s="359" t="s">
        <v>14669</v>
      </c>
      <c r="J15098" s="365"/>
      <c r="K15098" s="365"/>
      <c r="L15098" s="365"/>
    </row>
    <row r="15099" spans="2:12">
      <c r="B15099" s="367"/>
      <c r="C15099" s="367"/>
      <c r="D15099" s="367"/>
      <c r="E15099" s="367"/>
      <c r="F15099" s="360"/>
      <c r="G15099" s="360"/>
      <c r="H15099" s="360"/>
      <c r="I15099" s="360"/>
      <c r="J15099" s="365"/>
      <c r="K15099" s="365"/>
      <c r="L15099" s="365"/>
    </row>
    <row r="15100" spans="2:12">
      <c r="B15100" s="367"/>
      <c r="C15100" s="367"/>
      <c r="D15100" s="367"/>
      <c r="E15100" s="367"/>
      <c r="F15100" s="359" t="s">
        <v>14382</v>
      </c>
      <c r="G15100" s="359" t="s">
        <v>14483</v>
      </c>
      <c r="H15100" s="359" t="s">
        <v>14332</v>
      </c>
      <c r="I15100" s="359" t="s">
        <v>14483</v>
      </c>
      <c r="J15100" s="365"/>
      <c r="K15100" s="365"/>
      <c r="L15100" s="365"/>
    </row>
    <row r="15101" spans="2:12">
      <c r="B15101" s="367"/>
      <c r="C15101" s="367"/>
      <c r="D15101" s="367"/>
      <c r="E15101" s="367"/>
      <c r="F15101" s="360"/>
      <c r="G15101" s="360"/>
      <c r="H15101" s="360"/>
      <c r="I15101" s="360"/>
      <c r="J15101" s="365"/>
      <c r="K15101" s="365"/>
      <c r="L15101" s="365"/>
    </row>
    <row r="15102" spans="2:12">
      <c r="B15102" s="367"/>
      <c r="C15102" s="367"/>
      <c r="D15102" s="367"/>
      <c r="E15102" s="367"/>
      <c r="F15102" s="359" t="s">
        <v>14382</v>
      </c>
      <c r="G15102" s="359" t="s">
        <v>14383</v>
      </c>
      <c r="H15102" s="360"/>
      <c r="I15102" s="359" t="s">
        <v>14383</v>
      </c>
      <c r="J15102" s="365"/>
      <c r="K15102" s="365"/>
      <c r="L15102" s="365"/>
    </row>
    <row r="15103" spans="2:12">
      <c r="B15103" s="367"/>
      <c r="C15103" s="367"/>
      <c r="D15103" s="367"/>
      <c r="E15103" s="367"/>
      <c r="F15103" s="360"/>
      <c r="G15103" s="360"/>
      <c r="H15103" s="360"/>
      <c r="I15103" s="360"/>
      <c r="J15103" s="365"/>
      <c r="K15103" s="365"/>
      <c r="L15103" s="365"/>
    </row>
    <row r="15104" spans="2:12">
      <c r="B15104" s="368"/>
      <c r="C15104" s="368"/>
      <c r="D15104" s="368"/>
      <c r="E15104" s="368"/>
      <c r="F15104" s="361" t="s">
        <v>14391</v>
      </c>
      <c r="G15104" s="361" t="s">
        <v>14392</v>
      </c>
      <c r="H15104" s="362"/>
      <c r="I15104" s="361" t="s">
        <v>14392</v>
      </c>
      <c r="J15104" s="366"/>
      <c r="K15104" s="366"/>
      <c r="L15104" s="366"/>
    </row>
    <row r="15105" spans="2:12">
      <c r="B15105" s="358" t="s">
        <v>22364</v>
      </c>
      <c r="C15105" s="358" t="s">
        <v>22365</v>
      </c>
      <c r="D15105" s="358" t="s">
        <v>22366</v>
      </c>
      <c r="E15105" s="358" t="s">
        <v>22367</v>
      </c>
      <c r="F15105" s="358" t="s">
        <v>14382</v>
      </c>
      <c r="G15105" s="358" t="s">
        <v>14483</v>
      </c>
      <c r="H15105" s="358" t="s">
        <v>14378</v>
      </c>
      <c r="I15105" s="358" t="s">
        <v>14483</v>
      </c>
      <c r="J15105" s="358"/>
      <c r="K15105" s="358"/>
      <c r="L15105" s="358"/>
    </row>
    <row r="15106" spans="2:12">
      <c r="B15106" s="367"/>
      <c r="C15106" s="360"/>
      <c r="D15106" s="360"/>
      <c r="E15106" s="360"/>
      <c r="F15106" s="360"/>
      <c r="G15106" s="360"/>
      <c r="H15106" s="360"/>
      <c r="I15106" s="360"/>
      <c r="J15106" s="365"/>
      <c r="K15106" s="365"/>
      <c r="L15106" s="365"/>
    </row>
    <row r="15107" spans="2:12">
      <c r="B15107" s="367"/>
      <c r="C15107" s="359" t="s">
        <v>22368</v>
      </c>
      <c r="D15107" s="359" t="s">
        <v>22369</v>
      </c>
      <c r="E15107" s="359" t="s">
        <v>22370</v>
      </c>
      <c r="F15107" s="359" t="s">
        <v>14382</v>
      </c>
      <c r="G15107" s="359" t="s">
        <v>14579</v>
      </c>
      <c r="H15107" s="359" t="s">
        <v>14381</v>
      </c>
      <c r="I15107" s="359" t="s">
        <v>14579</v>
      </c>
      <c r="J15107" s="365"/>
      <c r="K15107" s="365"/>
      <c r="L15107" s="365"/>
    </row>
    <row r="15108" spans="2:12">
      <c r="B15108" s="367"/>
      <c r="C15108" s="360"/>
      <c r="D15108" s="360"/>
      <c r="E15108" s="360"/>
      <c r="F15108" s="360"/>
      <c r="G15108" s="360"/>
      <c r="H15108" s="360"/>
      <c r="I15108" s="360"/>
      <c r="J15108" s="365"/>
      <c r="K15108" s="365"/>
      <c r="L15108" s="365"/>
    </row>
    <row r="15109" spans="2:12">
      <c r="B15109" s="367"/>
      <c r="C15109" s="359" t="s">
        <v>22371</v>
      </c>
      <c r="D15109" s="359" t="s">
        <v>22372</v>
      </c>
      <c r="E15109" s="359" t="s">
        <v>22373</v>
      </c>
      <c r="F15109" s="359" t="s">
        <v>14382</v>
      </c>
      <c r="G15109" s="359" t="s">
        <v>14383</v>
      </c>
      <c r="H15109" s="359" t="s">
        <v>14370</v>
      </c>
      <c r="I15109" s="359" t="s">
        <v>14383</v>
      </c>
      <c r="J15109" s="365"/>
      <c r="K15109" s="365"/>
      <c r="L15109" s="365"/>
    </row>
    <row r="15110" spans="2:12">
      <c r="B15110" s="367"/>
      <c r="C15110" s="360"/>
      <c r="D15110" s="360"/>
      <c r="E15110" s="360"/>
      <c r="F15110" s="360"/>
      <c r="G15110" s="360"/>
      <c r="H15110" s="360"/>
      <c r="I15110" s="360"/>
      <c r="J15110" s="365"/>
      <c r="K15110" s="365"/>
      <c r="L15110" s="365"/>
    </row>
    <row r="15111" spans="2:12" ht="28.5">
      <c r="B15111" s="367"/>
      <c r="C15111" s="359" t="s">
        <v>22374</v>
      </c>
      <c r="D15111" s="359" t="s">
        <v>29425</v>
      </c>
      <c r="E15111" s="359" t="s">
        <v>29426</v>
      </c>
      <c r="F15111" s="359" t="s">
        <v>14460</v>
      </c>
      <c r="G15111" s="359" t="s">
        <v>14519</v>
      </c>
      <c r="H15111" s="359" t="s">
        <v>14332</v>
      </c>
      <c r="I15111" s="359" t="s">
        <v>14519</v>
      </c>
      <c r="J15111" s="365"/>
      <c r="K15111" s="365"/>
      <c r="L15111" s="365"/>
    </row>
    <row r="15112" spans="2:12">
      <c r="B15112" s="367"/>
      <c r="C15112" s="360"/>
      <c r="D15112" s="360"/>
      <c r="E15112" s="360"/>
      <c r="F15112" s="360"/>
      <c r="G15112" s="360"/>
      <c r="H15112" s="360"/>
      <c r="I15112" s="360"/>
      <c r="J15112" s="365"/>
      <c r="K15112" s="365"/>
      <c r="L15112" s="365"/>
    </row>
    <row r="15113" spans="2:12" ht="28.5">
      <c r="B15113" s="368"/>
      <c r="C15113" s="361" t="s">
        <v>22375</v>
      </c>
      <c r="D15113" s="362"/>
      <c r="E15113" s="362"/>
      <c r="F15113" s="361" t="s">
        <v>14394</v>
      </c>
      <c r="G15113" s="361" t="s">
        <v>14395</v>
      </c>
      <c r="H15113" s="362"/>
      <c r="I15113" s="361" t="s">
        <v>14395</v>
      </c>
      <c r="J15113" s="366"/>
      <c r="K15113" s="366"/>
      <c r="L15113" s="366"/>
    </row>
    <row r="15114" spans="2:12">
      <c r="B15114" s="358" t="s">
        <v>10466</v>
      </c>
      <c r="C15114" s="358" t="s">
        <v>10465</v>
      </c>
      <c r="D15114" s="358" t="s">
        <v>10467</v>
      </c>
      <c r="E15114" s="358" t="s">
        <v>10468</v>
      </c>
      <c r="F15114" s="358" t="s">
        <v>28860</v>
      </c>
      <c r="G15114" s="358" t="s">
        <v>14669</v>
      </c>
      <c r="H15114" s="358" t="s">
        <v>14378</v>
      </c>
      <c r="I15114" s="358" t="s">
        <v>14669</v>
      </c>
      <c r="J15114" s="358"/>
      <c r="K15114" s="358"/>
      <c r="L15114" s="358"/>
    </row>
    <row r="15115" spans="2:12">
      <c r="B15115" s="367"/>
      <c r="C15115" s="367"/>
      <c r="D15115" s="367"/>
      <c r="E15115" s="367"/>
      <c r="F15115" s="360"/>
      <c r="G15115" s="360"/>
      <c r="H15115" s="360"/>
      <c r="I15115" s="360"/>
      <c r="J15115" s="365"/>
      <c r="K15115" s="365"/>
      <c r="L15115" s="365"/>
    </row>
    <row r="15116" spans="2:12">
      <c r="B15116" s="367"/>
      <c r="C15116" s="367"/>
      <c r="D15116" s="367"/>
      <c r="E15116" s="367"/>
      <c r="F15116" s="359" t="s">
        <v>14507</v>
      </c>
      <c r="G15116" s="359" t="s">
        <v>14427</v>
      </c>
      <c r="H15116" s="359" t="s">
        <v>14381</v>
      </c>
      <c r="I15116" s="359" t="s">
        <v>14427</v>
      </c>
      <c r="J15116" s="365"/>
      <c r="K15116" s="365"/>
      <c r="L15116" s="365"/>
    </row>
    <row r="15117" spans="2:12">
      <c r="B15117" s="367"/>
      <c r="C15117" s="367"/>
      <c r="D15117" s="367"/>
      <c r="E15117" s="367"/>
      <c r="F15117" s="360"/>
      <c r="G15117" s="360"/>
      <c r="H15117" s="360"/>
      <c r="I15117" s="360"/>
      <c r="J15117" s="365"/>
      <c r="K15117" s="365"/>
      <c r="L15117" s="365"/>
    </row>
    <row r="15118" spans="2:12">
      <c r="B15118" s="367"/>
      <c r="C15118" s="367"/>
      <c r="D15118" s="367"/>
      <c r="E15118" s="367"/>
      <c r="F15118" s="359" t="s">
        <v>14382</v>
      </c>
      <c r="G15118" s="359" t="s">
        <v>15234</v>
      </c>
      <c r="H15118" s="359" t="s">
        <v>14370</v>
      </c>
      <c r="I15118" s="359" t="s">
        <v>15234</v>
      </c>
      <c r="J15118" s="365"/>
      <c r="K15118" s="365"/>
      <c r="L15118" s="365"/>
    </row>
    <row r="15119" spans="2:12">
      <c r="B15119" s="367"/>
      <c r="C15119" s="367"/>
      <c r="D15119" s="367"/>
      <c r="E15119" s="367"/>
      <c r="F15119" s="360"/>
      <c r="G15119" s="360"/>
      <c r="H15119" s="360"/>
      <c r="I15119" s="360"/>
      <c r="J15119" s="365"/>
      <c r="K15119" s="365"/>
      <c r="L15119" s="365"/>
    </row>
    <row r="15120" spans="2:12">
      <c r="B15120" s="367"/>
      <c r="C15120" s="367"/>
      <c r="D15120" s="367"/>
      <c r="E15120" s="367"/>
      <c r="F15120" s="359" t="s">
        <v>14382</v>
      </c>
      <c r="G15120" s="359" t="s">
        <v>14483</v>
      </c>
      <c r="H15120" s="359" t="s">
        <v>14332</v>
      </c>
      <c r="I15120" s="359" t="s">
        <v>14483</v>
      </c>
      <c r="J15120" s="365"/>
      <c r="K15120" s="365"/>
      <c r="L15120" s="365"/>
    </row>
    <row r="15121" spans="2:12">
      <c r="B15121" s="367"/>
      <c r="C15121" s="367"/>
      <c r="D15121" s="367"/>
      <c r="E15121" s="367"/>
      <c r="F15121" s="360"/>
      <c r="G15121" s="360"/>
      <c r="H15121" s="360"/>
      <c r="I15121" s="360"/>
      <c r="J15121" s="365"/>
      <c r="K15121" s="365"/>
      <c r="L15121" s="365"/>
    </row>
    <row r="15122" spans="2:12">
      <c r="B15122" s="367"/>
      <c r="C15122" s="367"/>
      <c r="D15122" s="367"/>
      <c r="E15122" s="367"/>
      <c r="F15122" s="359" t="s">
        <v>14382</v>
      </c>
      <c r="G15122" s="359" t="s">
        <v>14579</v>
      </c>
      <c r="H15122" s="360"/>
      <c r="I15122" s="359" t="s">
        <v>14579</v>
      </c>
      <c r="J15122" s="365"/>
      <c r="K15122" s="365"/>
      <c r="L15122" s="365"/>
    </row>
    <row r="15123" spans="2:12">
      <c r="B15123" s="367"/>
      <c r="C15123" s="367"/>
      <c r="D15123" s="367"/>
      <c r="E15123" s="367"/>
      <c r="F15123" s="360"/>
      <c r="G15123" s="360"/>
      <c r="H15123" s="360"/>
      <c r="I15123" s="360"/>
      <c r="J15123" s="365"/>
      <c r="K15123" s="365"/>
      <c r="L15123" s="365"/>
    </row>
    <row r="15124" spans="2:12">
      <c r="B15124" s="367"/>
      <c r="C15124" s="367"/>
      <c r="D15124" s="367"/>
      <c r="E15124" s="367"/>
      <c r="F15124" s="359" t="s">
        <v>14460</v>
      </c>
      <c r="G15124" s="359" t="s">
        <v>14383</v>
      </c>
      <c r="H15124" s="360"/>
      <c r="I15124" s="359" t="s">
        <v>14383</v>
      </c>
      <c r="J15124" s="365"/>
      <c r="K15124" s="365"/>
      <c r="L15124" s="365"/>
    </row>
    <row r="15125" spans="2:12">
      <c r="B15125" s="367"/>
      <c r="C15125" s="367"/>
      <c r="D15125" s="367"/>
      <c r="E15125" s="367"/>
      <c r="F15125" s="360"/>
      <c r="G15125" s="360"/>
      <c r="H15125" s="360"/>
      <c r="I15125" s="360"/>
      <c r="J15125" s="365"/>
      <c r="K15125" s="365"/>
      <c r="L15125" s="365"/>
    </row>
    <row r="15126" spans="2:12" ht="28.5">
      <c r="B15126" s="367"/>
      <c r="C15126" s="367"/>
      <c r="D15126" s="367"/>
      <c r="E15126" s="367"/>
      <c r="F15126" s="359" t="s">
        <v>14394</v>
      </c>
      <c r="G15126" s="359" t="s">
        <v>14519</v>
      </c>
      <c r="H15126" s="360"/>
      <c r="I15126" s="359" t="s">
        <v>14519</v>
      </c>
      <c r="J15126" s="365"/>
      <c r="K15126" s="365"/>
      <c r="L15126" s="365"/>
    </row>
    <row r="15127" spans="2:12">
      <c r="B15127" s="367"/>
      <c r="C15127" s="367"/>
      <c r="D15127" s="367"/>
      <c r="E15127" s="367"/>
      <c r="F15127" s="360"/>
      <c r="G15127" s="360"/>
      <c r="H15127" s="360"/>
      <c r="I15127" s="360"/>
      <c r="J15127" s="365"/>
      <c r="K15127" s="365"/>
      <c r="L15127" s="365"/>
    </row>
    <row r="15128" spans="2:12">
      <c r="B15128" s="368"/>
      <c r="C15128" s="368"/>
      <c r="D15128" s="368"/>
      <c r="E15128" s="368"/>
      <c r="F15128" s="362"/>
      <c r="G15128" s="361" t="s">
        <v>14395</v>
      </c>
      <c r="H15128" s="362"/>
      <c r="I15128" s="361" t="s">
        <v>14395</v>
      </c>
      <c r="J15128" s="366"/>
      <c r="K15128" s="366"/>
      <c r="L15128" s="366"/>
    </row>
    <row r="15129" spans="2:12">
      <c r="B15129" s="358" t="s">
        <v>22376</v>
      </c>
      <c r="C15129" s="358" t="s">
        <v>22377</v>
      </c>
      <c r="D15129" s="358" t="s">
        <v>22378</v>
      </c>
      <c r="E15129" s="358" t="s">
        <v>22379</v>
      </c>
      <c r="F15129" s="358" t="s">
        <v>16426</v>
      </c>
      <c r="G15129" s="358" t="s">
        <v>15011</v>
      </c>
      <c r="H15129" s="358" t="s">
        <v>14954</v>
      </c>
      <c r="I15129" s="358" t="s">
        <v>15011</v>
      </c>
      <c r="J15129" s="358"/>
      <c r="K15129" s="358" t="s">
        <v>14929</v>
      </c>
      <c r="L15129" s="358" t="s">
        <v>14513</v>
      </c>
    </row>
    <row r="15130" spans="2:12">
      <c r="B15130" s="367"/>
      <c r="C15130" s="367"/>
      <c r="D15130" s="367"/>
      <c r="E15130" s="367"/>
      <c r="F15130" s="360"/>
      <c r="G15130" s="360"/>
      <c r="H15130" s="360"/>
      <c r="I15130" s="360"/>
      <c r="J15130" s="365"/>
      <c r="K15130" s="360"/>
      <c r="L15130" s="367"/>
    </row>
    <row r="15131" spans="2:12" ht="42.75">
      <c r="B15131" s="367"/>
      <c r="C15131" s="367"/>
      <c r="D15131" s="367"/>
      <c r="E15131" s="367"/>
      <c r="F15131" s="359" t="s">
        <v>14443</v>
      </c>
      <c r="G15131" s="359" t="s">
        <v>14444</v>
      </c>
      <c r="H15131" s="359" t="s">
        <v>14381</v>
      </c>
      <c r="I15131" s="359" t="s">
        <v>14444</v>
      </c>
      <c r="J15131" s="365"/>
      <c r="K15131" s="359" t="s">
        <v>28614</v>
      </c>
      <c r="L15131" s="367"/>
    </row>
    <row r="15132" spans="2:12">
      <c r="B15132" s="367"/>
      <c r="C15132" s="367"/>
      <c r="D15132" s="367"/>
      <c r="E15132" s="367"/>
      <c r="F15132" s="360"/>
      <c r="G15132" s="360"/>
      <c r="H15132" s="360"/>
      <c r="I15132" s="360"/>
      <c r="J15132" s="365"/>
      <c r="K15132" s="360"/>
      <c r="L15132" s="367"/>
    </row>
    <row r="15133" spans="2:12">
      <c r="B15133" s="367"/>
      <c r="C15133" s="367"/>
      <c r="D15133" s="367"/>
      <c r="E15133" s="367"/>
      <c r="F15133" s="359" t="s">
        <v>14420</v>
      </c>
      <c r="G15133" s="359" t="s">
        <v>14429</v>
      </c>
      <c r="H15133" s="359" t="s">
        <v>14341</v>
      </c>
      <c r="I15133" s="359" t="s">
        <v>14429</v>
      </c>
      <c r="J15133" s="365"/>
      <c r="K15133" s="360"/>
      <c r="L15133" s="367"/>
    </row>
    <row r="15134" spans="2:12">
      <c r="B15134" s="367"/>
      <c r="C15134" s="367"/>
      <c r="D15134" s="367"/>
      <c r="E15134" s="367"/>
      <c r="F15134" s="360"/>
      <c r="G15134" s="360"/>
      <c r="H15134" s="360"/>
      <c r="I15134" s="360"/>
      <c r="J15134" s="365"/>
      <c r="K15134" s="360"/>
      <c r="L15134" s="367"/>
    </row>
    <row r="15135" spans="2:12">
      <c r="B15135" s="367"/>
      <c r="C15135" s="367"/>
      <c r="D15135" s="367"/>
      <c r="E15135" s="367"/>
      <c r="F15135" s="359" t="s">
        <v>14460</v>
      </c>
      <c r="G15135" s="359" t="s">
        <v>14519</v>
      </c>
      <c r="H15135" s="359" t="s">
        <v>14367</v>
      </c>
      <c r="I15135" s="359" t="s">
        <v>14519</v>
      </c>
      <c r="J15135" s="365"/>
      <c r="K15135" s="360"/>
      <c r="L15135" s="367"/>
    </row>
    <row r="15136" spans="2:12">
      <c r="B15136" s="367"/>
      <c r="C15136" s="367"/>
      <c r="D15136" s="367"/>
      <c r="E15136" s="367"/>
      <c r="F15136" s="360"/>
      <c r="G15136" s="360"/>
      <c r="H15136" s="360"/>
      <c r="I15136" s="360"/>
      <c r="J15136" s="365"/>
      <c r="K15136" s="360"/>
      <c r="L15136" s="367"/>
    </row>
    <row r="15137" spans="2:12">
      <c r="B15137" s="367"/>
      <c r="C15137" s="367"/>
      <c r="D15137" s="367"/>
      <c r="E15137" s="367"/>
      <c r="F15137" s="359" t="s">
        <v>14339</v>
      </c>
      <c r="G15137" s="359" t="s">
        <v>14340</v>
      </c>
      <c r="H15137" s="359" t="s">
        <v>14370</v>
      </c>
      <c r="I15137" s="359" t="s">
        <v>14340</v>
      </c>
      <c r="J15137" s="365"/>
      <c r="K15137" s="360"/>
      <c r="L15137" s="367"/>
    </row>
    <row r="15138" spans="2:12">
      <c r="B15138" s="367"/>
      <c r="C15138" s="367"/>
      <c r="D15138" s="367"/>
      <c r="E15138" s="367"/>
      <c r="F15138" s="360"/>
      <c r="G15138" s="360"/>
      <c r="H15138" s="360"/>
      <c r="I15138" s="360"/>
      <c r="J15138" s="365"/>
      <c r="K15138" s="360"/>
      <c r="L15138" s="367"/>
    </row>
    <row r="15139" spans="2:12">
      <c r="B15139" s="367"/>
      <c r="C15139" s="367"/>
      <c r="D15139" s="367"/>
      <c r="E15139" s="367"/>
      <c r="F15139" s="359" t="s">
        <v>14391</v>
      </c>
      <c r="G15139" s="359" t="s">
        <v>14392</v>
      </c>
      <c r="H15139" s="359" t="s">
        <v>14332</v>
      </c>
      <c r="I15139" s="359" t="s">
        <v>14392</v>
      </c>
      <c r="J15139" s="365"/>
      <c r="K15139" s="360"/>
      <c r="L15139" s="367"/>
    </row>
    <row r="15140" spans="2:12">
      <c r="B15140" s="367"/>
      <c r="C15140" s="367"/>
      <c r="D15140" s="367"/>
      <c r="E15140" s="367"/>
      <c r="F15140" s="360"/>
      <c r="G15140" s="360"/>
      <c r="H15140" s="360"/>
      <c r="I15140" s="360"/>
      <c r="J15140" s="365"/>
      <c r="K15140" s="360"/>
      <c r="L15140" s="367"/>
    </row>
    <row r="15141" spans="2:12">
      <c r="B15141" s="367"/>
      <c r="C15141" s="367"/>
      <c r="D15141" s="367"/>
      <c r="E15141" s="367"/>
      <c r="F15141" s="359" t="s">
        <v>14371</v>
      </c>
      <c r="G15141" s="359" t="s">
        <v>14372</v>
      </c>
      <c r="H15141" s="360"/>
      <c r="I15141" s="359" t="s">
        <v>14373</v>
      </c>
      <c r="J15141" s="365"/>
      <c r="K15141" s="360"/>
      <c r="L15141" s="367"/>
    </row>
    <row r="15142" spans="2:12">
      <c r="B15142" s="367"/>
      <c r="C15142" s="367"/>
      <c r="D15142" s="367"/>
      <c r="E15142" s="367"/>
      <c r="F15142" s="360"/>
      <c r="G15142" s="360"/>
      <c r="H15142" s="360"/>
      <c r="I15142" s="360"/>
      <c r="J15142" s="365"/>
      <c r="K15142" s="360"/>
      <c r="L15142" s="367"/>
    </row>
    <row r="15143" spans="2:12" ht="28.5">
      <c r="B15143" s="368"/>
      <c r="C15143" s="368"/>
      <c r="D15143" s="368"/>
      <c r="E15143" s="368"/>
      <c r="F15143" s="361" t="s">
        <v>14374</v>
      </c>
      <c r="G15143" s="361" t="s">
        <v>14373</v>
      </c>
      <c r="H15143" s="362"/>
      <c r="I15143" s="362"/>
      <c r="J15143" s="366"/>
      <c r="K15143" s="362"/>
      <c r="L15143" s="368"/>
    </row>
    <row r="15144" spans="2:12">
      <c r="B15144" s="358" t="s">
        <v>22380</v>
      </c>
      <c r="C15144" s="358" t="s">
        <v>22381</v>
      </c>
      <c r="D15144" s="358" t="s">
        <v>22382</v>
      </c>
      <c r="E15144" s="358" t="s">
        <v>22383</v>
      </c>
      <c r="F15144" s="358" t="s">
        <v>14420</v>
      </c>
      <c r="G15144" s="358" t="s">
        <v>14429</v>
      </c>
      <c r="H15144" s="358" t="s">
        <v>14341</v>
      </c>
      <c r="I15144" s="358" t="s">
        <v>14429</v>
      </c>
      <c r="J15144" s="358"/>
      <c r="K15144" s="358"/>
      <c r="L15144" s="358"/>
    </row>
    <row r="15145" spans="2:12">
      <c r="B15145" s="367"/>
      <c r="C15145" s="367"/>
      <c r="D15145" s="367"/>
      <c r="E15145" s="367"/>
      <c r="F15145" s="360"/>
      <c r="G15145" s="360"/>
      <c r="H15145" s="360"/>
      <c r="I15145" s="360"/>
      <c r="J15145" s="365"/>
      <c r="K15145" s="365"/>
      <c r="L15145" s="365"/>
    </row>
    <row r="15146" spans="2:12">
      <c r="B15146" s="367"/>
      <c r="C15146" s="367"/>
      <c r="D15146" s="367"/>
      <c r="E15146" s="367"/>
      <c r="F15146" s="359" t="s">
        <v>14356</v>
      </c>
      <c r="G15146" s="359" t="s">
        <v>14340</v>
      </c>
      <c r="H15146" s="359" t="s">
        <v>14367</v>
      </c>
      <c r="I15146" s="359" t="s">
        <v>14340</v>
      </c>
      <c r="J15146" s="365"/>
      <c r="K15146" s="365"/>
      <c r="L15146" s="365"/>
    </row>
    <row r="15147" spans="2:12">
      <c r="B15147" s="367"/>
      <c r="C15147" s="367"/>
      <c r="D15147" s="367"/>
      <c r="E15147" s="367"/>
      <c r="F15147" s="360"/>
      <c r="G15147" s="360"/>
      <c r="H15147" s="360"/>
      <c r="I15147" s="360"/>
      <c r="J15147" s="365"/>
      <c r="K15147" s="365"/>
      <c r="L15147" s="365"/>
    </row>
    <row r="15148" spans="2:12">
      <c r="B15148" s="367"/>
      <c r="C15148" s="367"/>
      <c r="D15148" s="367"/>
      <c r="E15148" s="367"/>
      <c r="F15148" s="359" t="s">
        <v>14391</v>
      </c>
      <c r="G15148" s="359" t="s">
        <v>14392</v>
      </c>
      <c r="H15148" s="359" t="s">
        <v>14370</v>
      </c>
      <c r="I15148" s="359" t="s">
        <v>14392</v>
      </c>
      <c r="J15148" s="365"/>
      <c r="K15148" s="365"/>
      <c r="L15148" s="365"/>
    </row>
    <row r="15149" spans="2:12">
      <c r="B15149" s="367"/>
      <c r="C15149" s="367"/>
      <c r="D15149" s="367"/>
      <c r="E15149" s="367"/>
      <c r="F15149" s="360"/>
      <c r="G15149" s="360"/>
      <c r="H15149" s="360"/>
      <c r="I15149" s="360"/>
      <c r="J15149" s="365"/>
      <c r="K15149" s="365"/>
      <c r="L15149" s="365"/>
    </row>
    <row r="15150" spans="2:12">
      <c r="B15150" s="367"/>
      <c r="C15150" s="367"/>
      <c r="D15150" s="367"/>
      <c r="E15150" s="367"/>
      <c r="F15150" s="359" t="s">
        <v>14371</v>
      </c>
      <c r="G15150" s="359" t="s">
        <v>14372</v>
      </c>
      <c r="H15150" s="359" t="s">
        <v>14332</v>
      </c>
      <c r="I15150" s="359" t="s">
        <v>14373</v>
      </c>
      <c r="J15150" s="365"/>
      <c r="K15150" s="365"/>
      <c r="L15150" s="365"/>
    </row>
    <row r="15151" spans="2:12">
      <c r="B15151" s="367"/>
      <c r="C15151" s="367"/>
      <c r="D15151" s="367"/>
      <c r="E15151" s="367"/>
      <c r="F15151" s="360"/>
      <c r="G15151" s="360"/>
      <c r="H15151" s="360"/>
      <c r="I15151" s="360"/>
      <c r="J15151" s="365"/>
      <c r="K15151" s="365"/>
      <c r="L15151" s="365"/>
    </row>
    <row r="15152" spans="2:12" ht="28.5">
      <c r="B15152" s="368"/>
      <c r="C15152" s="368"/>
      <c r="D15152" s="368"/>
      <c r="E15152" s="368"/>
      <c r="F15152" s="361" t="s">
        <v>14374</v>
      </c>
      <c r="G15152" s="361" t="s">
        <v>14373</v>
      </c>
      <c r="H15152" s="362"/>
      <c r="I15152" s="362"/>
      <c r="J15152" s="366"/>
      <c r="K15152" s="366"/>
      <c r="L15152" s="366"/>
    </row>
    <row r="15153" spans="2:12" ht="28.5">
      <c r="B15153" s="358" t="s">
        <v>22384</v>
      </c>
      <c r="C15153" s="358" t="s">
        <v>22385</v>
      </c>
      <c r="D15153" s="358" t="s">
        <v>22386</v>
      </c>
      <c r="E15153" s="358" t="s">
        <v>22387</v>
      </c>
      <c r="F15153" s="358" t="s">
        <v>14384</v>
      </c>
      <c r="G15153" s="358" t="s">
        <v>29427</v>
      </c>
      <c r="H15153" s="358" t="s">
        <v>14381</v>
      </c>
      <c r="I15153" s="358" t="s">
        <v>14385</v>
      </c>
      <c r="J15153" s="358" t="s">
        <v>15944</v>
      </c>
      <c r="K15153" s="358"/>
      <c r="L15153" s="358"/>
    </row>
    <row r="15154" spans="2:12">
      <c r="B15154" s="367"/>
      <c r="C15154" s="367"/>
      <c r="D15154" s="367"/>
      <c r="E15154" s="367"/>
      <c r="F15154" s="360"/>
      <c r="G15154" s="360"/>
      <c r="H15154" s="360"/>
      <c r="I15154" s="360"/>
      <c r="J15154" s="367"/>
      <c r="K15154" s="365"/>
      <c r="L15154" s="365"/>
    </row>
    <row r="15155" spans="2:12">
      <c r="B15155" s="367"/>
      <c r="C15155" s="367"/>
      <c r="D15155" s="367"/>
      <c r="E15155" s="367"/>
      <c r="F15155" s="359" t="s">
        <v>14420</v>
      </c>
      <c r="G15155" s="359" t="s">
        <v>14429</v>
      </c>
      <c r="H15155" s="359" t="s">
        <v>14367</v>
      </c>
      <c r="I15155" s="359" t="s">
        <v>14421</v>
      </c>
      <c r="J15155" s="367"/>
      <c r="K15155" s="365"/>
      <c r="L15155" s="365"/>
    </row>
    <row r="15156" spans="2:12">
      <c r="B15156" s="367"/>
      <c r="C15156" s="367"/>
      <c r="D15156" s="367"/>
      <c r="E15156" s="367"/>
      <c r="F15156" s="360"/>
      <c r="G15156" s="360"/>
      <c r="H15156" s="360"/>
      <c r="I15156" s="360"/>
      <c r="J15156" s="367"/>
      <c r="K15156" s="365"/>
      <c r="L15156" s="365"/>
    </row>
    <row r="15157" spans="2:12">
      <c r="B15157" s="367"/>
      <c r="C15157" s="367"/>
      <c r="D15157" s="367"/>
      <c r="E15157" s="367"/>
      <c r="F15157" s="359" t="s">
        <v>14420</v>
      </c>
      <c r="G15157" s="359" t="s">
        <v>14392</v>
      </c>
      <c r="H15157" s="359" t="s">
        <v>14370</v>
      </c>
      <c r="I15157" s="359" t="s">
        <v>14429</v>
      </c>
      <c r="J15157" s="367"/>
      <c r="K15157" s="365"/>
      <c r="L15157" s="365"/>
    </row>
    <row r="15158" spans="2:12">
      <c r="B15158" s="367"/>
      <c r="C15158" s="367"/>
      <c r="D15158" s="367"/>
      <c r="E15158" s="367"/>
      <c r="F15158" s="360"/>
      <c r="G15158" s="360"/>
      <c r="H15158" s="360"/>
      <c r="I15158" s="360"/>
      <c r="J15158" s="367"/>
      <c r="K15158" s="365"/>
      <c r="L15158" s="365"/>
    </row>
    <row r="15159" spans="2:12">
      <c r="B15159" s="367"/>
      <c r="C15159" s="367"/>
      <c r="D15159" s="367"/>
      <c r="E15159" s="367"/>
      <c r="F15159" s="359" t="s">
        <v>14391</v>
      </c>
      <c r="G15159" s="359" t="s">
        <v>14395</v>
      </c>
      <c r="H15159" s="359" t="s">
        <v>14332</v>
      </c>
      <c r="I15159" s="359" t="s">
        <v>14392</v>
      </c>
      <c r="J15159" s="367"/>
      <c r="K15159" s="365"/>
      <c r="L15159" s="365"/>
    </row>
    <row r="15160" spans="2:12">
      <c r="B15160" s="367"/>
      <c r="C15160" s="367"/>
      <c r="D15160" s="367"/>
      <c r="E15160" s="367"/>
      <c r="F15160" s="360"/>
      <c r="G15160" s="360"/>
      <c r="H15160" s="360"/>
      <c r="I15160" s="360"/>
      <c r="J15160" s="367"/>
      <c r="K15160" s="365"/>
      <c r="L15160" s="365"/>
    </row>
    <row r="15161" spans="2:12" ht="28.5">
      <c r="B15161" s="368"/>
      <c r="C15161" s="368"/>
      <c r="D15161" s="368"/>
      <c r="E15161" s="368"/>
      <c r="F15161" s="361" t="s">
        <v>14394</v>
      </c>
      <c r="G15161" s="362"/>
      <c r="H15161" s="362"/>
      <c r="I15161" s="361" t="s">
        <v>14395</v>
      </c>
      <c r="J15161" s="368"/>
      <c r="K15161" s="366"/>
      <c r="L15161" s="366"/>
    </row>
    <row r="15162" spans="2:12">
      <c r="B15162" s="358" t="s">
        <v>22388</v>
      </c>
      <c r="C15162" s="358" t="s">
        <v>22389</v>
      </c>
      <c r="D15162" s="358" t="s">
        <v>22390</v>
      </c>
      <c r="E15162" s="358" t="s">
        <v>22391</v>
      </c>
      <c r="F15162" s="358" t="s">
        <v>14420</v>
      </c>
      <c r="G15162" s="358" t="s">
        <v>14429</v>
      </c>
      <c r="H15162" s="358" t="s">
        <v>14367</v>
      </c>
      <c r="I15162" s="358" t="s">
        <v>14429</v>
      </c>
      <c r="J15162" s="358"/>
      <c r="K15162" s="358"/>
      <c r="L15162" s="358"/>
    </row>
    <row r="15163" spans="2:12">
      <c r="B15163" s="367"/>
      <c r="C15163" s="367"/>
      <c r="D15163" s="367"/>
      <c r="E15163" s="367"/>
      <c r="F15163" s="360"/>
      <c r="G15163" s="360"/>
      <c r="H15163" s="360"/>
      <c r="I15163" s="360"/>
      <c r="J15163" s="365"/>
      <c r="K15163" s="365"/>
      <c r="L15163" s="365"/>
    </row>
    <row r="15164" spans="2:12">
      <c r="B15164" s="367"/>
      <c r="C15164" s="367"/>
      <c r="D15164" s="367"/>
      <c r="E15164" s="367"/>
      <c r="F15164" s="359" t="s">
        <v>14391</v>
      </c>
      <c r="G15164" s="359" t="s">
        <v>14392</v>
      </c>
      <c r="H15164" s="359" t="s">
        <v>14370</v>
      </c>
      <c r="I15164" s="359" t="s">
        <v>14392</v>
      </c>
      <c r="J15164" s="365"/>
      <c r="K15164" s="365"/>
      <c r="L15164" s="365"/>
    </row>
    <row r="15165" spans="2:12">
      <c r="B15165" s="367"/>
      <c r="C15165" s="367"/>
      <c r="D15165" s="367"/>
      <c r="E15165" s="367"/>
      <c r="F15165" s="360"/>
      <c r="G15165" s="360"/>
      <c r="H15165" s="360"/>
      <c r="I15165" s="360"/>
      <c r="J15165" s="365"/>
      <c r="K15165" s="365"/>
      <c r="L15165" s="365"/>
    </row>
    <row r="15166" spans="2:12" ht="28.5">
      <c r="B15166" s="368"/>
      <c r="C15166" s="368"/>
      <c r="D15166" s="368"/>
      <c r="E15166" s="368"/>
      <c r="F15166" s="361" t="s">
        <v>14394</v>
      </c>
      <c r="G15166" s="361" t="s">
        <v>14395</v>
      </c>
      <c r="H15166" s="361" t="s">
        <v>14422</v>
      </c>
      <c r="I15166" s="361" t="s">
        <v>14395</v>
      </c>
      <c r="J15166" s="366"/>
      <c r="K15166" s="366"/>
      <c r="L15166" s="366"/>
    </row>
    <row r="15167" spans="2:12">
      <c r="B15167" s="358" t="s">
        <v>22392</v>
      </c>
      <c r="C15167" s="358" t="s">
        <v>22393</v>
      </c>
      <c r="D15167" s="358" t="s">
        <v>22394</v>
      </c>
      <c r="E15167" s="358" t="s">
        <v>22395</v>
      </c>
      <c r="F15167" s="358" t="s">
        <v>14389</v>
      </c>
      <c r="G15167" s="358" t="s">
        <v>14390</v>
      </c>
      <c r="H15167" s="358" t="s">
        <v>14367</v>
      </c>
      <c r="I15167" s="358" t="s">
        <v>14390</v>
      </c>
      <c r="J15167" s="358"/>
      <c r="K15167" s="358"/>
      <c r="L15167" s="358"/>
    </row>
    <row r="15168" spans="2:12">
      <c r="B15168" s="367"/>
      <c r="C15168" s="367"/>
      <c r="D15168" s="367"/>
      <c r="E15168" s="367"/>
      <c r="F15168" s="360"/>
      <c r="G15168" s="360"/>
      <c r="H15168" s="360"/>
      <c r="I15168" s="360"/>
      <c r="J15168" s="365"/>
      <c r="K15168" s="365"/>
      <c r="L15168" s="365"/>
    </row>
    <row r="15169" spans="2:12" ht="28.5">
      <c r="B15169" s="367"/>
      <c r="C15169" s="367"/>
      <c r="D15169" s="367"/>
      <c r="E15169" s="367"/>
      <c r="F15169" s="359" t="s">
        <v>14394</v>
      </c>
      <c r="G15169" s="359" t="s">
        <v>14395</v>
      </c>
      <c r="H15169" s="359" t="s">
        <v>14370</v>
      </c>
      <c r="I15169" s="359" t="s">
        <v>14395</v>
      </c>
      <c r="J15169" s="365"/>
      <c r="K15169" s="365"/>
      <c r="L15169" s="365"/>
    </row>
    <row r="15170" spans="2:12">
      <c r="B15170" s="367"/>
      <c r="C15170" s="367"/>
      <c r="D15170" s="367"/>
      <c r="E15170" s="367"/>
      <c r="F15170" s="360"/>
      <c r="G15170" s="360"/>
      <c r="H15170" s="360"/>
      <c r="I15170" s="360"/>
      <c r="J15170" s="365"/>
      <c r="K15170" s="365"/>
      <c r="L15170" s="365"/>
    </row>
    <row r="15171" spans="2:12">
      <c r="B15171" s="368"/>
      <c r="C15171" s="368"/>
      <c r="D15171" s="368"/>
      <c r="E15171" s="368"/>
      <c r="F15171" s="362"/>
      <c r="G15171" s="362"/>
      <c r="H15171" s="361" t="s">
        <v>14422</v>
      </c>
      <c r="I15171" s="362"/>
      <c r="J15171" s="366"/>
      <c r="K15171" s="366"/>
      <c r="L15171" s="366"/>
    </row>
    <row r="15172" spans="2:12" ht="28.5">
      <c r="B15172" s="358" t="s">
        <v>22396</v>
      </c>
      <c r="C15172" s="358" t="s">
        <v>30312</v>
      </c>
      <c r="D15172" s="358" t="s">
        <v>22397</v>
      </c>
      <c r="E15172" s="358" t="s">
        <v>22398</v>
      </c>
      <c r="F15172" s="358" t="s">
        <v>14391</v>
      </c>
      <c r="G15172" s="358" t="s">
        <v>14392</v>
      </c>
      <c r="H15172" s="358" t="s">
        <v>14367</v>
      </c>
      <c r="I15172" s="358" t="s">
        <v>14392</v>
      </c>
      <c r="J15172" s="358"/>
      <c r="K15172" s="358"/>
      <c r="L15172" s="358"/>
    </row>
    <row r="15173" spans="2:12">
      <c r="B15173" s="367"/>
      <c r="C15173" s="367"/>
      <c r="D15173" s="367"/>
      <c r="E15173" s="367"/>
      <c r="F15173" s="360"/>
      <c r="G15173" s="360"/>
      <c r="H15173" s="360"/>
      <c r="I15173" s="360"/>
      <c r="J15173" s="365"/>
      <c r="K15173" s="365"/>
      <c r="L15173" s="365"/>
    </row>
    <row r="15174" spans="2:12">
      <c r="B15174" s="367"/>
      <c r="C15174" s="367"/>
      <c r="D15174" s="367"/>
      <c r="E15174" s="367"/>
      <c r="F15174" s="359" t="s">
        <v>14371</v>
      </c>
      <c r="G15174" s="359" t="s">
        <v>14372</v>
      </c>
      <c r="H15174" s="359" t="s">
        <v>14370</v>
      </c>
      <c r="I15174" s="359" t="s">
        <v>14373</v>
      </c>
      <c r="J15174" s="365"/>
      <c r="K15174" s="365"/>
      <c r="L15174" s="365"/>
    </row>
    <row r="15175" spans="2:12">
      <c r="B15175" s="367"/>
      <c r="C15175" s="367"/>
      <c r="D15175" s="367"/>
      <c r="E15175" s="367"/>
      <c r="F15175" s="360"/>
      <c r="G15175" s="360"/>
      <c r="H15175" s="360"/>
      <c r="I15175" s="360"/>
      <c r="J15175" s="365"/>
      <c r="K15175" s="365"/>
      <c r="L15175" s="365"/>
    </row>
    <row r="15176" spans="2:12" ht="28.5">
      <c r="B15176" s="368"/>
      <c r="C15176" s="368"/>
      <c r="D15176" s="368"/>
      <c r="E15176" s="368"/>
      <c r="F15176" s="361" t="s">
        <v>14374</v>
      </c>
      <c r="G15176" s="361" t="s">
        <v>14373</v>
      </c>
      <c r="H15176" s="361" t="s">
        <v>14422</v>
      </c>
      <c r="I15176" s="362"/>
      <c r="J15176" s="366"/>
      <c r="K15176" s="366"/>
      <c r="L15176" s="366"/>
    </row>
    <row r="15177" spans="2:12">
      <c r="B15177" s="358" t="s">
        <v>22399</v>
      </c>
      <c r="C15177" s="358" t="s">
        <v>22400</v>
      </c>
      <c r="D15177" s="358" t="s">
        <v>22401</v>
      </c>
      <c r="E15177" s="358" t="s">
        <v>22402</v>
      </c>
      <c r="F15177" s="358" t="s">
        <v>14382</v>
      </c>
      <c r="G15177" s="358" t="s">
        <v>14579</v>
      </c>
      <c r="H15177" s="358" t="s">
        <v>14378</v>
      </c>
      <c r="I15177" s="358" t="s">
        <v>14579</v>
      </c>
      <c r="J15177" s="358"/>
      <c r="K15177" s="358"/>
      <c r="L15177" s="358"/>
    </row>
    <row r="15178" spans="2:12">
      <c r="B15178" s="367"/>
      <c r="C15178" s="367"/>
      <c r="D15178" s="367"/>
      <c r="E15178" s="367"/>
      <c r="F15178" s="360"/>
      <c r="G15178" s="360"/>
      <c r="H15178" s="360"/>
      <c r="I15178" s="360"/>
      <c r="J15178" s="365"/>
      <c r="K15178" s="365"/>
      <c r="L15178" s="365"/>
    </row>
    <row r="15179" spans="2:12">
      <c r="B15179" s="367"/>
      <c r="C15179" s="367"/>
      <c r="D15179" s="367"/>
      <c r="E15179" s="367"/>
      <c r="F15179" s="359" t="s">
        <v>14420</v>
      </c>
      <c r="G15179" s="359" t="s">
        <v>14429</v>
      </c>
      <c r="H15179" s="359" t="s">
        <v>14381</v>
      </c>
      <c r="I15179" s="359" t="s">
        <v>14429</v>
      </c>
      <c r="J15179" s="365"/>
      <c r="K15179" s="365"/>
      <c r="L15179" s="365"/>
    </row>
    <row r="15180" spans="2:12">
      <c r="B15180" s="367"/>
      <c r="C15180" s="367"/>
      <c r="D15180" s="367"/>
      <c r="E15180" s="367"/>
      <c r="F15180" s="360"/>
      <c r="G15180" s="360"/>
      <c r="H15180" s="360"/>
      <c r="I15180" s="360"/>
      <c r="J15180" s="365"/>
      <c r="K15180" s="365"/>
      <c r="L15180" s="365"/>
    </row>
    <row r="15181" spans="2:12">
      <c r="B15181" s="367"/>
      <c r="C15181" s="367"/>
      <c r="D15181" s="367"/>
      <c r="E15181" s="367"/>
      <c r="F15181" s="359" t="s">
        <v>14460</v>
      </c>
      <c r="G15181" s="359" t="s">
        <v>14519</v>
      </c>
      <c r="H15181" s="359" t="s">
        <v>14341</v>
      </c>
      <c r="I15181" s="359" t="s">
        <v>14519</v>
      </c>
      <c r="J15181" s="365"/>
      <c r="K15181" s="365"/>
      <c r="L15181" s="365"/>
    </row>
    <row r="15182" spans="2:12">
      <c r="B15182" s="367"/>
      <c r="C15182" s="367"/>
      <c r="D15182" s="367"/>
      <c r="E15182" s="367"/>
      <c r="F15182" s="360"/>
      <c r="G15182" s="360"/>
      <c r="H15182" s="360"/>
      <c r="I15182" s="360"/>
      <c r="J15182" s="365"/>
      <c r="K15182" s="365"/>
      <c r="L15182" s="365"/>
    </row>
    <row r="15183" spans="2:12">
      <c r="B15183" s="367"/>
      <c r="C15183" s="367"/>
      <c r="D15183" s="367"/>
      <c r="E15183" s="367"/>
      <c r="F15183" s="359" t="s">
        <v>14356</v>
      </c>
      <c r="G15183" s="359" t="s">
        <v>14340</v>
      </c>
      <c r="H15183" s="359" t="s">
        <v>14370</v>
      </c>
      <c r="I15183" s="359" t="s">
        <v>14340</v>
      </c>
      <c r="J15183" s="365"/>
      <c r="K15183" s="365"/>
      <c r="L15183" s="365"/>
    </row>
    <row r="15184" spans="2:12">
      <c r="B15184" s="367"/>
      <c r="C15184" s="367"/>
      <c r="D15184" s="367"/>
      <c r="E15184" s="367"/>
      <c r="F15184" s="360"/>
      <c r="G15184" s="360"/>
      <c r="H15184" s="360"/>
      <c r="I15184" s="360"/>
      <c r="J15184" s="365"/>
      <c r="K15184" s="365"/>
      <c r="L15184" s="365"/>
    </row>
    <row r="15185" spans="2:12">
      <c r="B15185" s="367"/>
      <c r="C15185" s="367"/>
      <c r="D15185" s="367"/>
      <c r="E15185" s="367"/>
      <c r="F15185" s="359" t="s">
        <v>14391</v>
      </c>
      <c r="G15185" s="359" t="s">
        <v>14392</v>
      </c>
      <c r="H15185" s="359" t="s">
        <v>14332</v>
      </c>
      <c r="I15185" s="359" t="s">
        <v>14392</v>
      </c>
      <c r="J15185" s="365"/>
      <c r="K15185" s="365"/>
      <c r="L15185" s="365"/>
    </row>
    <row r="15186" spans="2:12">
      <c r="B15186" s="367"/>
      <c r="C15186" s="367"/>
      <c r="D15186" s="367"/>
      <c r="E15186" s="367"/>
      <c r="F15186" s="360"/>
      <c r="G15186" s="360"/>
      <c r="H15186" s="360"/>
      <c r="I15186" s="360"/>
      <c r="J15186" s="365"/>
      <c r="K15186" s="365"/>
      <c r="L15186" s="365"/>
    </row>
    <row r="15187" spans="2:12">
      <c r="B15187" s="367"/>
      <c r="C15187" s="367"/>
      <c r="D15187" s="367"/>
      <c r="E15187" s="367"/>
      <c r="F15187" s="359" t="s">
        <v>14371</v>
      </c>
      <c r="G15187" s="359" t="s">
        <v>14372</v>
      </c>
      <c r="H15187" s="360"/>
      <c r="I15187" s="359" t="s">
        <v>14373</v>
      </c>
      <c r="J15187" s="365"/>
      <c r="K15187" s="365"/>
      <c r="L15187" s="365"/>
    </row>
    <row r="15188" spans="2:12">
      <c r="B15188" s="367"/>
      <c r="C15188" s="367"/>
      <c r="D15188" s="367"/>
      <c r="E15188" s="367"/>
      <c r="F15188" s="360"/>
      <c r="G15188" s="360"/>
      <c r="H15188" s="360"/>
      <c r="I15188" s="360"/>
      <c r="J15188" s="365"/>
      <c r="K15188" s="365"/>
      <c r="L15188" s="365"/>
    </row>
    <row r="15189" spans="2:12" ht="28.5">
      <c r="B15189" s="368"/>
      <c r="C15189" s="368"/>
      <c r="D15189" s="368"/>
      <c r="E15189" s="368"/>
      <c r="F15189" s="361" t="s">
        <v>14374</v>
      </c>
      <c r="G15189" s="361" t="s">
        <v>14373</v>
      </c>
      <c r="H15189" s="362"/>
      <c r="I15189" s="362"/>
      <c r="J15189" s="366"/>
      <c r="K15189" s="366"/>
      <c r="L15189" s="366"/>
    </row>
    <row r="15190" spans="2:12">
      <c r="B15190" s="358" t="s">
        <v>22403</v>
      </c>
      <c r="C15190" s="358" t="s">
        <v>22404</v>
      </c>
      <c r="D15190" s="358" t="s">
        <v>22405</v>
      </c>
      <c r="E15190" s="358" t="s">
        <v>22406</v>
      </c>
      <c r="F15190" s="358" t="s">
        <v>14420</v>
      </c>
      <c r="G15190" s="358" t="s">
        <v>14429</v>
      </c>
      <c r="H15190" s="358" t="s">
        <v>14367</v>
      </c>
      <c r="I15190" s="358" t="s">
        <v>14429</v>
      </c>
      <c r="J15190" s="358"/>
      <c r="K15190" s="358"/>
      <c r="L15190" s="358"/>
    </row>
    <row r="15191" spans="2:12">
      <c r="B15191" s="367"/>
      <c r="C15191" s="367"/>
      <c r="D15191" s="367"/>
      <c r="E15191" s="367"/>
      <c r="F15191" s="360"/>
      <c r="G15191" s="360"/>
      <c r="H15191" s="360"/>
      <c r="I15191" s="360"/>
      <c r="J15191" s="365"/>
      <c r="K15191" s="365"/>
      <c r="L15191" s="365"/>
    </row>
    <row r="15192" spans="2:12" ht="28.5">
      <c r="B15192" s="367"/>
      <c r="C15192" s="367"/>
      <c r="D15192" s="367"/>
      <c r="E15192" s="367"/>
      <c r="F15192" s="359" t="s">
        <v>14394</v>
      </c>
      <c r="G15192" s="359" t="s">
        <v>14395</v>
      </c>
      <c r="H15192" s="359" t="s">
        <v>14370</v>
      </c>
      <c r="I15192" s="359" t="s">
        <v>14395</v>
      </c>
      <c r="J15192" s="365"/>
      <c r="K15192" s="365"/>
      <c r="L15192" s="365"/>
    </row>
    <row r="15193" spans="2:12">
      <c r="B15193" s="367"/>
      <c r="C15193" s="367"/>
      <c r="D15193" s="367"/>
      <c r="E15193" s="367"/>
      <c r="F15193" s="360"/>
      <c r="G15193" s="360"/>
      <c r="H15193" s="360"/>
      <c r="I15193" s="360"/>
      <c r="J15193" s="365"/>
      <c r="K15193" s="365"/>
      <c r="L15193" s="365"/>
    </row>
    <row r="15194" spans="2:12">
      <c r="B15194" s="368"/>
      <c r="C15194" s="368"/>
      <c r="D15194" s="368"/>
      <c r="E15194" s="368"/>
      <c r="F15194" s="362"/>
      <c r="G15194" s="362"/>
      <c r="H15194" s="361" t="s">
        <v>14422</v>
      </c>
      <c r="I15194" s="362"/>
      <c r="J15194" s="366"/>
      <c r="K15194" s="366"/>
      <c r="L15194" s="366"/>
    </row>
    <row r="15195" spans="2:12">
      <c r="B15195" s="358" t="s">
        <v>22407</v>
      </c>
      <c r="C15195" s="358" t="s">
        <v>22408</v>
      </c>
      <c r="D15195" s="358" t="s">
        <v>8356</v>
      </c>
      <c r="E15195" s="358" t="s">
        <v>22409</v>
      </c>
      <c r="F15195" s="358" t="s">
        <v>14371</v>
      </c>
      <c r="G15195" s="358" t="s">
        <v>14372</v>
      </c>
      <c r="H15195" s="358" t="s">
        <v>14370</v>
      </c>
      <c r="I15195" s="358" t="s">
        <v>14373</v>
      </c>
      <c r="J15195" s="358"/>
      <c r="K15195" s="358"/>
      <c r="L15195" s="358"/>
    </row>
    <row r="15196" spans="2:12">
      <c r="B15196" s="367"/>
      <c r="C15196" s="360"/>
      <c r="D15196" s="367"/>
      <c r="E15196" s="367"/>
      <c r="F15196" s="360"/>
      <c r="G15196" s="360"/>
      <c r="H15196" s="360"/>
      <c r="I15196" s="367"/>
      <c r="J15196" s="365"/>
      <c r="K15196" s="365"/>
      <c r="L15196" s="365"/>
    </row>
    <row r="15197" spans="2:12" ht="28.5">
      <c r="B15197" s="368"/>
      <c r="C15197" s="361" t="s">
        <v>22410</v>
      </c>
      <c r="D15197" s="368"/>
      <c r="E15197" s="368"/>
      <c r="F15197" s="361" t="s">
        <v>14374</v>
      </c>
      <c r="G15197" s="361" t="s">
        <v>14373</v>
      </c>
      <c r="H15197" s="361" t="s">
        <v>14422</v>
      </c>
      <c r="I15197" s="368"/>
      <c r="J15197" s="366"/>
      <c r="K15197" s="366"/>
      <c r="L15197" s="366"/>
    </row>
    <row r="15198" spans="2:12">
      <c r="B15198" s="358" t="s">
        <v>10470</v>
      </c>
      <c r="C15198" s="358" t="s">
        <v>22411</v>
      </c>
      <c r="D15198" s="358" t="s">
        <v>10471</v>
      </c>
      <c r="E15198" s="358" t="s">
        <v>10472</v>
      </c>
      <c r="F15198" s="358" t="s">
        <v>14376</v>
      </c>
      <c r="G15198" s="358" t="s">
        <v>14669</v>
      </c>
      <c r="H15198" s="358" t="s">
        <v>14381</v>
      </c>
      <c r="I15198" s="358" t="s">
        <v>14669</v>
      </c>
      <c r="J15198" s="358"/>
      <c r="K15198" s="358"/>
      <c r="L15198" s="358"/>
    </row>
    <row r="15199" spans="2:12">
      <c r="B15199" s="367"/>
      <c r="C15199" s="367"/>
      <c r="D15199" s="367"/>
      <c r="E15199" s="367"/>
      <c r="F15199" s="360"/>
      <c r="G15199" s="360"/>
      <c r="H15199" s="360"/>
      <c r="I15199" s="360"/>
      <c r="J15199" s="365"/>
      <c r="K15199" s="365"/>
      <c r="L15199" s="365"/>
    </row>
    <row r="15200" spans="2:12">
      <c r="B15200" s="367"/>
      <c r="C15200" s="367"/>
      <c r="D15200" s="367"/>
      <c r="E15200" s="367"/>
      <c r="F15200" s="359" t="s">
        <v>14889</v>
      </c>
      <c r="G15200" s="359" t="s">
        <v>14890</v>
      </c>
      <c r="H15200" s="359" t="s">
        <v>14367</v>
      </c>
      <c r="I15200" s="359" t="s">
        <v>14890</v>
      </c>
      <c r="J15200" s="365"/>
      <c r="K15200" s="365"/>
      <c r="L15200" s="365"/>
    </row>
    <row r="15201" spans="2:12">
      <c r="B15201" s="367"/>
      <c r="C15201" s="367"/>
      <c r="D15201" s="367"/>
      <c r="E15201" s="367"/>
      <c r="F15201" s="360"/>
      <c r="G15201" s="360"/>
      <c r="H15201" s="360"/>
      <c r="I15201" s="360"/>
      <c r="J15201" s="365"/>
      <c r="K15201" s="365"/>
      <c r="L15201" s="365"/>
    </row>
    <row r="15202" spans="2:12" ht="28.5">
      <c r="B15202" s="367"/>
      <c r="C15202" s="367"/>
      <c r="D15202" s="367"/>
      <c r="E15202" s="367"/>
      <c r="F15202" s="359" t="s">
        <v>14507</v>
      </c>
      <c r="G15202" s="359" t="s">
        <v>28621</v>
      </c>
      <c r="H15202" s="359" t="s">
        <v>14370</v>
      </c>
      <c r="I15202" s="359" t="s">
        <v>28621</v>
      </c>
      <c r="J15202" s="365"/>
      <c r="K15202" s="365"/>
      <c r="L15202" s="365"/>
    </row>
    <row r="15203" spans="2:12">
      <c r="B15203" s="367"/>
      <c r="C15203" s="367"/>
      <c r="D15203" s="367"/>
      <c r="E15203" s="367"/>
      <c r="F15203" s="360"/>
      <c r="G15203" s="360"/>
      <c r="H15203" s="360"/>
      <c r="I15203" s="360"/>
      <c r="J15203" s="365"/>
      <c r="K15203" s="365"/>
      <c r="L15203" s="365"/>
    </row>
    <row r="15204" spans="2:12">
      <c r="B15204" s="367"/>
      <c r="C15204" s="367"/>
      <c r="D15204" s="367"/>
      <c r="E15204" s="367"/>
      <c r="F15204" s="359" t="s">
        <v>14420</v>
      </c>
      <c r="G15204" s="359" t="s">
        <v>14395</v>
      </c>
      <c r="H15204" s="359" t="s">
        <v>14332</v>
      </c>
      <c r="I15204" s="359" t="s">
        <v>14395</v>
      </c>
      <c r="J15204" s="365"/>
      <c r="K15204" s="365"/>
      <c r="L15204" s="365"/>
    </row>
    <row r="15205" spans="2:12">
      <c r="B15205" s="367"/>
      <c r="C15205" s="367"/>
      <c r="D15205" s="367"/>
      <c r="E15205" s="367"/>
      <c r="F15205" s="360"/>
      <c r="G15205" s="360"/>
      <c r="H15205" s="360"/>
      <c r="I15205" s="360"/>
      <c r="J15205" s="365"/>
      <c r="K15205" s="365"/>
      <c r="L15205" s="365"/>
    </row>
    <row r="15206" spans="2:12" ht="28.5">
      <c r="B15206" s="368"/>
      <c r="C15206" s="368"/>
      <c r="D15206" s="368"/>
      <c r="E15206" s="368"/>
      <c r="F15206" s="361" t="s">
        <v>14394</v>
      </c>
      <c r="G15206" s="362"/>
      <c r="H15206" s="362"/>
      <c r="I15206" s="362"/>
      <c r="J15206" s="366"/>
      <c r="K15206" s="366"/>
      <c r="L15206" s="366"/>
    </row>
    <row r="15207" spans="2:12" ht="85.5">
      <c r="B15207" s="358" t="s">
        <v>29428</v>
      </c>
      <c r="C15207" s="358" t="s">
        <v>29429</v>
      </c>
      <c r="D15207" s="358" t="s">
        <v>29430</v>
      </c>
      <c r="E15207" s="358" t="s">
        <v>29431</v>
      </c>
      <c r="F15207" s="358" t="s">
        <v>14420</v>
      </c>
      <c r="G15207" s="358" t="s">
        <v>14459</v>
      </c>
      <c r="H15207" s="358" t="s">
        <v>14381</v>
      </c>
      <c r="I15207" s="358" t="s">
        <v>14459</v>
      </c>
      <c r="J15207" s="358"/>
      <c r="K15207" s="358"/>
      <c r="L15207" s="358"/>
    </row>
    <row r="15208" spans="2:12">
      <c r="B15208" s="367"/>
      <c r="C15208" s="367"/>
      <c r="D15208" s="367"/>
      <c r="E15208" s="367"/>
      <c r="F15208" s="360"/>
      <c r="G15208" s="360"/>
      <c r="H15208" s="360"/>
      <c r="I15208" s="360"/>
      <c r="J15208" s="365"/>
      <c r="K15208" s="365"/>
      <c r="L15208" s="365"/>
    </row>
    <row r="15209" spans="2:12">
      <c r="B15209" s="367"/>
      <c r="C15209" s="367"/>
      <c r="D15209" s="367"/>
      <c r="E15209" s="367"/>
      <c r="F15209" s="359" t="s">
        <v>14420</v>
      </c>
      <c r="G15209" s="359" t="s">
        <v>14421</v>
      </c>
      <c r="H15209" s="359" t="s">
        <v>14367</v>
      </c>
      <c r="I15209" s="359" t="s">
        <v>14421</v>
      </c>
      <c r="J15209" s="365"/>
      <c r="K15209" s="365"/>
      <c r="L15209" s="365"/>
    </row>
    <row r="15210" spans="2:12">
      <c r="B15210" s="367"/>
      <c r="C15210" s="367"/>
      <c r="D15210" s="367"/>
      <c r="E15210" s="367"/>
      <c r="F15210" s="360"/>
      <c r="G15210" s="360"/>
      <c r="H15210" s="360"/>
      <c r="I15210" s="360"/>
      <c r="J15210" s="365"/>
      <c r="K15210" s="365"/>
      <c r="L15210" s="365"/>
    </row>
    <row r="15211" spans="2:12">
      <c r="B15211" s="367"/>
      <c r="C15211" s="367"/>
      <c r="D15211" s="367"/>
      <c r="E15211" s="367"/>
      <c r="F15211" s="359" t="s">
        <v>14420</v>
      </c>
      <c r="G15211" s="359" t="s">
        <v>14429</v>
      </c>
      <c r="H15211" s="359" t="s">
        <v>14332</v>
      </c>
      <c r="I15211" s="359" t="s">
        <v>14429</v>
      </c>
      <c r="J15211" s="365"/>
      <c r="K15211" s="365"/>
      <c r="L15211" s="365"/>
    </row>
    <row r="15212" spans="2:12">
      <c r="B15212" s="367"/>
      <c r="C15212" s="367"/>
      <c r="D15212" s="367"/>
      <c r="E15212" s="367"/>
      <c r="F15212" s="360"/>
      <c r="G15212" s="360"/>
      <c r="H15212" s="360"/>
      <c r="I15212" s="360"/>
      <c r="J15212" s="365"/>
      <c r="K15212" s="365"/>
      <c r="L15212" s="365"/>
    </row>
    <row r="15213" spans="2:12">
      <c r="B15213" s="368"/>
      <c r="C15213" s="368"/>
      <c r="D15213" s="368"/>
      <c r="E15213" s="368"/>
      <c r="F15213" s="361" t="s">
        <v>29432</v>
      </c>
      <c r="G15213" s="361" t="s">
        <v>29433</v>
      </c>
      <c r="H15213" s="362"/>
      <c r="I15213" s="361" t="s">
        <v>29433</v>
      </c>
      <c r="J15213" s="366"/>
      <c r="K15213" s="366"/>
      <c r="L15213" s="366"/>
    </row>
    <row r="15214" spans="2:12" ht="42.75">
      <c r="B15214" s="358" t="s">
        <v>22412</v>
      </c>
      <c r="C15214" s="358" t="s">
        <v>29434</v>
      </c>
      <c r="D15214" s="358" t="s">
        <v>22413</v>
      </c>
      <c r="E15214" s="358" t="s">
        <v>22414</v>
      </c>
      <c r="F15214" s="358" t="s">
        <v>14391</v>
      </c>
      <c r="G15214" s="358" t="s">
        <v>14392</v>
      </c>
      <c r="H15214" s="358" t="s">
        <v>14367</v>
      </c>
      <c r="I15214" s="358" t="s">
        <v>14392</v>
      </c>
      <c r="J15214" s="358"/>
      <c r="K15214" s="358"/>
      <c r="L15214" s="358"/>
    </row>
    <row r="15215" spans="2:12">
      <c r="B15215" s="367"/>
      <c r="C15215" s="367"/>
      <c r="D15215" s="367"/>
      <c r="E15215" s="367"/>
      <c r="F15215" s="367"/>
      <c r="G15215" s="367"/>
      <c r="H15215" s="360"/>
      <c r="I15215" s="367"/>
      <c r="J15215" s="365"/>
      <c r="K15215" s="365"/>
      <c r="L15215" s="365"/>
    </row>
    <row r="15216" spans="2:12">
      <c r="B15216" s="368"/>
      <c r="C15216" s="368"/>
      <c r="D15216" s="368"/>
      <c r="E15216" s="368"/>
      <c r="F15216" s="368"/>
      <c r="G15216" s="368"/>
      <c r="H15216" s="361" t="s">
        <v>14422</v>
      </c>
      <c r="I15216" s="368"/>
      <c r="J15216" s="366"/>
      <c r="K15216" s="366"/>
      <c r="L15216" s="366"/>
    </row>
    <row r="15217" spans="2:12">
      <c r="B15217" s="358" t="s">
        <v>22415</v>
      </c>
      <c r="C15217" s="358" t="s">
        <v>22416</v>
      </c>
      <c r="D15217" s="358" t="s">
        <v>532</v>
      </c>
      <c r="E15217" s="358" t="s">
        <v>533</v>
      </c>
      <c r="F15217" s="358" t="s">
        <v>16426</v>
      </c>
      <c r="G15217" s="358" t="s">
        <v>15011</v>
      </c>
      <c r="H15217" s="358" t="s">
        <v>14954</v>
      </c>
      <c r="I15217" s="358" t="s">
        <v>15011</v>
      </c>
      <c r="J15217" s="358"/>
      <c r="K15217" s="358"/>
      <c r="L15217" s="358" t="s">
        <v>14513</v>
      </c>
    </row>
    <row r="15218" spans="2:12">
      <c r="B15218" s="367"/>
      <c r="C15218" s="360"/>
      <c r="D15218" s="367"/>
      <c r="E15218" s="367"/>
      <c r="F15218" s="360"/>
      <c r="G15218" s="360"/>
      <c r="H15218" s="360"/>
      <c r="I15218" s="360"/>
      <c r="J15218" s="365"/>
      <c r="K15218" s="365"/>
      <c r="L15218" s="367"/>
    </row>
    <row r="15219" spans="2:12">
      <c r="B15219" s="367"/>
      <c r="C15219" s="359" t="s">
        <v>8420</v>
      </c>
      <c r="D15219" s="367"/>
      <c r="E15219" s="367"/>
      <c r="F15219" s="359" t="s">
        <v>14443</v>
      </c>
      <c r="G15219" s="359" t="s">
        <v>14444</v>
      </c>
      <c r="H15219" s="359" t="s">
        <v>14381</v>
      </c>
      <c r="I15219" s="359" t="s">
        <v>14444</v>
      </c>
      <c r="J15219" s="365"/>
      <c r="K15219" s="365"/>
      <c r="L15219" s="367"/>
    </row>
    <row r="15220" spans="2:12">
      <c r="B15220" s="367"/>
      <c r="C15220" s="360"/>
      <c r="D15220" s="367"/>
      <c r="E15220" s="367"/>
      <c r="F15220" s="360"/>
      <c r="G15220" s="360"/>
      <c r="H15220" s="360"/>
      <c r="I15220" s="360"/>
      <c r="J15220" s="365"/>
      <c r="K15220" s="365"/>
      <c r="L15220" s="367"/>
    </row>
    <row r="15221" spans="2:12">
      <c r="B15221" s="367"/>
      <c r="C15221" s="360"/>
      <c r="D15221" s="367"/>
      <c r="E15221" s="367"/>
      <c r="F15221" s="359" t="s">
        <v>14371</v>
      </c>
      <c r="G15221" s="359" t="s">
        <v>14372</v>
      </c>
      <c r="H15221" s="359" t="s">
        <v>14370</v>
      </c>
      <c r="I15221" s="359" t="s">
        <v>14373</v>
      </c>
      <c r="J15221" s="365"/>
      <c r="K15221" s="365"/>
      <c r="L15221" s="367"/>
    </row>
    <row r="15222" spans="2:12">
      <c r="B15222" s="367"/>
      <c r="C15222" s="360"/>
      <c r="D15222" s="367"/>
      <c r="E15222" s="367"/>
      <c r="F15222" s="360"/>
      <c r="G15222" s="360"/>
      <c r="H15222" s="360"/>
      <c r="I15222" s="360"/>
      <c r="J15222" s="365"/>
      <c r="K15222" s="365"/>
      <c r="L15222" s="367"/>
    </row>
    <row r="15223" spans="2:12" ht="28.5">
      <c r="B15223" s="368"/>
      <c r="C15223" s="362"/>
      <c r="D15223" s="368"/>
      <c r="E15223" s="368"/>
      <c r="F15223" s="361" t="s">
        <v>14374</v>
      </c>
      <c r="G15223" s="361" t="s">
        <v>14373</v>
      </c>
      <c r="H15223" s="361" t="s">
        <v>14422</v>
      </c>
      <c r="I15223" s="362"/>
      <c r="J15223" s="366"/>
      <c r="K15223" s="366"/>
      <c r="L15223" s="368"/>
    </row>
    <row r="15224" spans="2:12">
      <c r="B15224" s="358" t="s">
        <v>22417</v>
      </c>
      <c r="C15224" s="358" t="s">
        <v>22418</v>
      </c>
      <c r="D15224" s="358" t="s">
        <v>22419</v>
      </c>
      <c r="E15224" s="358" t="s">
        <v>22420</v>
      </c>
      <c r="F15224" s="358" t="s">
        <v>14443</v>
      </c>
      <c r="G15224" s="358" t="s">
        <v>14444</v>
      </c>
      <c r="H15224" s="358" t="s">
        <v>14381</v>
      </c>
      <c r="I15224" s="358" t="s">
        <v>14444</v>
      </c>
      <c r="J15224" s="358"/>
      <c r="K15224" s="358"/>
      <c r="L15224" s="358"/>
    </row>
    <row r="15225" spans="2:12">
      <c r="B15225" s="367"/>
      <c r="C15225" s="360"/>
      <c r="D15225" s="367"/>
      <c r="E15225" s="367"/>
      <c r="F15225" s="360"/>
      <c r="G15225" s="360"/>
      <c r="H15225" s="360"/>
      <c r="I15225" s="360"/>
      <c r="J15225" s="365"/>
      <c r="K15225" s="365"/>
      <c r="L15225" s="365"/>
    </row>
    <row r="15226" spans="2:12">
      <c r="B15226" s="367"/>
      <c r="C15226" s="359" t="s">
        <v>27769</v>
      </c>
      <c r="D15226" s="367"/>
      <c r="E15226" s="367"/>
      <c r="F15226" s="359" t="s">
        <v>14371</v>
      </c>
      <c r="G15226" s="359" t="s">
        <v>14372</v>
      </c>
      <c r="H15226" s="359" t="s">
        <v>14370</v>
      </c>
      <c r="I15226" s="359" t="s">
        <v>14373</v>
      </c>
      <c r="J15226" s="365"/>
      <c r="K15226" s="365"/>
      <c r="L15226" s="365"/>
    </row>
    <row r="15227" spans="2:12">
      <c r="B15227" s="367"/>
      <c r="C15227" s="360"/>
      <c r="D15227" s="367"/>
      <c r="E15227" s="367"/>
      <c r="F15227" s="360"/>
      <c r="G15227" s="360"/>
      <c r="H15227" s="360"/>
      <c r="I15227" s="360"/>
      <c r="J15227" s="365"/>
      <c r="K15227" s="365"/>
      <c r="L15227" s="365"/>
    </row>
    <row r="15228" spans="2:12" ht="28.5">
      <c r="B15228" s="367"/>
      <c r="C15228" s="359" t="s">
        <v>30313</v>
      </c>
      <c r="D15228" s="367"/>
      <c r="E15228" s="367"/>
      <c r="F15228" s="359" t="s">
        <v>14374</v>
      </c>
      <c r="G15228" s="359" t="s">
        <v>14373</v>
      </c>
      <c r="H15228" s="359" t="s">
        <v>14422</v>
      </c>
      <c r="I15228" s="360"/>
      <c r="J15228" s="365"/>
      <c r="K15228" s="365"/>
      <c r="L15228" s="365"/>
    </row>
    <row r="15229" spans="2:12">
      <c r="B15229" s="367"/>
      <c r="C15229" s="360"/>
      <c r="D15229" s="367"/>
      <c r="E15229" s="367"/>
      <c r="F15229" s="360"/>
      <c r="G15229" s="360"/>
      <c r="H15229" s="360"/>
      <c r="I15229" s="360"/>
      <c r="J15229" s="365"/>
      <c r="K15229" s="365"/>
      <c r="L15229" s="365"/>
    </row>
    <row r="15230" spans="2:12">
      <c r="B15230" s="368"/>
      <c r="C15230" s="361" t="s">
        <v>29435</v>
      </c>
      <c r="D15230" s="368"/>
      <c r="E15230" s="368"/>
      <c r="F15230" s="362"/>
      <c r="G15230" s="362"/>
      <c r="H15230" s="362"/>
      <c r="I15230" s="362"/>
      <c r="J15230" s="366"/>
      <c r="K15230" s="366"/>
      <c r="L15230" s="366"/>
    </row>
    <row r="15231" spans="2:12" ht="28.5">
      <c r="B15231" s="358" t="s">
        <v>22421</v>
      </c>
      <c r="C15231" s="358" t="s">
        <v>22422</v>
      </c>
      <c r="D15231" s="358" t="s">
        <v>22423</v>
      </c>
      <c r="E15231" s="358" t="s">
        <v>22424</v>
      </c>
      <c r="F15231" s="358" t="s">
        <v>14420</v>
      </c>
      <c r="G15231" s="358" t="s">
        <v>14429</v>
      </c>
      <c r="H15231" s="358" t="s">
        <v>14367</v>
      </c>
      <c r="I15231" s="358" t="s">
        <v>14429</v>
      </c>
      <c r="J15231" s="358"/>
      <c r="K15231" s="358"/>
      <c r="L15231" s="358"/>
    </row>
    <row r="15232" spans="2:12">
      <c r="B15232" s="367"/>
      <c r="C15232" s="367"/>
      <c r="D15232" s="367"/>
      <c r="E15232" s="367"/>
      <c r="F15232" s="360"/>
      <c r="G15232" s="360"/>
      <c r="H15232" s="360"/>
      <c r="I15232" s="360"/>
      <c r="J15232" s="365"/>
      <c r="K15232" s="365"/>
      <c r="L15232" s="365"/>
    </row>
    <row r="15233" spans="2:12">
      <c r="B15233" s="367"/>
      <c r="C15233" s="367"/>
      <c r="D15233" s="367"/>
      <c r="E15233" s="367"/>
      <c r="F15233" s="359" t="s">
        <v>14391</v>
      </c>
      <c r="G15233" s="359" t="s">
        <v>14392</v>
      </c>
      <c r="H15233" s="359" t="s">
        <v>14370</v>
      </c>
      <c r="I15233" s="359" t="s">
        <v>14392</v>
      </c>
      <c r="J15233" s="365"/>
      <c r="K15233" s="365"/>
      <c r="L15233" s="365"/>
    </row>
    <row r="15234" spans="2:12">
      <c r="B15234" s="367"/>
      <c r="C15234" s="367"/>
      <c r="D15234" s="367"/>
      <c r="E15234" s="367"/>
      <c r="F15234" s="360"/>
      <c r="G15234" s="360"/>
      <c r="H15234" s="360"/>
      <c r="I15234" s="360"/>
      <c r="J15234" s="365"/>
      <c r="K15234" s="365"/>
      <c r="L15234" s="365"/>
    </row>
    <row r="15235" spans="2:12">
      <c r="B15235" s="367"/>
      <c r="C15235" s="367"/>
      <c r="D15235" s="367"/>
      <c r="E15235" s="367"/>
      <c r="F15235" s="359" t="s">
        <v>14371</v>
      </c>
      <c r="G15235" s="359" t="s">
        <v>14372</v>
      </c>
      <c r="H15235" s="359" t="s">
        <v>14422</v>
      </c>
      <c r="I15235" s="359" t="s">
        <v>14373</v>
      </c>
      <c r="J15235" s="365"/>
      <c r="K15235" s="365"/>
      <c r="L15235" s="365"/>
    </row>
    <row r="15236" spans="2:12">
      <c r="B15236" s="367"/>
      <c r="C15236" s="367"/>
      <c r="D15236" s="367"/>
      <c r="E15236" s="367"/>
      <c r="F15236" s="360"/>
      <c r="G15236" s="360"/>
      <c r="H15236" s="360"/>
      <c r="I15236" s="360"/>
      <c r="J15236" s="365"/>
      <c r="K15236" s="365"/>
      <c r="L15236" s="365"/>
    </row>
    <row r="15237" spans="2:12" ht="28.5">
      <c r="B15237" s="368"/>
      <c r="C15237" s="368"/>
      <c r="D15237" s="368"/>
      <c r="E15237" s="368"/>
      <c r="F15237" s="361" t="s">
        <v>14374</v>
      </c>
      <c r="G15237" s="361" t="s">
        <v>14373</v>
      </c>
      <c r="H15237" s="362"/>
      <c r="I15237" s="362"/>
      <c r="J15237" s="366"/>
      <c r="K15237" s="366"/>
      <c r="L15237" s="366"/>
    </row>
    <row r="15238" spans="2:12" ht="28.5">
      <c r="B15238" s="358" t="s">
        <v>22425</v>
      </c>
      <c r="C15238" s="358" t="s">
        <v>22426</v>
      </c>
      <c r="D15238" s="358" t="s">
        <v>22427</v>
      </c>
      <c r="E15238" s="358" t="s">
        <v>22428</v>
      </c>
      <c r="F15238" s="358" t="s">
        <v>14391</v>
      </c>
      <c r="G15238" s="358" t="s">
        <v>14392</v>
      </c>
      <c r="H15238" s="358" t="s">
        <v>14367</v>
      </c>
      <c r="I15238" s="358" t="s">
        <v>14392</v>
      </c>
      <c r="J15238" s="358"/>
      <c r="K15238" s="358"/>
      <c r="L15238" s="358"/>
    </row>
    <row r="15239" spans="2:12">
      <c r="B15239" s="367"/>
      <c r="C15239" s="360"/>
      <c r="D15239" s="367"/>
      <c r="E15239" s="367"/>
      <c r="F15239" s="367"/>
      <c r="G15239" s="367"/>
      <c r="H15239" s="360"/>
      <c r="I15239" s="367"/>
      <c r="J15239" s="365"/>
      <c r="K15239" s="365"/>
      <c r="L15239" s="365"/>
    </row>
    <row r="15240" spans="2:12" ht="28.5">
      <c r="B15240" s="368"/>
      <c r="C15240" s="361" t="s">
        <v>22429</v>
      </c>
      <c r="D15240" s="368"/>
      <c r="E15240" s="368"/>
      <c r="F15240" s="368"/>
      <c r="G15240" s="368"/>
      <c r="H15240" s="361" t="s">
        <v>14422</v>
      </c>
      <c r="I15240" s="368"/>
      <c r="J15240" s="366"/>
      <c r="K15240" s="366"/>
      <c r="L15240" s="366"/>
    </row>
    <row r="15241" spans="2:12">
      <c r="B15241" s="358" t="s">
        <v>22430</v>
      </c>
      <c r="C15241" s="358" t="s">
        <v>22431</v>
      </c>
      <c r="D15241" s="358" t="s">
        <v>22432</v>
      </c>
      <c r="E15241" s="358" t="s">
        <v>22433</v>
      </c>
      <c r="F15241" s="358" t="s">
        <v>14507</v>
      </c>
      <c r="G15241" s="358" t="s">
        <v>14873</v>
      </c>
      <c r="H15241" s="358" t="s">
        <v>14381</v>
      </c>
      <c r="I15241" s="358" t="s">
        <v>14873</v>
      </c>
      <c r="J15241" s="358"/>
      <c r="K15241" s="358"/>
      <c r="L15241" s="358"/>
    </row>
    <row r="15242" spans="2:12">
      <c r="B15242" s="367"/>
      <c r="C15242" s="367"/>
      <c r="D15242" s="367"/>
      <c r="E15242" s="367"/>
      <c r="F15242" s="360"/>
      <c r="G15242" s="360"/>
      <c r="H15242" s="360"/>
      <c r="I15242" s="360"/>
      <c r="J15242" s="365"/>
      <c r="K15242" s="365"/>
      <c r="L15242" s="365"/>
    </row>
    <row r="15243" spans="2:12">
      <c r="B15243" s="367"/>
      <c r="C15243" s="367"/>
      <c r="D15243" s="367"/>
      <c r="E15243" s="367"/>
      <c r="F15243" s="359" t="s">
        <v>14420</v>
      </c>
      <c r="G15243" s="359" t="s">
        <v>14429</v>
      </c>
      <c r="H15243" s="359" t="s">
        <v>14367</v>
      </c>
      <c r="I15243" s="359" t="s">
        <v>14429</v>
      </c>
      <c r="J15243" s="365"/>
      <c r="K15243" s="365"/>
      <c r="L15243" s="365"/>
    </row>
    <row r="15244" spans="2:12">
      <c r="B15244" s="367"/>
      <c r="C15244" s="367"/>
      <c r="D15244" s="367"/>
      <c r="E15244" s="367"/>
      <c r="F15244" s="360"/>
      <c r="G15244" s="360"/>
      <c r="H15244" s="360"/>
      <c r="I15244" s="360"/>
      <c r="J15244" s="365"/>
      <c r="K15244" s="365"/>
      <c r="L15244" s="365"/>
    </row>
    <row r="15245" spans="2:12">
      <c r="B15245" s="367"/>
      <c r="C15245" s="367"/>
      <c r="D15245" s="367"/>
      <c r="E15245" s="367"/>
      <c r="F15245" s="359" t="s">
        <v>14391</v>
      </c>
      <c r="G15245" s="359" t="s">
        <v>14392</v>
      </c>
      <c r="H15245" s="359" t="s">
        <v>14422</v>
      </c>
      <c r="I15245" s="359" t="s">
        <v>14392</v>
      </c>
      <c r="J15245" s="365"/>
      <c r="K15245" s="365"/>
      <c r="L15245" s="365"/>
    </row>
    <row r="15246" spans="2:12">
      <c r="B15246" s="367"/>
      <c r="C15246" s="367"/>
      <c r="D15246" s="367"/>
      <c r="E15246" s="367"/>
      <c r="F15246" s="360"/>
      <c r="G15246" s="360"/>
      <c r="H15246" s="360"/>
      <c r="I15246" s="360"/>
      <c r="J15246" s="365"/>
      <c r="K15246" s="365"/>
      <c r="L15246" s="365"/>
    </row>
    <row r="15247" spans="2:12" ht="28.5">
      <c r="B15247" s="368"/>
      <c r="C15247" s="368"/>
      <c r="D15247" s="368"/>
      <c r="E15247" s="368"/>
      <c r="F15247" s="361" t="s">
        <v>14472</v>
      </c>
      <c r="G15247" s="361" t="s">
        <v>14473</v>
      </c>
      <c r="H15247" s="362"/>
      <c r="I15247" s="361" t="s">
        <v>14473</v>
      </c>
      <c r="J15247" s="366"/>
      <c r="K15247" s="366"/>
      <c r="L15247" s="366"/>
    </row>
    <row r="15248" spans="2:12" ht="57">
      <c r="B15248" s="358" t="s">
        <v>22434</v>
      </c>
      <c r="C15248" s="358" t="s">
        <v>30314</v>
      </c>
      <c r="D15248" s="358" t="s">
        <v>22435</v>
      </c>
      <c r="E15248" s="358" t="s">
        <v>8356</v>
      </c>
      <c r="F15248" s="358" t="s">
        <v>14391</v>
      </c>
      <c r="G15248" s="358" t="s">
        <v>14392</v>
      </c>
      <c r="H15248" s="358" t="s">
        <v>14367</v>
      </c>
      <c r="I15248" s="358" t="s">
        <v>14392</v>
      </c>
      <c r="J15248" s="358"/>
      <c r="K15248" s="358"/>
      <c r="L15248" s="358"/>
    </row>
    <row r="15249" spans="2:12">
      <c r="B15249" s="367"/>
      <c r="C15249" s="367"/>
      <c r="D15249" s="367"/>
      <c r="E15249" s="367"/>
      <c r="F15249" s="367"/>
      <c r="G15249" s="367"/>
      <c r="H15249" s="360"/>
      <c r="I15249" s="367"/>
      <c r="J15249" s="365"/>
      <c r="K15249" s="365"/>
      <c r="L15249" s="365"/>
    </row>
    <row r="15250" spans="2:12">
      <c r="B15250" s="368"/>
      <c r="C15250" s="368"/>
      <c r="D15250" s="368"/>
      <c r="E15250" s="368"/>
      <c r="F15250" s="368"/>
      <c r="G15250" s="368"/>
      <c r="H15250" s="361" t="s">
        <v>14422</v>
      </c>
      <c r="I15250" s="368"/>
      <c r="J15250" s="366"/>
      <c r="K15250" s="366"/>
      <c r="L15250" s="366"/>
    </row>
    <row r="15251" spans="2:12">
      <c r="B15251" s="358" t="s">
        <v>22436</v>
      </c>
      <c r="C15251" s="358" t="s">
        <v>22437</v>
      </c>
      <c r="D15251" s="358" t="s">
        <v>22438</v>
      </c>
      <c r="E15251" s="358" t="s">
        <v>22439</v>
      </c>
      <c r="F15251" s="358" t="s">
        <v>14379</v>
      </c>
      <c r="G15251" s="358" t="s">
        <v>14380</v>
      </c>
      <c r="H15251" s="358" t="s">
        <v>14378</v>
      </c>
      <c r="I15251" s="358" t="s">
        <v>14380</v>
      </c>
      <c r="J15251" s="358"/>
      <c r="K15251" s="358"/>
      <c r="L15251" s="358"/>
    </row>
    <row r="15252" spans="2:12">
      <c r="B15252" s="367"/>
      <c r="C15252" s="360"/>
      <c r="D15252" s="367"/>
      <c r="E15252" s="367"/>
      <c r="F15252" s="360"/>
      <c r="G15252" s="360"/>
      <c r="H15252" s="360"/>
      <c r="I15252" s="360"/>
      <c r="J15252" s="365"/>
      <c r="K15252" s="365"/>
      <c r="L15252" s="365"/>
    </row>
    <row r="15253" spans="2:12">
      <c r="B15253" s="367"/>
      <c r="C15253" s="359" t="s">
        <v>22440</v>
      </c>
      <c r="D15253" s="367"/>
      <c r="E15253" s="367"/>
      <c r="F15253" s="359" t="s">
        <v>14420</v>
      </c>
      <c r="G15253" s="359" t="s">
        <v>14429</v>
      </c>
      <c r="H15253" s="359" t="s">
        <v>14332</v>
      </c>
      <c r="I15253" s="359" t="s">
        <v>14429</v>
      </c>
      <c r="J15253" s="365"/>
      <c r="K15253" s="365"/>
      <c r="L15253" s="365"/>
    </row>
    <row r="15254" spans="2:12">
      <c r="B15254" s="367"/>
      <c r="C15254" s="360"/>
      <c r="D15254" s="367"/>
      <c r="E15254" s="367"/>
      <c r="F15254" s="360"/>
      <c r="G15254" s="360"/>
      <c r="H15254" s="360"/>
      <c r="I15254" s="360"/>
      <c r="J15254" s="365"/>
      <c r="K15254" s="365"/>
      <c r="L15254" s="365"/>
    </row>
    <row r="15255" spans="2:12">
      <c r="B15255" s="367"/>
      <c r="C15255" s="360"/>
      <c r="D15255" s="367"/>
      <c r="E15255" s="367"/>
      <c r="F15255" s="359" t="s">
        <v>14386</v>
      </c>
      <c r="G15255" s="359" t="s">
        <v>14387</v>
      </c>
      <c r="H15255" s="360"/>
      <c r="I15255" s="359" t="s">
        <v>14387</v>
      </c>
      <c r="J15255" s="365"/>
      <c r="K15255" s="365"/>
      <c r="L15255" s="365"/>
    </row>
    <row r="15256" spans="2:12">
      <c r="B15256" s="367"/>
      <c r="C15256" s="360"/>
      <c r="D15256" s="367"/>
      <c r="E15256" s="367"/>
      <c r="F15256" s="360"/>
      <c r="G15256" s="360"/>
      <c r="H15256" s="360"/>
      <c r="I15256" s="360"/>
      <c r="J15256" s="365"/>
      <c r="K15256" s="365"/>
      <c r="L15256" s="365"/>
    </row>
    <row r="15257" spans="2:12">
      <c r="B15257" s="367"/>
      <c r="C15257" s="360"/>
      <c r="D15257" s="367"/>
      <c r="E15257" s="367"/>
      <c r="F15257" s="359" t="s">
        <v>14368</v>
      </c>
      <c r="G15257" s="359" t="s">
        <v>14388</v>
      </c>
      <c r="H15257" s="360"/>
      <c r="I15257" s="359" t="s">
        <v>14388</v>
      </c>
      <c r="J15257" s="365"/>
      <c r="K15257" s="365"/>
      <c r="L15257" s="365"/>
    </row>
    <row r="15258" spans="2:12">
      <c r="B15258" s="367"/>
      <c r="C15258" s="360"/>
      <c r="D15258" s="367"/>
      <c r="E15258" s="367"/>
      <c r="F15258" s="360"/>
      <c r="G15258" s="360"/>
      <c r="H15258" s="360"/>
      <c r="I15258" s="360"/>
      <c r="J15258" s="365"/>
      <c r="K15258" s="365"/>
      <c r="L15258" s="365"/>
    </row>
    <row r="15259" spans="2:12">
      <c r="B15259" s="368"/>
      <c r="C15259" s="362"/>
      <c r="D15259" s="368"/>
      <c r="E15259" s="368"/>
      <c r="F15259" s="361" t="s">
        <v>14389</v>
      </c>
      <c r="G15259" s="361" t="s">
        <v>14390</v>
      </c>
      <c r="H15259" s="362"/>
      <c r="I15259" s="361" t="s">
        <v>14390</v>
      </c>
      <c r="J15259" s="366"/>
      <c r="K15259" s="366"/>
      <c r="L15259" s="366"/>
    </row>
    <row r="15260" spans="2:12">
      <c r="B15260" s="358" t="s">
        <v>22441</v>
      </c>
      <c r="C15260" s="358" t="s">
        <v>22442</v>
      </c>
      <c r="D15260" s="358" t="s">
        <v>22443</v>
      </c>
      <c r="E15260" s="358" t="s">
        <v>22444</v>
      </c>
      <c r="F15260" s="358" t="s">
        <v>14382</v>
      </c>
      <c r="G15260" s="358" t="s">
        <v>14483</v>
      </c>
      <c r="H15260" s="358" t="s">
        <v>14378</v>
      </c>
      <c r="I15260" s="358" t="s">
        <v>14483</v>
      </c>
      <c r="J15260" s="358"/>
      <c r="K15260" s="358"/>
      <c r="L15260" s="358"/>
    </row>
    <row r="15261" spans="2:12">
      <c r="B15261" s="367"/>
      <c r="C15261" s="367"/>
      <c r="D15261" s="367"/>
      <c r="E15261" s="367"/>
      <c r="F15261" s="360"/>
      <c r="G15261" s="360"/>
      <c r="H15261" s="360"/>
      <c r="I15261" s="360"/>
      <c r="J15261" s="365"/>
      <c r="K15261" s="365"/>
      <c r="L15261" s="365"/>
    </row>
    <row r="15262" spans="2:12">
      <c r="B15262" s="367"/>
      <c r="C15262" s="367"/>
      <c r="D15262" s="367"/>
      <c r="E15262" s="367"/>
      <c r="F15262" s="359" t="s">
        <v>14382</v>
      </c>
      <c r="G15262" s="359" t="s">
        <v>14579</v>
      </c>
      <c r="H15262" s="359" t="s">
        <v>14332</v>
      </c>
      <c r="I15262" s="359" t="s">
        <v>14579</v>
      </c>
      <c r="J15262" s="365"/>
      <c r="K15262" s="365"/>
      <c r="L15262" s="365"/>
    </row>
    <row r="15263" spans="2:12">
      <c r="B15263" s="367"/>
      <c r="C15263" s="367"/>
      <c r="D15263" s="367"/>
      <c r="E15263" s="367"/>
      <c r="F15263" s="360"/>
      <c r="G15263" s="360"/>
      <c r="H15263" s="360"/>
      <c r="I15263" s="360"/>
      <c r="J15263" s="365"/>
      <c r="K15263" s="365"/>
      <c r="L15263" s="365"/>
    </row>
    <row r="15264" spans="2:12">
      <c r="B15264" s="368"/>
      <c r="C15264" s="368"/>
      <c r="D15264" s="368"/>
      <c r="E15264" s="368"/>
      <c r="F15264" s="361" t="s">
        <v>14382</v>
      </c>
      <c r="G15264" s="361" t="s">
        <v>14383</v>
      </c>
      <c r="H15264" s="362"/>
      <c r="I15264" s="361" t="s">
        <v>14383</v>
      </c>
      <c r="J15264" s="366"/>
      <c r="K15264" s="366"/>
      <c r="L15264" s="366"/>
    </row>
    <row r="15265" spans="2:12">
      <c r="B15265" s="358" t="s">
        <v>22445</v>
      </c>
      <c r="C15265" s="358" t="s">
        <v>22446</v>
      </c>
      <c r="D15265" s="358" t="s">
        <v>8356</v>
      </c>
      <c r="E15265" s="358" t="s">
        <v>8356</v>
      </c>
      <c r="F15265" s="358" t="s">
        <v>14382</v>
      </c>
      <c r="G15265" s="358" t="s">
        <v>14483</v>
      </c>
      <c r="H15265" s="358" t="s">
        <v>14378</v>
      </c>
      <c r="I15265" s="358" t="s">
        <v>14483</v>
      </c>
      <c r="J15265" s="358"/>
      <c r="K15265" s="358"/>
      <c r="L15265" s="358" t="s">
        <v>14611</v>
      </c>
    </row>
    <row r="15266" spans="2:12">
      <c r="B15266" s="367"/>
      <c r="C15266" s="367"/>
      <c r="D15266" s="367"/>
      <c r="E15266" s="367"/>
      <c r="F15266" s="360"/>
      <c r="G15266" s="360"/>
      <c r="H15266" s="360"/>
      <c r="I15266" s="360"/>
      <c r="J15266" s="365"/>
      <c r="K15266" s="365"/>
      <c r="L15266" s="367"/>
    </row>
    <row r="15267" spans="2:12">
      <c r="B15267" s="367"/>
      <c r="C15267" s="367"/>
      <c r="D15267" s="367"/>
      <c r="E15267" s="367"/>
      <c r="F15267" s="359" t="s">
        <v>14382</v>
      </c>
      <c r="G15267" s="359" t="s">
        <v>14579</v>
      </c>
      <c r="H15267" s="359" t="s">
        <v>14381</v>
      </c>
      <c r="I15267" s="359" t="s">
        <v>14579</v>
      </c>
      <c r="J15267" s="365"/>
      <c r="K15267" s="365"/>
      <c r="L15267" s="367"/>
    </row>
    <row r="15268" spans="2:12">
      <c r="B15268" s="367"/>
      <c r="C15268" s="367"/>
      <c r="D15268" s="367"/>
      <c r="E15268" s="367"/>
      <c r="F15268" s="360"/>
      <c r="G15268" s="360"/>
      <c r="H15268" s="360"/>
      <c r="I15268" s="360"/>
      <c r="J15268" s="365"/>
      <c r="K15268" s="365"/>
      <c r="L15268" s="367"/>
    </row>
    <row r="15269" spans="2:12">
      <c r="B15269" s="367"/>
      <c r="C15269" s="367"/>
      <c r="D15269" s="367"/>
      <c r="E15269" s="367"/>
      <c r="F15269" s="359" t="s">
        <v>14382</v>
      </c>
      <c r="G15269" s="359" t="s">
        <v>14383</v>
      </c>
      <c r="H15269" s="359" t="s">
        <v>14370</v>
      </c>
      <c r="I15269" s="359" t="s">
        <v>14383</v>
      </c>
      <c r="J15269" s="365"/>
      <c r="K15269" s="365"/>
      <c r="L15269" s="367"/>
    </row>
    <row r="15270" spans="2:12">
      <c r="B15270" s="367"/>
      <c r="C15270" s="367"/>
      <c r="D15270" s="367"/>
      <c r="E15270" s="367"/>
      <c r="F15270" s="360"/>
      <c r="G15270" s="360"/>
      <c r="H15270" s="360"/>
      <c r="I15270" s="360"/>
      <c r="J15270" s="365"/>
      <c r="K15270" s="365"/>
      <c r="L15270" s="367"/>
    </row>
    <row r="15271" spans="2:12">
      <c r="B15271" s="367"/>
      <c r="C15271" s="367"/>
      <c r="D15271" s="367"/>
      <c r="E15271" s="367"/>
      <c r="F15271" s="359" t="s">
        <v>14460</v>
      </c>
      <c r="G15271" s="359" t="s">
        <v>14519</v>
      </c>
      <c r="H15271" s="359" t="s">
        <v>14332</v>
      </c>
      <c r="I15271" s="359" t="s">
        <v>14519</v>
      </c>
      <c r="J15271" s="365"/>
      <c r="K15271" s="365"/>
      <c r="L15271" s="367"/>
    </row>
    <row r="15272" spans="2:12">
      <c r="B15272" s="367"/>
      <c r="C15272" s="367"/>
      <c r="D15272" s="367"/>
      <c r="E15272" s="367"/>
      <c r="F15272" s="360"/>
      <c r="G15272" s="360"/>
      <c r="H15272" s="360"/>
      <c r="I15272" s="360"/>
      <c r="J15272" s="365"/>
      <c r="K15272" s="365"/>
      <c r="L15272" s="367"/>
    </row>
    <row r="15273" spans="2:12">
      <c r="B15273" s="367"/>
      <c r="C15273" s="367"/>
      <c r="D15273" s="367"/>
      <c r="E15273" s="367"/>
      <c r="F15273" s="359" t="s">
        <v>14371</v>
      </c>
      <c r="G15273" s="359" t="s">
        <v>14372</v>
      </c>
      <c r="H15273" s="360"/>
      <c r="I15273" s="359" t="s">
        <v>14373</v>
      </c>
      <c r="J15273" s="365"/>
      <c r="K15273" s="365"/>
      <c r="L15273" s="367"/>
    </row>
    <row r="15274" spans="2:12">
      <c r="B15274" s="367"/>
      <c r="C15274" s="367"/>
      <c r="D15274" s="367"/>
      <c r="E15274" s="367"/>
      <c r="F15274" s="360"/>
      <c r="G15274" s="360"/>
      <c r="H15274" s="360"/>
      <c r="I15274" s="360"/>
      <c r="J15274" s="365"/>
      <c r="K15274" s="365"/>
      <c r="L15274" s="367"/>
    </row>
    <row r="15275" spans="2:12" ht="28.5">
      <c r="B15275" s="368"/>
      <c r="C15275" s="368"/>
      <c r="D15275" s="368"/>
      <c r="E15275" s="368"/>
      <c r="F15275" s="361" t="s">
        <v>14374</v>
      </c>
      <c r="G15275" s="361" t="s">
        <v>14373</v>
      </c>
      <c r="H15275" s="362"/>
      <c r="I15275" s="362"/>
      <c r="J15275" s="366"/>
      <c r="K15275" s="366"/>
      <c r="L15275" s="368"/>
    </row>
    <row r="15276" spans="2:12">
      <c r="B15276" s="358" t="s">
        <v>22447</v>
      </c>
      <c r="C15276" s="358" t="s">
        <v>22448</v>
      </c>
      <c r="D15276" s="358" t="s">
        <v>22449</v>
      </c>
      <c r="E15276" s="358" t="s">
        <v>22450</v>
      </c>
      <c r="F15276" s="358" t="s">
        <v>16426</v>
      </c>
      <c r="G15276" s="358" t="s">
        <v>15011</v>
      </c>
      <c r="H15276" s="358" t="s">
        <v>14954</v>
      </c>
      <c r="I15276" s="358" t="s">
        <v>15011</v>
      </c>
      <c r="J15276" s="358"/>
      <c r="K15276" s="358"/>
      <c r="L15276" s="358"/>
    </row>
    <row r="15277" spans="2:12">
      <c r="B15277" s="367"/>
      <c r="C15277" s="367"/>
      <c r="D15277" s="367"/>
      <c r="E15277" s="367"/>
      <c r="F15277" s="360"/>
      <c r="G15277" s="360"/>
      <c r="H15277" s="360"/>
      <c r="I15277" s="360"/>
      <c r="J15277" s="365"/>
      <c r="K15277" s="365"/>
      <c r="L15277" s="365"/>
    </row>
    <row r="15278" spans="2:12">
      <c r="B15278" s="367"/>
      <c r="C15278" s="367"/>
      <c r="D15278" s="367"/>
      <c r="E15278" s="367"/>
      <c r="F15278" s="359" t="s">
        <v>14379</v>
      </c>
      <c r="G15278" s="359" t="s">
        <v>14380</v>
      </c>
      <c r="H15278" s="359" t="s">
        <v>14378</v>
      </c>
      <c r="I15278" s="359" t="s">
        <v>14380</v>
      </c>
      <c r="J15278" s="365"/>
      <c r="K15278" s="365"/>
      <c r="L15278" s="365"/>
    </row>
    <row r="15279" spans="2:12">
      <c r="B15279" s="367"/>
      <c r="C15279" s="367"/>
      <c r="D15279" s="367"/>
      <c r="E15279" s="367"/>
      <c r="F15279" s="360"/>
      <c r="G15279" s="360"/>
      <c r="H15279" s="360"/>
      <c r="I15279" s="360"/>
      <c r="J15279" s="365"/>
      <c r="K15279" s="365"/>
      <c r="L15279" s="365"/>
    </row>
    <row r="15280" spans="2:12">
      <c r="B15280" s="367"/>
      <c r="C15280" s="367"/>
      <c r="D15280" s="367"/>
      <c r="E15280" s="367"/>
      <c r="F15280" s="359" t="s">
        <v>14530</v>
      </c>
      <c r="G15280" s="359" t="s">
        <v>14531</v>
      </c>
      <c r="H15280" s="359" t="s">
        <v>14370</v>
      </c>
      <c r="I15280" s="359" t="s">
        <v>14531</v>
      </c>
      <c r="J15280" s="365"/>
      <c r="K15280" s="365"/>
      <c r="L15280" s="365"/>
    </row>
    <row r="15281" spans="2:12">
      <c r="B15281" s="367"/>
      <c r="C15281" s="367"/>
      <c r="D15281" s="367"/>
      <c r="E15281" s="367"/>
      <c r="F15281" s="360"/>
      <c r="G15281" s="360"/>
      <c r="H15281" s="360"/>
      <c r="I15281" s="360"/>
      <c r="J15281" s="365"/>
      <c r="K15281" s="365"/>
      <c r="L15281" s="365"/>
    </row>
    <row r="15282" spans="2:12">
      <c r="B15282" s="367"/>
      <c r="C15282" s="367"/>
      <c r="D15282" s="367"/>
      <c r="E15282" s="367"/>
      <c r="F15282" s="359" t="s">
        <v>14379</v>
      </c>
      <c r="G15282" s="359" t="s">
        <v>14405</v>
      </c>
      <c r="H15282" s="359" t="s">
        <v>14332</v>
      </c>
      <c r="I15282" s="359" t="s">
        <v>14405</v>
      </c>
      <c r="J15282" s="365"/>
      <c r="K15282" s="365"/>
      <c r="L15282" s="365"/>
    </row>
    <row r="15283" spans="2:12">
      <c r="B15283" s="367"/>
      <c r="C15283" s="367"/>
      <c r="D15283" s="367"/>
      <c r="E15283" s="367"/>
      <c r="F15283" s="360"/>
      <c r="G15283" s="360"/>
      <c r="H15283" s="360"/>
      <c r="I15283" s="360"/>
      <c r="J15283" s="365"/>
      <c r="K15283" s="365"/>
      <c r="L15283" s="365"/>
    </row>
    <row r="15284" spans="2:12">
      <c r="B15284" s="367"/>
      <c r="C15284" s="367"/>
      <c r="D15284" s="367"/>
      <c r="E15284" s="367"/>
      <c r="F15284" s="359" t="s">
        <v>14371</v>
      </c>
      <c r="G15284" s="359" t="s">
        <v>14372</v>
      </c>
      <c r="H15284" s="360"/>
      <c r="I15284" s="359" t="s">
        <v>14373</v>
      </c>
      <c r="J15284" s="365"/>
      <c r="K15284" s="365"/>
      <c r="L15284" s="365"/>
    </row>
    <row r="15285" spans="2:12">
      <c r="B15285" s="367"/>
      <c r="C15285" s="367"/>
      <c r="D15285" s="367"/>
      <c r="E15285" s="367"/>
      <c r="F15285" s="360"/>
      <c r="G15285" s="360"/>
      <c r="H15285" s="360"/>
      <c r="I15285" s="360"/>
      <c r="J15285" s="365"/>
      <c r="K15285" s="365"/>
      <c r="L15285" s="365"/>
    </row>
    <row r="15286" spans="2:12" ht="28.5">
      <c r="B15286" s="368"/>
      <c r="C15286" s="368"/>
      <c r="D15286" s="368"/>
      <c r="E15286" s="368"/>
      <c r="F15286" s="361" t="s">
        <v>14374</v>
      </c>
      <c r="G15286" s="361" t="s">
        <v>14373</v>
      </c>
      <c r="H15286" s="362"/>
      <c r="I15286" s="362"/>
      <c r="J15286" s="366"/>
      <c r="K15286" s="366"/>
      <c r="L15286" s="366"/>
    </row>
    <row r="15287" spans="2:12">
      <c r="B15287" s="358" t="s">
        <v>22451</v>
      </c>
      <c r="C15287" s="358" t="s">
        <v>22452</v>
      </c>
      <c r="D15287" s="358" t="s">
        <v>22453</v>
      </c>
      <c r="E15287" s="358" t="s">
        <v>22454</v>
      </c>
      <c r="F15287" s="358" t="s">
        <v>14443</v>
      </c>
      <c r="G15287" s="358" t="s">
        <v>14444</v>
      </c>
      <c r="H15287" s="358" t="s">
        <v>14378</v>
      </c>
      <c r="I15287" s="358" t="s">
        <v>14444</v>
      </c>
      <c r="J15287" s="358"/>
      <c r="K15287" s="358"/>
      <c r="L15287" s="358"/>
    </row>
    <row r="15288" spans="2:12">
      <c r="B15288" s="367"/>
      <c r="C15288" s="367"/>
      <c r="D15288" s="367"/>
      <c r="E15288" s="367"/>
      <c r="F15288" s="360"/>
      <c r="G15288" s="360"/>
      <c r="H15288" s="360"/>
      <c r="I15288" s="360"/>
      <c r="J15288" s="365"/>
      <c r="K15288" s="365"/>
      <c r="L15288" s="365"/>
    </row>
    <row r="15289" spans="2:12">
      <c r="B15289" s="367"/>
      <c r="C15289" s="367"/>
      <c r="D15289" s="367"/>
      <c r="E15289" s="367"/>
      <c r="F15289" s="359" t="s">
        <v>14426</v>
      </c>
      <c r="G15289" s="359" t="s">
        <v>14427</v>
      </c>
      <c r="H15289" s="359" t="s">
        <v>14381</v>
      </c>
      <c r="I15289" s="359" t="s">
        <v>14427</v>
      </c>
      <c r="J15289" s="365"/>
      <c r="K15289" s="365"/>
      <c r="L15289" s="365"/>
    </row>
    <row r="15290" spans="2:12">
      <c r="B15290" s="367"/>
      <c r="C15290" s="367"/>
      <c r="D15290" s="367"/>
      <c r="E15290" s="367"/>
      <c r="F15290" s="360"/>
      <c r="G15290" s="360"/>
      <c r="H15290" s="360"/>
      <c r="I15290" s="360"/>
      <c r="J15290" s="365"/>
      <c r="K15290" s="365"/>
      <c r="L15290" s="365"/>
    </row>
    <row r="15291" spans="2:12">
      <c r="B15291" s="367"/>
      <c r="C15291" s="367"/>
      <c r="D15291" s="367"/>
      <c r="E15291" s="367"/>
      <c r="F15291" s="359" t="s">
        <v>14382</v>
      </c>
      <c r="G15291" s="359" t="s">
        <v>14483</v>
      </c>
      <c r="H15291" s="359" t="s">
        <v>14370</v>
      </c>
      <c r="I15291" s="359" t="s">
        <v>14483</v>
      </c>
      <c r="J15291" s="365"/>
      <c r="K15291" s="365"/>
      <c r="L15291" s="365"/>
    </row>
    <row r="15292" spans="2:12">
      <c r="B15292" s="367"/>
      <c r="C15292" s="367"/>
      <c r="D15292" s="367"/>
      <c r="E15292" s="367"/>
      <c r="F15292" s="360"/>
      <c r="G15292" s="360"/>
      <c r="H15292" s="360"/>
      <c r="I15292" s="360"/>
      <c r="J15292" s="365"/>
      <c r="K15292" s="365"/>
      <c r="L15292" s="365"/>
    </row>
    <row r="15293" spans="2:12">
      <c r="B15293" s="367"/>
      <c r="C15293" s="367"/>
      <c r="D15293" s="367"/>
      <c r="E15293" s="367"/>
      <c r="F15293" s="359" t="s">
        <v>14382</v>
      </c>
      <c r="G15293" s="359" t="s">
        <v>14579</v>
      </c>
      <c r="H15293" s="359" t="s">
        <v>14332</v>
      </c>
      <c r="I15293" s="359" t="s">
        <v>14579</v>
      </c>
      <c r="J15293" s="365"/>
      <c r="K15293" s="365"/>
      <c r="L15293" s="365"/>
    </row>
    <row r="15294" spans="2:12">
      <c r="B15294" s="367"/>
      <c r="C15294" s="367"/>
      <c r="D15294" s="367"/>
      <c r="E15294" s="367"/>
      <c r="F15294" s="360"/>
      <c r="G15294" s="360"/>
      <c r="H15294" s="360"/>
      <c r="I15294" s="360"/>
      <c r="J15294" s="365"/>
      <c r="K15294" s="365"/>
      <c r="L15294" s="365"/>
    </row>
    <row r="15295" spans="2:12">
      <c r="B15295" s="367"/>
      <c r="C15295" s="367"/>
      <c r="D15295" s="367"/>
      <c r="E15295" s="367"/>
      <c r="F15295" s="359" t="s">
        <v>14382</v>
      </c>
      <c r="G15295" s="359" t="s">
        <v>14383</v>
      </c>
      <c r="H15295" s="360"/>
      <c r="I15295" s="359" t="s">
        <v>14383</v>
      </c>
      <c r="J15295" s="365"/>
      <c r="K15295" s="365"/>
      <c r="L15295" s="365"/>
    </row>
    <row r="15296" spans="2:12">
      <c r="B15296" s="367"/>
      <c r="C15296" s="367"/>
      <c r="D15296" s="367"/>
      <c r="E15296" s="367"/>
      <c r="F15296" s="360"/>
      <c r="G15296" s="360"/>
      <c r="H15296" s="360"/>
      <c r="I15296" s="360"/>
      <c r="J15296" s="365"/>
      <c r="K15296" s="365"/>
      <c r="L15296" s="365"/>
    </row>
    <row r="15297" spans="2:12">
      <c r="B15297" s="367"/>
      <c r="C15297" s="367"/>
      <c r="D15297" s="367"/>
      <c r="E15297" s="367"/>
      <c r="F15297" s="359" t="s">
        <v>14460</v>
      </c>
      <c r="G15297" s="359" t="s">
        <v>14519</v>
      </c>
      <c r="H15297" s="360"/>
      <c r="I15297" s="359" t="s">
        <v>14519</v>
      </c>
      <c r="J15297" s="365"/>
      <c r="K15297" s="365"/>
      <c r="L15297" s="365"/>
    </row>
    <row r="15298" spans="2:12">
      <c r="B15298" s="367"/>
      <c r="C15298" s="367"/>
      <c r="D15298" s="367"/>
      <c r="E15298" s="367"/>
      <c r="F15298" s="360"/>
      <c r="G15298" s="360"/>
      <c r="H15298" s="360"/>
      <c r="I15298" s="360"/>
      <c r="J15298" s="365"/>
      <c r="K15298" s="365"/>
      <c r="L15298" s="365"/>
    </row>
    <row r="15299" spans="2:12" ht="28.5">
      <c r="B15299" s="368"/>
      <c r="C15299" s="368"/>
      <c r="D15299" s="368"/>
      <c r="E15299" s="368"/>
      <c r="F15299" s="361" t="s">
        <v>14394</v>
      </c>
      <c r="G15299" s="361" t="s">
        <v>14395</v>
      </c>
      <c r="H15299" s="362"/>
      <c r="I15299" s="361" t="s">
        <v>14395</v>
      </c>
      <c r="J15299" s="366"/>
      <c r="K15299" s="366"/>
      <c r="L15299" s="366"/>
    </row>
    <row r="15300" spans="2:12" ht="28.5">
      <c r="B15300" s="358" t="s">
        <v>22455</v>
      </c>
      <c r="C15300" s="358" t="s">
        <v>22456</v>
      </c>
      <c r="D15300" s="358" t="s">
        <v>8356</v>
      </c>
      <c r="E15300" s="358" t="s">
        <v>8356</v>
      </c>
      <c r="F15300" s="358" t="s">
        <v>14379</v>
      </c>
      <c r="G15300" s="358" t="s">
        <v>14380</v>
      </c>
      <c r="H15300" s="358" t="s">
        <v>14378</v>
      </c>
      <c r="I15300" s="358" t="s">
        <v>14380</v>
      </c>
      <c r="J15300" s="358"/>
      <c r="K15300" s="358"/>
      <c r="L15300" s="358" t="s">
        <v>17870</v>
      </c>
    </row>
    <row r="15301" spans="2:12">
      <c r="B15301" s="367"/>
      <c r="C15301" s="367"/>
      <c r="D15301" s="367"/>
      <c r="E15301" s="367"/>
      <c r="F15301" s="360"/>
      <c r="G15301" s="360"/>
      <c r="H15301" s="360"/>
      <c r="I15301" s="360"/>
      <c r="J15301" s="365"/>
      <c r="K15301" s="365"/>
      <c r="L15301" s="367"/>
    </row>
    <row r="15302" spans="2:12">
      <c r="B15302" s="367"/>
      <c r="C15302" s="367"/>
      <c r="D15302" s="367"/>
      <c r="E15302" s="367"/>
      <c r="F15302" s="359" t="s">
        <v>14530</v>
      </c>
      <c r="G15302" s="359" t="s">
        <v>14531</v>
      </c>
      <c r="H15302" s="359" t="s">
        <v>14381</v>
      </c>
      <c r="I15302" s="359" t="s">
        <v>14531</v>
      </c>
      <c r="J15302" s="365"/>
      <c r="K15302" s="365"/>
      <c r="L15302" s="367"/>
    </row>
    <row r="15303" spans="2:12">
      <c r="B15303" s="367"/>
      <c r="C15303" s="367"/>
      <c r="D15303" s="367"/>
      <c r="E15303" s="367"/>
      <c r="F15303" s="360"/>
      <c r="G15303" s="360"/>
      <c r="H15303" s="360"/>
      <c r="I15303" s="360"/>
      <c r="J15303" s="365"/>
      <c r="K15303" s="365"/>
      <c r="L15303" s="367"/>
    </row>
    <row r="15304" spans="2:12">
      <c r="B15304" s="367"/>
      <c r="C15304" s="367"/>
      <c r="D15304" s="367"/>
      <c r="E15304" s="367"/>
      <c r="F15304" s="359" t="s">
        <v>14379</v>
      </c>
      <c r="G15304" s="359" t="s">
        <v>14405</v>
      </c>
      <c r="H15304" s="359" t="s">
        <v>14370</v>
      </c>
      <c r="I15304" s="359" t="s">
        <v>14405</v>
      </c>
      <c r="J15304" s="365"/>
      <c r="K15304" s="365"/>
      <c r="L15304" s="367"/>
    </row>
    <row r="15305" spans="2:12">
      <c r="B15305" s="367"/>
      <c r="C15305" s="367"/>
      <c r="D15305" s="367"/>
      <c r="E15305" s="367"/>
      <c r="F15305" s="360"/>
      <c r="G15305" s="360"/>
      <c r="H15305" s="360"/>
      <c r="I15305" s="360"/>
      <c r="J15305" s="365"/>
      <c r="K15305" s="365"/>
      <c r="L15305" s="367"/>
    </row>
    <row r="15306" spans="2:12">
      <c r="B15306" s="367"/>
      <c r="C15306" s="367"/>
      <c r="D15306" s="367"/>
      <c r="E15306" s="367"/>
      <c r="F15306" s="359" t="s">
        <v>14460</v>
      </c>
      <c r="G15306" s="359" t="s">
        <v>14519</v>
      </c>
      <c r="H15306" s="359" t="s">
        <v>14332</v>
      </c>
      <c r="I15306" s="359" t="s">
        <v>14519</v>
      </c>
      <c r="J15306" s="365"/>
      <c r="K15306" s="365"/>
      <c r="L15306" s="367"/>
    </row>
    <row r="15307" spans="2:12">
      <c r="B15307" s="367"/>
      <c r="C15307" s="367"/>
      <c r="D15307" s="367"/>
      <c r="E15307" s="367"/>
      <c r="F15307" s="360"/>
      <c r="G15307" s="360"/>
      <c r="H15307" s="360"/>
      <c r="I15307" s="360"/>
      <c r="J15307" s="365"/>
      <c r="K15307" s="365"/>
      <c r="L15307" s="367"/>
    </row>
    <row r="15308" spans="2:12" ht="28.5">
      <c r="B15308" s="368"/>
      <c r="C15308" s="368"/>
      <c r="D15308" s="368"/>
      <c r="E15308" s="368"/>
      <c r="F15308" s="361" t="s">
        <v>14394</v>
      </c>
      <c r="G15308" s="361" t="s">
        <v>14395</v>
      </c>
      <c r="H15308" s="362"/>
      <c r="I15308" s="361" t="s">
        <v>14395</v>
      </c>
      <c r="J15308" s="366"/>
      <c r="K15308" s="366"/>
      <c r="L15308" s="368"/>
    </row>
    <row r="15309" spans="2:12">
      <c r="B15309" s="358" t="s">
        <v>22457</v>
      </c>
      <c r="C15309" s="358" t="s">
        <v>22458</v>
      </c>
      <c r="D15309" s="358" t="s">
        <v>22459</v>
      </c>
      <c r="E15309" s="358" t="s">
        <v>22460</v>
      </c>
      <c r="F15309" s="358" t="s">
        <v>14420</v>
      </c>
      <c r="G15309" s="358" t="s">
        <v>14459</v>
      </c>
      <c r="H15309" s="358" t="s">
        <v>14367</v>
      </c>
      <c r="I15309" s="358" t="s">
        <v>14459</v>
      </c>
      <c r="J15309" s="358"/>
      <c r="K15309" s="358" t="s">
        <v>14929</v>
      </c>
      <c r="L15309" s="358"/>
    </row>
    <row r="15310" spans="2:12">
      <c r="B15310" s="367"/>
      <c r="C15310" s="367"/>
      <c r="D15310" s="367"/>
      <c r="E15310" s="367"/>
      <c r="F15310" s="360"/>
      <c r="G15310" s="360"/>
      <c r="H15310" s="360"/>
      <c r="I15310" s="360"/>
      <c r="J15310" s="365"/>
      <c r="K15310" s="367"/>
      <c r="L15310" s="365"/>
    </row>
    <row r="15311" spans="2:12">
      <c r="B15311" s="368"/>
      <c r="C15311" s="368"/>
      <c r="D15311" s="368"/>
      <c r="E15311" s="368"/>
      <c r="F15311" s="361" t="s">
        <v>14420</v>
      </c>
      <c r="G15311" s="361" t="s">
        <v>14429</v>
      </c>
      <c r="H15311" s="361" t="s">
        <v>14422</v>
      </c>
      <c r="I15311" s="361" t="s">
        <v>14429</v>
      </c>
      <c r="J15311" s="366"/>
      <c r="K15311" s="368"/>
      <c r="L15311" s="366"/>
    </row>
    <row r="15312" spans="2:12">
      <c r="B15312" s="358" t="s">
        <v>22461</v>
      </c>
      <c r="C15312" s="358" t="s">
        <v>22462</v>
      </c>
      <c r="D15312" s="358" t="s">
        <v>22463</v>
      </c>
      <c r="E15312" s="358" t="s">
        <v>22464</v>
      </c>
      <c r="F15312" s="358" t="s">
        <v>14382</v>
      </c>
      <c r="G15312" s="358" t="s">
        <v>14383</v>
      </c>
      <c r="H15312" s="358" t="s">
        <v>14378</v>
      </c>
      <c r="I15312" s="358" t="s">
        <v>14383</v>
      </c>
      <c r="J15312" s="358"/>
      <c r="K15312" s="358"/>
      <c r="L15312" s="358"/>
    </row>
    <row r="15313" spans="2:12">
      <c r="B15313" s="367"/>
      <c r="C15313" s="367"/>
      <c r="D15313" s="367"/>
      <c r="E15313" s="367"/>
      <c r="F15313" s="360"/>
      <c r="G15313" s="360"/>
      <c r="H15313" s="360"/>
      <c r="I15313" s="360"/>
      <c r="J15313" s="365"/>
      <c r="K15313" s="365"/>
      <c r="L15313" s="365"/>
    </row>
    <row r="15314" spans="2:12" ht="28.5">
      <c r="B15314" s="367"/>
      <c r="C15314" s="367"/>
      <c r="D15314" s="367"/>
      <c r="E15314" s="367"/>
      <c r="F15314" s="359" t="s">
        <v>14394</v>
      </c>
      <c r="G15314" s="359" t="s">
        <v>14395</v>
      </c>
      <c r="H15314" s="359" t="s">
        <v>14370</v>
      </c>
      <c r="I15314" s="359" t="s">
        <v>14395</v>
      </c>
      <c r="J15314" s="365"/>
      <c r="K15314" s="365"/>
      <c r="L15314" s="365"/>
    </row>
    <row r="15315" spans="2:12">
      <c r="B15315" s="367"/>
      <c r="C15315" s="367"/>
      <c r="D15315" s="367"/>
      <c r="E15315" s="367"/>
      <c r="F15315" s="360"/>
      <c r="G15315" s="360"/>
      <c r="H15315" s="360"/>
      <c r="I15315" s="360"/>
      <c r="J15315" s="365"/>
      <c r="K15315" s="365"/>
      <c r="L15315" s="365"/>
    </row>
    <row r="15316" spans="2:12">
      <c r="B15316" s="368"/>
      <c r="C15316" s="368"/>
      <c r="D15316" s="368"/>
      <c r="E15316" s="368"/>
      <c r="F15316" s="362"/>
      <c r="G15316" s="362"/>
      <c r="H15316" s="361" t="s">
        <v>14332</v>
      </c>
      <c r="I15316" s="362"/>
      <c r="J15316" s="366"/>
      <c r="K15316" s="366"/>
      <c r="L15316" s="366"/>
    </row>
    <row r="15317" spans="2:12">
      <c r="B15317" s="358" t="s">
        <v>22465</v>
      </c>
      <c r="C15317" s="358" t="s">
        <v>22466</v>
      </c>
      <c r="D15317" s="358" t="s">
        <v>22467</v>
      </c>
      <c r="E15317" s="358" t="s">
        <v>22468</v>
      </c>
      <c r="F15317" s="358" t="s">
        <v>14420</v>
      </c>
      <c r="G15317" s="358" t="s">
        <v>14429</v>
      </c>
      <c r="H15317" s="358" t="s">
        <v>14367</v>
      </c>
      <c r="I15317" s="358" t="s">
        <v>14429</v>
      </c>
      <c r="J15317" s="358"/>
      <c r="K15317" s="358"/>
      <c r="L15317" s="358"/>
    </row>
    <row r="15318" spans="2:12">
      <c r="B15318" s="367"/>
      <c r="C15318" s="367"/>
      <c r="D15318" s="367"/>
      <c r="E15318" s="367"/>
      <c r="F15318" s="360"/>
      <c r="G15318" s="360"/>
      <c r="H15318" s="360"/>
      <c r="I15318" s="360"/>
      <c r="J15318" s="365"/>
      <c r="K15318" s="365"/>
      <c r="L15318" s="365"/>
    </row>
    <row r="15319" spans="2:12" ht="28.5">
      <c r="B15319" s="367"/>
      <c r="C15319" s="367"/>
      <c r="D15319" s="367"/>
      <c r="E15319" s="367"/>
      <c r="F15319" s="359" t="s">
        <v>14394</v>
      </c>
      <c r="G15319" s="359" t="s">
        <v>14395</v>
      </c>
      <c r="H15319" s="359" t="s">
        <v>14370</v>
      </c>
      <c r="I15319" s="359" t="s">
        <v>14395</v>
      </c>
      <c r="J15319" s="365"/>
      <c r="K15319" s="365"/>
      <c r="L15319" s="365"/>
    </row>
    <row r="15320" spans="2:12">
      <c r="B15320" s="367"/>
      <c r="C15320" s="367"/>
      <c r="D15320" s="367"/>
      <c r="E15320" s="367"/>
      <c r="F15320" s="360"/>
      <c r="G15320" s="360"/>
      <c r="H15320" s="360"/>
      <c r="I15320" s="360"/>
      <c r="J15320" s="365"/>
      <c r="K15320" s="365"/>
      <c r="L15320" s="365"/>
    </row>
    <row r="15321" spans="2:12">
      <c r="B15321" s="368"/>
      <c r="C15321" s="368"/>
      <c r="D15321" s="368"/>
      <c r="E15321" s="368"/>
      <c r="F15321" s="362"/>
      <c r="G15321" s="362"/>
      <c r="H15321" s="361" t="s">
        <v>14422</v>
      </c>
      <c r="I15321" s="362"/>
      <c r="J15321" s="366"/>
      <c r="K15321" s="366"/>
      <c r="L15321" s="366"/>
    </row>
    <row r="15322" spans="2:12">
      <c r="B15322" s="358" t="s">
        <v>22469</v>
      </c>
      <c r="C15322" s="358" t="s">
        <v>22470</v>
      </c>
      <c r="D15322" s="358" t="s">
        <v>22471</v>
      </c>
      <c r="E15322" s="358" t="s">
        <v>22472</v>
      </c>
      <c r="F15322" s="358" t="s">
        <v>14420</v>
      </c>
      <c r="G15322" s="358" t="s">
        <v>14429</v>
      </c>
      <c r="H15322" s="358" t="s">
        <v>14381</v>
      </c>
      <c r="I15322" s="358" t="s">
        <v>14429</v>
      </c>
      <c r="J15322" s="358"/>
      <c r="K15322" s="358"/>
      <c r="L15322" s="358"/>
    </row>
    <row r="15323" spans="2:12">
      <c r="B15323" s="367"/>
      <c r="C15323" s="367"/>
      <c r="D15323" s="367"/>
      <c r="E15323" s="367"/>
      <c r="F15323" s="360"/>
      <c r="G15323" s="360"/>
      <c r="H15323" s="360"/>
      <c r="I15323" s="360"/>
      <c r="J15323" s="365"/>
      <c r="K15323" s="365"/>
      <c r="L15323" s="365"/>
    </row>
    <row r="15324" spans="2:12">
      <c r="B15324" s="367"/>
      <c r="C15324" s="367"/>
      <c r="D15324" s="367"/>
      <c r="E15324" s="367"/>
      <c r="F15324" s="359" t="s">
        <v>14460</v>
      </c>
      <c r="G15324" s="359" t="s">
        <v>14519</v>
      </c>
      <c r="H15324" s="359" t="s">
        <v>14341</v>
      </c>
      <c r="I15324" s="359" t="s">
        <v>14519</v>
      </c>
      <c r="J15324" s="365"/>
      <c r="K15324" s="365"/>
      <c r="L15324" s="365"/>
    </row>
    <row r="15325" spans="2:12">
      <c r="B15325" s="367"/>
      <c r="C15325" s="367"/>
      <c r="D15325" s="367"/>
      <c r="E15325" s="367"/>
      <c r="F15325" s="360"/>
      <c r="G15325" s="360"/>
      <c r="H15325" s="360"/>
      <c r="I15325" s="360"/>
      <c r="J15325" s="365"/>
      <c r="K15325" s="365"/>
      <c r="L15325" s="365"/>
    </row>
    <row r="15326" spans="2:12">
      <c r="B15326" s="367"/>
      <c r="C15326" s="367"/>
      <c r="D15326" s="367"/>
      <c r="E15326" s="367"/>
      <c r="F15326" s="359" t="s">
        <v>14356</v>
      </c>
      <c r="G15326" s="359" t="s">
        <v>14340</v>
      </c>
      <c r="H15326" s="359" t="s">
        <v>14367</v>
      </c>
      <c r="I15326" s="359" t="s">
        <v>14340</v>
      </c>
      <c r="J15326" s="365"/>
      <c r="K15326" s="365"/>
      <c r="L15326" s="365"/>
    </row>
    <row r="15327" spans="2:12">
      <c r="B15327" s="367"/>
      <c r="C15327" s="367"/>
      <c r="D15327" s="367"/>
      <c r="E15327" s="367"/>
      <c r="F15327" s="360"/>
      <c r="G15327" s="360"/>
      <c r="H15327" s="360"/>
      <c r="I15327" s="360"/>
      <c r="J15327" s="365"/>
      <c r="K15327" s="365"/>
      <c r="L15327" s="365"/>
    </row>
    <row r="15328" spans="2:12">
      <c r="B15328" s="367"/>
      <c r="C15328" s="367"/>
      <c r="D15328" s="367"/>
      <c r="E15328" s="367"/>
      <c r="F15328" s="359" t="s">
        <v>14391</v>
      </c>
      <c r="G15328" s="359" t="s">
        <v>14392</v>
      </c>
      <c r="H15328" s="359" t="s">
        <v>14370</v>
      </c>
      <c r="I15328" s="359" t="s">
        <v>14392</v>
      </c>
      <c r="J15328" s="365"/>
      <c r="K15328" s="365"/>
      <c r="L15328" s="365"/>
    </row>
    <row r="15329" spans="2:12">
      <c r="B15329" s="367"/>
      <c r="C15329" s="367"/>
      <c r="D15329" s="367"/>
      <c r="E15329" s="367"/>
      <c r="F15329" s="360"/>
      <c r="G15329" s="360"/>
      <c r="H15329" s="360"/>
      <c r="I15329" s="360"/>
      <c r="J15329" s="365"/>
      <c r="K15329" s="365"/>
      <c r="L15329" s="365"/>
    </row>
    <row r="15330" spans="2:12">
      <c r="B15330" s="367"/>
      <c r="C15330" s="367"/>
      <c r="D15330" s="367"/>
      <c r="E15330" s="367"/>
      <c r="F15330" s="359" t="s">
        <v>14371</v>
      </c>
      <c r="G15330" s="359" t="s">
        <v>14372</v>
      </c>
      <c r="H15330" s="359" t="s">
        <v>14332</v>
      </c>
      <c r="I15330" s="359" t="s">
        <v>14373</v>
      </c>
      <c r="J15330" s="365"/>
      <c r="K15330" s="365"/>
      <c r="L15330" s="365"/>
    </row>
    <row r="15331" spans="2:12">
      <c r="B15331" s="367"/>
      <c r="C15331" s="367"/>
      <c r="D15331" s="367"/>
      <c r="E15331" s="367"/>
      <c r="F15331" s="360"/>
      <c r="G15331" s="360"/>
      <c r="H15331" s="360"/>
      <c r="I15331" s="360"/>
      <c r="J15331" s="365"/>
      <c r="K15331" s="365"/>
      <c r="L15331" s="365"/>
    </row>
    <row r="15332" spans="2:12" ht="28.5">
      <c r="B15332" s="368"/>
      <c r="C15332" s="368"/>
      <c r="D15332" s="368"/>
      <c r="E15332" s="368"/>
      <c r="F15332" s="361" t="s">
        <v>14374</v>
      </c>
      <c r="G15332" s="361" t="s">
        <v>14373</v>
      </c>
      <c r="H15332" s="362"/>
      <c r="I15332" s="362"/>
      <c r="J15332" s="366"/>
      <c r="K15332" s="366"/>
      <c r="L15332" s="366"/>
    </row>
    <row r="15333" spans="2:12">
      <c r="B15333" s="358" t="s">
        <v>10474</v>
      </c>
      <c r="C15333" s="358" t="s">
        <v>22473</v>
      </c>
      <c r="D15333" s="358" t="s">
        <v>10475</v>
      </c>
      <c r="E15333" s="358" t="s">
        <v>10476</v>
      </c>
      <c r="F15333" s="358" t="s">
        <v>28860</v>
      </c>
      <c r="G15333" s="358" t="s">
        <v>14669</v>
      </c>
      <c r="H15333" s="358" t="s">
        <v>14381</v>
      </c>
      <c r="I15333" s="358" t="s">
        <v>14669</v>
      </c>
      <c r="J15333" s="358"/>
      <c r="K15333" s="358"/>
      <c r="L15333" s="358"/>
    </row>
    <row r="15334" spans="2:12">
      <c r="B15334" s="367"/>
      <c r="C15334" s="367"/>
      <c r="D15334" s="367"/>
      <c r="E15334" s="367"/>
      <c r="F15334" s="360"/>
      <c r="G15334" s="360"/>
      <c r="H15334" s="360"/>
      <c r="I15334" s="360"/>
      <c r="J15334" s="365"/>
      <c r="K15334" s="365"/>
      <c r="L15334" s="365"/>
    </row>
    <row r="15335" spans="2:12">
      <c r="B15335" s="367"/>
      <c r="C15335" s="367"/>
      <c r="D15335" s="367"/>
      <c r="E15335" s="367"/>
      <c r="F15335" s="359" t="s">
        <v>14420</v>
      </c>
      <c r="G15335" s="359" t="s">
        <v>14427</v>
      </c>
      <c r="H15335" s="359" t="s">
        <v>14367</v>
      </c>
      <c r="I15335" s="359" t="s">
        <v>14427</v>
      </c>
      <c r="J15335" s="365"/>
      <c r="K15335" s="365"/>
      <c r="L15335" s="365"/>
    </row>
    <row r="15336" spans="2:12">
      <c r="B15336" s="367"/>
      <c r="C15336" s="367"/>
      <c r="D15336" s="367"/>
      <c r="E15336" s="367"/>
      <c r="F15336" s="360"/>
      <c r="G15336" s="360"/>
      <c r="H15336" s="360"/>
      <c r="I15336" s="360"/>
      <c r="J15336" s="365"/>
      <c r="K15336" s="365"/>
      <c r="L15336" s="365"/>
    </row>
    <row r="15337" spans="2:12">
      <c r="B15337" s="367"/>
      <c r="C15337" s="367"/>
      <c r="D15337" s="367"/>
      <c r="E15337" s="367"/>
      <c r="F15337" s="359" t="s">
        <v>14420</v>
      </c>
      <c r="G15337" s="359" t="s">
        <v>14459</v>
      </c>
      <c r="H15337" s="359" t="s">
        <v>14370</v>
      </c>
      <c r="I15337" s="359" t="s">
        <v>14459</v>
      </c>
      <c r="J15337" s="365"/>
      <c r="K15337" s="365"/>
      <c r="L15337" s="365"/>
    </row>
    <row r="15338" spans="2:12">
      <c r="B15338" s="367"/>
      <c r="C15338" s="367"/>
      <c r="D15338" s="367"/>
      <c r="E15338" s="367"/>
      <c r="F15338" s="360"/>
      <c r="G15338" s="360"/>
      <c r="H15338" s="360"/>
      <c r="I15338" s="360"/>
      <c r="J15338" s="365"/>
      <c r="K15338" s="365"/>
      <c r="L15338" s="365"/>
    </row>
    <row r="15339" spans="2:12">
      <c r="B15339" s="367"/>
      <c r="C15339" s="367"/>
      <c r="D15339" s="367"/>
      <c r="E15339" s="367"/>
      <c r="F15339" s="359" t="s">
        <v>14460</v>
      </c>
      <c r="G15339" s="359" t="s">
        <v>14429</v>
      </c>
      <c r="H15339" s="359" t="s">
        <v>14332</v>
      </c>
      <c r="I15339" s="359" t="s">
        <v>14429</v>
      </c>
      <c r="J15339" s="365"/>
      <c r="K15339" s="365"/>
      <c r="L15339" s="365"/>
    </row>
    <row r="15340" spans="2:12">
      <c r="B15340" s="367"/>
      <c r="C15340" s="367"/>
      <c r="D15340" s="367"/>
      <c r="E15340" s="367"/>
      <c r="F15340" s="360"/>
      <c r="G15340" s="360"/>
      <c r="H15340" s="360"/>
      <c r="I15340" s="360"/>
      <c r="J15340" s="365"/>
      <c r="K15340" s="365"/>
      <c r="L15340" s="365"/>
    </row>
    <row r="15341" spans="2:12">
      <c r="B15341" s="367"/>
      <c r="C15341" s="367"/>
      <c r="D15341" s="367"/>
      <c r="E15341" s="367"/>
      <c r="F15341" s="359" t="s">
        <v>14371</v>
      </c>
      <c r="G15341" s="359" t="s">
        <v>14519</v>
      </c>
      <c r="H15341" s="360"/>
      <c r="I15341" s="359" t="s">
        <v>14519</v>
      </c>
      <c r="J15341" s="365"/>
      <c r="K15341" s="365"/>
      <c r="L15341" s="365"/>
    </row>
    <row r="15342" spans="2:12">
      <c r="B15342" s="367"/>
      <c r="C15342" s="367"/>
      <c r="D15342" s="367"/>
      <c r="E15342" s="367"/>
      <c r="F15342" s="360"/>
      <c r="G15342" s="360"/>
      <c r="H15342" s="360"/>
      <c r="I15342" s="360"/>
      <c r="J15342" s="365"/>
      <c r="K15342" s="365"/>
      <c r="L15342" s="365"/>
    </row>
    <row r="15343" spans="2:12" ht="28.5">
      <c r="B15343" s="367"/>
      <c r="C15343" s="367"/>
      <c r="D15343" s="367"/>
      <c r="E15343" s="367"/>
      <c r="F15343" s="359" t="s">
        <v>14374</v>
      </c>
      <c r="G15343" s="359" t="s">
        <v>14372</v>
      </c>
      <c r="H15343" s="360"/>
      <c r="I15343" s="359" t="s">
        <v>14373</v>
      </c>
      <c r="J15343" s="365"/>
      <c r="K15343" s="365"/>
      <c r="L15343" s="365"/>
    </row>
    <row r="15344" spans="2:12">
      <c r="B15344" s="367"/>
      <c r="C15344" s="367"/>
      <c r="D15344" s="367"/>
      <c r="E15344" s="367"/>
      <c r="F15344" s="360"/>
      <c r="G15344" s="360"/>
      <c r="H15344" s="360"/>
      <c r="I15344" s="360"/>
      <c r="J15344" s="365"/>
      <c r="K15344" s="365"/>
      <c r="L15344" s="365"/>
    </row>
    <row r="15345" spans="2:12">
      <c r="B15345" s="368"/>
      <c r="C15345" s="368"/>
      <c r="D15345" s="368"/>
      <c r="E15345" s="368"/>
      <c r="F15345" s="362"/>
      <c r="G15345" s="361" t="s">
        <v>14373</v>
      </c>
      <c r="H15345" s="362"/>
      <c r="I15345" s="362"/>
      <c r="J15345" s="366"/>
      <c r="K15345" s="366"/>
      <c r="L15345" s="366"/>
    </row>
    <row r="15346" spans="2:12">
      <c r="B15346" s="358" t="s">
        <v>22474</v>
      </c>
      <c r="C15346" s="358" t="s">
        <v>22475</v>
      </c>
      <c r="D15346" s="358" t="s">
        <v>22476</v>
      </c>
      <c r="E15346" s="358" t="s">
        <v>22477</v>
      </c>
      <c r="F15346" s="358" t="s">
        <v>14420</v>
      </c>
      <c r="G15346" s="358" t="s">
        <v>14459</v>
      </c>
      <c r="H15346" s="358" t="s">
        <v>14367</v>
      </c>
      <c r="I15346" s="358" t="s">
        <v>14459</v>
      </c>
      <c r="J15346" s="358"/>
      <c r="K15346" s="358"/>
      <c r="L15346" s="358"/>
    </row>
    <row r="15347" spans="2:12">
      <c r="B15347" s="367"/>
      <c r="C15347" s="367"/>
      <c r="D15347" s="367"/>
      <c r="E15347" s="367"/>
      <c r="F15347" s="360"/>
      <c r="G15347" s="360"/>
      <c r="H15347" s="360"/>
      <c r="I15347" s="360"/>
      <c r="J15347" s="365"/>
      <c r="K15347" s="365"/>
      <c r="L15347" s="365"/>
    </row>
    <row r="15348" spans="2:12">
      <c r="B15348" s="368"/>
      <c r="C15348" s="368"/>
      <c r="D15348" s="368"/>
      <c r="E15348" s="368"/>
      <c r="F15348" s="361" t="s">
        <v>14420</v>
      </c>
      <c r="G15348" s="361" t="s">
        <v>14429</v>
      </c>
      <c r="H15348" s="361" t="s">
        <v>14422</v>
      </c>
      <c r="I15348" s="361" t="s">
        <v>14429</v>
      </c>
      <c r="J15348" s="366"/>
      <c r="K15348" s="366"/>
      <c r="L15348" s="366"/>
    </row>
    <row r="15349" spans="2:12">
      <c r="B15349" s="358" t="s">
        <v>22478</v>
      </c>
      <c r="C15349" s="358" t="s">
        <v>22479</v>
      </c>
      <c r="D15349" s="358" t="s">
        <v>22480</v>
      </c>
      <c r="E15349" s="358" t="s">
        <v>22481</v>
      </c>
      <c r="F15349" s="358" t="s">
        <v>14382</v>
      </c>
      <c r="G15349" s="358" t="s">
        <v>14383</v>
      </c>
      <c r="H15349" s="358" t="s">
        <v>14378</v>
      </c>
      <c r="I15349" s="358" t="s">
        <v>14383</v>
      </c>
      <c r="J15349" s="358"/>
      <c r="K15349" s="358"/>
      <c r="L15349" s="358"/>
    </row>
    <row r="15350" spans="2:12">
      <c r="B15350" s="367"/>
      <c r="C15350" s="360"/>
      <c r="D15350" s="367"/>
      <c r="E15350" s="367"/>
      <c r="F15350" s="360"/>
      <c r="G15350" s="360"/>
      <c r="H15350" s="360"/>
      <c r="I15350" s="360"/>
      <c r="J15350" s="365"/>
      <c r="K15350" s="365"/>
      <c r="L15350" s="365"/>
    </row>
    <row r="15351" spans="2:12">
      <c r="B15351" s="367"/>
      <c r="C15351" s="359" t="s">
        <v>22482</v>
      </c>
      <c r="D15351" s="367"/>
      <c r="E15351" s="367"/>
      <c r="F15351" s="359" t="s">
        <v>14420</v>
      </c>
      <c r="G15351" s="359" t="s">
        <v>14421</v>
      </c>
      <c r="H15351" s="359" t="s">
        <v>14332</v>
      </c>
      <c r="I15351" s="359" t="s">
        <v>14421</v>
      </c>
      <c r="J15351" s="365"/>
      <c r="K15351" s="365"/>
      <c r="L15351" s="365"/>
    </row>
    <row r="15352" spans="2:12">
      <c r="B15352" s="367"/>
      <c r="C15352" s="360"/>
      <c r="D15352" s="367"/>
      <c r="E15352" s="367"/>
      <c r="F15352" s="360"/>
      <c r="G15352" s="360"/>
      <c r="H15352" s="360"/>
      <c r="I15352" s="360"/>
      <c r="J15352" s="365"/>
      <c r="K15352" s="365"/>
      <c r="L15352" s="365"/>
    </row>
    <row r="15353" spans="2:12" ht="28.5">
      <c r="B15353" s="368"/>
      <c r="C15353" s="362"/>
      <c r="D15353" s="368"/>
      <c r="E15353" s="368"/>
      <c r="F15353" s="361" t="s">
        <v>14472</v>
      </c>
      <c r="G15353" s="361" t="s">
        <v>14473</v>
      </c>
      <c r="H15353" s="362"/>
      <c r="I15353" s="361" t="s">
        <v>14473</v>
      </c>
      <c r="J15353" s="366"/>
      <c r="K15353" s="366"/>
      <c r="L15353" s="366"/>
    </row>
    <row r="15354" spans="2:12" ht="28.5">
      <c r="B15354" s="358" t="s">
        <v>10478</v>
      </c>
      <c r="C15354" s="358" t="s">
        <v>27770</v>
      </c>
      <c r="D15354" s="358" t="s">
        <v>10479</v>
      </c>
      <c r="E15354" s="358" t="s">
        <v>10480</v>
      </c>
      <c r="F15354" s="358" t="s">
        <v>29436</v>
      </c>
      <c r="G15354" s="358" t="s">
        <v>14669</v>
      </c>
      <c r="H15354" s="358" t="s">
        <v>14381</v>
      </c>
      <c r="I15354" s="358" t="s">
        <v>14669</v>
      </c>
      <c r="J15354" s="358"/>
      <c r="K15354" s="358"/>
      <c r="L15354" s="358"/>
    </row>
    <row r="15355" spans="2:12">
      <c r="B15355" s="367"/>
      <c r="C15355" s="360"/>
      <c r="D15355" s="367"/>
      <c r="E15355" s="367"/>
      <c r="F15355" s="367"/>
      <c r="G15355" s="360"/>
      <c r="H15355" s="360"/>
      <c r="I15355" s="360"/>
      <c r="J15355" s="365"/>
      <c r="K15355" s="365"/>
      <c r="L15355" s="365"/>
    </row>
    <row r="15356" spans="2:12">
      <c r="B15356" s="368"/>
      <c r="C15356" s="361" t="s">
        <v>22483</v>
      </c>
      <c r="D15356" s="368"/>
      <c r="E15356" s="368"/>
      <c r="F15356" s="368"/>
      <c r="G15356" s="361" t="s">
        <v>14496</v>
      </c>
      <c r="H15356" s="361" t="s">
        <v>14332</v>
      </c>
      <c r="I15356" s="361" t="s">
        <v>14496</v>
      </c>
      <c r="J15356" s="366"/>
      <c r="K15356" s="366"/>
      <c r="L15356" s="366"/>
    </row>
    <row r="15357" spans="2:12" ht="42.75">
      <c r="B15357" s="358" t="s">
        <v>10481</v>
      </c>
      <c r="C15357" s="358" t="s">
        <v>29437</v>
      </c>
      <c r="D15357" s="358" t="s">
        <v>10482</v>
      </c>
      <c r="E15357" s="358" t="s">
        <v>1193</v>
      </c>
      <c r="F15357" s="358" t="s">
        <v>14376</v>
      </c>
      <c r="G15357" s="358" t="s">
        <v>14669</v>
      </c>
      <c r="H15357" s="358" t="s">
        <v>14381</v>
      </c>
      <c r="I15357" s="358" t="s">
        <v>14669</v>
      </c>
      <c r="J15357" s="358"/>
      <c r="K15357" s="358"/>
      <c r="L15357" s="358"/>
    </row>
    <row r="15358" spans="2:12">
      <c r="B15358" s="367"/>
      <c r="C15358" s="360"/>
      <c r="D15358" s="367"/>
      <c r="E15358" s="367"/>
      <c r="F15358" s="367"/>
      <c r="G15358" s="367"/>
      <c r="H15358" s="360"/>
      <c r="I15358" s="367"/>
      <c r="J15358" s="365"/>
      <c r="K15358" s="365"/>
      <c r="L15358" s="365"/>
    </row>
    <row r="15359" spans="2:12">
      <c r="B15359" s="368"/>
      <c r="C15359" s="361" t="s">
        <v>22484</v>
      </c>
      <c r="D15359" s="368"/>
      <c r="E15359" s="368"/>
      <c r="F15359" s="368"/>
      <c r="G15359" s="368"/>
      <c r="H15359" s="361" t="s">
        <v>14332</v>
      </c>
      <c r="I15359" s="368"/>
      <c r="J15359" s="366"/>
      <c r="K15359" s="366"/>
      <c r="L15359" s="366"/>
    </row>
    <row r="15360" spans="2:12">
      <c r="B15360" s="358" t="s">
        <v>10483</v>
      </c>
      <c r="C15360" s="358" t="s">
        <v>27771</v>
      </c>
      <c r="D15360" s="358" t="s">
        <v>285</v>
      </c>
      <c r="E15360" s="358" t="s">
        <v>286</v>
      </c>
      <c r="F15360" s="358" t="s">
        <v>14376</v>
      </c>
      <c r="G15360" s="358" t="s">
        <v>14669</v>
      </c>
      <c r="H15360" s="358" t="s">
        <v>14381</v>
      </c>
      <c r="I15360" s="358" t="s">
        <v>14669</v>
      </c>
      <c r="J15360" s="358"/>
      <c r="K15360" s="358"/>
      <c r="L15360" s="358"/>
    </row>
    <row r="15361" spans="2:12">
      <c r="B15361" s="367"/>
      <c r="C15361" s="360"/>
      <c r="D15361" s="367"/>
      <c r="E15361" s="367"/>
      <c r="F15361" s="360"/>
      <c r="G15361" s="360"/>
      <c r="H15361" s="360"/>
      <c r="I15361" s="360"/>
      <c r="J15361" s="365"/>
      <c r="K15361" s="365"/>
      <c r="L15361" s="365"/>
    </row>
    <row r="15362" spans="2:12">
      <c r="B15362" s="367"/>
      <c r="C15362" s="359" t="s">
        <v>22485</v>
      </c>
      <c r="D15362" s="367"/>
      <c r="E15362" s="367"/>
      <c r="F15362" s="359" t="s">
        <v>14391</v>
      </c>
      <c r="G15362" s="359" t="s">
        <v>14392</v>
      </c>
      <c r="H15362" s="359" t="s">
        <v>14332</v>
      </c>
      <c r="I15362" s="359" t="s">
        <v>14392</v>
      </c>
      <c r="J15362" s="365"/>
      <c r="K15362" s="365"/>
      <c r="L15362" s="365"/>
    </row>
    <row r="15363" spans="2:12">
      <c r="B15363" s="367"/>
      <c r="C15363" s="360"/>
      <c r="D15363" s="367"/>
      <c r="E15363" s="367"/>
      <c r="F15363" s="360"/>
      <c r="G15363" s="360"/>
      <c r="H15363" s="360"/>
      <c r="I15363" s="360"/>
      <c r="J15363" s="365"/>
      <c r="K15363" s="365"/>
      <c r="L15363" s="365"/>
    </row>
    <row r="15364" spans="2:12">
      <c r="B15364" s="367"/>
      <c r="C15364" s="359" t="s">
        <v>29438</v>
      </c>
      <c r="D15364" s="367"/>
      <c r="E15364" s="367"/>
      <c r="F15364" s="360"/>
      <c r="G15364" s="360"/>
      <c r="H15364" s="360"/>
      <c r="I15364" s="360"/>
      <c r="J15364" s="365"/>
      <c r="K15364" s="365"/>
      <c r="L15364" s="365"/>
    </row>
    <row r="15365" spans="2:12">
      <c r="B15365" s="367"/>
      <c r="C15365" s="360"/>
      <c r="D15365" s="367"/>
      <c r="E15365" s="367"/>
      <c r="F15365" s="360"/>
      <c r="G15365" s="360"/>
      <c r="H15365" s="360"/>
      <c r="I15365" s="360"/>
      <c r="J15365" s="365"/>
      <c r="K15365" s="365"/>
      <c r="L15365" s="365"/>
    </row>
    <row r="15366" spans="2:12">
      <c r="B15366" s="368"/>
      <c r="C15366" s="361" t="s">
        <v>284</v>
      </c>
      <c r="D15366" s="368"/>
      <c r="E15366" s="368"/>
      <c r="F15366" s="362"/>
      <c r="G15366" s="362"/>
      <c r="H15366" s="362"/>
      <c r="I15366" s="362"/>
      <c r="J15366" s="366"/>
      <c r="K15366" s="366"/>
      <c r="L15366" s="366"/>
    </row>
    <row r="15367" spans="2:12">
      <c r="B15367" s="358" t="s">
        <v>22486</v>
      </c>
      <c r="C15367" s="358" t="s">
        <v>22487</v>
      </c>
      <c r="D15367" s="358" t="s">
        <v>22488</v>
      </c>
      <c r="E15367" s="358" t="s">
        <v>22489</v>
      </c>
      <c r="F15367" s="358" t="s">
        <v>14420</v>
      </c>
      <c r="G15367" s="358" t="s">
        <v>14429</v>
      </c>
      <c r="H15367" s="358" t="s">
        <v>14367</v>
      </c>
      <c r="I15367" s="358" t="s">
        <v>14429</v>
      </c>
      <c r="J15367" s="358"/>
      <c r="K15367" s="358"/>
      <c r="L15367" s="358"/>
    </row>
    <row r="15368" spans="2:12">
      <c r="B15368" s="367"/>
      <c r="C15368" s="360"/>
      <c r="D15368" s="367"/>
      <c r="E15368" s="367"/>
      <c r="F15368" s="367"/>
      <c r="G15368" s="367"/>
      <c r="H15368" s="360"/>
      <c r="I15368" s="367"/>
      <c r="J15368" s="365"/>
      <c r="K15368" s="365"/>
      <c r="L15368" s="365"/>
    </row>
    <row r="15369" spans="2:12">
      <c r="B15369" s="368"/>
      <c r="C15369" s="361" t="s">
        <v>22490</v>
      </c>
      <c r="D15369" s="368"/>
      <c r="E15369" s="368"/>
      <c r="F15369" s="368"/>
      <c r="G15369" s="368"/>
      <c r="H15369" s="361" t="s">
        <v>14422</v>
      </c>
      <c r="I15369" s="368"/>
      <c r="J15369" s="366"/>
      <c r="K15369" s="366"/>
      <c r="L15369" s="366"/>
    </row>
    <row r="15370" spans="2:12">
      <c r="B15370" s="358" t="s">
        <v>10484</v>
      </c>
      <c r="C15370" s="358" t="s">
        <v>22491</v>
      </c>
      <c r="D15370" s="358" t="s">
        <v>192</v>
      </c>
      <c r="E15370" s="358" t="s">
        <v>574</v>
      </c>
      <c r="F15370" s="358" t="s">
        <v>14376</v>
      </c>
      <c r="G15370" s="358" t="s">
        <v>14669</v>
      </c>
      <c r="H15370" s="358" t="s">
        <v>14381</v>
      </c>
      <c r="I15370" s="358" t="s">
        <v>14669</v>
      </c>
      <c r="J15370" s="358"/>
      <c r="K15370" s="358"/>
      <c r="L15370" s="358"/>
    </row>
    <row r="15371" spans="2:12">
      <c r="B15371" s="367"/>
      <c r="C15371" s="360"/>
      <c r="D15371" s="367"/>
      <c r="E15371" s="367"/>
      <c r="F15371" s="360"/>
      <c r="G15371" s="360"/>
      <c r="H15371" s="360"/>
      <c r="I15371" s="360"/>
      <c r="J15371" s="365"/>
      <c r="K15371" s="365"/>
      <c r="L15371" s="365"/>
    </row>
    <row r="15372" spans="2:12">
      <c r="B15372" s="367"/>
      <c r="C15372" s="359" t="s">
        <v>22492</v>
      </c>
      <c r="D15372" s="367"/>
      <c r="E15372" s="367"/>
      <c r="F15372" s="359" t="s">
        <v>14371</v>
      </c>
      <c r="G15372" s="359" t="s">
        <v>14372</v>
      </c>
      <c r="H15372" s="359" t="s">
        <v>14370</v>
      </c>
      <c r="I15372" s="359" t="s">
        <v>14373</v>
      </c>
      <c r="J15372" s="365"/>
      <c r="K15372" s="365"/>
      <c r="L15372" s="365"/>
    </row>
    <row r="15373" spans="2:12">
      <c r="B15373" s="367"/>
      <c r="C15373" s="360"/>
      <c r="D15373" s="367"/>
      <c r="E15373" s="367"/>
      <c r="F15373" s="360"/>
      <c r="G15373" s="360"/>
      <c r="H15373" s="360"/>
      <c r="I15373" s="360"/>
      <c r="J15373" s="365"/>
      <c r="K15373" s="365"/>
      <c r="L15373" s="365"/>
    </row>
    <row r="15374" spans="2:12" ht="28.5">
      <c r="B15374" s="368"/>
      <c r="C15374" s="362"/>
      <c r="D15374" s="368"/>
      <c r="E15374" s="368"/>
      <c r="F15374" s="361" t="s">
        <v>14374</v>
      </c>
      <c r="G15374" s="361" t="s">
        <v>14373</v>
      </c>
      <c r="H15374" s="361" t="s">
        <v>14332</v>
      </c>
      <c r="I15374" s="362"/>
      <c r="J15374" s="366"/>
      <c r="K15374" s="366"/>
      <c r="L15374" s="366"/>
    </row>
    <row r="15375" spans="2:12" ht="57">
      <c r="B15375" s="358" t="s">
        <v>22493</v>
      </c>
      <c r="C15375" s="358" t="s">
        <v>29439</v>
      </c>
      <c r="D15375" s="358" t="s">
        <v>22494</v>
      </c>
      <c r="E15375" s="358" t="s">
        <v>8356</v>
      </c>
      <c r="F15375" s="358" t="s">
        <v>14420</v>
      </c>
      <c r="G15375" s="358" t="s">
        <v>14459</v>
      </c>
      <c r="H15375" s="358" t="s">
        <v>14367</v>
      </c>
      <c r="I15375" s="358" t="s">
        <v>14459</v>
      </c>
      <c r="J15375" s="358"/>
      <c r="K15375" s="358"/>
      <c r="L15375" s="358"/>
    </row>
    <row r="15376" spans="2:12">
      <c r="B15376" s="367"/>
      <c r="C15376" s="367"/>
      <c r="D15376" s="367"/>
      <c r="E15376" s="367"/>
      <c r="F15376" s="360"/>
      <c r="G15376" s="360"/>
      <c r="H15376" s="360"/>
      <c r="I15376" s="360"/>
      <c r="J15376" s="365"/>
      <c r="K15376" s="365"/>
      <c r="L15376" s="365"/>
    </row>
    <row r="15377" spans="2:12" ht="28.5">
      <c r="B15377" s="368"/>
      <c r="C15377" s="368"/>
      <c r="D15377" s="368"/>
      <c r="E15377" s="368"/>
      <c r="F15377" s="361" t="s">
        <v>14472</v>
      </c>
      <c r="G15377" s="361" t="s">
        <v>14473</v>
      </c>
      <c r="H15377" s="361" t="s">
        <v>14422</v>
      </c>
      <c r="I15377" s="361" t="s">
        <v>14473</v>
      </c>
      <c r="J15377" s="366"/>
      <c r="K15377" s="366"/>
      <c r="L15377" s="366"/>
    </row>
    <row r="15378" spans="2:12" ht="28.5">
      <c r="B15378" s="358" t="s">
        <v>22495</v>
      </c>
      <c r="C15378" s="358" t="s">
        <v>30315</v>
      </c>
      <c r="D15378" s="358" t="s">
        <v>22496</v>
      </c>
      <c r="E15378" s="358" t="s">
        <v>22497</v>
      </c>
      <c r="F15378" s="358" t="s">
        <v>14391</v>
      </c>
      <c r="G15378" s="358" t="s">
        <v>14392</v>
      </c>
      <c r="H15378" s="358" t="s">
        <v>14367</v>
      </c>
      <c r="I15378" s="358" t="s">
        <v>14392</v>
      </c>
      <c r="J15378" s="358"/>
      <c r="K15378" s="358"/>
      <c r="L15378" s="358"/>
    </row>
    <row r="15379" spans="2:12">
      <c r="B15379" s="367"/>
      <c r="C15379" s="367"/>
      <c r="D15379" s="367"/>
      <c r="E15379" s="367"/>
      <c r="F15379" s="360"/>
      <c r="G15379" s="360"/>
      <c r="H15379" s="360"/>
      <c r="I15379" s="360"/>
      <c r="J15379" s="365"/>
      <c r="K15379" s="365"/>
      <c r="L15379" s="365"/>
    </row>
    <row r="15380" spans="2:12" ht="28.5">
      <c r="B15380" s="368"/>
      <c r="C15380" s="368"/>
      <c r="D15380" s="368"/>
      <c r="E15380" s="368"/>
      <c r="F15380" s="361" t="s">
        <v>14472</v>
      </c>
      <c r="G15380" s="361" t="s">
        <v>14473</v>
      </c>
      <c r="H15380" s="361" t="s">
        <v>14422</v>
      </c>
      <c r="I15380" s="361" t="s">
        <v>14473</v>
      </c>
      <c r="J15380" s="366"/>
      <c r="K15380" s="366"/>
      <c r="L15380" s="366"/>
    </row>
    <row r="15381" spans="2:12" ht="57">
      <c r="B15381" s="358" t="s">
        <v>22498</v>
      </c>
      <c r="C15381" s="358" t="s">
        <v>30316</v>
      </c>
      <c r="D15381" s="358" t="s">
        <v>22499</v>
      </c>
      <c r="E15381" s="358" t="s">
        <v>8356</v>
      </c>
      <c r="F15381" s="358" t="s">
        <v>14430</v>
      </c>
      <c r="G15381" s="358" t="s">
        <v>14431</v>
      </c>
      <c r="H15381" s="358" t="s">
        <v>14341</v>
      </c>
      <c r="I15381" s="358" t="s">
        <v>14431</v>
      </c>
      <c r="J15381" s="358"/>
      <c r="K15381" s="358"/>
      <c r="L15381" s="358"/>
    </row>
    <row r="15382" spans="2:12">
      <c r="B15382" s="367"/>
      <c r="C15382" s="367"/>
      <c r="D15382" s="367"/>
      <c r="E15382" s="367"/>
      <c r="F15382" s="360"/>
      <c r="G15382" s="360"/>
      <c r="H15382" s="360"/>
      <c r="I15382" s="360"/>
      <c r="J15382" s="365"/>
      <c r="K15382" s="365"/>
      <c r="L15382" s="365"/>
    </row>
    <row r="15383" spans="2:12" ht="28.5">
      <c r="B15383" s="367"/>
      <c r="C15383" s="367"/>
      <c r="D15383" s="367"/>
      <c r="E15383" s="367"/>
      <c r="F15383" s="359" t="s">
        <v>14394</v>
      </c>
      <c r="G15383" s="359" t="s">
        <v>14395</v>
      </c>
      <c r="H15383" s="359" t="s">
        <v>14370</v>
      </c>
      <c r="I15383" s="359" t="s">
        <v>14395</v>
      </c>
      <c r="J15383" s="365"/>
      <c r="K15383" s="365"/>
      <c r="L15383" s="365"/>
    </row>
    <row r="15384" spans="2:12">
      <c r="B15384" s="367"/>
      <c r="C15384" s="367"/>
      <c r="D15384" s="367"/>
      <c r="E15384" s="367"/>
      <c r="F15384" s="360"/>
      <c r="G15384" s="360"/>
      <c r="H15384" s="360"/>
      <c r="I15384" s="360"/>
      <c r="J15384" s="365"/>
      <c r="K15384" s="365"/>
      <c r="L15384" s="365"/>
    </row>
    <row r="15385" spans="2:12">
      <c r="B15385" s="368"/>
      <c r="C15385" s="368"/>
      <c r="D15385" s="368"/>
      <c r="E15385" s="368"/>
      <c r="F15385" s="362"/>
      <c r="G15385" s="362"/>
      <c r="H15385" s="361" t="s">
        <v>22500</v>
      </c>
      <c r="I15385" s="362"/>
      <c r="J15385" s="366"/>
      <c r="K15385" s="366"/>
      <c r="L15385" s="366"/>
    </row>
    <row r="15386" spans="2:12" ht="114">
      <c r="B15386" s="358" t="s">
        <v>22501</v>
      </c>
      <c r="C15386" s="358" t="s">
        <v>30317</v>
      </c>
      <c r="D15386" s="358" t="s">
        <v>22502</v>
      </c>
      <c r="E15386" s="358" t="s">
        <v>22503</v>
      </c>
      <c r="F15386" s="358" t="s">
        <v>14391</v>
      </c>
      <c r="G15386" s="358" t="s">
        <v>14392</v>
      </c>
      <c r="H15386" s="358" t="s">
        <v>14367</v>
      </c>
      <c r="I15386" s="358" t="s">
        <v>14392</v>
      </c>
      <c r="J15386" s="358"/>
      <c r="K15386" s="358"/>
      <c r="L15386" s="358"/>
    </row>
    <row r="15387" spans="2:12">
      <c r="B15387" s="367"/>
      <c r="C15387" s="367"/>
      <c r="D15387" s="367"/>
      <c r="E15387" s="367"/>
      <c r="F15387" s="367"/>
      <c r="G15387" s="367"/>
      <c r="H15387" s="360"/>
      <c r="I15387" s="367"/>
      <c r="J15387" s="365"/>
      <c r="K15387" s="365"/>
      <c r="L15387" s="365"/>
    </row>
    <row r="15388" spans="2:12">
      <c r="B15388" s="368"/>
      <c r="C15388" s="368"/>
      <c r="D15388" s="368"/>
      <c r="E15388" s="368"/>
      <c r="F15388" s="368"/>
      <c r="G15388" s="368"/>
      <c r="H15388" s="361" t="s">
        <v>14422</v>
      </c>
      <c r="I15388" s="368"/>
      <c r="J15388" s="366"/>
      <c r="K15388" s="366"/>
      <c r="L15388" s="366"/>
    </row>
    <row r="15389" spans="2:12" ht="57">
      <c r="B15389" s="358" t="s">
        <v>22504</v>
      </c>
      <c r="C15389" s="358" t="s">
        <v>22505</v>
      </c>
      <c r="D15389" s="358" t="s">
        <v>22506</v>
      </c>
      <c r="E15389" s="358" t="s">
        <v>22507</v>
      </c>
      <c r="F15389" s="358" t="s">
        <v>22508</v>
      </c>
      <c r="G15389" s="358" t="s">
        <v>22509</v>
      </c>
      <c r="H15389" s="358" t="s">
        <v>14954</v>
      </c>
      <c r="I15389" s="358" t="s">
        <v>22509</v>
      </c>
      <c r="J15389" s="358"/>
      <c r="K15389" s="358"/>
      <c r="L15389" s="358"/>
    </row>
    <row r="15390" spans="2:12">
      <c r="B15390" s="367"/>
      <c r="C15390" s="367"/>
      <c r="D15390" s="367"/>
      <c r="E15390" s="367"/>
      <c r="F15390" s="360"/>
      <c r="G15390" s="360"/>
      <c r="H15390" s="360"/>
      <c r="I15390" s="360"/>
      <c r="J15390" s="365"/>
      <c r="K15390" s="365"/>
      <c r="L15390" s="365"/>
    </row>
    <row r="15391" spans="2:12" ht="28.5">
      <c r="B15391" s="367"/>
      <c r="C15391" s="367"/>
      <c r="D15391" s="367"/>
      <c r="E15391" s="367"/>
      <c r="F15391" s="359" t="s">
        <v>14394</v>
      </c>
      <c r="G15391" s="359" t="s">
        <v>14395</v>
      </c>
      <c r="H15391" s="359" t="s">
        <v>14370</v>
      </c>
      <c r="I15391" s="359" t="s">
        <v>14395</v>
      </c>
      <c r="J15391" s="365"/>
      <c r="K15391" s="365"/>
      <c r="L15391" s="365"/>
    </row>
    <row r="15392" spans="2:12">
      <c r="B15392" s="367"/>
      <c r="C15392" s="367"/>
      <c r="D15392" s="367"/>
      <c r="E15392" s="367"/>
      <c r="F15392" s="360"/>
      <c r="G15392" s="360"/>
      <c r="H15392" s="360"/>
      <c r="I15392" s="360"/>
      <c r="J15392" s="365"/>
      <c r="K15392" s="365"/>
      <c r="L15392" s="365"/>
    </row>
    <row r="15393" spans="2:12">
      <c r="B15393" s="368"/>
      <c r="C15393" s="368"/>
      <c r="D15393" s="368"/>
      <c r="E15393" s="368"/>
      <c r="F15393" s="362"/>
      <c r="G15393" s="362"/>
      <c r="H15393" s="361" t="s">
        <v>14332</v>
      </c>
      <c r="I15393" s="362"/>
      <c r="J15393" s="366"/>
      <c r="K15393" s="366"/>
      <c r="L15393" s="366"/>
    </row>
    <row r="15394" spans="2:12" ht="57">
      <c r="B15394" s="358" t="s">
        <v>22510</v>
      </c>
      <c r="C15394" s="358" t="s">
        <v>22511</v>
      </c>
      <c r="D15394" s="358" t="s">
        <v>22512</v>
      </c>
      <c r="E15394" s="358" t="s">
        <v>22513</v>
      </c>
      <c r="F15394" s="358" t="s">
        <v>14391</v>
      </c>
      <c r="G15394" s="358" t="s">
        <v>14392</v>
      </c>
      <c r="H15394" s="358" t="s">
        <v>14367</v>
      </c>
      <c r="I15394" s="358" t="s">
        <v>14392</v>
      </c>
      <c r="J15394" s="358"/>
      <c r="K15394" s="358"/>
      <c r="L15394" s="358"/>
    </row>
    <row r="15395" spans="2:12">
      <c r="B15395" s="367"/>
      <c r="C15395" s="367"/>
      <c r="D15395" s="367"/>
      <c r="E15395" s="367"/>
      <c r="F15395" s="367"/>
      <c r="G15395" s="367"/>
      <c r="H15395" s="360"/>
      <c r="I15395" s="367"/>
      <c r="J15395" s="365"/>
      <c r="K15395" s="365"/>
      <c r="L15395" s="365"/>
    </row>
    <row r="15396" spans="2:12">
      <c r="B15396" s="368"/>
      <c r="C15396" s="368"/>
      <c r="D15396" s="368"/>
      <c r="E15396" s="368"/>
      <c r="F15396" s="368"/>
      <c r="G15396" s="368"/>
      <c r="H15396" s="361" t="s">
        <v>14422</v>
      </c>
      <c r="I15396" s="368"/>
      <c r="J15396" s="366"/>
      <c r="K15396" s="366"/>
      <c r="L15396" s="366"/>
    </row>
    <row r="15397" spans="2:12" ht="71.25">
      <c r="B15397" s="358" t="s">
        <v>22514</v>
      </c>
      <c r="C15397" s="358" t="s">
        <v>22515</v>
      </c>
      <c r="D15397" s="358" t="s">
        <v>22516</v>
      </c>
      <c r="E15397" s="358" t="s">
        <v>22517</v>
      </c>
      <c r="F15397" s="358" t="s">
        <v>14391</v>
      </c>
      <c r="G15397" s="358" t="s">
        <v>14392</v>
      </c>
      <c r="H15397" s="358" t="s">
        <v>14367</v>
      </c>
      <c r="I15397" s="358" t="s">
        <v>14392</v>
      </c>
      <c r="J15397" s="358"/>
      <c r="K15397" s="358"/>
      <c r="L15397" s="358"/>
    </row>
    <row r="15398" spans="2:12">
      <c r="B15398" s="367"/>
      <c r="C15398" s="367"/>
      <c r="D15398" s="367"/>
      <c r="E15398" s="367"/>
      <c r="F15398" s="367"/>
      <c r="G15398" s="367"/>
      <c r="H15398" s="360"/>
      <c r="I15398" s="367"/>
      <c r="J15398" s="365"/>
      <c r="K15398" s="365"/>
      <c r="L15398" s="365"/>
    </row>
    <row r="15399" spans="2:12">
      <c r="B15399" s="368"/>
      <c r="C15399" s="368"/>
      <c r="D15399" s="368"/>
      <c r="E15399" s="368"/>
      <c r="F15399" s="368"/>
      <c r="G15399" s="368"/>
      <c r="H15399" s="361" t="s">
        <v>14422</v>
      </c>
      <c r="I15399" s="368"/>
      <c r="J15399" s="366"/>
      <c r="K15399" s="366"/>
      <c r="L15399" s="366"/>
    </row>
    <row r="15400" spans="2:12" ht="142.5">
      <c r="B15400" s="358" t="s">
        <v>22518</v>
      </c>
      <c r="C15400" s="358" t="s">
        <v>29440</v>
      </c>
      <c r="D15400" s="358" t="s">
        <v>22519</v>
      </c>
      <c r="E15400" s="358" t="s">
        <v>8356</v>
      </c>
      <c r="F15400" s="358" t="s">
        <v>14391</v>
      </c>
      <c r="G15400" s="358" t="s">
        <v>14392</v>
      </c>
      <c r="H15400" s="358" t="s">
        <v>14367</v>
      </c>
      <c r="I15400" s="358" t="s">
        <v>14392</v>
      </c>
      <c r="J15400" s="358"/>
      <c r="K15400" s="358"/>
      <c r="L15400" s="358"/>
    </row>
    <row r="15401" spans="2:12">
      <c r="B15401" s="367"/>
      <c r="C15401" s="367"/>
      <c r="D15401" s="367"/>
      <c r="E15401" s="367"/>
      <c r="F15401" s="367"/>
      <c r="G15401" s="367"/>
      <c r="H15401" s="360"/>
      <c r="I15401" s="367"/>
      <c r="J15401" s="365"/>
      <c r="K15401" s="365"/>
      <c r="L15401" s="365"/>
    </row>
    <row r="15402" spans="2:12">
      <c r="B15402" s="368"/>
      <c r="C15402" s="368"/>
      <c r="D15402" s="368"/>
      <c r="E15402" s="368"/>
      <c r="F15402" s="368"/>
      <c r="G15402" s="368"/>
      <c r="H15402" s="361" t="s">
        <v>14422</v>
      </c>
      <c r="I15402" s="368"/>
      <c r="J15402" s="366"/>
      <c r="K15402" s="366"/>
      <c r="L15402" s="366"/>
    </row>
    <row r="15403" spans="2:12" ht="28.5">
      <c r="B15403" s="358" t="s">
        <v>22520</v>
      </c>
      <c r="C15403" s="358" t="s">
        <v>27772</v>
      </c>
      <c r="D15403" s="358" t="s">
        <v>22521</v>
      </c>
      <c r="E15403" s="358" t="s">
        <v>8356</v>
      </c>
      <c r="F15403" s="358" t="s">
        <v>14391</v>
      </c>
      <c r="G15403" s="358" t="s">
        <v>14392</v>
      </c>
      <c r="H15403" s="358" t="s">
        <v>14367</v>
      </c>
      <c r="I15403" s="358" t="s">
        <v>14392</v>
      </c>
      <c r="J15403" s="358"/>
      <c r="K15403" s="358"/>
      <c r="L15403" s="358"/>
    </row>
    <row r="15404" spans="2:12">
      <c r="B15404" s="367"/>
      <c r="C15404" s="367"/>
      <c r="D15404" s="367"/>
      <c r="E15404" s="367"/>
      <c r="F15404" s="360"/>
      <c r="G15404" s="360"/>
      <c r="H15404" s="360"/>
      <c r="I15404" s="360"/>
      <c r="J15404" s="365"/>
      <c r="K15404" s="365"/>
      <c r="L15404" s="365"/>
    </row>
    <row r="15405" spans="2:12" ht="28.5">
      <c r="B15405" s="367"/>
      <c r="C15405" s="367"/>
      <c r="D15405" s="367"/>
      <c r="E15405" s="367"/>
      <c r="F15405" s="359" t="s">
        <v>14394</v>
      </c>
      <c r="G15405" s="359" t="s">
        <v>14395</v>
      </c>
      <c r="H15405" s="359" t="s">
        <v>14370</v>
      </c>
      <c r="I15405" s="359" t="s">
        <v>14395</v>
      </c>
      <c r="J15405" s="365"/>
      <c r="K15405" s="365"/>
      <c r="L15405" s="365"/>
    </row>
    <row r="15406" spans="2:12">
      <c r="B15406" s="367"/>
      <c r="C15406" s="367"/>
      <c r="D15406" s="367"/>
      <c r="E15406" s="367"/>
      <c r="F15406" s="360"/>
      <c r="G15406" s="360"/>
      <c r="H15406" s="360"/>
      <c r="I15406" s="360"/>
      <c r="J15406" s="365"/>
      <c r="K15406" s="365"/>
      <c r="L15406" s="365"/>
    </row>
    <row r="15407" spans="2:12">
      <c r="B15407" s="368"/>
      <c r="C15407" s="368"/>
      <c r="D15407" s="368"/>
      <c r="E15407" s="368"/>
      <c r="F15407" s="362"/>
      <c r="G15407" s="362"/>
      <c r="H15407" s="361" t="s">
        <v>14422</v>
      </c>
      <c r="I15407" s="362"/>
      <c r="J15407" s="366"/>
      <c r="K15407" s="366"/>
      <c r="L15407" s="366"/>
    </row>
    <row r="15408" spans="2:12" ht="42.75">
      <c r="B15408" s="358" t="s">
        <v>22522</v>
      </c>
      <c r="C15408" s="358" t="s">
        <v>22523</v>
      </c>
      <c r="D15408" s="358" t="s">
        <v>22524</v>
      </c>
      <c r="E15408" s="358" t="s">
        <v>8356</v>
      </c>
      <c r="F15408" s="358" t="s">
        <v>14391</v>
      </c>
      <c r="G15408" s="358" t="s">
        <v>14392</v>
      </c>
      <c r="H15408" s="358" t="s">
        <v>14367</v>
      </c>
      <c r="I15408" s="358" t="s">
        <v>14392</v>
      </c>
      <c r="J15408" s="358"/>
      <c r="K15408" s="358"/>
      <c r="L15408" s="358"/>
    </row>
    <row r="15409" spans="2:12">
      <c r="B15409" s="367"/>
      <c r="C15409" s="367"/>
      <c r="D15409" s="367"/>
      <c r="E15409" s="367"/>
      <c r="F15409" s="367"/>
      <c r="G15409" s="367"/>
      <c r="H15409" s="360"/>
      <c r="I15409" s="367"/>
      <c r="J15409" s="365"/>
      <c r="K15409" s="365"/>
      <c r="L15409" s="365"/>
    </row>
    <row r="15410" spans="2:12">
      <c r="B15410" s="368"/>
      <c r="C15410" s="368"/>
      <c r="D15410" s="368"/>
      <c r="E15410" s="368"/>
      <c r="F15410" s="368"/>
      <c r="G15410" s="368"/>
      <c r="H15410" s="361" t="s">
        <v>14422</v>
      </c>
      <c r="I15410" s="368"/>
      <c r="J15410" s="366"/>
      <c r="K15410" s="366"/>
      <c r="L15410" s="366"/>
    </row>
    <row r="15411" spans="2:12" ht="42.75">
      <c r="B15411" s="358" t="s">
        <v>22525</v>
      </c>
      <c r="C15411" s="358" t="s">
        <v>22526</v>
      </c>
      <c r="D15411" s="358" t="s">
        <v>22527</v>
      </c>
      <c r="E15411" s="358" t="s">
        <v>22528</v>
      </c>
      <c r="F15411" s="358" t="s">
        <v>14391</v>
      </c>
      <c r="G15411" s="358" t="s">
        <v>14392</v>
      </c>
      <c r="H15411" s="358" t="s">
        <v>14367</v>
      </c>
      <c r="I15411" s="358" t="s">
        <v>14392</v>
      </c>
      <c r="J15411" s="358"/>
      <c r="K15411" s="358"/>
      <c r="L15411" s="358"/>
    </row>
    <row r="15412" spans="2:12">
      <c r="B15412" s="367"/>
      <c r="C15412" s="367"/>
      <c r="D15412" s="367"/>
      <c r="E15412" s="367"/>
      <c r="F15412" s="367"/>
      <c r="G15412" s="367"/>
      <c r="H15412" s="360"/>
      <c r="I15412" s="367"/>
      <c r="J15412" s="365"/>
      <c r="K15412" s="365"/>
      <c r="L15412" s="365"/>
    </row>
    <row r="15413" spans="2:12">
      <c r="B15413" s="368"/>
      <c r="C15413" s="368"/>
      <c r="D15413" s="368"/>
      <c r="E15413" s="368"/>
      <c r="F15413" s="368"/>
      <c r="G15413" s="368"/>
      <c r="H15413" s="361" t="s">
        <v>14422</v>
      </c>
      <c r="I15413" s="368"/>
      <c r="J15413" s="366"/>
      <c r="K15413" s="366"/>
      <c r="L15413" s="366"/>
    </row>
    <row r="15414" spans="2:12">
      <c r="B15414" s="358" t="s">
        <v>22529</v>
      </c>
      <c r="C15414" s="358" t="s">
        <v>29441</v>
      </c>
      <c r="D15414" s="358" t="s">
        <v>22530</v>
      </c>
      <c r="E15414" s="358" t="s">
        <v>22531</v>
      </c>
      <c r="F15414" s="358" t="s">
        <v>14382</v>
      </c>
      <c r="G15414" s="358" t="s">
        <v>14383</v>
      </c>
      <c r="H15414" s="358" t="s">
        <v>14378</v>
      </c>
      <c r="I15414" s="358" t="s">
        <v>14383</v>
      </c>
      <c r="J15414" s="358"/>
      <c r="K15414" s="358"/>
      <c r="L15414" s="358"/>
    </row>
    <row r="15415" spans="2:12">
      <c r="B15415" s="367"/>
      <c r="C15415" s="360"/>
      <c r="D15415" s="367"/>
      <c r="E15415" s="367"/>
      <c r="F15415" s="360"/>
      <c r="G15415" s="360"/>
      <c r="H15415" s="360"/>
      <c r="I15415" s="360"/>
      <c r="J15415" s="365"/>
      <c r="K15415" s="365"/>
      <c r="L15415" s="365"/>
    </row>
    <row r="15416" spans="2:12" ht="42.75">
      <c r="B15416" s="367"/>
      <c r="C15416" s="359" t="s">
        <v>29442</v>
      </c>
      <c r="D15416" s="367"/>
      <c r="E15416" s="367"/>
      <c r="F15416" s="359" t="s">
        <v>14391</v>
      </c>
      <c r="G15416" s="359" t="s">
        <v>14392</v>
      </c>
      <c r="H15416" s="359" t="s">
        <v>14332</v>
      </c>
      <c r="I15416" s="359" t="s">
        <v>14392</v>
      </c>
      <c r="J15416" s="365"/>
      <c r="K15416" s="365"/>
      <c r="L15416" s="365"/>
    </row>
    <row r="15417" spans="2:12">
      <c r="B15417" s="367"/>
      <c r="C15417" s="360"/>
      <c r="D15417" s="367"/>
      <c r="E15417" s="367"/>
      <c r="F15417" s="360"/>
      <c r="G15417" s="360"/>
      <c r="H15417" s="360"/>
      <c r="I15417" s="360"/>
      <c r="J15417" s="365"/>
      <c r="K15417" s="365"/>
      <c r="L15417" s="365"/>
    </row>
    <row r="15418" spans="2:12" ht="28.5">
      <c r="B15418" s="368"/>
      <c r="C15418" s="362"/>
      <c r="D15418" s="368"/>
      <c r="E15418" s="368"/>
      <c r="F15418" s="361" t="s">
        <v>14472</v>
      </c>
      <c r="G15418" s="361" t="s">
        <v>14473</v>
      </c>
      <c r="H15418" s="362"/>
      <c r="I15418" s="361" t="s">
        <v>14473</v>
      </c>
      <c r="J15418" s="366"/>
      <c r="K15418" s="366"/>
      <c r="L15418" s="366"/>
    </row>
    <row r="15419" spans="2:12" ht="28.5">
      <c r="B15419" s="358" t="s">
        <v>22532</v>
      </c>
      <c r="C15419" s="358" t="s">
        <v>27773</v>
      </c>
      <c r="D15419" s="358" t="s">
        <v>22533</v>
      </c>
      <c r="E15419" s="358" t="s">
        <v>8356</v>
      </c>
      <c r="F15419" s="358" t="s">
        <v>14420</v>
      </c>
      <c r="G15419" s="358" t="s">
        <v>14429</v>
      </c>
      <c r="H15419" s="358" t="s">
        <v>14381</v>
      </c>
      <c r="I15419" s="358" t="s">
        <v>14429</v>
      </c>
      <c r="J15419" s="358"/>
      <c r="K15419" s="358"/>
      <c r="L15419" s="358"/>
    </row>
    <row r="15420" spans="2:12">
      <c r="B15420" s="367"/>
      <c r="C15420" s="367"/>
      <c r="D15420" s="367"/>
      <c r="E15420" s="367"/>
      <c r="F15420" s="360"/>
      <c r="G15420" s="360"/>
      <c r="H15420" s="360"/>
      <c r="I15420" s="360"/>
      <c r="J15420" s="365"/>
      <c r="K15420" s="365"/>
      <c r="L15420" s="365"/>
    </row>
    <row r="15421" spans="2:12" ht="28.5">
      <c r="B15421" s="367"/>
      <c r="C15421" s="367"/>
      <c r="D15421" s="367"/>
      <c r="E15421" s="367"/>
      <c r="F15421" s="359" t="s">
        <v>14460</v>
      </c>
      <c r="G15421" s="359" t="s">
        <v>28851</v>
      </c>
      <c r="H15421" s="359" t="s">
        <v>14367</v>
      </c>
      <c r="I15421" s="359" t="s">
        <v>14519</v>
      </c>
      <c r="J15421" s="365"/>
      <c r="K15421" s="365"/>
      <c r="L15421" s="365"/>
    </row>
    <row r="15422" spans="2:12">
      <c r="B15422" s="367"/>
      <c r="C15422" s="367"/>
      <c r="D15422" s="367"/>
      <c r="E15422" s="367"/>
      <c r="F15422" s="360"/>
      <c r="G15422" s="360"/>
      <c r="H15422" s="360"/>
      <c r="I15422" s="360"/>
      <c r="J15422" s="365"/>
      <c r="K15422" s="365"/>
      <c r="L15422" s="365"/>
    </row>
    <row r="15423" spans="2:12">
      <c r="B15423" s="367"/>
      <c r="C15423" s="367"/>
      <c r="D15423" s="367"/>
      <c r="E15423" s="367"/>
      <c r="F15423" s="359" t="s">
        <v>14389</v>
      </c>
      <c r="G15423" s="359" t="s">
        <v>14463</v>
      </c>
      <c r="H15423" s="359" t="s">
        <v>14422</v>
      </c>
      <c r="I15423" s="359" t="s">
        <v>14390</v>
      </c>
      <c r="J15423" s="365"/>
      <c r="K15423" s="365"/>
      <c r="L15423" s="365"/>
    </row>
    <row r="15424" spans="2:12">
      <c r="B15424" s="367"/>
      <c r="C15424" s="367"/>
      <c r="D15424" s="367"/>
      <c r="E15424" s="367"/>
      <c r="F15424" s="360"/>
      <c r="G15424" s="360"/>
      <c r="H15424" s="360"/>
      <c r="I15424" s="360"/>
      <c r="J15424" s="365"/>
      <c r="K15424" s="365"/>
      <c r="L15424" s="365"/>
    </row>
    <row r="15425" spans="2:12" ht="28.5">
      <c r="B15425" s="368"/>
      <c r="C15425" s="368"/>
      <c r="D15425" s="368"/>
      <c r="E15425" s="368"/>
      <c r="F15425" s="361" t="s">
        <v>14462</v>
      </c>
      <c r="G15425" s="362"/>
      <c r="H15425" s="362"/>
      <c r="I15425" s="361" t="s">
        <v>14463</v>
      </c>
      <c r="J15425" s="366"/>
      <c r="K15425" s="366"/>
      <c r="L15425" s="366"/>
    </row>
    <row r="15426" spans="2:12" ht="28.5">
      <c r="B15426" s="358" t="s">
        <v>22534</v>
      </c>
      <c r="C15426" s="358" t="s">
        <v>22535</v>
      </c>
      <c r="D15426" s="358" t="s">
        <v>22536</v>
      </c>
      <c r="E15426" s="358" t="s">
        <v>8356</v>
      </c>
      <c r="F15426" s="358" t="s">
        <v>22063</v>
      </c>
      <c r="G15426" s="358" t="s">
        <v>16363</v>
      </c>
      <c r="H15426" s="358" t="s">
        <v>14328</v>
      </c>
      <c r="I15426" s="358" t="s">
        <v>16363</v>
      </c>
      <c r="J15426" s="358"/>
      <c r="K15426" s="358"/>
      <c r="L15426" s="358" t="s">
        <v>14513</v>
      </c>
    </row>
    <row r="15427" spans="2:12">
      <c r="B15427" s="367"/>
      <c r="C15427" s="367"/>
      <c r="D15427" s="367"/>
      <c r="E15427" s="367"/>
      <c r="F15427" s="360"/>
      <c r="G15427" s="360"/>
      <c r="H15427" s="360"/>
      <c r="I15427" s="360"/>
      <c r="J15427" s="365"/>
      <c r="K15427" s="365"/>
      <c r="L15427" s="367"/>
    </row>
    <row r="15428" spans="2:12">
      <c r="B15428" s="367"/>
      <c r="C15428" s="367"/>
      <c r="D15428" s="367"/>
      <c r="E15428" s="367"/>
      <c r="F15428" s="359" t="s">
        <v>14382</v>
      </c>
      <c r="G15428" s="359" t="s">
        <v>14483</v>
      </c>
      <c r="H15428" s="359" t="s">
        <v>14378</v>
      </c>
      <c r="I15428" s="359" t="s">
        <v>14483</v>
      </c>
      <c r="J15428" s="365"/>
      <c r="K15428" s="365"/>
      <c r="L15428" s="367"/>
    </row>
    <row r="15429" spans="2:12">
      <c r="B15429" s="367"/>
      <c r="C15429" s="367"/>
      <c r="D15429" s="367"/>
      <c r="E15429" s="367"/>
      <c r="F15429" s="360"/>
      <c r="G15429" s="360"/>
      <c r="H15429" s="360"/>
      <c r="I15429" s="360"/>
      <c r="J15429" s="365"/>
      <c r="K15429" s="365"/>
      <c r="L15429" s="367"/>
    </row>
    <row r="15430" spans="2:12">
      <c r="B15430" s="367"/>
      <c r="C15430" s="367"/>
      <c r="D15430" s="367"/>
      <c r="E15430" s="367"/>
      <c r="F15430" s="359" t="s">
        <v>14382</v>
      </c>
      <c r="G15430" s="359" t="s">
        <v>14383</v>
      </c>
      <c r="H15430" s="359" t="s">
        <v>14381</v>
      </c>
      <c r="I15430" s="359" t="s">
        <v>14383</v>
      </c>
      <c r="J15430" s="365"/>
      <c r="K15430" s="365"/>
      <c r="L15430" s="367"/>
    </row>
    <row r="15431" spans="2:12">
      <c r="B15431" s="367"/>
      <c r="C15431" s="367"/>
      <c r="D15431" s="367"/>
      <c r="E15431" s="367"/>
      <c r="F15431" s="360"/>
      <c r="G15431" s="360"/>
      <c r="H15431" s="360"/>
      <c r="I15431" s="360"/>
      <c r="J15431" s="365"/>
      <c r="K15431" s="365"/>
      <c r="L15431" s="367"/>
    </row>
    <row r="15432" spans="2:12">
      <c r="B15432" s="367"/>
      <c r="C15432" s="367"/>
      <c r="D15432" s="367"/>
      <c r="E15432" s="367"/>
      <c r="F15432" s="359" t="s">
        <v>14420</v>
      </c>
      <c r="G15432" s="359" t="s">
        <v>14421</v>
      </c>
      <c r="H15432" s="359" t="s">
        <v>14341</v>
      </c>
      <c r="I15432" s="359" t="s">
        <v>14421</v>
      </c>
      <c r="J15432" s="365"/>
      <c r="K15432" s="365"/>
      <c r="L15432" s="367"/>
    </row>
    <row r="15433" spans="2:12">
      <c r="B15433" s="367"/>
      <c r="C15433" s="367"/>
      <c r="D15433" s="367"/>
      <c r="E15433" s="367"/>
      <c r="F15433" s="360"/>
      <c r="G15433" s="360"/>
      <c r="H15433" s="360"/>
      <c r="I15433" s="360"/>
      <c r="J15433" s="365"/>
      <c r="K15433" s="365"/>
      <c r="L15433" s="367"/>
    </row>
    <row r="15434" spans="2:12">
      <c r="B15434" s="367"/>
      <c r="C15434" s="367"/>
      <c r="D15434" s="367"/>
      <c r="E15434" s="367"/>
      <c r="F15434" s="359" t="s">
        <v>14460</v>
      </c>
      <c r="G15434" s="359" t="s">
        <v>14519</v>
      </c>
      <c r="H15434" s="359" t="s">
        <v>14370</v>
      </c>
      <c r="I15434" s="359" t="s">
        <v>14519</v>
      </c>
      <c r="J15434" s="365"/>
      <c r="K15434" s="365"/>
      <c r="L15434" s="367"/>
    </row>
    <row r="15435" spans="2:12">
      <c r="B15435" s="367"/>
      <c r="C15435" s="367"/>
      <c r="D15435" s="367"/>
      <c r="E15435" s="367"/>
      <c r="F15435" s="360"/>
      <c r="G15435" s="360"/>
      <c r="H15435" s="360"/>
      <c r="I15435" s="360"/>
      <c r="J15435" s="365"/>
      <c r="K15435" s="365"/>
      <c r="L15435" s="367"/>
    </row>
    <row r="15436" spans="2:12">
      <c r="B15436" s="367"/>
      <c r="C15436" s="367"/>
      <c r="D15436" s="367"/>
      <c r="E15436" s="367"/>
      <c r="F15436" s="359" t="s">
        <v>14430</v>
      </c>
      <c r="G15436" s="359" t="s">
        <v>14431</v>
      </c>
      <c r="H15436" s="359" t="s">
        <v>14332</v>
      </c>
      <c r="I15436" s="359" t="s">
        <v>14431</v>
      </c>
      <c r="J15436" s="365"/>
      <c r="K15436" s="365"/>
      <c r="L15436" s="367"/>
    </row>
    <row r="15437" spans="2:12">
      <c r="B15437" s="367"/>
      <c r="C15437" s="367"/>
      <c r="D15437" s="367"/>
      <c r="E15437" s="367"/>
      <c r="F15437" s="360"/>
      <c r="G15437" s="360"/>
      <c r="H15437" s="360"/>
      <c r="I15437" s="360"/>
      <c r="J15437" s="365"/>
      <c r="K15437" s="365"/>
      <c r="L15437" s="367"/>
    </row>
    <row r="15438" spans="2:12">
      <c r="B15438" s="367"/>
      <c r="C15438" s="367"/>
      <c r="D15438" s="367"/>
      <c r="E15438" s="367"/>
      <c r="F15438" s="359" t="s">
        <v>14391</v>
      </c>
      <c r="G15438" s="359" t="s">
        <v>14392</v>
      </c>
      <c r="H15438" s="360"/>
      <c r="I15438" s="359" t="s">
        <v>14392</v>
      </c>
      <c r="J15438" s="365"/>
      <c r="K15438" s="365"/>
      <c r="L15438" s="367"/>
    </row>
    <row r="15439" spans="2:12">
      <c r="B15439" s="367"/>
      <c r="C15439" s="367"/>
      <c r="D15439" s="367"/>
      <c r="E15439" s="367"/>
      <c r="F15439" s="360"/>
      <c r="G15439" s="360"/>
      <c r="H15439" s="360"/>
      <c r="I15439" s="360"/>
      <c r="J15439" s="365"/>
      <c r="K15439" s="365"/>
      <c r="L15439" s="367"/>
    </row>
    <row r="15440" spans="2:12">
      <c r="B15440" s="367"/>
      <c r="C15440" s="367"/>
      <c r="D15440" s="367"/>
      <c r="E15440" s="367"/>
      <c r="F15440" s="359" t="s">
        <v>14371</v>
      </c>
      <c r="G15440" s="359" t="s">
        <v>14372</v>
      </c>
      <c r="H15440" s="360"/>
      <c r="I15440" s="359" t="s">
        <v>14373</v>
      </c>
      <c r="J15440" s="365"/>
      <c r="K15440" s="365"/>
      <c r="L15440" s="367"/>
    </row>
    <row r="15441" spans="2:12">
      <c r="B15441" s="367"/>
      <c r="C15441" s="367"/>
      <c r="D15441" s="367"/>
      <c r="E15441" s="367"/>
      <c r="F15441" s="360"/>
      <c r="G15441" s="360"/>
      <c r="H15441" s="360"/>
      <c r="I15441" s="360"/>
      <c r="J15441" s="365"/>
      <c r="K15441" s="365"/>
      <c r="L15441" s="367"/>
    </row>
    <row r="15442" spans="2:12" ht="28.5">
      <c r="B15442" s="368"/>
      <c r="C15442" s="368"/>
      <c r="D15442" s="368"/>
      <c r="E15442" s="368"/>
      <c r="F15442" s="361" t="s">
        <v>14374</v>
      </c>
      <c r="G15442" s="361" t="s">
        <v>14373</v>
      </c>
      <c r="H15442" s="362"/>
      <c r="I15442" s="362"/>
      <c r="J15442" s="366"/>
      <c r="K15442" s="366"/>
      <c r="L15442" s="368"/>
    </row>
    <row r="15443" spans="2:12" ht="57">
      <c r="B15443" s="358" t="s">
        <v>22537</v>
      </c>
      <c r="C15443" s="358" t="s">
        <v>22538</v>
      </c>
      <c r="D15443" s="358" t="s">
        <v>22539</v>
      </c>
      <c r="E15443" s="358" t="s">
        <v>8356</v>
      </c>
      <c r="F15443" s="358" t="s">
        <v>14391</v>
      </c>
      <c r="G15443" s="358" t="s">
        <v>14392</v>
      </c>
      <c r="H15443" s="358" t="s">
        <v>14367</v>
      </c>
      <c r="I15443" s="358" t="s">
        <v>14392</v>
      </c>
      <c r="J15443" s="358"/>
      <c r="K15443" s="358"/>
      <c r="L15443" s="358"/>
    </row>
    <row r="15444" spans="2:12">
      <c r="B15444" s="367"/>
      <c r="C15444" s="367"/>
      <c r="D15444" s="367"/>
      <c r="E15444" s="367"/>
      <c r="F15444" s="367"/>
      <c r="G15444" s="367"/>
      <c r="H15444" s="360"/>
      <c r="I15444" s="367"/>
      <c r="J15444" s="365"/>
      <c r="K15444" s="365"/>
      <c r="L15444" s="365"/>
    </row>
    <row r="15445" spans="2:12">
      <c r="B15445" s="368"/>
      <c r="C15445" s="368"/>
      <c r="D15445" s="368"/>
      <c r="E15445" s="368"/>
      <c r="F15445" s="368"/>
      <c r="G15445" s="368"/>
      <c r="H15445" s="361" t="s">
        <v>14422</v>
      </c>
      <c r="I15445" s="368"/>
      <c r="J15445" s="366"/>
      <c r="K15445" s="366"/>
      <c r="L15445" s="366"/>
    </row>
    <row r="15446" spans="2:12">
      <c r="B15446" s="358" t="s">
        <v>10485</v>
      </c>
      <c r="C15446" s="358" t="s">
        <v>29443</v>
      </c>
      <c r="D15446" s="358" t="s">
        <v>8356</v>
      </c>
      <c r="E15446" s="358" t="s">
        <v>8356</v>
      </c>
      <c r="F15446" s="358" t="s">
        <v>14376</v>
      </c>
      <c r="G15446" s="358" t="s">
        <v>14669</v>
      </c>
      <c r="H15446" s="358" t="s">
        <v>14381</v>
      </c>
      <c r="I15446" s="358" t="s">
        <v>14669</v>
      </c>
      <c r="J15446" s="358"/>
      <c r="K15446" s="358"/>
      <c r="L15446" s="358" t="s">
        <v>9491</v>
      </c>
    </row>
    <row r="15447" spans="2:12">
      <c r="B15447" s="367"/>
      <c r="C15447" s="360"/>
      <c r="D15447" s="367"/>
      <c r="E15447" s="367"/>
      <c r="F15447" s="367"/>
      <c r="G15447" s="367"/>
      <c r="H15447" s="360"/>
      <c r="I15447" s="367"/>
      <c r="J15447" s="365"/>
      <c r="K15447" s="365"/>
      <c r="L15447" s="367"/>
    </row>
    <row r="15448" spans="2:12" ht="28.5">
      <c r="B15448" s="368"/>
      <c r="C15448" s="361" t="s">
        <v>22540</v>
      </c>
      <c r="D15448" s="368"/>
      <c r="E15448" s="368"/>
      <c r="F15448" s="368"/>
      <c r="G15448" s="368"/>
      <c r="H15448" s="361" t="s">
        <v>14332</v>
      </c>
      <c r="I15448" s="368"/>
      <c r="J15448" s="366"/>
      <c r="K15448" s="366"/>
      <c r="L15448" s="368"/>
    </row>
    <row r="15449" spans="2:12" ht="42.75">
      <c r="B15449" s="358" t="s">
        <v>10486</v>
      </c>
      <c r="C15449" s="358" t="s">
        <v>22541</v>
      </c>
      <c r="D15449" s="358" t="s">
        <v>143</v>
      </c>
      <c r="E15449" s="358" t="s">
        <v>144</v>
      </c>
      <c r="F15449" s="358" t="s">
        <v>28653</v>
      </c>
      <c r="G15449" s="358" t="s">
        <v>14669</v>
      </c>
      <c r="H15449" s="358" t="s">
        <v>14381</v>
      </c>
      <c r="I15449" s="358" t="s">
        <v>14669</v>
      </c>
      <c r="J15449" s="358"/>
      <c r="K15449" s="358"/>
      <c r="L15449" s="358"/>
    </row>
    <row r="15450" spans="2:12">
      <c r="B15450" s="367"/>
      <c r="C15450" s="360"/>
      <c r="D15450" s="367"/>
      <c r="E15450" s="367"/>
      <c r="F15450" s="367"/>
      <c r="G15450" s="360"/>
      <c r="H15450" s="360"/>
      <c r="I15450" s="360"/>
      <c r="J15450" s="365"/>
      <c r="K15450" s="365"/>
      <c r="L15450" s="365"/>
    </row>
    <row r="15451" spans="2:12">
      <c r="B15451" s="368"/>
      <c r="C15451" s="361" t="s">
        <v>22542</v>
      </c>
      <c r="D15451" s="368"/>
      <c r="E15451" s="368"/>
      <c r="F15451" s="368"/>
      <c r="G15451" s="361" t="s">
        <v>16526</v>
      </c>
      <c r="H15451" s="361" t="s">
        <v>14332</v>
      </c>
      <c r="I15451" s="361" t="s">
        <v>16526</v>
      </c>
      <c r="J15451" s="366"/>
      <c r="K15451" s="366"/>
      <c r="L15451" s="366"/>
    </row>
    <row r="15452" spans="2:12" ht="42.75">
      <c r="B15452" s="358" t="s">
        <v>10487</v>
      </c>
      <c r="C15452" s="358" t="s">
        <v>29444</v>
      </c>
      <c r="D15452" s="358" t="s">
        <v>10488</v>
      </c>
      <c r="E15452" s="358" t="s">
        <v>1137</v>
      </c>
      <c r="F15452" s="358" t="s">
        <v>28653</v>
      </c>
      <c r="G15452" s="358" t="s">
        <v>14669</v>
      </c>
      <c r="H15452" s="358" t="s">
        <v>14381</v>
      </c>
      <c r="I15452" s="358" t="s">
        <v>14669</v>
      </c>
      <c r="J15452" s="358"/>
      <c r="K15452" s="358"/>
      <c r="L15452" s="358"/>
    </row>
    <row r="15453" spans="2:12">
      <c r="B15453" s="367"/>
      <c r="C15453" s="360"/>
      <c r="D15453" s="367"/>
      <c r="E15453" s="367"/>
      <c r="F15453" s="367"/>
      <c r="G15453" s="360"/>
      <c r="H15453" s="360"/>
      <c r="I15453" s="360"/>
      <c r="J15453" s="365"/>
      <c r="K15453" s="365"/>
      <c r="L15453" s="365"/>
    </row>
    <row r="15454" spans="2:12">
      <c r="B15454" s="368"/>
      <c r="C15454" s="361" t="s">
        <v>22543</v>
      </c>
      <c r="D15454" s="368"/>
      <c r="E15454" s="368"/>
      <c r="F15454" s="368"/>
      <c r="G15454" s="361" t="s">
        <v>16526</v>
      </c>
      <c r="H15454" s="361" t="s">
        <v>14332</v>
      </c>
      <c r="I15454" s="361" t="s">
        <v>16526</v>
      </c>
      <c r="J15454" s="366"/>
      <c r="K15454" s="366"/>
      <c r="L15454" s="366"/>
    </row>
    <row r="15455" spans="2:12" ht="28.5">
      <c r="B15455" s="358" t="s">
        <v>10489</v>
      </c>
      <c r="C15455" s="358" t="s">
        <v>29445</v>
      </c>
      <c r="D15455" s="358" t="s">
        <v>140</v>
      </c>
      <c r="E15455" s="358" t="s">
        <v>141</v>
      </c>
      <c r="F15455" s="358" t="s">
        <v>28653</v>
      </c>
      <c r="G15455" s="358" t="s">
        <v>14669</v>
      </c>
      <c r="H15455" s="358" t="s">
        <v>14381</v>
      </c>
      <c r="I15455" s="358" t="s">
        <v>14669</v>
      </c>
      <c r="J15455" s="358"/>
      <c r="K15455" s="358"/>
      <c r="L15455" s="358"/>
    </row>
    <row r="15456" spans="2:12">
      <c r="B15456" s="367"/>
      <c r="C15456" s="367"/>
      <c r="D15456" s="367"/>
      <c r="E15456" s="367"/>
      <c r="F15456" s="367"/>
      <c r="G15456" s="360"/>
      <c r="H15456" s="360"/>
      <c r="I15456" s="360"/>
      <c r="J15456" s="365"/>
      <c r="K15456" s="365"/>
      <c r="L15456" s="365"/>
    </row>
    <row r="15457" spans="2:12">
      <c r="B15457" s="368"/>
      <c r="C15457" s="368"/>
      <c r="D15457" s="368"/>
      <c r="E15457" s="368"/>
      <c r="F15457" s="368"/>
      <c r="G15457" s="361" t="s">
        <v>16526</v>
      </c>
      <c r="H15457" s="361" t="s">
        <v>14332</v>
      </c>
      <c r="I15457" s="361" t="s">
        <v>16526</v>
      </c>
      <c r="J15457" s="366"/>
      <c r="K15457" s="366"/>
      <c r="L15457" s="366"/>
    </row>
    <row r="15458" spans="2:12">
      <c r="B15458" s="358" t="s">
        <v>22544</v>
      </c>
      <c r="C15458" s="358" t="s">
        <v>27774</v>
      </c>
      <c r="D15458" s="358" t="s">
        <v>216</v>
      </c>
      <c r="E15458" s="358" t="s">
        <v>217</v>
      </c>
      <c r="F15458" s="358" t="s">
        <v>14814</v>
      </c>
      <c r="G15458" s="358" t="s">
        <v>14815</v>
      </c>
      <c r="H15458" s="358" t="s">
        <v>14381</v>
      </c>
      <c r="I15458" s="358" t="s">
        <v>14815</v>
      </c>
      <c r="J15458" s="358"/>
      <c r="K15458" s="358"/>
      <c r="L15458" s="358" t="s">
        <v>16789</v>
      </c>
    </row>
    <row r="15459" spans="2:12">
      <c r="B15459" s="367"/>
      <c r="C15459" s="367"/>
      <c r="D15459" s="367"/>
      <c r="E15459" s="367"/>
      <c r="F15459" s="367"/>
      <c r="G15459" s="367"/>
      <c r="H15459" s="360"/>
      <c r="I15459" s="367"/>
      <c r="J15459" s="365"/>
      <c r="K15459" s="365"/>
      <c r="L15459" s="367"/>
    </row>
    <row r="15460" spans="2:12">
      <c r="B15460" s="368"/>
      <c r="C15460" s="368"/>
      <c r="D15460" s="368"/>
      <c r="E15460" s="368"/>
      <c r="F15460" s="368"/>
      <c r="G15460" s="368"/>
      <c r="H15460" s="361" t="s">
        <v>14332</v>
      </c>
      <c r="I15460" s="368"/>
      <c r="J15460" s="366"/>
      <c r="K15460" s="366"/>
      <c r="L15460" s="368"/>
    </row>
    <row r="15461" spans="2:12">
      <c r="B15461" s="358" t="s">
        <v>10490</v>
      </c>
      <c r="C15461" s="358" t="s">
        <v>27775</v>
      </c>
      <c r="D15461" s="358" t="s">
        <v>8356</v>
      </c>
      <c r="E15461" s="358" t="s">
        <v>8356</v>
      </c>
      <c r="F15461" s="358" t="s">
        <v>14376</v>
      </c>
      <c r="G15461" s="358" t="s">
        <v>14669</v>
      </c>
      <c r="H15461" s="358" t="s">
        <v>14381</v>
      </c>
      <c r="I15461" s="358" t="s">
        <v>14669</v>
      </c>
      <c r="J15461" s="358"/>
      <c r="K15461" s="358"/>
      <c r="L15461" s="358" t="s">
        <v>9491</v>
      </c>
    </row>
    <row r="15462" spans="2:12">
      <c r="B15462" s="367"/>
      <c r="C15462" s="360"/>
      <c r="D15462" s="367"/>
      <c r="E15462" s="367"/>
      <c r="F15462" s="367"/>
      <c r="G15462" s="367"/>
      <c r="H15462" s="360"/>
      <c r="I15462" s="367"/>
      <c r="J15462" s="365"/>
      <c r="K15462" s="365"/>
      <c r="L15462" s="367"/>
    </row>
    <row r="15463" spans="2:12" ht="28.5">
      <c r="B15463" s="368"/>
      <c r="C15463" s="361" t="s">
        <v>22545</v>
      </c>
      <c r="D15463" s="368"/>
      <c r="E15463" s="368"/>
      <c r="F15463" s="368"/>
      <c r="G15463" s="368"/>
      <c r="H15463" s="361" t="s">
        <v>14332</v>
      </c>
      <c r="I15463" s="368"/>
      <c r="J15463" s="366"/>
      <c r="K15463" s="366"/>
      <c r="L15463" s="368"/>
    </row>
    <row r="15464" spans="2:12">
      <c r="B15464" s="358" t="s">
        <v>10491</v>
      </c>
      <c r="C15464" s="358" t="s">
        <v>27776</v>
      </c>
      <c r="D15464" s="358" t="s">
        <v>8356</v>
      </c>
      <c r="E15464" s="358" t="s">
        <v>8356</v>
      </c>
      <c r="F15464" s="358" t="s">
        <v>14376</v>
      </c>
      <c r="G15464" s="358" t="s">
        <v>14669</v>
      </c>
      <c r="H15464" s="358" t="s">
        <v>14381</v>
      </c>
      <c r="I15464" s="358" t="s">
        <v>14669</v>
      </c>
      <c r="J15464" s="358"/>
      <c r="K15464" s="358"/>
      <c r="L15464" s="358" t="s">
        <v>9491</v>
      </c>
    </row>
    <row r="15465" spans="2:12">
      <c r="B15465" s="367"/>
      <c r="C15465" s="360"/>
      <c r="D15465" s="367"/>
      <c r="E15465" s="367"/>
      <c r="F15465" s="367"/>
      <c r="G15465" s="367"/>
      <c r="H15465" s="360"/>
      <c r="I15465" s="367"/>
      <c r="J15465" s="365"/>
      <c r="K15465" s="365"/>
      <c r="L15465" s="367"/>
    </row>
    <row r="15466" spans="2:12" ht="28.5">
      <c r="B15466" s="368"/>
      <c r="C15466" s="361" t="s">
        <v>22546</v>
      </c>
      <c r="D15466" s="368"/>
      <c r="E15466" s="368"/>
      <c r="F15466" s="368"/>
      <c r="G15466" s="368"/>
      <c r="H15466" s="361" t="s">
        <v>14332</v>
      </c>
      <c r="I15466" s="368"/>
      <c r="J15466" s="366"/>
      <c r="K15466" s="366"/>
      <c r="L15466" s="368"/>
    </row>
    <row r="15467" spans="2:12" ht="28.5">
      <c r="B15467" s="358" t="s">
        <v>14197</v>
      </c>
      <c r="C15467" s="358" t="s">
        <v>22547</v>
      </c>
      <c r="D15467" s="358" t="s">
        <v>14198</v>
      </c>
      <c r="E15467" s="358" t="s">
        <v>705</v>
      </c>
      <c r="F15467" s="358" t="s">
        <v>14376</v>
      </c>
      <c r="G15467" s="358" t="s">
        <v>14669</v>
      </c>
      <c r="H15467" s="358" t="s">
        <v>14381</v>
      </c>
      <c r="I15467" s="358" t="s">
        <v>14669</v>
      </c>
      <c r="J15467" s="358"/>
      <c r="K15467" s="358"/>
      <c r="L15467" s="358"/>
    </row>
    <row r="15468" spans="2:12">
      <c r="B15468" s="367"/>
      <c r="C15468" s="360"/>
      <c r="D15468" s="367"/>
      <c r="E15468" s="367"/>
      <c r="F15468" s="367"/>
      <c r="G15468" s="367"/>
      <c r="H15468" s="360"/>
      <c r="I15468" s="367"/>
      <c r="J15468" s="365"/>
      <c r="K15468" s="365"/>
      <c r="L15468" s="365"/>
    </row>
    <row r="15469" spans="2:12">
      <c r="B15469" s="368"/>
      <c r="C15469" s="361" t="s">
        <v>22548</v>
      </c>
      <c r="D15469" s="368"/>
      <c r="E15469" s="368"/>
      <c r="F15469" s="368"/>
      <c r="G15469" s="368"/>
      <c r="H15469" s="361" t="s">
        <v>14332</v>
      </c>
      <c r="I15469" s="368"/>
      <c r="J15469" s="366"/>
      <c r="K15469" s="366"/>
      <c r="L15469" s="366"/>
    </row>
    <row r="15470" spans="2:12">
      <c r="B15470" s="358" t="s">
        <v>10493</v>
      </c>
      <c r="C15470" s="358" t="s">
        <v>29446</v>
      </c>
      <c r="D15470" s="358" t="s">
        <v>10494</v>
      </c>
      <c r="E15470" s="358" t="s">
        <v>10495</v>
      </c>
      <c r="F15470" s="358" t="s">
        <v>14376</v>
      </c>
      <c r="G15470" s="358" t="s">
        <v>14669</v>
      </c>
      <c r="H15470" s="358" t="s">
        <v>14381</v>
      </c>
      <c r="I15470" s="358" t="s">
        <v>14669</v>
      </c>
      <c r="J15470" s="358"/>
      <c r="K15470" s="358"/>
      <c r="L15470" s="358"/>
    </row>
    <row r="15471" spans="2:12">
      <c r="B15471" s="367"/>
      <c r="C15471" s="360"/>
      <c r="D15471" s="367"/>
      <c r="E15471" s="367"/>
      <c r="F15471" s="360"/>
      <c r="G15471" s="360"/>
      <c r="H15471" s="360"/>
      <c r="I15471" s="360"/>
      <c r="J15471" s="365"/>
      <c r="K15471" s="365"/>
      <c r="L15471" s="365"/>
    </row>
    <row r="15472" spans="2:12">
      <c r="B15472" s="367"/>
      <c r="C15472" s="359" t="s">
        <v>29447</v>
      </c>
      <c r="D15472" s="367"/>
      <c r="E15472" s="367"/>
      <c r="F15472" s="359" t="s">
        <v>14389</v>
      </c>
      <c r="G15472" s="359" t="s">
        <v>14390</v>
      </c>
      <c r="H15472" s="359" t="s">
        <v>14341</v>
      </c>
      <c r="I15472" s="359" t="s">
        <v>14390</v>
      </c>
      <c r="J15472" s="365"/>
      <c r="K15472" s="365"/>
      <c r="L15472" s="365"/>
    </row>
    <row r="15473" spans="2:12">
      <c r="B15473" s="367"/>
      <c r="C15473" s="360"/>
      <c r="D15473" s="367"/>
      <c r="E15473" s="367"/>
      <c r="F15473" s="360"/>
      <c r="G15473" s="360"/>
      <c r="H15473" s="360"/>
      <c r="I15473" s="360"/>
      <c r="J15473" s="365"/>
      <c r="K15473" s="365"/>
      <c r="L15473" s="365"/>
    </row>
    <row r="15474" spans="2:12">
      <c r="B15474" s="367"/>
      <c r="C15474" s="359" t="s">
        <v>22549</v>
      </c>
      <c r="D15474" s="367"/>
      <c r="E15474" s="367"/>
      <c r="F15474" s="359" t="s">
        <v>14430</v>
      </c>
      <c r="G15474" s="359" t="s">
        <v>14431</v>
      </c>
      <c r="H15474" s="359" t="s">
        <v>14367</v>
      </c>
      <c r="I15474" s="359" t="s">
        <v>14431</v>
      </c>
      <c r="J15474" s="365"/>
      <c r="K15474" s="365"/>
      <c r="L15474" s="365"/>
    </row>
    <row r="15475" spans="2:12">
      <c r="B15475" s="367"/>
      <c r="C15475" s="360"/>
      <c r="D15475" s="367"/>
      <c r="E15475" s="367"/>
      <c r="F15475" s="360"/>
      <c r="G15475" s="360"/>
      <c r="H15475" s="360"/>
      <c r="I15475" s="360"/>
      <c r="J15475" s="365"/>
      <c r="K15475" s="365"/>
      <c r="L15475" s="365"/>
    </row>
    <row r="15476" spans="2:12">
      <c r="B15476" s="368"/>
      <c r="C15476" s="362"/>
      <c r="D15476" s="368"/>
      <c r="E15476" s="368"/>
      <c r="F15476" s="361" t="s">
        <v>14391</v>
      </c>
      <c r="G15476" s="361" t="s">
        <v>14392</v>
      </c>
      <c r="H15476" s="361" t="s">
        <v>14332</v>
      </c>
      <c r="I15476" s="361" t="s">
        <v>14392</v>
      </c>
      <c r="J15476" s="366"/>
      <c r="K15476" s="366"/>
      <c r="L15476" s="366"/>
    </row>
    <row r="15477" spans="2:12" ht="42.75">
      <c r="B15477" s="358" t="s">
        <v>22550</v>
      </c>
      <c r="C15477" s="358" t="s">
        <v>30318</v>
      </c>
      <c r="D15477" s="358" t="s">
        <v>22551</v>
      </c>
      <c r="E15477" s="358" t="s">
        <v>22552</v>
      </c>
      <c r="F15477" s="358" t="s">
        <v>14394</v>
      </c>
      <c r="G15477" s="358" t="s">
        <v>14395</v>
      </c>
      <c r="H15477" s="358" t="s">
        <v>14370</v>
      </c>
      <c r="I15477" s="358" t="s">
        <v>14395</v>
      </c>
      <c r="J15477" s="358"/>
      <c r="K15477" s="358"/>
      <c r="L15477" s="358"/>
    </row>
    <row r="15478" spans="2:12">
      <c r="B15478" s="368"/>
      <c r="C15478" s="368"/>
      <c r="D15478" s="368"/>
      <c r="E15478" s="368"/>
      <c r="F15478" s="368"/>
      <c r="G15478" s="368"/>
      <c r="H15478" s="368"/>
      <c r="I15478" s="368"/>
      <c r="J15478" s="366"/>
      <c r="K15478" s="366"/>
      <c r="L15478" s="366"/>
    </row>
    <row r="15479" spans="2:12" ht="28.5">
      <c r="B15479" s="358" t="s">
        <v>22553</v>
      </c>
      <c r="C15479" s="358" t="s">
        <v>27777</v>
      </c>
      <c r="D15479" s="358" t="s">
        <v>22554</v>
      </c>
      <c r="E15479" s="358" t="s">
        <v>22555</v>
      </c>
      <c r="F15479" s="358" t="s">
        <v>14462</v>
      </c>
      <c r="G15479" s="358" t="s">
        <v>14463</v>
      </c>
      <c r="H15479" s="358" t="s">
        <v>8356</v>
      </c>
      <c r="I15479" s="358" t="s">
        <v>14463</v>
      </c>
      <c r="J15479" s="358"/>
      <c r="K15479" s="358"/>
      <c r="L15479" s="358"/>
    </row>
    <row r="15480" spans="2:12">
      <c r="B15480" s="368"/>
      <c r="C15480" s="368"/>
      <c r="D15480" s="368"/>
      <c r="E15480" s="368"/>
      <c r="F15480" s="368"/>
      <c r="G15480" s="368"/>
      <c r="H15480" s="368"/>
      <c r="I15480" s="368"/>
      <c r="J15480" s="366"/>
      <c r="K15480" s="366"/>
      <c r="L15480" s="366"/>
    </row>
    <row r="15481" spans="2:12" ht="42.75">
      <c r="B15481" s="358" t="s">
        <v>22556</v>
      </c>
      <c r="C15481" s="358" t="s">
        <v>22557</v>
      </c>
      <c r="D15481" s="358" t="s">
        <v>22558</v>
      </c>
      <c r="E15481" s="358" t="s">
        <v>22559</v>
      </c>
      <c r="F15481" s="358" t="s">
        <v>14394</v>
      </c>
      <c r="G15481" s="358" t="s">
        <v>14395</v>
      </c>
      <c r="H15481" s="358" t="s">
        <v>14370</v>
      </c>
      <c r="I15481" s="358" t="s">
        <v>14395</v>
      </c>
      <c r="J15481" s="358"/>
      <c r="K15481" s="358"/>
      <c r="L15481" s="358"/>
    </row>
    <row r="15482" spans="2:12">
      <c r="B15482" s="368"/>
      <c r="C15482" s="368"/>
      <c r="D15482" s="368"/>
      <c r="E15482" s="368"/>
      <c r="F15482" s="368"/>
      <c r="G15482" s="368"/>
      <c r="H15482" s="368"/>
      <c r="I15482" s="368"/>
      <c r="J15482" s="366"/>
      <c r="K15482" s="366"/>
      <c r="L15482" s="366"/>
    </row>
    <row r="15483" spans="2:12" ht="28.5">
      <c r="B15483" s="358" t="s">
        <v>22560</v>
      </c>
      <c r="C15483" s="358" t="s">
        <v>27778</v>
      </c>
      <c r="D15483" s="358" t="s">
        <v>22561</v>
      </c>
      <c r="E15483" s="358" t="s">
        <v>8356</v>
      </c>
      <c r="F15483" s="358" t="s">
        <v>14391</v>
      </c>
      <c r="G15483" s="358" t="s">
        <v>14392</v>
      </c>
      <c r="H15483" s="358" t="s">
        <v>14367</v>
      </c>
      <c r="I15483" s="358" t="s">
        <v>14392</v>
      </c>
      <c r="J15483" s="358"/>
      <c r="K15483" s="358"/>
      <c r="L15483" s="358"/>
    </row>
    <row r="15484" spans="2:12">
      <c r="B15484" s="367"/>
      <c r="C15484" s="367"/>
      <c r="D15484" s="367"/>
      <c r="E15484" s="367"/>
      <c r="F15484" s="367"/>
      <c r="G15484" s="367"/>
      <c r="H15484" s="360"/>
      <c r="I15484" s="367"/>
      <c r="J15484" s="365"/>
      <c r="K15484" s="365"/>
      <c r="L15484" s="365"/>
    </row>
    <row r="15485" spans="2:12">
      <c r="B15485" s="368"/>
      <c r="C15485" s="368"/>
      <c r="D15485" s="368"/>
      <c r="E15485" s="368"/>
      <c r="F15485" s="368"/>
      <c r="G15485" s="368"/>
      <c r="H15485" s="361" t="s">
        <v>14422</v>
      </c>
      <c r="I15485" s="368"/>
      <c r="J15485" s="366"/>
      <c r="K15485" s="366"/>
      <c r="L15485" s="366"/>
    </row>
    <row r="15486" spans="2:12" ht="42.75">
      <c r="B15486" s="358" t="s">
        <v>22562</v>
      </c>
      <c r="C15486" s="358" t="s">
        <v>30319</v>
      </c>
      <c r="D15486" s="358" t="s">
        <v>22563</v>
      </c>
      <c r="E15486" s="358" t="s">
        <v>22564</v>
      </c>
      <c r="F15486" s="358" t="s">
        <v>14420</v>
      </c>
      <c r="G15486" s="358" t="s">
        <v>14429</v>
      </c>
      <c r="H15486" s="358" t="s">
        <v>14341</v>
      </c>
      <c r="I15486" s="358" t="s">
        <v>14429</v>
      </c>
      <c r="J15486" s="358"/>
      <c r="K15486" s="358"/>
      <c r="L15486" s="358"/>
    </row>
    <row r="15487" spans="2:12">
      <c r="B15487" s="367"/>
      <c r="C15487" s="367"/>
      <c r="D15487" s="367"/>
      <c r="E15487" s="367"/>
      <c r="F15487" s="360"/>
      <c r="G15487" s="360"/>
      <c r="H15487" s="360"/>
      <c r="I15487" s="360"/>
      <c r="J15487" s="365"/>
      <c r="K15487" s="365"/>
      <c r="L15487" s="365"/>
    </row>
    <row r="15488" spans="2:12">
      <c r="B15488" s="367"/>
      <c r="C15488" s="367"/>
      <c r="D15488" s="367"/>
      <c r="E15488" s="367"/>
      <c r="F15488" s="359" t="s">
        <v>14430</v>
      </c>
      <c r="G15488" s="359" t="s">
        <v>14431</v>
      </c>
      <c r="H15488" s="359" t="s">
        <v>14367</v>
      </c>
      <c r="I15488" s="359" t="s">
        <v>14431</v>
      </c>
      <c r="J15488" s="365"/>
      <c r="K15488" s="365"/>
      <c r="L15488" s="365"/>
    </row>
    <row r="15489" spans="2:12">
      <c r="B15489" s="367"/>
      <c r="C15489" s="367"/>
      <c r="D15489" s="367"/>
      <c r="E15489" s="367"/>
      <c r="F15489" s="360"/>
      <c r="G15489" s="360"/>
      <c r="H15489" s="360"/>
      <c r="I15489" s="360"/>
      <c r="J15489" s="365"/>
      <c r="K15489" s="365"/>
      <c r="L15489" s="365"/>
    </row>
    <row r="15490" spans="2:12">
      <c r="B15490" s="367"/>
      <c r="C15490" s="367"/>
      <c r="D15490" s="367"/>
      <c r="E15490" s="367"/>
      <c r="F15490" s="359" t="s">
        <v>14391</v>
      </c>
      <c r="G15490" s="359" t="s">
        <v>14392</v>
      </c>
      <c r="H15490" s="359" t="s">
        <v>14370</v>
      </c>
      <c r="I15490" s="359" t="s">
        <v>14392</v>
      </c>
      <c r="J15490" s="365"/>
      <c r="K15490" s="365"/>
      <c r="L15490" s="365"/>
    </row>
    <row r="15491" spans="2:12">
      <c r="B15491" s="367"/>
      <c r="C15491" s="367"/>
      <c r="D15491" s="367"/>
      <c r="E15491" s="367"/>
      <c r="F15491" s="360"/>
      <c r="G15491" s="360"/>
      <c r="H15491" s="360"/>
      <c r="I15491" s="360"/>
      <c r="J15491" s="365"/>
      <c r="K15491" s="365"/>
      <c r="L15491" s="365"/>
    </row>
    <row r="15492" spans="2:12" ht="28.5">
      <c r="B15492" s="368"/>
      <c r="C15492" s="368"/>
      <c r="D15492" s="368"/>
      <c r="E15492" s="368"/>
      <c r="F15492" s="361" t="s">
        <v>14394</v>
      </c>
      <c r="G15492" s="361" t="s">
        <v>14395</v>
      </c>
      <c r="H15492" s="361" t="s">
        <v>14332</v>
      </c>
      <c r="I15492" s="361" t="s">
        <v>14395</v>
      </c>
      <c r="J15492" s="366"/>
      <c r="K15492" s="366"/>
      <c r="L15492" s="366"/>
    </row>
    <row r="15493" spans="2:12" ht="42.75">
      <c r="B15493" s="358" t="s">
        <v>22565</v>
      </c>
      <c r="C15493" s="358" t="s">
        <v>29448</v>
      </c>
      <c r="D15493" s="358" t="s">
        <v>22566</v>
      </c>
      <c r="E15493" s="358" t="s">
        <v>8356</v>
      </c>
      <c r="F15493" s="358" t="s">
        <v>14386</v>
      </c>
      <c r="G15493" s="358" t="s">
        <v>14387</v>
      </c>
      <c r="H15493" s="358" t="s">
        <v>14367</v>
      </c>
      <c r="I15493" s="358" t="s">
        <v>14387</v>
      </c>
      <c r="J15493" s="358"/>
      <c r="K15493" s="358"/>
      <c r="L15493" s="358"/>
    </row>
    <row r="15494" spans="2:12">
      <c r="B15494" s="367"/>
      <c r="C15494" s="367"/>
      <c r="D15494" s="367"/>
      <c r="E15494" s="367"/>
      <c r="F15494" s="367"/>
      <c r="G15494" s="367"/>
      <c r="H15494" s="360"/>
      <c r="I15494" s="367"/>
      <c r="J15494" s="365"/>
      <c r="K15494" s="365"/>
      <c r="L15494" s="365"/>
    </row>
    <row r="15495" spans="2:12">
      <c r="B15495" s="368"/>
      <c r="C15495" s="368"/>
      <c r="D15495" s="368"/>
      <c r="E15495" s="368"/>
      <c r="F15495" s="368"/>
      <c r="G15495" s="368"/>
      <c r="H15495" s="361" t="s">
        <v>14422</v>
      </c>
      <c r="I15495" s="368"/>
      <c r="J15495" s="366"/>
      <c r="K15495" s="366"/>
      <c r="L15495" s="366"/>
    </row>
    <row r="15496" spans="2:12" ht="42.75">
      <c r="B15496" s="358" t="s">
        <v>22567</v>
      </c>
      <c r="C15496" s="358" t="s">
        <v>22568</v>
      </c>
      <c r="D15496" s="358" t="s">
        <v>22569</v>
      </c>
      <c r="E15496" s="358" t="s">
        <v>22570</v>
      </c>
      <c r="F15496" s="358" t="s">
        <v>14391</v>
      </c>
      <c r="G15496" s="358" t="s">
        <v>14392</v>
      </c>
      <c r="H15496" s="358" t="s">
        <v>14367</v>
      </c>
      <c r="I15496" s="358" t="s">
        <v>14392</v>
      </c>
      <c r="J15496" s="358"/>
      <c r="K15496" s="358"/>
      <c r="L15496" s="358"/>
    </row>
    <row r="15497" spans="2:12">
      <c r="B15497" s="367"/>
      <c r="C15497" s="367"/>
      <c r="D15497" s="367"/>
      <c r="E15497" s="367"/>
      <c r="F15497" s="367"/>
      <c r="G15497" s="367"/>
      <c r="H15497" s="360"/>
      <c r="I15497" s="367"/>
      <c r="J15497" s="365"/>
      <c r="K15497" s="365"/>
      <c r="L15497" s="365"/>
    </row>
    <row r="15498" spans="2:12">
      <c r="B15498" s="368"/>
      <c r="C15498" s="368"/>
      <c r="D15498" s="368"/>
      <c r="E15498" s="368"/>
      <c r="F15498" s="368"/>
      <c r="G15498" s="368"/>
      <c r="H15498" s="361" t="s">
        <v>14422</v>
      </c>
      <c r="I15498" s="368"/>
      <c r="J15498" s="366"/>
      <c r="K15498" s="366"/>
      <c r="L15498" s="366"/>
    </row>
    <row r="15499" spans="2:12" ht="57">
      <c r="B15499" s="358" t="s">
        <v>22571</v>
      </c>
      <c r="C15499" s="358" t="s">
        <v>22572</v>
      </c>
      <c r="D15499" s="358" t="s">
        <v>22573</v>
      </c>
      <c r="E15499" s="358" t="s">
        <v>22574</v>
      </c>
      <c r="F15499" s="358" t="s">
        <v>14371</v>
      </c>
      <c r="G15499" s="358" t="s">
        <v>14372</v>
      </c>
      <c r="H15499" s="358" t="s">
        <v>14370</v>
      </c>
      <c r="I15499" s="358" t="s">
        <v>14373</v>
      </c>
      <c r="J15499" s="358"/>
      <c r="K15499" s="358"/>
      <c r="L15499" s="358"/>
    </row>
    <row r="15500" spans="2:12">
      <c r="B15500" s="367"/>
      <c r="C15500" s="367"/>
      <c r="D15500" s="367"/>
      <c r="E15500" s="367"/>
      <c r="F15500" s="360"/>
      <c r="G15500" s="360"/>
      <c r="H15500" s="360"/>
      <c r="I15500" s="367"/>
      <c r="J15500" s="365"/>
      <c r="K15500" s="365"/>
      <c r="L15500" s="365"/>
    </row>
    <row r="15501" spans="2:12" ht="28.5">
      <c r="B15501" s="368"/>
      <c r="C15501" s="368"/>
      <c r="D15501" s="368"/>
      <c r="E15501" s="368"/>
      <c r="F15501" s="361" t="s">
        <v>14374</v>
      </c>
      <c r="G15501" s="361" t="s">
        <v>14373</v>
      </c>
      <c r="H15501" s="361" t="s">
        <v>14422</v>
      </c>
      <c r="I15501" s="368"/>
      <c r="J15501" s="366"/>
      <c r="K15501" s="366"/>
      <c r="L15501" s="366"/>
    </row>
    <row r="15502" spans="2:12" ht="42.75">
      <c r="B15502" s="358" t="s">
        <v>22575</v>
      </c>
      <c r="C15502" s="358" t="s">
        <v>27779</v>
      </c>
      <c r="D15502" s="358" t="s">
        <v>22576</v>
      </c>
      <c r="E15502" s="358" t="s">
        <v>22577</v>
      </c>
      <c r="F15502" s="358" t="s">
        <v>14430</v>
      </c>
      <c r="G15502" s="358" t="s">
        <v>14431</v>
      </c>
      <c r="H15502" s="358" t="s">
        <v>14341</v>
      </c>
      <c r="I15502" s="358" t="s">
        <v>14431</v>
      </c>
      <c r="J15502" s="358"/>
      <c r="K15502" s="358"/>
      <c r="L15502" s="358"/>
    </row>
    <row r="15503" spans="2:12">
      <c r="B15503" s="367"/>
      <c r="C15503" s="367"/>
      <c r="D15503" s="367"/>
      <c r="E15503" s="367"/>
      <c r="F15503" s="360"/>
      <c r="G15503" s="360"/>
      <c r="H15503" s="360"/>
      <c r="I15503" s="360"/>
      <c r="J15503" s="365"/>
      <c r="K15503" s="365"/>
      <c r="L15503" s="365"/>
    </row>
    <row r="15504" spans="2:12">
      <c r="B15504" s="367"/>
      <c r="C15504" s="367"/>
      <c r="D15504" s="367"/>
      <c r="E15504" s="367"/>
      <c r="F15504" s="359" t="s">
        <v>14391</v>
      </c>
      <c r="G15504" s="359" t="s">
        <v>14392</v>
      </c>
      <c r="H15504" s="359" t="s">
        <v>14367</v>
      </c>
      <c r="I15504" s="359" t="s">
        <v>14392</v>
      </c>
      <c r="J15504" s="365"/>
      <c r="K15504" s="365"/>
      <c r="L15504" s="365"/>
    </row>
    <row r="15505" spans="2:12">
      <c r="B15505" s="367"/>
      <c r="C15505" s="367"/>
      <c r="D15505" s="367"/>
      <c r="E15505" s="367"/>
      <c r="F15505" s="360"/>
      <c r="G15505" s="360"/>
      <c r="H15505" s="360"/>
      <c r="I15505" s="360"/>
      <c r="J15505" s="365"/>
      <c r="K15505" s="365"/>
      <c r="L15505" s="365"/>
    </row>
    <row r="15506" spans="2:12" ht="28.5">
      <c r="B15506" s="367"/>
      <c r="C15506" s="367"/>
      <c r="D15506" s="367"/>
      <c r="E15506" s="367"/>
      <c r="F15506" s="359" t="s">
        <v>14394</v>
      </c>
      <c r="G15506" s="359" t="s">
        <v>14395</v>
      </c>
      <c r="H15506" s="359" t="s">
        <v>14370</v>
      </c>
      <c r="I15506" s="359" t="s">
        <v>14395</v>
      </c>
      <c r="J15506" s="365"/>
      <c r="K15506" s="365"/>
      <c r="L15506" s="365"/>
    </row>
    <row r="15507" spans="2:12">
      <c r="B15507" s="367"/>
      <c r="C15507" s="367"/>
      <c r="D15507" s="367"/>
      <c r="E15507" s="367"/>
      <c r="F15507" s="360"/>
      <c r="G15507" s="360"/>
      <c r="H15507" s="360"/>
      <c r="I15507" s="360"/>
      <c r="J15507" s="365"/>
      <c r="K15507" s="365"/>
      <c r="L15507" s="365"/>
    </row>
    <row r="15508" spans="2:12">
      <c r="B15508" s="368"/>
      <c r="C15508" s="368"/>
      <c r="D15508" s="368"/>
      <c r="E15508" s="368"/>
      <c r="F15508" s="362"/>
      <c r="G15508" s="362"/>
      <c r="H15508" s="361" t="s">
        <v>14332</v>
      </c>
      <c r="I15508" s="362"/>
      <c r="J15508" s="366"/>
      <c r="K15508" s="366"/>
      <c r="L15508" s="366"/>
    </row>
    <row r="15509" spans="2:12" ht="42.75">
      <c r="B15509" s="358" t="s">
        <v>22578</v>
      </c>
      <c r="C15509" s="358" t="s">
        <v>22579</v>
      </c>
      <c r="D15509" s="358" t="s">
        <v>22580</v>
      </c>
      <c r="E15509" s="358" t="s">
        <v>22581</v>
      </c>
      <c r="F15509" s="358" t="s">
        <v>14472</v>
      </c>
      <c r="G15509" s="358" t="s">
        <v>14473</v>
      </c>
      <c r="H15509" s="358" t="s">
        <v>8356</v>
      </c>
      <c r="I15509" s="358" t="s">
        <v>14473</v>
      </c>
      <c r="J15509" s="358"/>
      <c r="K15509" s="358"/>
      <c r="L15509" s="358"/>
    </row>
    <row r="15510" spans="2:12">
      <c r="B15510" s="368"/>
      <c r="C15510" s="368"/>
      <c r="D15510" s="368"/>
      <c r="E15510" s="368"/>
      <c r="F15510" s="368"/>
      <c r="G15510" s="368"/>
      <c r="H15510" s="368"/>
      <c r="I15510" s="368"/>
      <c r="J15510" s="366"/>
      <c r="K15510" s="366"/>
      <c r="L15510" s="366"/>
    </row>
    <row r="15511" spans="2:12" ht="85.5">
      <c r="B15511" s="358" t="s">
        <v>22582</v>
      </c>
      <c r="C15511" s="358" t="s">
        <v>30320</v>
      </c>
      <c r="D15511" s="358" t="s">
        <v>22583</v>
      </c>
      <c r="E15511" s="358" t="s">
        <v>8356</v>
      </c>
      <c r="F15511" s="358" t="s">
        <v>14430</v>
      </c>
      <c r="G15511" s="358" t="s">
        <v>14431</v>
      </c>
      <c r="H15511" s="358" t="s">
        <v>14341</v>
      </c>
      <c r="I15511" s="358" t="s">
        <v>14431</v>
      </c>
      <c r="J15511" s="358"/>
      <c r="K15511" s="358"/>
      <c r="L15511" s="358"/>
    </row>
    <row r="15512" spans="2:12">
      <c r="B15512" s="367"/>
      <c r="C15512" s="360"/>
      <c r="D15512" s="367"/>
      <c r="E15512" s="367"/>
      <c r="F15512" s="360"/>
      <c r="G15512" s="360"/>
      <c r="H15512" s="360"/>
      <c r="I15512" s="360"/>
      <c r="J15512" s="365"/>
      <c r="K15512" s="365"/>
      <c r="L15512" s="365"/>
    </row>
    <row r="15513" spans="2:12" ht="42.75">
      <c r="B15513" s="367"/>
      <c r="C15513" s="359" t="s">
        <v>30321</v>
      </c>
      <c r="D15513" s="367"/>
      <c r="E15513" s="367"/>
      <c r="F15513" s="359" t="s">
        <v>14472</v>
      </c>
      <c r="G15513" s="359" t="s">
        <v>14473</v>
      </c>
      <c r="H15513" s="359" t="s">
        <v>14332</v>
      </c>
      <c r="I15513" s="359" t="s">
        <v>14473</v>
      </c>
      <c r="J15513" s="365"/>
      <c r="K15513" s="365"/>
      <c r="L15513" s="365"/>
    </row>
    <row r="15514" spans="2:12">
      <c r="B15514" s="367"/>
      <c r="C15514" s="360"/>
      <c r="D15514" s="367"/>
      <c r="E15514" s="367"/>
      <c r="F15514" s="360"/>
      <c r="G15514" s="360"/>
      <c r="H15514" s="360"/>
      <c r="I15514" s="360"/>
      <c r="J15514" s="365"/>
      <c r="K15514" s="365"/>
      <c r="L15514" s="365"/>
    </row>
    <row r="15515" spans="2:12" ht="28.5">
      <c r="B15515" s="367"/>
      <c r="C15515" s="359" t="s">
        <v>30322</v>
      </c>
      <c r="D15515" s="367"/>
      <c r="E15515" s="367"/>
      <c r="F15515" s="360"/>
      <c r="G15515" s="360"/>
      <c r="H15515" s="360"/>
      <c r="I15515" s="360"/>
      <c r="J15515" s="365"/>
      <c r="K15515" s="365"/>
      <c r="L15515" s="365"/>
    </row>
    <row r="15516" spans="2:12">
      <c r="B15516" s="367"/>
      <c r="C15516" s="360"/>
      <c r="D15516" s="367"/>
      <c r="E15516" s="367"/>
      <c r="F15516" s="360"/>
      <c r="G15516" s="360"/>
      <c r="H15516" s="360"/>
      <c r="I15516" s="360"/>
      <c r="J15516" s="365"/>
      <c r="K15516" s="365"/>
      <c r="L15516" s="365"/>
    </row>
    <row r="15517" spans="2:12" ht="71.25">
      <c r="B15517" s="368"/>
      <c r="C15517" s="361" t="s">
        <v>30323</v>
      </c>
      <c r="D15517" s="368"/>
      <c r="E15517" s="368"/>
      <c r="F15517" s="362"/>
      <c r="G15517" s="362"/>
      <c r="H15517" s="362"/>
      <c r="I15517" s="362"/>
      <c r="J15517" s="366"/>
      <c r="K15517" s="366"/>
      <c r="L15517" s="366"/>
    </row>
    <row r="15518" spans="2:12" ht="156.75">
      <c r="B15518" s="358" t="s">
        <v>22584</v>
      </c>
      <c r="C15518" s="358" t="s">
        <v>30324</v>
      </c>
      <c r="D15518" s="358" t="s">
        <v>22585</v>
      </c>
      <c r="E15518" s="358" t="s">
        <v>22586</v>
      </c>
      <c r="F15518" s="358" t="s">
        <v>14394</v>
      </c>
      <c r="G15518" s="358" t="s">
        <v>14395</v>
      </c>
      <c r="H15518" s="358" t="s">
        <v>14370</v>
      </c>
      <c r="I15518" s="358" t="s">
        <v>14395</v>
      </c>
      <c r="J15518" s="358"/>
      <c r="K15518" s="358"/>
      <c r="L15518" s="358"/>
    </row>
    <row r="15519" spans="2:12">
      <c r="B15519" s="367"/>
      <c r="C15519" s="360"/>
      <c r="D15519" s="367"/>
      <c r="E15519" s="367"/>
      <c r="F15519" s="367"/>
      <c r="G15519" s="367"/>
      <c r="H15519" s="367"/>
      <c r="I15519" s="367"/>
      <c r="J15519" s="365"/>
      <c r="K15519" s="365"/>
      <c r="L15519" s="365"/>
    </row>
    <row r="15520" spans="2:12" ht="71.25">
      <c r="B15520" s="367"/>
      <c r="C15520" s="359" t="s">
        <v>30325</v>
      </c>
      <c r="D15520" s="367"/>
      <c r="E15520" s="367"/>
      <c r="F15520" s="367"/>
      <c r="G15520" s="367"/>
      <c r="H15520" s="367"/>
      <c r="I15520" s="367"/>
      <c r="J15520" s="365"/>
      <c r="K15520" s="365"/>
      <c r="L15520" s="365"/>
    </row>
    <row r="15521" spans="2:12">
      <c r="B15521" s="367"/>
      <c r="C15521" s="360"/>
      <c r="D15521" s="367"/>
      <c r="E15521" s="367"/>
      <c r="F15521" s="367"/>
      <c r="G15521" s="367"/>
      <c r="H15521" s="367"/>
      <c r="I15521" s="367"/>
      <c r="J15521" s="365"/>
      <c r="K15521" s="365"/>
      <c r="L15521" s="365"/>
    </row>
    <row r="15522" spans="2:12" ht="42.75">
      <c r="B15522" s="368"/>
      <c r="C15522" s="361" t="s">
        <v>29449</v>
      </c>
      <c r="D15522" s="368"/>
      <c r="E15522" s="368"/>
      <c r="F15522" s="368"/>
      <c r="G15522" s="368"/>
      <c r="H15522" s="368"/>
      <c r="I15522" s="368"/>
      <c r="J15522" s="366"/>
      <c r="K15522" s="366"/>
      <c r="L15522" s="366"/>
    </row>
    <row r="15523" spans="2:12" ht="28.5">
      <c r="B15523" s="358" t="s">
        <v>22587</v>
      </c>
      <c r="C15523" s="358" t="s">
        <v>27780</v>
      </c>
      <c r="D15523" s="358" t="s">
        <v>22588</v>
      </c>
      <c r="E15523" s="358" t="s">
        <v>8356</v>
      </c>
      <c r="F15523" s="358" t="s">
        <v>14462</v>
      </c>
      <c r="G15523" s="358" t="s">
        <v>14463</v>
      </c>
      <c r="H15523" s="358" t="s">
        <v>8356</v>
      </c>
      <c r="I15523" s="358" t="s">
        <v>14463</v>
      </c>
      <c r="J15523" s="358"/>
      <c r="K15523" s="358"/>
      <c r="L15523" s="358"/>
    </row>
    <row r="15524" spans="2:12">
      <c r="B15524" s="368"/>
      <c r="C15524" s="368"/>
      <c r="D15524" s="368"/>
      <c r="E15524" s="368"/>
      <c r="F15524" s="368"/>
      <c r="G15524" s="368"/>
      <c r="H15524" s="368"/>
      <c r="I15524" s="368"/>
      <c r="J15524" s="366"/>
      <c r="K15524" s="366"/>
      <c r="L15524" s="366"/>
    </row>
    <row r="15525" spans="2:12">
      <c r="B15525" s="358" t="s">
        <v>22589</v>
      </c>
      <c r="C15525" s="358" t="s">
        <v>22590</v>
      </c>
      <c r="D15525" s="358" t="s">
        <v>22591</v>
      </c>
      <c r="E15525" s="358" t="s">
        <v>22592</v>
      </c>
      <c r="F15525" s="358" t="s">
        <v>14382</v>
      </c>
      <c r="G15525" s="358" t="s">
        <v>14383</v>
      </c>
      <c r="H15525" s="358" t="s">
        <v>14378</v>
      </c>
      <c r="I15525" s="358" t="s">
        <v>14383</v>
      </c>
      <c r="J15525" s="358"/>
      <c r="K15525" s="358"/>
      <c r="L15525" s="358"/>
    </row>
    <row r="15526" spans="2:12">
      <c r="B15526" s="367"/>
      <c r="C15526" s="367"/>
      <c r="D15526" s="367"/>
      <c r="E15526" s="367"/>
      <c r="F15526" s="360"/>
      <c r="G15526" s="360"/>
      <c r="H15526" s="360"/>
      <c r="I15526" s="360"/>
      <c r="J15526" s="365"/>
      <c r="K15526" s="365"/>
      <c r="L15526" s="365"/>
    </row>
    <row r="15527" spans="2:12">
      <c r="B15527" s="367"/>
      <c r="C15527" s="367"/>
      <c r="D15527" s="367"/>
      <c r="E15527" s="367"/>
      <c r="F15527" s="359" t="s">
        <v>14460</v>
      </c>
      <c r="G15527" s="359" t="s">
        <v>14519</v>
      </c>
      <c r="H15527" s="359" t="s">
        <v>14381</v>
      </c>
      <c r="I15527" s="359" t="s">
        <v>14519</v>
      </c>
      <c r="J15527" s="365"/>
      <c r="K15527" s="365"/>
      <c r="L15527" s="365"/>
    </row>
    <row r="15528" spans="2:12">
      <c r="B15528" s="367"/>
      <c r="C15528" s="367"/>
      <c r="D15528" s="367"/>
      <c r="E15528" s="367"/>
      <c r="F15528" s="360"/>
      <c r="G15528" s="360"/>
      <c r="H15528" s="360"/>
      <c r="I15528" s="360"/>
      <c r="J15528" s="365"/>
      <c r="K15528" s="365"/>
      <c r="L15528" s="365"/>
    </row>
    <row r="15529" spans="2:12">
      <c r="B15529" s="367"/>
      <c r="C15529" s="367"/>
      <c r="D15529" s="367"/>
      <c r="E15529" s="367"/>
      <c r="F15529" s="359" t="s">
        <v>14391</v>
      </c>
      <c r="G15529" s="359" t="s">
        <v>14392</v>
      </c>
      <c r="H15529" s="359" t="s">
        <v>14370</v>
      </c>
      <c r="I15529" s="359" t="s">
        <v>14392</v>
      </c>
      <c r="J15529" s="365"/>
      <c r="K15529" s="365"/>
      <c r="L15529" s="365"/>
    </row>
    <row r="15530" spans="2:12">
      <c r="B15530" s="367"/>
      <c r="C15530" s="367"/>
      <c r="D15530" s="367"/>
      <c r="E15530" s="367"/>
      <c r="F15530" s="360"/>
      <c r="G15530" s="360"/>
      <c r="H15530" s="360"/>
      <c r="I15530" s="360"/>
      <c r="J15530" s="365"/>
      <c r="K15530" s="365"/>
      <c r="L15530" s="365"/>
    </row>
    <row r="15531" spans="2:12">
      <c r="B15531" s="367"/>
      <c r="C15531" s="367"/>
      <c r="D15531" s="367"/>
      <c r="E15531" s="367"/>
      <c r="F15531" s="359" t="s">
        <v>14371</v>
      </c>
      <c r="G15531" s="359" t="s">
        <v>14372</v>
      </c>
      <c r="H15531" s="359" t="s">
        <v>14332</v>
      </c>
      <c r="I15531" s="359" t="s">
        <v>14373</v>
      </c>
      <c r="J15531" s="365"/>
      <c r="K15531" s="365"/>
      <c r="L15531" s="365"/>
    </row>
    <row r="15532" spans="2:12">
      <c r="B15532" s="367"/>
      <c r="C15532" s="367"/>
      <c r="D15532" s="367"/>
      <c r="E15532" s="367"/>
      <c r="F15532" s="360"/>
      <c r="G15532" s="360"/>
      <c r="H15532" s="360"/>
      <c r="I15532" s="360"/>
      <c r="J15532" s="365"/>
      <c r="K15532" s="365"/>
      <c r="L15532" s="365"/>
    </row>
    <row r="15533" spans="2:12" ht="28.5">
      <c r="B15533" s="368"/>
      <c r="C15533" s="368"/>
      <c r="D15533" s="368"/>
      <c r="E15533" s="368"/>
      <c r="F15533" s="361" t="s">
        <v>14374</v>
      </c>
      <c r="G15533" s="361" t="s">
        <v>14373</v>
      </c>
      <c r="H15533" s="362"/>
      <c r="I15533" s="362"/>
      <c r="J15533" s="366"/>
      <c r="K15533" s="366"/>
      <c r="L15533" s="366"/>
    </row>
    <row r="15534" spans="2:12" ht="71.25">
      <c r="B15534" s="358" t="s">
        <v>22593</v>
      </c>
      <c r="C15534" s="358" t="s">
        <v>30326</v>
      </c>
      <c r="D15534" s="358" t="s">
        <v>22594</v>
      </c>
      <c r="E15534" s="358" t="s">
        <v>22595</v>
      </c>
      <c r="F15534" s="358" t="s">
        <v>14462</v>
      </c>
      <c r="G15534" s="358" t="s">
        <v>14463</v>
      </c>
      <c r="H15534" s="358" t="s">
        <v>8356</v>
      </c>
      <c r="I15534" s="358" t="s">
        <v>14463</v>
      </c>
      <c r="J15534" s="358"/>
      <c r="K15534" s="358"/>
      <c r="L15534" s="358"/>
    </row>
    <row r="15535" spans="2:12">
      <c r="B15535" s="368"/>
      <c r="C15535" s="368"/>
      <c r="D15535" s="368"/>
      <c r="E15535" s="368"/>
      <c r="F15535" s="368"/>
      <c r="G15535" s="368"/>
      <c r="H15535" s="368"/>
      <c r="I15535" s="368"/>
      <c r="J15535" s="366"/>
      <c r="K15535" s="366"/>
      <c r="L15535" s="366"/>
    </row>
    <row r="15536" spans="2:12" ht="71.25">
      <c r="B15536" s="358" t="s">
        <v>22596</v>
      </c>
      <c r="C15536" s="358" t="s">
        <v>29450</v>
      </c>
      <c r="D15536" s="358" t="s">
        <v>22597</v>
      </c>
      <c r="E15536" s="358" t="s">
        <v>22598</v>
      </c>
      <c r="F15536" s="358" t="s">
        <v>14462</v>
      </c>
      <c r="G15536" s="358" t="s">
        <v>14463</v>
      </c>
      <c r="H15536" s="358" t="s">
        <v>8356</v>
      </c>
      <c r="I15536" s="358" t="s">
        <v>14463</v>
      </c>
      <c r="J15536" s="358"/>
      <c r="K15536" s="358"/>
      <c r="L15536" s="358"/>
    </row>
    <row r="15537" spans="2:12">
      <c r="B15537" s="368"/>
      <c r="C15537" s="368"/>
      <c r="D15537" s="368"/>
      <c r="E15537" s="368"/>
      <c r="F15537" s="368"/>
      <c r="G15537" s="368"/>
      <c r="H15537" s="368"/>
      <c r="I15537" s="368"/>
      <c r="J15537" s="366"/>
      <c r="K15537" s="366"/>
      <c r="L15537" s="366"/>
    </row>
    <row r="15538" spans="2:12" ht="71.25">
      <c r="B15538" s="358" t="s">
        <v>22599</v>
      </c>
      <c r="C15538" s="358" t="s">
        <v>22600</v>
      </c>
      <c r="D15538" s="358" t="s">
        <v>22601</v>
      </c>
      <c r="E15538" s="358" t="s">
        <v>1120</v>
      </c>
      <c r="F15538" s="358" t="s">
        <v>14460</v>
      </c>
      <c r="G15538" s="358" t="s">
        <v>14519</v>
      </c>
      <c r="H15538" s="358" t="s">
        <v>14381</v>
      </c>
      <c r="I15538" s="358" t="s">
        <v>14519</v>
      </c>
      <c r="J15538" s="358"/>
      <c r="K15538" s="358"/>
      <c r="L15538" s="358"/>
    </row>
    <row r="15539" spans="2:12">
      <c r="B15539" s="367"/>
      <c r="C15539" s="367"/>
      <c r="D15539" s="367"/>
      <c r="E15539" s="367"/>
      <c r="F15539" s="360"/>
      <c r="G15539" s="360"/>
      <c r="H15539" s="360"/>
      <c r="I15539" s="360"/>
      <c r="J15539" s="365"/>
      <c r="K15539" s="365"/>
      <c r="L15539" s="365"/>
    </row>
    <row r="15540" spans="2:12">
      <c r="B15540" s="367"/>
      <c r="C15540" s="367"/>
      <c r="D15540" s="367"/>
      <c r="E15540" s="367"/>
      <c r="F15540" s="359" t="s">
        <v>14391</v>
      </c>
      <c r="G15540" s="359" t="s">
        <v>14392</v>
      </c>
      <c r="H15540" s="359" t="s">
        <v>14422</v>
      </c>
      <c r="I15540" s="359" t="s">
        <v>14392</v>
      </c>
      <c r="J15540" s="365"/>
      <c r="K15540" s="365"/>
      <c r="L15540" s="365"/>
    </row>
    <row r="15541" spans="2:12">
      <c r="B15541" s="367"/>
      <c r="C15541" s="367"/>
      <c r="D15541" s="367"/>
      <c r="E15541" s="367"/>
      <c r="F15541" s="360"/>
      <c r="G15541" s="360"/>
      <c r="H15541" s="360"/>
      <c r="I15541" s="360"/>
      <c r="J15541" s="365"/>
      <c r="K15541" s="365"/>
      <c r="L15541" s="365"/>
    </row>
    <row r="15542" spans="2:12" ht="28.5">
      <c r="B15542" s="368"/>
      <c r="C15542" s="368"/>
      <c r="D15542" s="368"/>
      <c r="E15542" s="368"/>
      <c r="F15542" s="361" t="s">
        <v>14472</v>
      </c>
      <c r="G15542" s="361" t="s">
        <v>14473</v>
      </c>
      <c r="H15542" s="362"/>
      <c r="I15542" s="361" t="s">
        <v>14473</v>
      </c>
      <c r="J15542" s="366"/>
      <c r="K15542" s="366"/>
      <c r="L15542" s="366"/>
    </row>
    <row r="15543" spans="2:12">
      <c r="B15543" s="358" t="s">
        <v>22602</v>
      </c>
      <c r="C15543" s="358" t="s">
        <v>29451</v>
      </c>
      <c r="D15543" s="358" t="s">
        <v>22603</v>
      </c>
      <c r="E15543" s="358" t="s">
        <v>8356</v>
      </c>
      <c r="F15543" s="358" t="s">
        <v>14430</v>
      </c>
      <c r="G15543" s="358" t="s">
        <v>14431</v>
      </c>
      <c r="H15543" s="358" t="s">
        <v>14341</v>
      </c>
      <c r="I15543" s="358" t="s">
        <v>14431</v>
      </c>
      <c r="J15543" s="358"/>
      <c r="K15543" s="358"/>
      <c r="L15543" s="358"/>
    </row>
    <row r="15544" spans="2:12">
      <c r="B15544" s="367"/>
      <c r="C15544" s="360"/>
      <c r="D15544" s="367"/>
      <c r="E15544" s="367"/>
      <c r="F15544" s="360"/>
      <c r="G15544" s="360"/>
      <c r="H15544" s="360"/>
      <c r="I15544" s="360"/>
      <c r="J15544" s="365"/>
      <c r="K15544" s="365"/>
      <c r="L15544" s="365"/>
    </row>
    <row r="15545" spans="2:12" ht="71.25">
      <c r="B15545" s="367"/>
      <c r="C15545" s="359" t="s">
        <v>29452</v>
      </c>
      <c r="D15545" s="367"/>
      <c r="E15545" s="367"/>
      <c r="F15545" s="359" t="s">
        <v>14472</v>
      </c>
      <c r="G15545" s="359" t="s">
        <v>14473</v>
      </c>
      <c r="H15545" s="359" t="s">
        <v>14332</v>
      </c>
      <c r="I15545" s="359" t="s">
        <v>14473</v>
      </c>
      <c r="J15545" s="365"/>
      <c r="K15545" s="365"/>
      <c r="L15545" s="365"/>
    </row>
    <row r="15546" spans="2:12">
      <c r="B15546" s="367"/>
      <c r="C15546" s="360"/>
      <c r="D15546" s="367"/>
      <c r="E15546" s="367"/>
      <c r="F15546" s="360"/>
      <c r="G15546" s="360"/>
      <c r="H15546" s="360"/>
      <c r="I15546" s="360"/>
      <c r="J15546" s="365"/>
      <c r="K15546" s="365"/>
      <c r="L15546" s="365"/>
    </row>
    <row r="15547" spans="2:12" ht="71.25">
      <c r="B15547" s="367"/>
      <c r="C15547" s="359" t="s">
        <v>22604</v>
      </c>
      <c r="D15547" s="367"/>
      <c r="E15547" s="367"/>
      <c r="F15547" s="360"/>
      <c r="G15547" s="360"/>
      <c r="H15547" s="360"/>
      <c r="I15547" s="360"/>
      <c r="J15547" s="365"/>
      <c r="K15547" s="365"/>
      <c r="L15547" s="365"/>
    </row>
    <row r="15548" spans="2:12">
      <c r="B15548" s="367"/>
      <c r="C15548" s="360"/>
      <c r="D15548" s="367"/>
      <c r="E15548" s="367"/>
      <c r="F15548" s="360"/>
      <c r="G15548" s="360"/>
      <c r="H15548" s="360"/>
      <c r="I15548" s="360"/>
      <c r="J15548" s="365"/>
      <c r="K15548" s="365"/>
      <c r="L15548" s="365"/>
    </row>
    <row r="15549" spans="2:12" ht="71.25">
      <c r="B15549" s="367"/>
      <c r="C15549" s="359" t="s">
        <v>22605</v>
      </c>
      <c r="D15549" s="367"/>
      <c r="E15549" s="367"/>
      <c r="F15549" s="360"/>
      <c r="G15549" s="360"/>
      <c r="H15549" s="360"/>
      <c r="I15549" s="360"/>
      <c r="J15549" s="365"/>
      <c r="K15549" s="365"/>
      <c r="L15549" s="365"/>
    </row>
    <row r="15550" spans="2:12">
      <c r="B15550" s="367"/>
      <c r="C15550" s="360"/>
      <c r="D15550" s="367"/>
      <c r="E15550" s="367"/>
      <c r="F15550" s="360"/>
      <c r="G15550" s="360"/>
      <c r="H15550" s="360"/>
      <c r="I15550" s="360"/>
      <c r="J15550" s="365"/>
      <c r="K15550" s="365"/>
      <c r="L15550" s="365"/>
    </row>
    <row r="15551" spans="2:12" ht="57">
      <c r="B15551" s="367"/>
      <c r="C15551" s="359" t="s">
        <v>22606</v>
      </c>
      <c r="D15551" s="367"/>
      <c r="E15551" s="367"/>
      <c r="F15551" s="360"/>
      <c r="G15551" s="360"/>
      <c r="H15551" s="360"/>
      <c r="I15551" s="360"/>
      <c r="J15551" s="365"/>
      <c r="K15551" s="365"/>
      <c r="L15551" s="365"/>
    </row>
    <row r="15552" spans="2:12">
      <c r="B15552" s="367"/>
      <c r="C15552" s="360"/>
      <c r="D15552" s="367"/>
      <c r="E15552" s="367"/>
      <c r="F15552" s="360"/>
      <c r="G15552" s="360"/>
      <c r="H15552" s="360"/>
      <c r="I15552" s="360"/>
      <c r="J15552" s="365"/>
      <c r="K15552" s="365"/>
      <c r="L15552" s="365"/>
    </row>
    <row r="15553" spans="2:12" ht="57">
      <c r="B15553" s="368"/>
      <c r="C15553" s="361" t="s">
        <v>29453</v>
      </c>
      <c r="D15553" s="368"/>
      <c r="E15553" s="368"/>
      <c r="F15553" s="362"/>
      <c r="G15553" s="362"/>
      <c r="H15553" s="362"/>
      <c r="I15553" s="362"/>
      <c r="J15553" s="366"/>
      <c r="K15553" s="366"/>
      <c r="L15553" s="366"/>
    </row>
    <row r="15554" spans="2:12" ht="42.75">
      <c r="B15554" s="358" t="s">
        <v>22607</v>
      </c>
      <c r="C15554" s="358" t="s">
        <v>27781</v>
      </c>
      <c r="D15554" s="358" t="s">
        <v>22608</v>
      </c>
      <c r="E15554" s="358" t="s">
        <v>22609</v>
      </c>
      <c r="F15554" s="358" t="s">
        <v>14371</v>
      </c>
      <c r="G15554" s="358" t="s">
        <v>14372</v>
      </c>
      <c r="H15554" s="358" t="s">
        <v>14370</v>
      </c>
      <c r="I15554" s="358" t="s">
        <v>14373</v>
      </c>
      <c r="J15554" s="358"/>
      <c r="K15554" s="358"/>
      <c r="L15554" s="358"/>
    </row>
    <row r="15555" spans="2:12">
      <c r="B15555" s="367"/>
      <c r="C15555" s="367"/>
      <c r="D15555" s="367"/>
      <c r="E15555" s="367"/>
      <c r="F15555" s="360"/>
      <c r="G15555" s="360"/>
      <c r="H15555" s="360"/>
      <c r="I15555" s="367"/>
      <c r="J15555" s="365"/>
      <c r="K15555" s="365"/>
      <c r="L15555" s="365"/>
    </row>
    <row r="15556" spans="2:12" ht="28.5">
      <c r="B15556" s="368"/>
      <c r="C15556" s="368"/>
      <c r="D15556" s="368"/>
      <c r="E15556" s="368"/>
      <c r="F15556" s="361" t="s">
        <v>14374</v>
      </c>
      <c r="G15556" s="361" t="s">
        <v>14373</v>
      </c>
      <c r="H15556" s="361" t="s">
        <v>14422</v>
      </c>
      <c r="I15556" s="368"/>
      <c r="J15556" s="366"/>
      <c r="K15556" s="366"/>
      <c r="L15556" s="366"/>
    </row>
    <row r="15557" spans="2:12" ht="42.75">
      <c r="B15557" s="358" t="s">
        <v>22610</v>
      </c>
      <c r="C15557" s="358" t="s">
        <v>22611</v>
      </c>
      <c r="D15557" s="358" t="s">
        <v>22612</v>
      </c>
      <c r="E15557" s="358" t="s">
        <v>8356</v>
      </c>
      <c r="F15557" s="358" t="s">
        <v>14472</v>
      </c>
      <c r="G15557" s="358" t="s">
        <v>14473</v>
      </c>
      <c r="H15557" s="358" t="s">
        <v>8356</v>
      </c>
      <c r="I15557" s="358" t="s">
        <v>14473</v>
      </c>
      <c r="J15557" s="358"/>
      <c r="K15557" s="358"/>
      <c r="L15557" s="358"/>
    </row>
    <row r="15558" spans="2:12">
      <c r="B15558" s="368"/>
      <c r="C15558" s="368"/>
      <c r="D15558" s="368"/>
      <c r="E15558" s="368"/>
      <c r="F15558" s="368"/>
      <c r="G15558" s="368"/>
      <c r="H15558" s="368"/>
      <c r="I15558" s="368"/>
      <c r="J15558" s="366"/>
      <c r="K15558" s="366"/>
      <c r="L15558" s="366"/>
    </row>
    <row r="15559" spans="2:12">
      <c r="B15559" s="358" t="s">
        <v>22613</v>
      </c>
      <c r="C15559" s="358" t="s">
        <v>22614</v>
      </c>
      <c r="D15559" s="358" t="s">
        <v>22615</v>
      </c>
      <c r="E15559" s="358" t="s">
        <v>22616</v>
      </c>
      <c r="F15559" s="358" t="s">
        <v>14420</v>
      </c>
      <c r="G15559" s="358" t="s">
        <v>14429</v>
      </c>
      <c r="H15559" s="358" t="s">
        <v>14367</v>
      </c>
      <c r="I15559" s="358" t="s">
        <v>14429</v>
      </c>
      <c r="J15559" s="358"/>
      <c r="K15559" s="358"/>
      <c r="L15559" s="358"/>
    </row>
    <row r="15560" spans="2:12">
      <c r="B15560" s="367"/>
      <c r="C15560" s="367"/>
      <c r="D15560" s="367"/>
      <c r="E15560" s="367"/>
      <c r="F15560" s="360"/>
      <c r="G15560" s="360"/>
      <c r="H15560" s="360"/>
      <c r="I15560" s="360"/>
      <c r="J15560" s="365"/>
      <c r="K15560" s="365"/>
      <c r="L15560" s="365"/>
    </row>
    <row r="15561" spans="2:12">
      <c r="B15561" s="368"/>
      <c r="C15561" s="368"/>
      <c r="D15561" s="368"/>
      <c r="E15561" s="368"/>
      <c r="F15561" s="361" t="s">
        <v>14391</v>
      </c>
      <c r="G15561" s="361" t="s">
        <v>14392</v>
      </c>
      <c r="H15561" s="361" t="s">
        <v>14422</v>
      </c>
      <c r="I15561" s="361" t="s">
        <v>14392</v>
      </c>
      <c r="J15561" s="366"/>
      <c r="K15561" s="366"/>
      <c r="L15561" s="366"/>
    </row>
    <row r="15562" spans="2:12">
      <c r="B15562" s="358" t="s">
        <v>22617</v>
      </c>
      <c r="C15562" s="358" t="s">
        <v>22618</v>
      </c>
      <c r="D15562" s="358" t="s">
        <v>22619</v>
      </c>
      <c r="E15562" s="358" t="s">
        <v>22620</v>
      </c>
      <c r="F15562" s="358" t="s">
        <v>14443</v>
      </c>
      <c r="G15562" s="358" t="s">
        <v>14444</v>
      </c>
      <c r="H15562" s="358" t="s">
        <v>14381</v>
      </c>
      <c r="I15562" s="358" t="s">
        <v>14444</v>
      </c>
      <c r="J15562" s="358"/>
      <c r="K15562" s="358"/>
      <c r="L15562" s="358"/>
    </row>
    <row r="15563" spans="2:12">
      <c r="B15563" s="367"/>
      <c r="C15563" s="360"/>
      <c r="D15563" s="367"/>
      <c r="E15563" s="367"/>
      <c r="F15563" s="360"/>
      <c r="G15563" s="360"/>
      <c r="H15563" s="360"/>
      <c r="I15563" s="360"/>
      <c r="J15563" s="365"/>
      <c r="K15563" s="365"/>
      <c r="L15563" s="365"/>
    </row>
    <row r="15564" spans="2:12" ht="28.5">
      <c r="B15564" s="367"/>
      <c r="C15564" s="359" t="s">
        <v>27782</v>
      </c>
      <c r="D15564" s="367"/>
      <c r="E15564" s="367"/>
      <c r="F15564" s="359" t="s">
        <v>14391</v>
      </c>
      <c r="G15564" s="359" t="s">
        <v>14392</v>
      </c>
      <c r="H15564" s="359" t="s">
        <v>14367</v>
      </c>
      <c r="I15564" s="359" t="s">
        <v>14392</v>
      </c>
      <c r="J15564" s="365"/>
      <c r="K15564" s="365"/>
      <c r="L15564" s="365"/>
    </row>
    <row r="15565" spans="2:12">
      <c r="B15565" s="367"/>
      <c r="C15565" s="360"/>
      <c r="D15565" s="367"/>
      <c r="E15565" s="367"/>
      <c r="F15565" s="360"/>
      <c r="G15565" s="360"/>
      <c r="H15565" s="360"/>
      <c r="I15565" s="360"/>
      <c r="J15565" s="365"/>
      <c r="K15565" s="365"/>
      <c r="L15565" s="365"/>
    </row>
    <row r="15566" spans="2:12">
      <c r="B15566" s="368"/>
      <c r="C15566" s="362"/>
      <c r="D15566" s="368"/>
      <c r="E15566" s="368"/>
      <c r="F15566" s="362"/>
      <c r="G15566" s="362"/>
      <c r="H15566" s="361" t="s">
        <v>14422</v>
      </c>
      <c r="I15566" s="362"/>
      <c r="J15566" s="366"/>
      <c r="K15566" s="366"/>
      <c r="L15566" s="366"/>
    </row>
    <row r="15567" spans="2:12">
      <c r="B15567" s="358" t="s">
        <v>22621</v>
      </c>
      <c r="C15567" s="358" t="s">
        <v>22622</v>
      </c>
      <c r="D15567" s="358" t="s">
        <v>22623</v>
      </c>
      <c r="E15567" s="358" t="s">
        <v>22624</v>
      </c>
      <c r="F15567" s="358" t="s">
        <v>14443</v>
      </c>
      <c r="G15567" s="358" t="s">
        <v>14444</v>
      </c>
      <c r="H15567" s="358" t="s">
        <v>14381</v>
      </c>
      <c r="I15567" s="358" t="s">
        <v>14444</v>
      </c>
      <c r="J15567" s="358"/>
      <c r="K15567" s="358"/>
      <c r="L15567" s="358"/>
    </row>
    <row r="15568" spans="2:12">
      <c r="B15568" s="367"/>
      <c r="C15568" s="360"/>
      <c r="D15568" s="367"/>
      <c r="E15568" s="367"/>
      <c r="F15568" s="360"/>
      <c r="G15568" s="360"/>
      <c r="H15568" s="360"/>
      <c r="I15568" s="360"/>
      <c r="J15568" s="365"/>
      <c r="K15568" s="365"/>
      <c r="L15568" s="365"/>
    </row>
    <row r="15569" spans="2:12">
      <c r="B15569" s="367"/>
      <c r="C15569" s="359" t="s">
        <v>22625</v>
      </c>
      <c r="D15569" s="367"/>
      <c r="E15569" s="367"/>
      <c r="F15569" s="359" t="s">
        <v>14426</v>
      </c>
      <c r="G15569" s="359" t="s">
        <v>14427</v>
      </c>
      <c r="H15569" s="359" t="s">
        <v>14367</v>
      </c>
      <c r="I15569" s="359" t="s">
        <v>14427</v>
      </c>
      <c r="J15569" s="365"/>
      <c r="K15569" s="365"/>
      <c r="L15569" s="365"/>
    </row>
    <row r="15570" spans="2:12">
      <c r="B15570" s="367"/>
      <c r="C15570" s="360"/>
      <c r="D15570" s="367"/>
      <c r="E15570" s="367"/>
      <c r="F15570" s="360"/>
      <c r="G15570" s="360"/>
      <c r="H15570" s="360"/>
      <c r="I15570" s="360"/>
      <c r="J15570" s="365"/>
      <c r="K15570" s="365"/>
      <c r="L15570" s="365"/>
    </row>
    <row r="15571" spans="2:12">
      <c r="B15571" s="367"/>
      <c r="C15571" s="360"/>
      <c r="D15571" s="367"/>
      <c r="E15571" s="367"/>
      <c r="F15571" s="359" t="s">
        <v>14391</v>
      </c>
      <c r="G15571" s="359" t="s">
        <v>14392</v>
      </c>
      <c r="H15571" s="359" t="s">
        <v>14422</v>
      </c>
      <c r="I15571" s="359" t="s">
        <v>14392</v>
      </c>
      <c r="J15571" s="365"/>
      <c r="K15571" s="365"/>
      <c r="L15571" s="365"/>
    </row>
    <row r="15572" spans="2:12">
      <c r="B15572" s="367"/>
      <c r="C15572" s="360"/>
      <c r="D15572" s="367"/>
      <c r="E15572" s="367"/>
      <c r="F15572" s="360"/>
      <c r="G15572" s="360"/>
      <c r="H15572" s="360"/>
      <c r="I15572" s="360"/>
      <c r="J15572" s="365"/>
      <c r="K15572" s="365"/>
      <c r="L15572" s="365"/>
    </row>
    <row r="15573" spans="2:12" ht="28.5">
      <c r="B15573" s="368"/>
      <c r="C15573" s="362"/>
      <c r="D15573" s="368"/>
      <c r="E15573" s="368"/>
      <c r="F15573" s="361" t="s">
        <v>14462</v>
      </c>
      <c r="G15573" s="361" t="s">
        <v>14463</v>
      </c>
      <c r="H15573" s="362"/>
      <c r="I15573" s="361" t="s">
        <v>14463</v>
      </c>
      <c r="J15573" s="366"/>
      <c r="K15573" s="366"/>
      <c r="L15573" s="366"/>
    </row>
    <row r="15574" spans="2:12" ht="42.75">
      <c r="B15574" s="358" t="s">
        <v>10497</v>
      </c>
      <c r="C15574" s="358" t="s">
        <v>10496</v>
      </c>
      <c r="D15574" s="358" t="s">
        <v>10498</v>
      </c>
      <c r="E15574" s="358" t="s">
        <v>10499</v>
      </c>
      <c r="F15574" s="358" t="s">
        <v>14376</v>
      </c>
      <c r="G15574" s="358" t="s">
        <v>14669</v>
      </c>
      <c r="H15574" s="358" t="s">
        <v>14381</v>
      </c>
      <c r="I15574" s="358" t="s">
        <v>14669</v>
      </c>
      <c r="J15574" s="358"/>
      <c r="K15574" s="358"/>
      <c r="L15574" s="358"/>
    </row>
    <row r="15575" spans="2:12">
      <c r="B15575" s="367"/>
      <c r="C15575" s="367"/>
      <c r="D15575" s="367"/>
      <c r="E15575" s="367"/>
      <c r="F15575" s="360"/>
      <c r="G15575" s="360"/>
      <c r="H15575" s="360"/>
      <c r="I15575" s="360"/>
      <c r="J15575" s="365"/>
      <c r="K15575" s="365"/>
      <c r="L15575" s="365"/>
    </row>
    <row r="15576" spans="2:12" ht="28.5">
      <c r="B15576" s="368"/>
      <c r="C15576" s="368"/>
      <c r="D15576" s="368"/>
      <c r="E15576" s="368"/>
      <c r="F15576" s="361" t="s">
        <v>14462</v>
      </c>
      <c r="G15576" s="361" t="s">
        <v>14463</v>
      </c>
      <c r="H15576" s="361" t="s">
        <v>14422</v>
      </c>
      <c r="I15576" s="361" t="s">
        <v>14463</v>
      </c>
      <c r="J15576" s="366"/>
      <c r="K15576" s="366"/>
      <c r="L15576" s="366"/>
    </row>
    <row r="15577" spans="2:12" ht="42.75">
      <c r="B15577" s="358" t="s">
        <v>10501</v>
      </c>
      <c r="C15577" s="358" t="s">
        <v>22626</v>
      </c>
      <c r="D15577" s="358" t="s">
        <v>10502</v>
      </c>
      <c r="E15577" s="358" t="s">
        <v>10503</v>
      </c>
      <c r="F15577" s="358" t="s">
        <v>14376</v>
      </c>
      <c r="G15577" s="358" t="s">
        <v>14669</v>
      </c>
      <c r="H15577" s="358" t="s">
        <v>14381</v>
      </c>
      <c r="I15577" s="358" t="s">
        <v>14669</v>
      </c>
      <c r="J15577" s="358"/>
      <c r="K15577" s="358"/>
      <c r="L15577" s="358"/>
    </row>
    <row r="15578" spans="2:12">
      <c r="B15578" s="367"/>
      <c r="C15578" s="367"/>
      <c r="D15578" s="367"/>
      <c r="E15578" s="367"/>
      <c r="F15578" s="360"/>
      <c r="G15578" s="360"/>
      <c r="H15578" s="360"/>
      <c r="I15578" s="360"/>
      <c r="J15578" s="365"/>
      <c r="K15578" s="365"/>
      <c r="L15578" s="365"/>
    </row>
    <row r="15579" spans="2:12">
      <c r="B15579" s="367"/>
      <c r="C15579" s="367"/>
      <c r="D15579" s="367"/>
      <c r="E15579" s="367"/>
      <c r="F15579" s="359" t="s">
        <v>14430</v>
      </c>
      <c r="G15579" s="359" t="s">
        <v>14431</v>
      </c>
      <c r="H15579" s="359" t="s">
        <v>14341</v>
      </c>
      <c r="I15579" s="359" t="s">
        <v>14431</v>
      </c>
      <c r="J15579" s="365"/>
      <c r="K15579" s="365"/>
      <c r="L15579" s="365"/>
    </row>
    <row r="15580" spans="2:12">
      <c r="B15580" s="367"/>
      <c r="C15580" s="367"/>
      <c r="D15580" s="367"/>
      <c r="E15580" s="367"/>
      <c r="F15580" s="360"/>
      <c r="G15580" s="360"/>
      <c r="H15580" s="360"/>
      <c r="I15580" s="360"/>
      <c r="J15580" s="365"/>
      <c r="K15580" s="365"/>
      <c r="L15580" s="365"/>
    </row>
    <row r="15581" spans="2:12" ht="28.5">
      <c r="B15581" s="367"/>
      <c r="C15581" s="367"/>
      <c r="D15581" s="367"/>
      <c r="E15581" s="367"/>
      <c r="F15581" s="359" t="s">
        <v>14394</v>
      </c>
      <c r="G15581" s="359" t="s">
        <v>14395</v>
      </c>
      <c r="H15581" s="359" t="s">
        <v>14370</v>
      </c>
      <c r="I15581" s="359" t="s">
        <v>14395</v>
      </c>
      <c r="J15581" s="365"/>
      <c r="K15581" s="365"/>
      <c r="L15581" s="365"/>
    </row>
    <row r="15582" spans="2:12">
      <c r="B15582" s="367"/>
      <c r="C15582" s="367"/>
      <c r="D15582" s="367"/>
      <c r="E15582" s="367"/>
      <c r="F15582" s="360"/>
      <c r="G15582" s="360"/>
      <c r="H15582" s="360"/>
      <c r="I15582" s="360"/>
      <c r="J15582" s="365"/>
      <c r="K15582" s="365"/>
      <c r="L15582" s="365"/>
    </row>
    <row r="15583" spans="2:12">
      <c r="B15583" s="368"/>
      <c r="C15583" s="368"/>
      <c r="D15583" s="368"/>
      <c r="E15583" s="368"/>
      <c r="F15583" s="362"/>
      <c r="G15583" s="362"/>
      <c r="H15583" s="361" t="s">
        <v>14332</v>
      </c>
      <c r="I15583" s="362"/>
      <c r="J15583" s="366"/>
      <c r="K15583" s="366"/>
      <c r="L15583" s="366"/>
    </row>
    <row r="15584" spans="2:12" ht="85.5">
      <c r="B15584" s="358" t="s">
        <v>22627</v>
      </c>
      <c r="C15584" s="358" t="s">
        <v>27783</v>
      </c>
      <c r="D15584" s="358" t="s">
        <v>22628</v>
      </c>
      <c r="E15584" s="358" t="s">
        <v>22629</v>
      </c>
      <c r="F15584" s="358" t="s">
        <v>14430</v>
      </c>
      <c r="G15584" s="358" t="s">
        <v>14431</v>
      </c>
      <c r="H15584" s="358" t="s">
        <v>14341</v>
      </c>
      <c r="I15584" s="358" t="s">
        <v>14431</v>
      </c>
      <c r="J15584" s="358"/>
      <c r="K15584" s="358"/>
      <c r="L15584" s="358"/>
    </row>
    <row r="15585" spans="2:12">
      <c r="B15585" s="367"/>
      <c r="C15585" s="367"/>
      <c r="D15585" s="367"/>
      <c r="E15585" s="367"/>
      <c r="F15585" s="360"/>
      <c r="G15585" s="360"/>
      <c r="H15585" s="360"/>
      <c r="I15585" s="360"/>
      <c r="J15585" s="365"/>
      <c r="K15585" s="365"/>
      <c r="L15585" s="365"/>
    </row>
    <row r="15586" spans="2:12">
      <c r="B15586" s="367"/>
      <c r="C15586" s="367"/>
      <c r="D15586" s="367"/>
      <c r="E15586" s="367"/>
      <c r="F15586" s="359" t="s">
        <v>14391</v>
      </c>
      <c r="G15586" s="359" t="s">
        <v>14392</v>
      </c>
      <c r="H15586" s="359" t="s">
        <v>14367</v>
      </c>
      <c r="I15586" s="359" t="s">
        <v>14392</v>
      </c>
      <c r="J15586" s="365"/>
      <c r="K15586" s="365"/>
      <c r="L15586" s="365"/>
    </row>
    <row r="15587" spans="2:12">
      <c r="B15587" s="367"/>
      <c r="C15587" s="367"/>
      <c r="D15587" s="367"/>
      <c r="E15587" s="367"/>
      <c r="F15587" s="360"/>
      <c r="G15587" s="360"/>
      <c r="H15587" s="360"/>
      <c r="I15587" s="360"/>
      <c r="J15587" s="365"/>
      <c r="K15587" s="365"/>
      <c r="L15587" s="365"/>
    </row>
    <row r="15588" spans="2:12" ht="28.5">
      <c r="B15588" s="368"/>
      <c r="C15588" s="368"/>
      <c r="D15588" s="368"/>
      <c r="E15588" s="368"/>
      <c r="F15588" s="361" t="s">
        <v>14472</v>
      </c>
      <c r="G15588" s="361" t="s">
        <v>14473</v>
      </c>
      <c r="H15588" s="361" t="s">
        <v>14332</v>
      </c>
      <c r="I15588" s="361" t="s">
        <v>14473</v>
      </c>
      <c r="J15588" s="366"/>
      <c r="K15588" s="366"/>
      <c r="L15588" s="366"/>
    </row>
    <row r="15589" spans="2:12" ht="85.5">
      <c r="B15589" s="358" t="s">
        <v>22630</v>
      </c>
      <c r="C15589" s="358" t="s">
        <v>22631</v>
      </c>
      <c r="D15589" s="358" t="s">
        <v>22632</v>
      </c>
      <c r="E15589" s="358" t="s">
        <v>22633</v>
      </c>
      <c r="F15589" s="358" t="s">
        <v>14430</v>
      </c>
      <c r="G15589" s="358" t="s">
        <v>14431</v>
      </c>
      <c r="H15589" s="358" t="s">
        <v>14341</v>
      </c>
      <c r="I15589" s="358" t="s">
        <v>14431</v>
      </c>
      <c r="J15589" s="358"/>
      <c r="K15589" s="358"/>
      <c r="L15589" s="358"/>
    </row>
    <row r="15590" spans="2:12">
      <c r="B15590" s="367"/>
      <c r="C15590" s="360"/>
      <c r="D15590" s="367"/>
      <c r="E15590" s="367"/>
      <c r="F15590" s="367"/>
      <c r="G15590" s="367"/>
      <c r="H15590" s="360"/>
      <c r="I15590" s="367"/>
      <c r="J15590" s="365"/>
      <c r="K15590" s="365"/>
      <c r="L15590" s="365"/>
    </row>
    <row r="15591" spans="2:12" ht="85.5">
      <c r="B15591" s="367"/>
      <c r="C15591" s="359" t="s">
        <v>29454</v>
      </c>
      <c r="D15591" s="367"/>
      <c r="E15591" s="367"/>
      <c r="F15591" s="367"/>
      <c r="G15591" s="367"/>
      <c r="H15591" s="359" t="s">
        <v>14332</v>
      </c>
      <c r="I15591" s="367"/>
      <c r="J15591" s="365"/>
      <c r="K15591" s="365"/>
      <c r="L15591" s="365"/>
    </row>
    <row r="15592" spans="2:12">
      <c r="B15592" s="367"/>
      <c r="C15592" s="360"/>
      <c r="D15592" s="367"/>
      <c r="E15592" s="367"/>
      <c r="F15592" s="367"/>
      <c r="G15592" s="367"/>
      <c r="H15592" s="360"/>
      <c r="I15592" s="367"/>
      <c r="J15592" s="365"/>
      <c r="K15592" s="365"/>
      <c r="L15592" s="365"/>
    </row>
    <row r="15593" spans="2:12" ht="71.25">
      <c r="B15593" s="368"/>
      <c r="C15593" s="361" t="s">
        <v>22634</v>
      </c>
      <c r="D15593" s="368"/>
      <c r="E15593" s="368"/>
      <c r="F15593" s="368"/>
      <c r="G15593" s="368"/>
      <c r="H15593" s="362"/>
      <c r="I15593" s="368"/>
      <c r="J15593" s="366"/>
      <c r="K15593" s="366"/>
      <c r="L15593" s="366"/>
    </row>
    <row r="15594" spans="2:12" ht="42.75">
      <c r="B15594" s="358" t="s">
        <v>22635</v>
      </c>
      <c r="C15594" s="358" t="s">
        <v>22636</v>
      </c>
      <c r="D15594" s="358" t="s">
        <v>22637</v>
      </c>
      <c r="E15594" s="358" t="s">
        <v>8356</v>
      </c>
      <c r="F15594" s="358" t="s">
        <v>14430</v>
      </c>
      <c r="G15594" s="358" t="s">
        <v>14431</v>
      </c>
      <c r="H15594" s="358" t="s">
        <v>14341</v>
      </c>
      <c r="I15594" s="358" t="s">
        <v>14431</v>
      </c>
      <c r="J15594" s="358"/>
      <c r="K15594" s="358"/>
      <c r="L15594" s="358"/>
    </row>
    <row r="15595" spans="2:12">
      <c r="B15595" s="367"/>
      <c r="C15595" s="367"/>
      <c r="D15595" s="367"/>
      <c r="E15595" s="367"/>
      <c r="F15595" s="360"/>
      <c r="G15595" s="360"/>
      <c r="H15595" s="360"/>
      <c r="I15595" s="360"/>
      <c r="J15595" s="365"/>
      <c r="K15595" s="365"/>
      <c r="L15595" s="365"/>
    </row>
    <row r="15596" spans="2:12">
      <c r="B15596" s="367"/>
      <c r="C15596" s="367"/>
      <c r="D15596" s="367"/>
      <c r="E15596" s="367"/>
      <c r="F15596" s="359" t="s">
        <v>14391</v>
      </c>
      <c r="G15596" s="359" t="s">
        <v>14392</v>
      </c>
      <c r="H15596" s="359" t="s">
        <v>14367</v>
      </c>
      <c r="I15596" s="359" t="s">
        <v>14392</v>
      </c>
      <c r="J15596" s="365"/>
      <c r="K15596" s="365"/>
      <c r="L15596" s="365"/>
    </row>
    <row r="15597" spans="2:12">
      <c r="B15597" s="367"/>
      <c r="C15597" s="367"/>
      <c r="D15597" s="367"/>
      <c r="E15597" s="367"/>
      <c r="F15597" s="360"/>
      <c r="G15597" s="360"/>
      <c r="H15597" s="360"/>
      <c r="I15597" s="360"/>
      <c r="J15597" s="365"/>
      <c r="K15597" s="365"/>
      <c r="L15597" s="365"/>
    </row>
    <row r="15598" spans="2:12">
      <c r="B15598" s="368"/>
      <c r="C15598" s="368"/>
      <c r="D15598" s="368"/>
      <c r="E15598" s="368"/>
      <c r="F15598" s="362"/>
      <c r="G15598" s="362"/>
      <c r="H15598" s="361" t="s">
        <v>14332</v>
      </c>
      <c r="I15598" s="362"/>
      <c r="J15598" s="366"/>
      <c r="K15598" s="366"/>
      <c r="L15598" s="366"/>
    </row>
    <row r="15599" spans="2:12" ht="85.5">
      <c r="B15599" s="358" t="s">
        <v>22638</v>
      </c>
      <c r="C15599" s="358" t="s">
        <v>22639</v>
      </c>
      <c r="D15599" s="358" t="s">
        <v>22640</v>
      </c>
      <c r="E15599" s="358" t="s">
        <v>8356</v>
      </c>
      <c r="F15599" s="358" t="s">
        <v>14389</v>
      </c>
      <c r="G15599" s="358" t="s">
        <v>14390</v>
      </c>
      <c r="H15599" s="358" t="s">
        <v>14341</v>
      </c>
      <c r="I15599" s="358" t="s">
        <v>14390</v>
      </c>
      <c r="J15599" s="358"/>
      <c r="K15599" s="358"/>
      <c r="L15599" s="358"/>
    </row>
    <row r="15600" spans="2:12">
      <c r="B15600" s="367"/>
      <c r="C15600" s="367"/>
      <c r="D15600" s="367"/>
      <c r="E15600" s="367"/>
      <c r="F15600" s="360"/>
      <c r="G15600" s="360"/>
      <c r="H15600" s="360"/>
      <c r="I15600" s="360"/>
      <c r="J15600" s="365"/>
      <c r="K15600" s="365"/>
      <c r="L15600" s="365"/>
    </row>
    <row r="15601" spans="2:12">
      <c r="B15601" s="368"/>
      <c r="C15601" s="368"/>
      <c r="D15601" s="368"/>
      <c r="E15601" s="368"/>
      <c r="F15601" s="361" t="s">
        <v>14430</v>
      </c>
      <c r="G15601" s="361" t="s">
        <v>14431</v>
      </c>
      <c r="H15601" s="361" t="s">
        <v>14332</v>
      </c>
      <c r="I15601" s="361" t="s">
        <v>14431</v>
      </c>
      <c r="J15601" s="366"/>
      <c r="K15601" s="366"/>
      <c r="L15601" s="366"/>
    </row>
    <row r="15602" spans="2:12" ht="57">
      <c r="B15602" s="358" t="s">
        <v>10505</v>
      </c>
      <c r="C15602" s="358" t="s">
        <v>30327</v>
      </c>
      <c r="D15602" s="358" t="s">
        <v>10506</v>
      </c>
      <c r="E15602" s="358" t="s">
        <v>10507</v>
      </c>
      <c r="F15602" s="358" t="s">
        <v>14376</v>
      </c>
      <c r="G15602" s="358" t="s">
        <v>14669</v>
      </c>
      <c r="H15602" s="358" t="s">
        <v>14381</v>
      </c>
      <c r="I15602" s="358" t="s">
        <v>14669</v>
      </c>
      <c r="J15602" s="358"/>
      <c r="K15602" s="358"/>
      <c r="L15602" s="358"/>
    </row>
    <row r="15603" spans="2:12">
      <c r="B15603" s="367"/>
      <c r="C15603" s="367"/>
      <c r="D15603" s="367"/>
      <c r="E15603" s="367"/>
      <c r="F15603" s="367"/>
      <c r="G15603" s="367"/>
      <c r="H15603" s="360"/>
      <c r="I15603" s="367"/>
      <c r="J15603" s="365"/>
      <c r="K15603" s="365"/>
      <c r="L15603" s="365"/>
    </row>
    <row r="15604" spans="2:12">
      <c r="B15604" s="368"/>
      <c r="C15604" s="368"/>
      <c r="D15604" s="368"/>
      <c r="E15604" s="368"/>
      <c r="F15604" s="368"/>
      <c r="G15604" s="368"/>
      <c r="H15604" s="361" t="s">
        <v>14332</v>
      </c>
      <c r="I15604" s="368"/>
      <c r="J15604" s="366"/>
      <c r="K15604" s="366"/>
      <c r="L15604" s="366"/>
    </row>
    <row r="15605" spans="2:12">
      <c r="B15605" s="358" t="s">
        <v>22641</v>
      </c>
      <c r="C15605" s="358" t="s">
        <v>27784</v>
      </c>
      <c r="D15605" s="358" t="s">
        <v>22642</v>
      </c>
      <c r="E15605" s="358" t="s">
        <v>22643</v>
      </c>
      <c r="F15605" s="358" t="s">
        <v>14460</v>
      </c>
      <c r="G15605" s="358" t="s">
        <v>14519</v>
      </c>
      <c r="H15605" s="358" t="s">
        <v>14381</v>
      </c>
      <c r="I15605" s="358" t="s">
        <v>14519</v>
      </c>
      <c r="J15605" s="358"/>
      <c r="K15605" s="358"/>
      <c r="L15605" s="358"/>
    </row>
    <row r="15606" spans="2:12">
      <c r="B15606" s="367"/>
      <c r="C15606" s="367"/>
      <c r="D15606" s="367"/>
      <c r="E15606" s="367"/>
      <c r="F15606" s="360"/>
      <c r="G15606" s="360"/>
      <c r="H15606" s="360"/>
      <c r="I15606" s="360"/>
      <c r="J15606" s="365"/>
      <c r="K15606" s="365"/>
      <c r="L15606" s="365"/>
    </row>
    <row r="15607" spans="2:12">
      <c r="B15607" s="367"/>
      <c r="C15607" s="367"/>
      <c r="D15607" s="367"/>
      <c r="E15607" s="367"/>
      <c r="F15607" s="359" t="s">
        <v>14389</v>
      </c>
      <c r="G15607" s="359" t="s">
        <v>14390</v>
      </c>
      <c r="H15607" s="359" t="s">
        <v>14367</v>
      </c>
      <c r="I15607" s="359" t="s">
        <v>14390</v>
      </c>
      <c r="J15607" s="365"/>
      <c r="K15607" s="365"/>
      <c r="L15607" s="365"/>
    </row>
    <row r="15608" spans="2:12">
      <c r="B15608" s="367"/>
      <c r="C15608" s="367"/>
      <c r="D15608" s="367"/>
      <c r="E15608" s="367"/>
      <c r="F15608" s="360"/>
      <c r="G15608" s="360"/>
      <c r="H15608" s="360"/>
      <c r="I15608" s="360"/>
      <c r="J15608" s="365"/>
      <c r="K15608" s="365"/>
      <c r="L15608" s="365"/>
    </row>
    <row r="15609" spans="2:12">
      <c r="B15609" s="367"/>
      <c r="C15609" s="367"/>
      <c r="D15609" s="367"/>
      <c r="E15609" s="367"/>
      <c r="F15609" s="359" t="s">
        <v>14371</v>
      </c>
      <c r="G15609" s="359" t="s">
        <v>14372</v>
      </c>
      <c r="H15609" s="359" t="s">
        <v>14370</v>
      </c>
      <c r="I15609" s="359" t="s">
        <v>14373</v>
      </c>
      <c r="J15609" s="365"/>
      <c r="K15609" s="365"/>
      <c r="L15609" s="365"/>
    </row>
    <row r="15610" spans="2:12">
      <c r="B15610" s="367"/>
      <c r="C15610" s="367"/>
      <c r="D15610" s="367"/>
      <c r="E15610" s="367"/>
      <c r="F15610" s="360"/>
      <c r="G15610" s="360"/>
      <c r="H15610" s="360"/>
      <c r="I15610" s="360"/>
      <c r="J15610" s="365"/>
      <c r="K15610" s="365"/>
      <c r="L15610" s="365"/>
    </row>
    <row r="15611" spans="2:12" ht="28.5">
      <c r="B15611" s="368"/>
      <c r="C15611" s="368"/>
      <c r="D15611" s="368"/>
      <c r="E15611" s="368"/>
      <c r="F15611" s="361" t="s">
        <v>14374</v>
      </c>
      <c r="G15611" s="361" t="s">
        <v>14373</v>
      </c>
      <c r="H15611" s="361" t="s">
        <v>14422</v>
      </c>
      <c r="I15611" s="362"/>
      <c r="J15611" s="366"/>
      <c r="K15611" s="366"/>
      <c r="L15611" s="366"/>
    </row>
    <row r="15612" spans="2:12">
      <c r="B15612" s="358" t="s">
        <v>22644</v>
      </c>
      <c r="C15612" s="358" t="s">
        <v>27785</v>
      </c>
      <c r="D15612" s="358" t="s">
        <v>22645</v>
      </c>
      <c r="E15612" s="358" t="s">
        <v>22646</v>
      </c>
      <c r="F15612" s="358" t="s">
        <v>14460</v>
      </c>
      <c r="G15612" s="358" t="s">
        <v>14519</v>
      </c>
      <c r="H15612" s="358" t="s">
        <v>14381</v>
      </c>
      <c r="I15612" s="358" t="s">
        <v>14519</v>
      </c>
      <c r="J15612" s="358"/>
      <c r="K15612" s="358"/>
      <c r="L15612" s="358"/>
    </row>
    <row r="15613" spans="2:12">
      <c r="B15613" s="367"/>
      <c r="C15613" s="367"/>
      <c r="D15613" s="367"/>
      <c r="E15613" s="367"/>
      <c r="F15613" s="360"/>
      <c r="G15613" s="360"/>
      <c r="H15613" s="360"/>
      <c r="I15613" s="360"/>
      <c r="J15613" s="365"/>
      <c r="K15613" s="365"/>
      <c r="L15613" s="365"/>
    </row>
    <row r="15614" spans="2:12">
      <c r="B15614" s="367"/>
      <c r="C15614" s="367"/>
      <c r="D15614" s="367"/>
      <c r="E15614" s="367"/>
      <c r="F15614" s="359" t="s">
        <v>14386</v>
      </c>
      <c r="G15614" s="359" t="s">
        <v>14387</v>
      </c>
      <c r="H15614" s="359" t="s">
        <v>14367</v>
      </c>
      <c r="I15614" s="359" t="s">
        <v>14387</v>
      </c>
      <c r="J15614" s="365"/>
      <c r="K15614" s="365"/>
      <c r="L15614" s="365"/>
    </row>
    <row r="15615" spans="2:12">
      <c r="B15615" s="367"/>
      <c r="C15615" s="367"/>
      <c r="D15615" s="367"/>
      <c r="E15615" s="367"/>
      <c r="F15615" s="360"/>
      <c r="G15615" s="360"/>
      <c r="H15615" s="360"/>
      <c r="I15615" s="360"/>
      <c r="J15615" s="365"/>
      <c r="K15615" s="365"/>
      <c r="L15615" s="365"/>
    </row>
    <row r="15616" spans="2:12">
      <c r="B15616" s="367"/>
      <c r="C15616" s="367"/>
      <c r="D15616" s="367"/>
      <c r="E15616" s="367"/>
      <c r="F15616" s="359" t="s">
        <v>14389</v>
      </c>
      <c r="G15616" s="359" t="s">
        <v>14390</v>
      </c>
      <c r="H15616" s="359" t="s">
        <v>14370</v>
      </c>
      <c r="I15616" s="359" t="s">
        <v>14390</v>
      </c>
      <c r="J15616" s="365"/>
      <c r="K15616" s="365"/>
      <c r="L15616" s="365"/>
    </row>
    <row r="15617" spans="2:12">
      <c r="B15617" s="367"/>
      <c r="C15617" s="367"/>
      <c r="D15617" s="367"/>
      <c r="E15617" s="367"/>
      <c r="F15617" s="360"/>
      <c r="G15617" s="360"/>
      <c r="H15617" s="360"/>
      <c r="I15617" s="360"/>
      <c r="J15617" s="365"/>
      <c r="K15617" s="365"/>
      <c r="L15617" s="365"/>
    </row>
    <row r="15618" spans="2:12">
      <c r="B15618" s="367"/>
      <c r="C15618" s="367"/>
      <c r="D15618" s="367"/>
      <c r="E15618" s="367"/>
      <c r="F15618" s="359" t="s">
        <v>14391</v>
      </c>
      <c r="G15618" s="359" t="s">
        <v>14392</v>
      </c>
      <c r="H15618" s="359" t="s">
        <v>14422</v>
      </c>
      <c r="I15618" s="359" t="s">
        <v>14392</v>
      </c>
      <c r="J15618" s="365"/>
      <c r="K15618" s="365"/>
      <c r="L15618" s="365"/>
    </row>
    <row r="15619" spans="2:12">
      <c r="B15619" s="367"/>
      <c r="C15619" s="367"/>
      <c r="D15619" s="367"/>
      <c r="E15619" s="367"/>
      <c r="F15619" s="360"/>
      <c r="G15619" s="360"/>
      <c r="H15619" s="360"/>
      <c r="I15619" s="360"/>
      <c r="J15619" s="365"/>
      <c r="K15619" s="365"/>
      <c r="L15619" s="365"/>
    </row>
    <row r="15620" spans="2:12">
      <c r="B15620" s="367"/>
      <c r="C15620" s="367"/>
      <c r="D15620" s="367"/>
      <c r="E15620" s="367"/>
      <c r="F15620" s="359" t="s">
        <v>14371</v>
      </c>
      <c r="G15620" s="359" t="s">
        <v>14372</v>
      </c>
      <c r="H15620" s="360"/>
      <c r="I15620" s="359" t="s">
        <v>14373</v>
      </c>
      <c r="J15620" s="365"/>
      <c r="K15620" s="365"/>
      <c r="L15620" s="365"/>
    </row>
    <row r="15621" spans="2:12">
      <c r="B15621" s="367"/>
      <c r="C15621" s="367"/>
      <c r="D15621" s="367"/>
      <c r="E15621" s="367"/>
      <c r="F15621" s="360"/>
      <c r="G15621" s="360"/>
      <c r="H15621" s="360"/>
      <c r="I15621" s="360"/>
      <c r="J15621" s="365"/>
      <c r="K15621" s="365"/>
      <c r="L15621" s="365"/>
    </row>
    <row r="15622" spans="2:12" ht="28.5">
      <c r="B15622" s="368"/>
      <c r="C15622" s="368"/>
      <c r="D15622" s="368"/>
      <c r="E15622" s="368"/>
      <c r="F15622" s="361" t="s">
        <v>14374</v>
      </c>
      <c r="G15622" s="361" t="s">
        <v>14373</v>
      </c>
      <c r="H15622" s="362"/>
      <c r="I15622" s="362"/>
      <c r="J15622" s="366"/>
      <c r="K15622" s="366"/>
      <c r="L15622" s="366"/>
    </row>
    <row r="15623" spans="2:12" ht="57">
      <c r="B15623" s="358" t="s">
        <v>22647</v>
      </c>
      <c r="C15623" s="358" t="s">
        <v>27786</v>
      </c>
      <c r="D15623" s="358" t="s">
        <v>22648</v>
      </c>
      <c r="E15623" s="358" t="s">
        <v>22649</v>
      </c>
      <c r="F15623" s="358" t="s">
        <v>14430</v>
      </c>
      <c r="G15623" s="358" t="s">
        <v>14431</v>
      </c>
      <c r="H15623" s="358" t="s">
        <v>14341</v>
      </c>
      <c r="I15623" s="358" t="s">
        <v>14431</v>
      </c>
      <c r="J15623" s="358"/>
      <c r="K15623" s="358"/>
      <c r="L15623" s="358"/>
    </row>
    <row r="15624" spans="2:12">
      <c r="B15624" s="367"/>
      <c r="C15624" s="367"/>
      <c r="D15624" s="367"/>
      <c r="E15624" s="367"/>
      <c r="F15624" s="360"/>
      <c r="G15624" s="360"/>
      <c r="H15624" s="360"/>
      <c r="I15624" s="360"/>
      <c r="J15624" s="365"/>
      <c r="K15624" s="365"/>
      <c r="L15624" s="365"/>
    </row>
    <row r="15625" spans="2:12">
      <c r="B15625" s="367"/>
      <c r="C15625" s="367"/>
      <c r="D15625" s="367"/>
      <c r="E15625" s="367"/>
      <c r="F15625" s="359" t="s">
        <v>14391</v>
      </c>
      <c r="G15625" s="359" t="s">
        <v>14392</v>
      </c>
      <c r="H15625" s="359" t="s">
        <v>14367</v>
      </c>
      <c r="I15625" s="359" t="s">
        <v>14392</v>
      </c>
      <c r="J15625" s="365"/>
      <c r="K15625" s="365"/>
      <c r="L15625" s="365"/>
    </row>
    <row r="15626" spans="2:12">
      <c r="B15626" s="367"/>
      <c r="C15626" s="367"/>
      <c r="D15626" s="367"/>
      <c r="E15626" s="367"/>
      <c r="F15626" s="360"/>
      <c r="G15626" s="360"/>
      <c r="H15626" s="360"/>
      <c r="I15626" s="360"/>
      <c r="J15626" s="365"/>
      <c r="K15626" s="365"/>
      <c r="L15626" s="365"/>
    </row>
    <row r="15627" spans="2:12" ht="28.5">
      <c r="B15627" s="367"/>
      <c r="C15627" s="367"/>
      <c r="D15627" s="367"/>
      <c r="E15627" s="367"/>
      <c r="F15627" s="359" t="s">
        <v>14394</v>
      </c>
      <c r="G15627" s="359" t="s">
        <v>14395</v>
      </c>
      <c r="H15627" s="359" t="s">
        <v>14370</v>
      </c>
      <c r="I15627" s="359" t="s">
        <v>14395</v>
      </c>
      <c r="J15627" s="365"/>
      <c r="K15627" s="365"/>
      <c r="L15627" s="365"/>
    </row>
    <row r="15628" spans="2:12">
      <c r="B15628" s="367"/>
      <c r="C15628" s="367"/>
      <c r="D15628" s="367"/>
      <c r="E15628" s="367"/>
      <c r="F15628" s="360"/>
      <c r="G15628" s="360"/>
      <c r="H15628" s="360"/>
      <c r="I15628" s="360"/>
      <c r="J15628" s="365"/>
      <c r="K15628" s="365"/>
      <c r="L15628" s="365"/>
    </row>
    <row r="15629" spans="2:12">
      <c r="B15629" s="368"/>
      <c r="C15629" s="368"/>
      <c r="D15629" s="368"/>
      <c r="E15629" s="368"/>
      <c r="F15629" s="362"/>
      <c r="G15629" s="362"/>
      <c r="H15629" s="361" t="s">
        <v>14332</v>
      </c>
      <c r="I15629" s="362"/>
      <c r="J15629" s="366"/>
      <c r="K15629" s="366"/>
      <c r="L15629" s="366"/>
    </row>
    <row r="15630" spans="2:12" ht="128.25">
      <c r="B15630" s="358" t="s">
        <v>22650</v>
      </c>
      <c r="C15630" s="358" t="s">
        <v>29455</v>
      </c>
      <c r="D15630" s="358" t="s">
        <v>22651</v>
      </c>
      <c r="E15630" s="358" t="s">
        <v>8356</v>
      </c>
      <c r="F15630" s="358" t="s">
        <v>14420</v>
      </c>
      <c r="G15630" s="358" t="s">
        <v>14429</v>
      </c>
      <c r="H15630" s="358" t="s">
        <v>14367</v>
      </c>
      <c r="I15630" s="358" t="s">
        <v>14429</v>
      </c>
      <c r="J15630" s="358"/>
      <c r="K15630" s="358"/>
      <c r="L15630" s="358"/>
    </row>
    <row r="15631" spans="2:12">
      <c r="B15631" s="367"/>
      <c r="C15631" s="367"/>
      <c r="D15631" s="367"/>
      <c r="E15631" s="367"/>
      <c r="F15631" s="360"/>
      <c r="G15631" s="360"/>
      <c r="H15631" s="360"/>
      <c r="I15631" s="360"/>
      <c r="J15631" s="365"/>
      <c r="K15631" s="365"/>
      <c r="L15631" s="365"/>
    </row>
    <row r="15632" spans="2:12" ht="28.5">
      <c r="B15632" s="368"/>
      <c r="C15632" s="368"/>
      <c r="D15632" s="368"/>
      <c r="E15632" s="368"/>
      <c r="F15632" s="361" t="s">
        <v>14472</v>
      </c>
      <c r="G15632" s="361" t="s">
        <v>14473</v>
      </c>
      <c r="H15632" s="361" t="s">
        <v>14422</v>
      </c>
      <c r="I15632" s="361" t="s">
        <v>14473</v>
      </c>
      <c r="J15632" s="366"/>
      <c r="K15632" s="366"/>
      <c r="L15632" s="366"/>
    </row>
    <row r="15633" spans="2:12" ht="57">
      <c r="B15633" s="358" t="s">
        <v>22652</v>
      </c>
      <c r="C15633" s="358" t="s">
        <v>22653</v>
      </c>
      <c r="D15633" s="358" t="s">
        <v>22654</v>
      </c>
      <c r="E15633" s="358" t="s">
        <v>22655</v>
      </c>
      <c r="F15633" s="358" t="s">
        <v>14394</v>
      </c>
      <c r="G15633" s="358" t="s">
        <v>14395</v>
      </c>
      <c r="H15633" s="358" t="s">
        <v>14370</v>
      </c>
      <c r="I15633" s="358" t="s">
        <v>14395</v>
      </c>
      <c r="J15633" s="358"/>
      <c r="K15633" s="358"/>
      <c r="L15633" s="358"/>
    </row>
    <row r="15634" spans="2:12">
      <c r="B15634" s="368"/>
      <c r="C15634" s="368"/>
      <c r="D15634" s="368"/>
      <c r="E15634" s="368"/>
      <c r="F15634" s="368"/>
      <c r="G15634" s="368"/>
      <c r="H15634" s="368"/>
      <c r="I15634" s="368"/>
      <c r="J15634" s="366"/>
      <c r="K15634" s="366"/>
      <c r="L15634" s="366"/>
    </row>
    <row r="15635" spans="2:12" ht="42.75">
      <c r="B15635" s="358" t="s">
        <v>22656</v>
      </c>
      <c r="C15635" s="358" t="s">
        <v>27787</v>
      </c>
      <c r="D15635" s="358" t="s">
        <v>22657</v>
      </c>
      <c r="E15635" s="358" t="s">
        <v>8356</v>
      </c>
      <c r="F15635" s="358" t="s">
        <v>14394</v>
      </c>
      <c r="G15635" s="358" t="s">
        <v>14395</v>
      </c>
      <c r="H15635" s="358" t="s">
        <v>14370</v>
      </c>
      <c r="I15635" s="358" t="s">
        <v>14395</v>
      </c>
      <c r="J15635" s="358"/>
      <c r="K15635" s="358"/>
      <c r="L15635" s="358"/>
    </row>
    <row r="15636" spans="2:12">
      <c r="B15636" s="368"/>
      <c r="C15636" s="368"/>
      <c r="D15636" s="368"/>
      <c r="E15636" s="368"/>
      <c r="F15636" s="368"/>
      <c r="G15636" s="368"/>
      <c r="H15636" s="368"/>
      <c r="I15636" s="368"/>
      <c r="J15636" s="366"/>
      <c r="K15636" s="366"/>
      <c r="L15636" s="366"/>
    </row>
    <row r="15637" spans="2:12" ht="57">
      <c r="B15637" s="358" t="s">
        <v>13286</v>
      </c>
      <c r="C15637" s="358" t="s">
        <v>22658</v>
      </c>
      <c r="D15637" s="358" t="s">
        <v>19</v>
      </c>
      <c r="E15637" s="358" t="s">
        <v>8356</v>
      </c>
      <c r="F15637" s="358" t="s">
        <v>14391</v>
      </c>
      <c r="G15637" s="358" t="s">
        <v>14392</v>
      </c>
      <c r="H15637" s="358" t="s">
        <v>14367</v>
      </c>
      <c r="I15637" s="358" t="s">
        <v>14392</v>
      </c>
      <c r="J15637" s="358"/>
      <c r="K15637" s="358"/>
      <c r="L15637" s="358"/>
    </row>
    <row r="15638" spans="2:12">
      <c r="B15638" s="367"/>
      <c r="C15638" s="360"/>
      <c r="D15638" s="367"/>
      <c r="E15638" s="367"/>
      <c r="F15638" s="360"/>
      <c r="G15638" s="360"/>
      <c r="H15638" s="360"/>
      <c r="I15638" s="360"/>
      <c r="J15638" s="365"/>
      <c r="K15638" s="365"/>
      <c r="L15638" s="365"/>
    </row>
    <row r="15639" spans="2:12" ht="28.5">
      <c r="B15639" s="367"/>
      <c r="C15639" s="359" t="s">
        <v>22659</v>
      </c>
      <c r="D15639" s="367"/>
      <c r="E15639" s="367"/>
      <c r="F15639" s="359" t="s">
        <v>14371</v>
      </c>
      <c r="G15639" s="359" t="s">
        <v>14372</v>
      </c>
      <c r="H15639" s="359" t="s">
        <v>14370</v>
      </c>
      <c r="I15639" s="359" t="s">
        <v>14373</v>
      </c>
      <c r="J15639" s="365"/>
      <c r="K15639" s="365"/>
      <c r="L15639" s="365"/>
    </row>
    <row r="15640" spans="2:12">
      <c r="B15640" s="367"/>
      <c r="C15640" s="360"/>
      <c r="D15640" s="367"/>
      <c r="E15640" s="367"/>
      <c r="F15640" s="360"/>
      <c r="G15640" s="360"/>
      <c r="H15640" s="360"/>
      <c r="I15640" s="360"/>
      <c r="J15640" s="365"/>
      <c r="K15640" s="365"/>
      <c r="L15640" s="365"/>
    </row>
    <row r="15641" spans="2:12" ht="28.5">
      <c r="B15641" s="368"/>
      <c r="C15641" s="362"/>
      <c r="D15641" s="368"/>
      <c r="E15641" s="368"/>
      <c r="F15641" s="361" t="s">
        <v>14374</v>
      </c>
      <c r="G15641" s="361" t="s">
        <v>14373</v>
      </c>
      <c r="H15641" s="361" t="s">
        <v>14422</v>
      </c>
      <c r="I15641" s="362"/>
      <c r="J15641" s="366"/>
      <c r="K15641" s="366"/>
      <c r="L15641" s="366"/>
    </row>
    <row r="15642" spans="2:12" ht="42.75">
      <c r="B15642" s="358" t="s">
        <v>22660</v>
      </c>
      <c r="C15642" s="358" t="s">
        <v>22661</v>
      </c>
      <c r="D15642" s="358" t="s">
        <v>22662</v>
      </c>
      <c r="E15642" s="358" t="s">
        <v>22663</v>
      </c>
      <c r="F15642" s="358" t="s">
        <v>14382</v>
      </c>
      <c r="G15642" s="358" t="s">
        <v>14383</v>
      </c>
      <c r="H15642" s="358" t="s">
        <v>14378</v>
      </c>
      <c r="I15642" s="358" t="s">
        <v>14383</v>
      </c>
      <c r="J15642" s="358"/>
      <c r="K15642" s="358"/>
      <c r="L15642" s="358"/>
    </row>
    <row r="15643" spans="2:12">
      <c r="B15643" s="367"/>
      <c r="C15643" s="367"/>
      <c r="D15643" s="367"/>
      <c r="E15643" s="367"/>
      <c r="F15643" s="360"/>
      <c r="G15643" s="360"/>
      <c r="H15643" s="360"/>
      <c r="I15643" s="360"/>
      <c r="J15643" s="365"/>
      <c r="K15643" s="365"/>
      <c r="L15643" s="365"/>
    </row>
    <row r="15644" spans="2:12" ht="28.5">
      <c r="B15644" s="368"/>
      <c r="C15644" s="368"/>
      <c r="D15644" s="368"/>
      <c r="E15644" s="368"/>
      <c r="F15644" s="361" t="s">
        <v>14472</v>
      </c>
      <c r="G15644" s="361" t="s">
        <v>14473</v>
      </c>
      <c r="H15644" s="361" t="s">
        <v>14332</v>
      </c>
      <c r="I15644" s="361" t="s">
        <v>14473</v>
      </c>
      <c r="J15644" s="366"/>
      <c r="K15644" s="366"/>
      <c r="L15644" s="366"/>
    </row>
    <row r="15645" spans="2:12" ht="42.75">
      <c r="B15645" s="358" t="s">
        <v>22664</v>
      </c>
      <c r="C15645" s="358" t="s">
        <v>30328</v>
      </c>
      <c r="D15645" s="358" t="s">
        <v>22665</v>
      </c>
      <c r="E15645" s="358" t="s">
        <v>22666</v>
      </c>
      <c r="F15645" s="358" t="s">
        <v>14420</v>
      </c>
      <c r="G15645" s="358" t="s">
        <v>14429</v>
      </c>
      <c r="H15645" s="358" t="s">
        <v>14341</v>
      </c>
      <c r="I15645" s="358" t="s">
        <v>14429</v>
      </c>
      <c r="J15645" s="358"/>
      <c r="K15645" s="358"/>
      <c r="L15645" s="358"/>
    </row>
    <row r="15646" spans="2:12">
      <c r="B15646" s="367"/>
      <c r="C15646" s="367"/>
      <c r="D15646" s="367"/>
      <c r="E15646" s="367"/>
      <c r="F15646" s="360"/>
      <c r="G15646" s="360"/>
      <c r="H15646" s="360"/>
      <c r="I15646" s="360"/>
      <c r="J15646" s="365"/>
      <c r="K15646" s="365"/>
      <c r="L15646" s="365"/>
    </row>
    <row r="15647" spans="2:12">
      <c r="B15647" s="367"/>
      <c r="C15647" s="367"/>
      <c r="D15647" s="367"/>
      <c r="E15647" s="367"/>
      <c r="F15647" s="359" t="s">
        <v>14430</v>
      </c>
      <c r="G15647" s="359" t="s">
        <v>14431</v>
      </c>
      <c r="H15647" s="359" t="s">
        <v>14367</v>
      </c>
      <c r="I15647" s="359" t="s">
        <v>14431</v>
      </c>
      <c r="J15647" s="365"/>
      <c r="K15647" s="365"/>
      <c r="L15647" s="365"/>
    </row>
    <row r="15648" spans="2:12">
      <c r="B15648" s="367"/>
      <c r="C15648" s="367"/>
      <c r="D15648" s="367"/>
      <c r="E15648" s="367"/>
      <c r="F15648" s="360"/>
      <c r="G15648" s="360"/>
      <c r="H15648" s="360"/>
      <c r="I15648" s="360"/>
      <c r="J15648" s="365"/>
      <c r="K15648" s="365"/>
      <c r="L15648" s="365"/>
    </row>
    <row r="15649" spans="2:12" ht="28.5">
      <c r="B15649" s="367"/>
      <c r="C15649" s="367"/>
      <c r="D15649" s="367"/>
      <c r="E15649" s="367"/>
      <c r="F15649" s="359" t="s">
        <v>14394</v>
      </c>
      <c r="G15649" s="359" t="s">
        <v>14395</v>
      </c>
      <c r="H15649" s="359" t="s">
        <v>14370</v>
      </c>
      <c r="I15649" s="359" t="s">
        <v>14395</v>
      </c>
      <c r="J15649" s="365"/>
      <c r="K15649" s="365"/>
      <c r="L15649" s="365"/>
    </row>
    <row r="15650" spans="2:12">
      <c r="B15650" s="367"/>
      <c r="C15650" s="367"/>
      <c r="D15650" s="367"/>
      <c r="E15650" s="367"/>
      <c r="F15650" s="360"/>
      <c r="G15650" s="360"/>
      <c r="H15650" s="360"/>
      <c r="I15650" s="360"/>
      <c r="J15650" s="365"/>
      <c r="K15650" s="365"/>
      <c r="L15650" s="365"/>
    </row>
    <row r="15651" spans="2:12">
      <c r="B15651" s="368"/>
      <c r="C15651" s="368"/>
      <c r="D15651" s="368"/>
      <c r="E15651" s="368"/>
      <c r="F15651" s="362"/>
      <c r="G15651" s="362"/>
      <c r="H15651" s="361" t="s">
        <v>14332</v>
      </c>
      <c r="I15651" s="362"/>
      <c r="J15651" s="366"/>
      <c r="K15651" s="366"/>
      <c r="L15651" s="366"/>
    </row>
    <row r="15652" spans="2:12" ht="28.5">
      <c r="B15652" s="358" t="s">
        <v>22667</v>
      </c>
      <c r="C15652" s="358" t="s">
        <v>27788</v>
      </c>
      <c r="D15652" s="358" t="s">
        <v>22668</v>
      </c>
      <c r="E15652" s="358" t="s">
        <v>22669</v>
      </c>
      <c r="F15652" s="358" t="s">
        <v>14462</v>
      </c>
      <c r="G15652" s="358" t="s">
        <v>14463</v>
      </c>
      <c r="H15652" s="358" t="s">
        <v>8356</v>
      </c>
      <c r="I15652" s="358" t="s">
        <v>14463</v>
      </c>
      <c r="J15652" s="358"/>
      <c r="K15652" s="358"/>
      <c r="L15652" s="358"/>
    </row>
    <row r="15653" spans="2:12">
      <c r="B15653" s="368"/>
      <c r="C15653" s="368"/>
      <c r="D15653" s="368"/>
      <c r="E15653" s="368"/>
      <c r="F15653" s="368"/>
      <c r="G15653" s="368"/>
      <c r="H15653" s="368"/>
      <c r="I15653" s="368"/>
      <c r="J15653" s="366"/>
      <c r="K15653" s="366"/>
      <c r="L15653" s="366"/>
    </row>
    <row r="15654" spans="2:12" ht="57">
      <c r="B15654" s="358" t="s">
        <v>22670</v>
      </c>
      <c r="C15654" s="358" t="s">
        <v>22671</v>
      </c>
      <c r="D15654" s="358" t="s">
        <v>22672</v>
      </c>
      <c r="E15654" s="358" t="s">
        <v>8356</v>
      </c>
      <c r="F15654" s="358" t="s">
        <v>14391</v>
      </c>
      <c r="G15654" s="358" t="s">
        <v>14392</v>
      </c>
      <c r="H15654" s="358" t="s">
        <v>14367</v>
      </c>
      <c r="I15654" s="358" t="s">
        <v>14392</v>
      </c>
      <c r="J15654" s="358"/>
      <c r="K15654" s="358"/>
      <c r="L15654" s="358"/>
    </row>
    <row r="15655" spans="2:12">
      <c r="B15655" s="367"/>
      <c r="C15655" s="360"/>
      <c r="D15655" s="367"/>
      <c r="E15655" s="367"/>
      <c r="F15655" s="367"/>
      <c r="G15655" s="367"/>
      <c r="H15655" s="360"/>
      <c r="I15655" s="367"/>
      <c r="J15655" s="365"/>
      <c r="K15655" s="365"/>
      <c r="L15655" s="365"/>
    </row>
    <row r="15656" spans="2:12" ht="57">
      <c r="B15656" s="368"/>
      <c r="C15656" s="361" t="s">
        <v>22673</v>
      </c>
      <c r="D15656" s="368"/>
      <c r="E15656" s="368"/>
      <c r="F15656" s="368"/>
      <c r="G15656" s="368"/>
      <c r="H15656" s="361" t="s">
        <v>14422</v>
      </c>
      <c r="I15656" s="368"/>
      <c r="J15656" s="366"/>
      <c r="K15656" s="366"/>
      <c r="L15656" s="366"/>
    </row>
    <row r="15657" spans="2:12" ht="71.25">
      <c r="B15657" s="358" t="s">
        <v>22674</v>
      </c>
      <c r="C15657" s="358" t="s">
        <v>22675</v>
      </c>
      <c r="D15657" s="358" t="s">
        <v>22676</v>
      </c>
      <c r="E15657" s="358" t="s">
        <v>8356</v>
      </c>
      <c r="F15657" s="358" t="s">
        <v>14430</v>
      </c>
      <c r="G15657" s="358" t="s">
        <v>14431</v>
      </c>
      <c r="H15657" s="358" t="s">
        <v>14341</v>
      </c>
      <c r="I15657" s="358" t="s">
        <v>14431</v>
      </c>
      <c r="J15657" s="358"/>
      <c r="K15657" s="358"/>
      <c r="L15657" s="358"/>
    </row>
    <row r="15658" spans="2:12">
      <c r="B15658" s="367"/>
      <c r="C15658" s="360"/>
      <c r="D15658" s="367"/>
      <c r="E15658" s="367"/>
      <c r="F15658" s="360"/>
      <c r="G15658" s="360"/>
      <c r="H15658" s="360"/>
      <c r="I15658" s="360"/>
      <c r="J15658" s="365"/>
      <c r="K15658" s="365"/>
      <c r="L15658" s="365"/>
    </row>
    <row r="15659" spans="2:12" ht="57">
      <c r="B15659" s="367"/>
      <c r="C15659" s="359" t="s">
        <v>22677</v>
      </c>
      <c r="D15659" s="367"/>
      <c r="E15659" s="367"/>
      <c r="F15659" s="359" t="s">
        <v>14394</v>
      </c>
      <c r="G15659" s="359" t="s">
        <v>14395</v>
      </c>
      <c r="H15659" s="359" t="s">
        <v>14370</v>
      </c>
      <c r="I15659" s="359" t="s">
        <v>14395</v>
      </c>
      <c r="J15659" s="365"/>
      <c r="K15659" s="365"/>
      <c r="L15659" s="365"/>
    </row>
    <row r="15660" spans="2:12">
      <c r="B15660" s="367"/>
      <c r="C15660" s="360"/>
      <c r="D15660" s="367"/>
      <c r="E15660" s="367"/>
      <c r="F15660" s="360"/>
      <c r="G15660" s="360"/>
      <c r="H15660" s="360"/>
      <c r="I15660" s="360"/>
      <c r="J15660" s="365"/>
      <c r="K15660" s="365"/>
      <c r="L15660" s="365"/>
    </row>
    <row r="15661" spans="2:12">
      <c r="B15661" s="368"/>
      <c r="C15661" s="362"/>
      <c r="D15661" s="368"/>
      <c r="E15661" s="368"/>
      <c r="F15661" s="362"/>
      <c r="G15661" s="362"/>
      <c r="H15661" s="361" t="s">
        <v>14332</v>
      </c>
      <c r="I15661" s="362"/>
      <c r="J15661" s="366"/>
      <c r="K15661" s="366"/>
      <c r="L15661" s="366"/>
    </row>
    <row r="15662" spans="2:12" ht="28.5">
      <c r="B15662" s="358" t="s">
        <v>22678</v>
      </c>
      <c r="C15662" s="358" t="s">
        <v>22679</v>
      </c>
      <c r="D15662" s="358" t="s">
        <v>22680</v>
      </c>
      <c r="E15662" s="358" t="s">
        <v>22681</v>
      </c>
      <c r="F15662" s="358" t="s">
        <v>14371</v>
      </c>
      <c r="G15662" s="358" t="s">
        <v>14372</v>
      </c>
      <c r="H15662" s="358" t="s">
        <v>14370</v>
      </c>
      <c r="I15662" s="358" t="s">
        <v>14373</v>
      </c>
      <c r="J15662" s="358"/>
      <c r="K15662" s="358"/>
      <c r="L15662" s="358"/>
    </row>
    <row r="15663" spans="2:12">
      <c r="B15663" s="367"/>
      <c r="C15663" s="367"/>
      <c r="D15663" s="367"/>
      <c r="E15663" s="367"/>
      <c r="F15663" s="360"/>
      <c r="G15663" s="360"/>
      <c r="H15663" s="360"/>
      <c r="I15663" s="367"/>
      <c r="J15663" s="365"/>
      <c r="K15663" s="365"/>
      <c r="L15663" s="365"/>
    </row>
    <row r="15664" spans="2:12" ht="28.5">
      <c r="B15664" s="368"/>
      <c r="C15664" s="368"/>
      <c r="D15664" s="368"/>
      <c r="E15664" s="368"/>
      <c r="F15664" s="361" t="s">
        <v>14374</v>
      </c>
      <c r="G15664" s="361" t="s">
        <v>14373</v>
      </c>
      <c r="H15664" s="361" t="s">
        <v>14422</v>
      </c>
      <c r="I15664" s="368"/>
      <c r="J15664" s="366"/>
      <c r="K15664" s="366"/>
      <c r="L15664" s="366"/>
    </row>
    <row r="15665" spans="2:12" ht="57">
      <c r="B15665" s="358" t="s">
        <v>22682</v>
      </c>
      <c r="C15665" s="358" t="s">
        <v>30329</v>
      </c>
      <c r="D15665" s="358" t="s">
        <v>22683</v>
      </c>
      <c r="E15665" s="358" t="s">
        <v>22684</v>
      </c>
      <c r="F15665" s="358" t="s">
        <v>14420</v>
      </c>
      <c r="G15665" s="358" t="s">
        <v>14429</v>
      </c>
      <c r="H15665" s="358" t="s">
        <v>14367</v>
      </c>
      <c r="I15665" s="358" t="s">
        <v>14429</v>
      </c>
      <c r="J15665" s="358"/>
      <c r="K15665" s="358"/>
      <c r="L15665" s="358"/>
    </row>
    <row r="15666" spans="2:12">
      <c r="B15666" s="367"/>
      <c r="C15666" s="367"/>
      <c r="D15666" s="367"/>
      <c r="E15666" s="367"/>
      <c r="F15666" s="360"/>
      <c r="G15666" s="360"/>
      <c r="H15666" s="360"/>
      <c r="I15666" s="360"/>
      <c r="J15666" s="365"/>
      <c r="K15666" s="365"/>
      <c r="L15666" s="365"/>
    </row>
    <row r="15667" spans="2:12">
      <c r="B15667" s="368"/>
      <c r="C15667" s="368"/>
      <c r="D15667" s="368"/>
      <c r="E15667" s="368"/>
      <c r="F15667" s="361" t="s">
        <v>14391</v>
      </c>
      <c r="G15667" s="361" t="s">
        <v>14392</v>
      </c>
      <c r="H15667" s="361" t="s">
        <v>14422</v>
      </c>
      <c r="I15667" s="361" t="s">
        <v>14392</v>
      </c>
      <c r="J15667" s="366"/>
      <c r="K15667" s="366"/>
      <c r="L15667" s="366"/>
    </row>
    <row r="15668" spans="2:12" ht="71.25">
      <c r="B15668" s="358" t="s">
        <v>22685</v>
      </c>
      <c r="C15668" s="358" t="s">
        <v>29456</v>
      </c>
      <c r="D15668" s="358" t="s">
        <v>22686</v>
      </c>
      <c r="E15668" s="358" t="s">
        <v>22687</v>
      </c>
      <c r="F15668" s="358" t="s">
        <v>14391</v>
      </c>
      <c r="G15668" s="358" t="s">
        <v>14392</v>
      </c>
      <c r="H15668" s="358" t="s">
        <v>14367</v>
      </c>
      <c r="I15668" s="358" t="s">
        <v>14392</v>
      </c>
      <c r="J15668" s="358"/>
      <c r="K15668" s="358"/>
      <c r="L15668" s="358"/>
    </row>
    <row r="15669" spans="2:12">
      <c r="B15669" s="367"/>
      <c r="C15669" s="367"/>
      <c r="D15669" s="367"/>
      <c r="E15669" s="367"/>
      <c r="F15669" s="360"/>
      <c r="G15669" s="360"/>
      <c r="H15669" s="360"/>
      <c r="I15669" s="360"/>
      <c r="J15669" s="365"/>
      <c r="K15669" s="365"/>
      <c r="L15669" s="365"/>
    </row>
    <row r="15670" spans="2:12" ht="28.5">
      <c r="B15670" s="367"/>
      <c r="C15670" s="367"/>
      <c r="D15670" s="367"/>
      <c r="E15670" s="367"/>
      <c r="F15670" s="359" t="s">
        <v>14394</v>
      </c>
      <c r="G15670" s="359" t="s">
        <v>14395</v>
      </c>
      <c r="H15670" s="359" t="s">
        <v>14370</v>
      </c>
      <c r="I15670" s="359" t="s">
        <v>14395</v>
      </c>
      <c r="J15670" s="365"/>
      <c r="K15670" s="365"/>
      <c r="L15670" s="365"/>
    </row>
    <row r="15671" spans="2:12">
      <c r="B15671" s="367"/>
      <c r="C15671" s="367"/>
      <c r="D15671" s="367"/>
      <c r="E15671" s="367"/>
      <c r="F15671" s="360"/>
      <c r="G15671" s="360"/>
      <c r="H15671" s="360"/>
      <c r="I15671" s="360"/>
      <c r="J15671" s="365"/>
      <c r="K15671" s="365"/>
      <c r="L15671" s="365"/>
    </row>
    <row r="15672" spans="2:12">
      <c r="B15672" s="368"/>
      <c r="C15672" s="368"/>
      <c r="D15672" s="368"/>
      <c r="E15672" s="368"/>
      <c r="F15672" s="362"/>
      <c r="G15672" s="362"/>
      <c r="H15672" s="361" t="s">
        <v>14422</v>
      </c>
      <c r="I15672" s="362"/>
      <c r="J15672" s="366"/>
      <c r="K15672" s="366"/>
      <c r="L15672" s="366"/>
    </row>
    <row r="15673" spans="2:12" ht="42.75">
      <c r="B15673" s="358" t="s">
        <v>22688</v>
      </c>
      <c r="C15673" s="358" t="s">
        <v>30330</v>
      </c>
      <c r="D15673" s="358" t="s">
        <v>22689</v>
      </c>
      <c r="E15673" s="358" t="s">
        <v>22690</v>
      </c>
      <c r="F15673" s="358" t="s">
        <v>14430</v>
      </c>
      <c r="G15673" s="358" t="s">
        <v>14431</v>
      </c>
      <c r="H15673" s="358" t="s">
        <v>14341</v>
      </c>
      <c r="I15673" s="358" t="s">
        <v>14431</v>
      </c>
      <c r="J15673" s="358"/>
      <c r="K15673" s="358"/>
      <c r="L15673" s="358"/>
    </row>
    <row r="15674" spans="2:12">
      <c r="B15674" s="367"/>
      <c r="C15674" s="367"/>
      <c r="D15674" s="367"/>
      <c r="E15674" s="367"/>
      <c r="F15674" s="367"/>
      <c r="G15674" s="367"/>
      <c r="H15674" s="360"/>
      <c r="I15674" s="367"/>
      <c r="J15674" s="365"/>
      <c r="K15674" s="365"/>
      <c r="L15674" s="365"/>
    </row>
    <row r="15675" spans="2:12">
      <c r="B15675" s="368"/>
      <c r="C15675" s="368"/>
      <c r="D15675" s="368"/>
      <c r="E15675" s="368"/>
      <c r="F15675" s="368"/>
      <c r="G15675" s="368"/>
      <c r="H15675" s="361" t="s">
        <v>14332</v>
      </c>
      <c r="I15675" s="368"/>
      <c r="J15675" s="366"/>
      <c r="K15675" s="366"/>
      <c r="L15675" s="366"/>
    </row>
    <row r="15676" spans="2:12" ht="28.5">
      <c r="B15676" s="358" t="s">
        <v>22691</v>
      </c>
      <c r="C15676" s="358" t="s">
        <v>22692</v>
      </c>
      <c r="D15676" s="358" t="s">
        <v>22693</v>
      </c>
      <c r="E15676" s="358" t="s">
        <v>22694</v>
      </c>
      <c r="F15676" s="358" t="s">
        <v>14391</v>
      </c>
      <c r="G15676" s="358" t="s">
        <v>14392</v>
      </c>
      <c r="H15676" s="358" t="s">
        <v>14367</v>
      </c>
      <c r="I15676" s="358" t="s">
        <v>14392</v>
      </c>
      <c r="J15676" s="358"/>
      <c r="K15676" s="358"/>
      <c r="L15676" s="358"/>
    </row>
    <row r="15677" spans="2:12">
      <c r="B15677" s="367"/>
      <c r="C15677" s="367"/>
      <c r="D15677" s="367"/>
      <c r="E15677" s="367"/>
      <c r="F15677" s="367"/>
      <c r="G15677" s="367"/>
      <c r="H15677" s="360"/>
      <c r="I15677" s="367"/>
      <c r="J15677" s="365"/>
      <c r="K15677" s="365"/>
      <c r="L15677" s="365"/>
    </row>
    <row r="15678" spans="2:12">
      <c r="B15678" s="368"/>
      <c r="C15678" s="368"/>
      <c r="D15678" s="368"/>
      <c r="E15678" s="368"/>
      <c r="F15678" s="368"/>
      <c r="G15678" s="368"/>
      <c r="H15678" s="361" t="s">
        <v>14422</v>
      </c>
      <c r="I15678" s="368"/>
      <c r="J15678" s="366"/>
      <c r="K15678" s="366"/>
      <c r="L15678" s="366"/>
    </row>
    <row r="15679" spans="2:12" ht="57">
      <c r="B15679" s="358" t="s">
        <v>22695</v>
      </c>
      <c r="C15679" s="358" t="s">
        <v>30331</v>
      </c>
      <c r="D15679" s="358" t="s">
        <v>22696</v>
      </c>
      <c r="E15679" s="358" t="s">
        <v>22697</v>
      </c>
      <c r="F15679" s="358" t="s">
        <v>14391</v>
      </c>
      <c r="G15679" s="358" t="s">
        <v>14392</v>
      </c>
      <c r="H15679" s="358" t="s">
        <v>14367</v>
      </c>
      <c r="I15679" s="358" t="s">
        <v>14392</v>
      </c>
      <c r="J15679" s="358"/>
      <c r="K15679" s="358"/>
      <c r="L15679" s="358"/>
    </row>
    <row r="15680" spans="2:12">
      <c r="B15680" s="367"/>
      <c r="C15680" s="367"/>
      <c r="D15680" s="367"/>
      <c r="E15680" s="367"/>
      <c r="F15680" s="360"/>
      <c r="G15680" s="360"/>
      <c r="H15680" s="360"/>
      <c r="I15680" s="360"/>
      <c r="J15680" s="365"/>
      <c r="K15680" s="365"/>
      <c r="L15680" s="365"/>
    </row>
    <row r="15681" spans="2:12" ht="28.5">
      <c r="B15681" s="368"/>
      <c r="C15681" s="368"/>
      <c r="D15681" s="368"/>
      <c r="E15681" s="368"/>
      <c r="F15681" s="361" t="s">
        <v>14472</v>
      </c>
      <c r="G15681" s="361" t="s">
        <v>14473</v>
      </c>
      <c r="H15681" s="361" t="s">
        <v>14422</v>
      </c>
      <c r="I15681" s="361" t="s">
        <v>14473</v>
      </c>
      <c r="J15681" s="366"/>
      <c r="K15681" s="366"/>
      <c r="L15681" s="366"/>
    </row>
    <row r="15682" spans="2:12" ht="128.25">
      <c r="B15682" s="358" t="s">
        <v>22698</v>
      </c>
      <c r="C15682" s="358" t="s">
        <v>29457</v>
      </c>
      <c r="D15682" s="358" t="s">
        <v>22699</v>
      </c>
      <c r="E15682" s="358" t="s">
        <v>8356</v>
      </c>
      <c r="F15682" s="358" t="s">
        <v>14394</v>
      </c>
      <c r="G15682" s="358" t="s">
        <v>14395</v>
      </c>
      <c r="H15682" s="358" t="s">
        <v>14370</v>
      </c>
      <c r="I15682" s="358" t="s">
        <v>14395</v>
      </c>
      <c r="J15682" s="358"/>
      <c r="K15682" s="358"/>
      <c r="L15682" s="358"/>
    </row>
    <row r="15683" spans="2:12">
      <c r="B15683" s="368"/>
      <c r="C15683" s="368"/>
      <c r="D15683" s="368"/>
      <c r="E15683" s="368"/>
      <c r="F15683" s="368"/>
      <c r="G15683" s="368"/>
      <c r="H15683" s="368"/>
      <c r="I15683" s="368"/>
      <c r="J15683" s="366"/>
      <c r="K15683" s="366"/>
      <c r="L15683" s="366"/>
    </row>
    <row r="15684" spans="2:12" ht="42.75">
      <c r="B15684" s="358" t="s">
        <v>22700</v>
      </c>
      <c r="C15684" s="358" t="s">
        <v>27789</v>
      </c>
      <c r="D15684" s="358" t="s">
        <v>22701</v>
      </c>
      <c r="E15684" s="358" t="s">
        <v>8356</v>
      </c>
      <c r="F15684" s="358" t="s">
        <v>14384</v>
      </c>
      <c r="G15684" s="358" t="s">
        <v>29137</v>
      </c>
      <c r="H15684" s="358" t="s">
        <v>14381</v>
      </c>
      <c r="I15684" s="358" t="s">
        <v>29137</v>
      </c>
      <c r="J15684" s="358"/>
      <c r="K15684" s="358"/>
      <c r="L15684" s="358"/>
    </row>
    <row r="15685" spans="2:12">
      <c r="B15685" s="367"/>
      <c r="C15685" s="360"/>
      <c r="D15685" s="367"/>
      <c r="E15685" s="367"/>
      <c r="F15685" s="360"/>
      <c r="G15685" s="360"/>
      <c r="H15685" s="360"/>
      <c r="I15685" s="360"/>
      <c r="J15685" s="365"/>
      <c r="K15685" s="365"/>
      <c r="L15685" s="365"/>
    </row>
    <row r="15686" spans="2:12" ht="28.5">
      <c r="B15686" s="367"/>
      <c r="C15686" s="359" t="s">
        <v>27790</v>
      </c>
      <c r="D15686" s="367"/>
      <c r="E15686" s="367"/>
      <c r="F15686" s="359" t="s">
        <v>14391</v>
      </c>
      <c r="G15686" s="359" t="s">
        <v>14395</v>
      </c>
      <c r="H15686" s="359" t="s">
        <v>14367</v>
      </c>
      <c r="I15686" s="359" t="s">
        <v>14395</v>
      </c>
      <c r="J15686" s="365"/>
      <c r="K15686" s="365"/>
      <c r="L15686" s="365"/>
    </row>
    <row r="15687" spans="2:12">
      <c r="B15687" s="367"/>
      <c r="C15687" s="360"/>
      <c r="D15687" s="367"/>
      <c r="E15687" s="367"/>
      <c r="F15687" s="360"/>
      <c r="G15687" s="360"/>
      <c r="H15687" s="360"/>
      <c r="I15687" s="360"/>
      <c r="J15687" s="365"/>
      <c r="K15687" s="365"/>
      <c r="L15687" s="365"/>
    </row>
    <row r="15688" spans="2:12" ht="28.5">
      <c r="B15688" s="367"/>
      <c r="C15688" s="360"/>
      <c r="D15688" s="367"/>
      <c r="E15688" s="367"/>
      <c r="F15688" s="359" t="s">
        <v>14394</v>
      </c>
      <c r="G15688" s="360"/>
      <c r="H15688" s="359" t="s">
        <v>14370</v>
      </c>
      <c r="I15688" s="360"/>
      <c r="J15688" s="365"/>
      <c r="K15688" s="365"/>
      <c r="L15688" s="365"/>
    </row>
    <row r="15689" spans="2:12">
      <c r="B15689" s="367"/>
      <c r="C15689" s="360"/>
      <c r="D15689" s="367"/>
      <c r="E15689" s="367"/>
      <c r="F15689" s="360"/>
      <c r="G15689" s="360"/>
      <c r="H15689" s="360"/>
      <c r="I15689" s="360"/>
      <c r="J15689" s="365"/>
      <c r="K15689" s="365"/>
      <c r="L15689" s="365"/>
    </row>
    <row r="15690" spans="2:12">
      <c r="B15690" s="368"/>
      <c r="C15690" s="362"/>
      <c r="D15690" s="368"/>
      <c r="E15690" s="368"/>
      <c r="F15690" s="362"/>
      <c r="G15690" s="362"/>
      <c r="H15690" s="361" t="s">
        <v>14332</v>
      </c>
      <c r="I15690" s="362"/>
      <c r="J15690" s="366"/>
      <c r="K15690" s="366"/>
      <c r="L15690" s="366"/>
    </row>
    <row r="15691" spans="2:12">
      <c r="B15691" s="354" t="s">
        <v>14874</v>
      </c>
      <c r="C15691" s="369"/>
      <c r="D15691" s="369"/>
      <c r="E15691" s="369"/>
      <c r="F15691" s="369"/>
      <c r="G15691" s="369"/>
      <c r="H15691" s="369"/>
      <c r="I15691" s="369"/>
      <c r="J15691" s="369"/>
      <c r="K15691" s="369"/>
      <c r="L15691" s="370"/>
    </row>
    <row r="15692" spans="2:12">
      <c r="B15692" s="354" t="s">
        <v>28528</v>
      </c>
      <c r="C15692" s="369"/>
      <c r="D15692" s="369"/>
      <c r="E15692" s="369"/>
      <c r="F15692" s="369"/>
      <c r="G15692" s="369"/>
      <c r="H15692" s="369"/>
      <c r="I15692" s="369"/>
      <c r="J15692" s="369"/>
      <c r="K15692" s="369"/>
      <c r="L15692" s="370"/>
    </row>
    <row r="15693" spans="2:12" ht="85.5">
      <c r="B15693" s="358" t="s">
        <v>22702</v>
      </c>
      <c r="C15693" s="358" t="s">
        <v>29458</v>
      </c>
      <c r="D15693" s="358" t="s">
        <v>22703</v>
      </c>
      <c r="E15693" s="358" t="s">
        <v>8356</v>
      </c>
      <c r="F15693" s="358" t="s">
        <v>14391</v>
      </c>
      <c r="G15693" s="358" t="s">
        <v>14392</v>
      </c>
      <c r="H15693" s="358" t="s">
        <v>14367</v>
      </c>
      <c r="I15693" s="358" t="s">
        <v>14392</v>
      </c>
      <c r="J15693" s="358"/>
      <c r="K15693" s="358"/>
      <c r="L15693" s="358"/>
    </row>
    <row r="15694" spans="2:12">
      <c r="B15694" s="367"/>
      <c r="C15694" s="360"/>
      <c r="D15694" s="367"/>
      <c r="E15694" s="367"/>
      <c r="F15694" s="360"/>
      <c r="G15694" s="360"/>
      <c r="H15694" s="360"/>
      <c r="I15694" s="360"/>
      <c r="J15694" s="365"/>
      <c r="K15694" s="365"/>
      <c r="L15694" s="365"/>
    </row>
    <row r="15695" spans="2:12" ht="28.5">
      <c r="B15695" s="367"/>
      <c r="C15695" s="359" t="s">
        <v>22704</v>
      </c>
      <c r="D15695" s="367"/>
      <c r="E15695" s="367"/>
      <c r="F15695" s="359" t="s">
        <v>14394</v>
      </c>
      <c r="G15695" s="359" t="s">
        <v>14395</v>
      </c>
      <c r="H15695" s="359" t="s">
        <v>14370</v>
      </c>
      <c r="I15695" s="359" t="s">
        <v>14395</v>
      </c>
      <c r="J15695" s="365"/>
      <c r="K15695" s="365"/>
      <c r="L15695" s="365"/>
    </row>
    <row r="15696" spans="2:12">
      <c r="B15696" s="367"/>
      <c r="C15696" s="360"/>
      <c r="D15696" s="367"/>
      <c r="E15696" s="367"/>
      <c r="F15696" s="360"/>
      <c r="G15696" s="360"/>
      <c r="H15696" s="360"/>
      <c r="I15696" s="360"/>
      <c r="J15696" s="365"/>
      <c r="K15696" s="365"/>
      <c r="L15696" s="365"/>
    </row>
    <row r="15697" spans="2:12" ht="28.5">
      <c r="B15697" s="368"/>
      <c r="C15697" s="361" t="s">
        <v>22705</v>
      </c>
      <c r="D15697" s="368"/>
      <c r="E15697" s="368"/>
      <c r="F15697" s="362"/>
      <c r="G15697" s="362"/>
      <c r="H15697" s="361" t="s">
        <v>14422</v>
      </c>
      <c r="I15697" s="362"/>
      <c r="J15697" s="366"/>
      <c r="K15697" s="366"/>
      <c r="L15697" s="366"/>
    </row>
    <row r="15698" spans="2:12" ht="42.75">
      <c r="B15698" s="358" t="s">
        <v>22706</v>
      </c>
      <c r="C15698" s="358" t="s">
        <v>29459</v>
      </c>
      <c r="D15698" s="358" t="s">
        <v>22707</v>
      </c>
      <c r="E15698" s="358" t="s">
        <v>8356</v>
      </c>
      <c r="F15698" s="358" t="s">
        <v>14472</v>
      </c>
      <c r="G15698" s="358" t="s">
        <v>14473</v>
      </c>
      <c r="H15698" s="358" t="s">
        <v>8356</v>
      </c>
      <c r="I15698" s="358" t="s">
        <v>14473</v>
      </c>
      <c r="J15698" s="358"/>
      <c r="K15698" s="358"/>
      <c r="L15698" s="358"/>
    </row>
    <row r="15699" spans="2:12">
      <c r="B15699" s="367"/>
      <c r="C15699" s="360"/>
      <c r="D15699" s="367"/>
      <c r="E15699" s="367"/>
      <c r="F15699" s="367"/>
      <c r="G15699" s="367"/>
      <c r="H15699" s="367"/>
      <c r="I15699" s="367"/>
      <c r="J15699" s="365"/>
      <c r="K15699" s="365"/>
      <c r="L15699" s="365"/>
    </row>
    <row r="15700" spans="2:12">
      <c r="B15700" s="368"/>
      <c r="C15700" s="361" t="s">
        <v>29460</v>
      </c>
      <c r="D15700" s="368"/>
      <c r="E15700" s="368"/>
      <c r="F15700" s="368"/>
      <c r="G15700" s="368"/>
      <c r="H15700" s="368"/>
      <c r="I15700" s="368"/>
      <c r="J15700" s="366"/>
      <c r="K15700" s="366"/>
      <c r="L15700" s="366"/>
    </row>
    <row r="15701" spans="2:12" ht="42.75">
      <c r="B15701" s="358" t="s">
        <v>22708</v>
      </c>
      <c r="C15701" s="358" t="s">
        <v>22709</v>
      </c>
      <c r="D15701" s="358" t="s">
        <v>22710</v>
      </c>
      <c r="E15701" s="358" t="s">
        <v>8356</v>
      </c>
      <c r="F15701" s="358" t="s">
        <v>14462</v>
      </c>
      <c r="G15701" s="358" t="s">
        <v>14463</v>
      </c>
      <c r="H15701" s="358" t="s">
        <v>8356</v>
      </c>
      <c r="I15701" s="358" t="s">
        <v>14463</v>
      </c>
      <c r="J15701" s="358"/>
      <c r="K15701" s="358"/>
      <c r="L15701" s="358"/>
    </row>
    <row r="15702" spans="2:12">
      <c r="B15702" s="367"/>
      <c r="C15702" s="360"/>
      <c r="D15702" s="367"/>
      <c r="E15702" s="367"/>
      <c r="F15702" s="367"/>
      <c r="G15702" s="367"/>
      <c r="H15702" s="367"/>
      <c r="I15702" s="367"/>
      <c r="J15702" s="365"/>
      <c r="K15702" s="365"/>
      <c r="L15702" s="365"/>
    </row>
    <row r="15703" spans="2:12" ht="42.75">
      <c r="B15703" s="368"/>
      <c r="C15703" s="361" t="s">
        <v>22711</v>
      </c>
      <c r="D15703" s="368"/>
      <c r="E15703" s="368"/>
      <c r="F15703" s="368"/>
      <c r="G15703" s="368"/>
      <c r="H15703" s="368"/>
      <c r="I15703" s="368"/>
      <c r="J15703" s="366"/>
      <c r="K15703" s="366"/>
      <c r="L15703" s="366"/>
    </row>
    <row r="15704" spans="2:12" ht="57">
      <c r="B15704" s="358" t="s">
        <v>22712</v>
      </c>
      <c r="C15704" s="358" t="s">
        <v>29461</v>
      </c>
      <c r="D15704" s="358" t="s">
        <v>22713</v>
      </c>
      <c r="E15704" s="358" t="s">
        <v>8356</v>
      </c>
      <c r="F15704" s="358" t="s">
        <v>14420</v>
      </c>
      <c r="G15704" s="358" t="s">
        <v>14429</v>
      </c>
      <c r="H15704" s="358" t="s">
        <v>14341</v>
      </c>
      <c r="I15704" s="358" t="s">
        <v>14429</v>
      </c>
      <c r="J15704" s="358"/>
      <c r="K15704" s="358"/>
      <c r="L15704" s="358"/>
    </row>
    <row r="15705" spans="2:12">
      <c r="B15705" s="367"/>
      <c r="C15705" s="360"/>
      <c r="D15705" s="367"/>
      <c r="E15705" s="367"/>
      <c r="F15705" s="360"/>
      <c r="G15705" s="360"/>
      <c r="H15705" s="360"/>
      <c r="I15705" s="360"/>
      <c r="J15705" s="365"/>
      <c r="K15705" s="365"/>
      <c r="L15705" s="365"/>
    </row>
    <row r="15706" spans="2:12" ht="42.75">
      <c r="B15706" s="367"/>
      <c r="C15706" s="359" t="s">
        <v>22714</v>
      </c>
      <c r="D15706" s="367"/>
      <c r="E15706" s="367"/>
      <c r="F15706" s="359" t="s">
        <v>14430</v>
      </c>
      <c r="G15706" s="359" t="s">
        <v>14431</v>
      </c>
      <c r="H15706" s="359" t="s">
        <v>14367</v>
      </c>
      <c r="I15706" s="359" t="s">
        <v>14431</v>
      </c>
      <c r="J15706" s="365"/>
      <c r="K15706" s="365"/>
      <c r="L15706" s="365"/>
    </row>
    <row r="15707" spans="2:12">
      <c r="B15707" s="367"/>
      <c r="C15707" s="360"/>
      <c r="D15707" s="367"/>
      <c r="E15707" s="367"/>
      <c r="F15707" s="360"/>
      <c r="G15707" s="360"/>
      <c r="H15707" s="360"/>
      <c r="I15707" s="360"/>
      <c r="J15707" s="365"/>
      <c r="K15707" s="365"/>
      <c r="L15707" s="365"/>
    </row>
    <row r="15708" spans="2:12" ht="28.5">
      <c r="B15708" s="368"/>
      <c r="C15708" s="362"/>
      <c r="D15708" s="368"/>
      <c r="E15708" s="368"/>
      <c r="F15708" s="361" t="s">
        <v>14472</v>
      </c>
      <c r="G15708" s="361" t="s">
        <v>14473</v>
      </c>
      <c r="H15708" s="361" t="s">
        <v>14332</v>
      </c>
      <c r="I15708" s="361" t="s">
        <v>14473</v>
      </c>
      <c r="J15708" s="366"/>
      <c r="K15708" s="366"/>
      <c r="L15708" s="366"/>
    </row>
    <row r="15709" spans="2:12" ht="42.75">
      <c r="B15709" s="358" t="s">
        <v>22715</v>
      </c>
      <c r="C15709" s="358" t="s">
        <v>22716</v>
      </c>
      <c r="D15709" s="358" t="s">
        <v>22717</v>
      </c>
      <c r="E15709" s="358" t="s">
        <v>22718</v>
      </c>
      <c r="F15709" s="358" t="s">
        <v>14460</v>
      </c>
      <c r="G15709" s="358" t="s">
        <v>28895</v>
      </c>
      <c r="H15709" s="358" t="s">
        <v>14381</v>
      </c>
      <c r="I15709" s="358" t="s">
        <v>28895</v>
      </c>
      <c r="J15709" s="358"/>
      <c r="K15709" s="358"/>
      <c r="L15709" s="358"/>
    </row>
    <row r="15710" spans="2:12">
      <c r="B15710" s="367"/>
      <c r="C15710" s="367"/>
      <c r="D15710" s="367"/>
      <c r="E15710" s="367"/>
      <c r="F15710" s="360"/>
      <c r="G15710" s="360"/>
      <c r="H15710" s="360"/>
      <c r="I15710" s="360"/>
      <c r="J15710" s="365"/>
      <c r="K15710" s="365"/>
      <c r="L15710" s="365"/>
    </row>
    <row r="15711" spans="2:12">
      <c r="B15711" s="367"/>
      <c r="C15711" s="367"/>
      <c r="D15711" s="367"/>
      <c r="E15711" s="367"/>
      <c r="F15711" s="359" t="s">
        <v>14391</v>
      </c>
      <c r="G15711" s="359" t="s">
        <v>14372</v>
      </c>
      <c r="H15711" s="359" t="s">
        <v>14367</v>
      </c>
      <c r="I15711" s="359" t="s">
        <v>14373</v>
      </c>
      <c r="J15711" s="365"/>
      <c r="K15711" s="365"/>
      <c r="L15711" s="365"/>
    </row>
    <row r="15712" spans="2:12">
      <c r="B15712" s="367"/>
      <c r="C15712" s="367"/>
      <c r="D15712" s="367"/>
      <c r="E15712" s="367"/>
      <c r="F15712" s="360"/>
      <c r="G15712" s="360"/>
      <c r="H15712" s="360"/>
      <c r="I15712" s="360"/>
      <c r="J15712" s="365"/>
      <c r="K15712" s="365"/>
      <c r="L15712" s="365"/>
    </row>
    <row r="15713" spans="2:12">
      <c r="B15713" s="367"/>
      <c r="C15713" s="367"/>
      <c r="D15713" s="367"/>
      <c r="E15713" s="367"/>
      <c r="F15713" s="359" t="s">
        <v>14371</v>
      </c>
      <c r="G15713" s="359" t="s">
        <v>14373</v>
      </c>
      <c r="H15713" s="359" t="s">
        <v>14370</v>
      </c>
      <c r="I15713" s="360"/>
      <c r="J15713" s="365"/>
      <c r="K15713" s="365"/>
      <c r="L15713" s="365"/>
    </row>
    <row r="15714" spans="2:12">
      <c r="B15714" s="367"/>
      <c r="C15714" s="367"/>
      <c r="D15714" s="367"/>
      <c r="E15714" s="367"/>
      <c r="F15714" s="360"/>
      <c r="G15714" s="360"/>
      <c r="H15714" s="360"/>
      <c r="I15714" s="360"/>
      <c r="J15714" s="365"/>
      <c r="K15714" s="365"/>
      <c r="L15714" s="365"/>
    </row>
    <row r="15715" spans="2:12" ht="28.5">
      <c r="B15715" s="368"/>
      <c r="C15715" s="368"/>
      <c r="D15715" s="368"/>
      <c r="E15715" s="368"/>
      <c r="F15715" s="361" t="s">
        <v>14374</v>
      </c>
      <c r="G15715" s="362"/>
      <c r="H15715" s="361" t="s">
        <v>14422</v>
      </c>
      <c r="I15715" s="362"/>
      <c r="J15715" s="366"/>
      <c r="K15715" s="366"/>
      <c r="L15715" s="366"/>
    </row>
    <row r="15716" spans="2:12" ht="28.5">
      <c r="B15716" s="358" t="s">
        <v>22719</v>
      </c>
      <c r="C15716" s="358" t="s">
        <v>22720</v>
      </c>
      <c r="D15716" s="358" t="s">
        <v>22721</v>
      </c>
      <c r="E15716" s="358" t="s">
        <v>22722</v>
      </c>
      <c r="F15716" s="358" t="s">
        <v>22063</v>
      </c>
      <c r="G15716" s="358" t="s">
        <v>16363</v>
      </c>
      <c r="H15716" s="358" t="s">
        <v>14328</v>
      </c>
      <c r="I15716" s="358" t="s">
        <v>16363</v>
      </c>
      <c r="J15716" s="358"/>
      <c r="K15716" s="358"/>
      <c r="L15716" s="358" t="s">
        <v>14513</v>
      </c>
    </row>
    <row r="15717" spans="2:12">
      <c r="B15717" s="367"/>
      <c r="C15717" s="367"/>
      <c r="D15717" s="367"/>
      <c r="E15717" s="367"/>
      <c r="F15717" s="360"/>
      <c r="G15717" s="360"/>
      <c r="H15717" s="360"/>
      <c r="I15717" s="360"/>
      <c r="J15717" s="365"/>
      <c r="K15717" s="365"/>
      <c r="L15717" s="367"/>
    </row>
    <row r="15718" spans="2:12">
      <c r="B15718" s="367"/>
      <c r="C15718" s="367"/>
      <c r="D15718" s="367"/>
      <c r="E15718" s="367"/>
      <c r="F15718" s="359" t="s">
        <v>14420</v>
      </c>
      <c r="G15718" s="359" t="s">
        <v>14429</v>
      </c>
      <c r="H15718" s="359" t="s">
        <v>14341</v>
      </c>
      <c r="I15718" s="359" t="s">
        <v>14429</v>
      </c>
      <c r="J15718" s="365"/>
      <c r="K15718" s="365"/>
      <c r="L15718" s="367"/>
    </row>
    <row r="15719" spans="2:12">
      <c r="B15719" s="367"/>
      <c r="C15719" s="367"/>
      <c r="D15719" s="367"/>
      <c r="E15719" s="367"/>
      <c r="F15719" s="360"/>
      <c r="G15719" s="360"/>
      <c r="H15719" s="360"/>
      <c r="I15719" s="360"/>
      <c r="J15719" s="365"/>
      <c r="K15719" s="365"/>
      <c r="L15719" s="367"/>
    </row>
    <row r="15720" spans="2:12">
      <c r="B15720" s="367"/>
      <c r="C15720" s="367"/>
      <c r="D15720" s="367"/>
      <c r="E15720" s="367"/>
      <c r="F15720" s="359" t="s">
        <v>14430</v>
      </c>
      <c r="G15720" s="359" t="s">
        <v>14431</v>
      </c>
      <c r="H15720" s="359" t="s">
        <v>14367</v>
      </c>
      <c r="I15720" s="359" t="s">
        <v>14431</v>
      </c>
      <c r="J15720" s="365"/>
      <c r="K15720" s="365"/>
      <c r="L15720" s="367"/>
    </row>
    <row r="15721" spans="2:12">
      <c r="B15721" s="367"/>
      <c r="C15721" s="367"/>
      <c r="D15721" s="367"/>
      <c r="E15721" s="367"/>
      <c r="F15721" s="360"/>
      <c r="G15721" s="360"/>
      <c r="H15721" s="360"/>
      <c r="I15721" s="360"/>
      <c r="J15721" s="365"/>
      <c r="K15721" s="365"/>
      <c r="L15721" s="367"/>
    </row>
    <row r="15722" spans="2:12">
      <c r="B15722" s="367"/>
      <c r="C15722" s="367"/>
      <c r="D15722" s="367"/>
      <c r="E15722" s="367"/>
      <c r="F15722" s="359" t="s">
        <v>14391</v>
      </c>
      <c r="G15722" s="359" t="s">
        <v>14392</v>
      </c>
      <c r="H15722" s="359" t="s">
        <v>14332</v>
      </c>
      <c r="I15722" s="359" t="s">
        <v>14392</v>
      </c>
      <c r="J15722" s="365"/>
      <c r="K15722" s="365"/>
      <c r="L15722" s="367"/>
    </row>
    <row r="15723" spans="2:12">
      <c r="B15723" s="367"/>
      <c r="C15723" s="367"/>
      <c r="D15723" s="367"/>
      <c r="E15723" s="367"/>
      <c r="F15723" s="360"/>
      <c r="G15723" s="360"/>
      <c r="H15723" s="360"/>
      <c r="I15723" s="360"/>
      <c r="J15723" s="365"/>
      <c r="K15723" s="365"/>
      <c r="L15723" s="367"/>
    </row>
    <row r="15724" spans="2:12" ht="28.5">
      <c r="B15724" s="368"/>
      <c r="C15724" s="368"/>
      <c r="D15724" s="368"/>
      <c r="E15724" s="368"/>
      <c r="F15724" s="361" t="s">
        <v>14472</v>
      </c>
      <c r="G15724" s="361" t="s">
        <v>14473</v>
      </c>
      <c r="H15724" s="362"/>
      <c r="I15724" s="361" t="s">
        <v>14473</v>
      </c>
      <c r="J15724" s="366"/>
      <c r="K15724" s="366"/>
      <c r="L15724" s="368"/>
    </row>
    <row r="15725" spans="2:12" ht="57">
      <c r="B15725" s="358" t="s">
        <v>22723</v>
      </c>
      <c r="C15725" s="358" t="s">
        <v>29462</v>
      </c>
      <c r="D15725" s="358" t="s">
        <v>22724</v>
      </c>
      <c r="E15725" s="358" t="s">
        <v>22725</v>
      </c>
      <c r="F15725" s="358" t="s">
        <v>14391</v>
      </c>
      <c r="G15725" s="358" t="s">
        <v>14392</v>
      </c>
      <c r="H15725" s="358" t="s">
        <v>14367</v>
      </c>
      <c r="I15725" s="358" t="s">
        <v>14392</v>
      </c>
      <c r="J15725" s="358"/>
      <c r="K15725" s="358"/>
      <c r="L15725" s="358"/>
    </row>
    <row r="15726" spans="2:12">
      <c r="B15726" s="367"/>
      <c r="C15726" s="367"/>
      <c r="D15726" s="367"/>
      <c r="E15726" s="367"/>
      <c r="F15726" s="367"/>
      <c r="G15726" s="367"/>
      <c r="H15726" s="360"/>
      <c r="I15726" s="367"/>
      <c r="J15726" s="365"/>
      <c r="K15726" s="365"/>
      <c r="L15726" s="365"/>
    </row>
    <row r="15727" spans="2:12">
      <c r="B15727" s="368"/>
      <c r="C15727" s="368"/>
      <c r="D15727" s="368"/>
      <c r="E15727" s="368"/>
      <c r="F15727" s="368"/>
      <c r="G15727" s="368"/>
      <c r="H15727" s="361" t="s">
        <v>14422</v>
      </c>
      <c r="I15727" s="368"/>
      <c r="J15727" s="366"/>
      <c r="K15727" s="366"/>
      <c r="L15727" s="366"/>
    </row>
    <row r="15728" spans="2:12" ht="57">
      <c r="B15728" s="358" t="s">
        <v>22726</v>
      </c>
      <c r="C15728" s="358" t="s">
        <v>30332</v>
      </c>
      <c r="D15728" s="358" t="s">
        <v>22727</v>
      </c>
      <c r="E15728" s="358" t="s">
        <v>8356</v>
      </c>
      <c r="F15728" s="358" t="s">
        <v>14394</v>
      </c>
      <c r="G15728" s="358" t="s">
        <v>14395</v>
      </c>
      <c r="H15728" s="358" t="s">
        <v>14370</v>
      </c>
      <c r="I15728" s="358" t="s">
        <v>14395</v>
      </c>
      <c r="J15728" s="358"/>
      <c r="K15728" s="358"/>
      <c r="L15728" s="358"/>
    </row>
    <row r="15729" spans="2:12">
      <c r="B15729" s="368"/>
      <c r="C15729" s="368"/>
      <c r="D15729" s="368"/>
      <c r="E15729" s="368"/>
      <c r="F15729" s="368"/>
      <c r="G15729" s="368"/>
      <c r="H15729" s="368"/>
      <c r="I15729" s="368"/>
      <c r="J15729" s="366"/>
      <c r="K15729" s="366"/>
      <c r="L15729" s="366"/>
    </row>
    <row r="15730" spans="2:12" ht="42.75">
      <c r="B15730" s="358" t="s">
        <v>22728</v>
      </c>
      <c r="C15730" s="358" t="s">
        <v>22729</v>
      </c>
      <c r="D15730" s="358" t="s">
        <v>22730</v>
      </c>
      <c r="E15730" s="358" t="s">
        <v>22731</v>
      </c>
      <c r="F15730" s="358" t="s">
        <v>14391</v>
      </c>
      <c r="G15730" s="358" t="s">
        <v>14392</v>
      </c>
      <c r="H15730" s="358" t="s">
        <v>14367</v>
      </c>
      <c r="I15730" s="358" t="s">
        <v>14392</v>
      </c>
      <c r="J15730" s="358"/>
      <c r="K15730" s="358"/>
      <c r="L15730" s="358"/>
    </row>
    <row r="15731" spans="2:12">
      <c r="B15731" s="367"/>
      <c r="C15731" s="367"/>
      <c r="D15731" s="367"/>
      <c r="E15731" s="367"/>
      <c r="F15731" s="367"/>
      <c r="G15731" s="367"/>
      <c r="H15731" s="360"/>
      <c r="I15731" s="367"/>
      <c r="J15731" s="365"/>
      <c r="K15731" s="365"/>
      <c r="L15731" s="365"/>
    </row>
    <row r="15732" spans="2:12">
      <c r="B15732" s="368"/>
      <c r="C15732" s="368"/>
      <c r="D15732" s="368"/>
      <c r="E15732" s="368"/>
      <c r="F15732" s="368"/>
      <c r="G15732" s="368"/>
      <c r="H15732" s="361" t="s">
        <v>14422</v>
      </c>
      <c r="I15732" s="368"/>
      <c r="J15732" s="366"/>
      <c r="K15732" s="366"/>
      <c r="L15732" s="366"/>
    </row>
    <row r="15733" spans="2:12" ht="42.75">
      <c r="B15733" s="358" t="s">
        <v>22732</v>
      </c>
      <c r="C15733" s="358" t="s">
        <v>30333</v>
      </c>
      <c r="D15733" s="358" t="s">
        <v>22733</v>
      </c>
      <c r="E15733" s="358" t="s">
        <v>22734</v>
      </c>
      <c r="F15733" s="358" t="s">
        <v>14462</v>
      </c>
      <c r="G15733" s="358" t="s">
        <v>14463</v>
      </c>
      <c r="H15733" s="358" t="s">
        <v>8356</v>
      </c>
      <c r="I15733" s="358" t="s">
        <v>14463</v>
      </c>
      <c r="J15733" s="358"/>
      <c r="K15733" s="358"/>
      <c r="L15733" s="358"/>
    </row>
    <row r="15734" spans="2:12">
      <c r="B15734" s="367"/>
      <c r="C15734" s="360"/>
      <c r="D15734" s="367"/>
      <c r="E15734" s="367"/>
      <c r="F15734" s="367"/>
      <c r="G15734" s="367"/>
      <c r="H15734" s="367"/>
      <c r="I15734" s="367"/>
      <c r="J15734" s="365"/>
      <c r="K15734" s="365"/>
      <c r="L15734" s="365"/>
    </row>
    <row r="15735" spans="2:12" ht="42.75">
      <c r="B15735" s="368"/>
      <c r="C15735" s="361" t="s">
        <v>30334</v>
      </c>
      <c r="D15735" s="368"/>
      <c r="E15735" s="368"/>
      <c r="F15735" s="368"/>
      <c r="G15735" s="368"/>
      <c r="H15735" s="368"/>
      <c r="I15735" s="368"/>
      <c r="J15735" s="366"/>
      <c r="K15735" s="366"/>
      <c r="L15735" s="366"/>
    </row>
    <row r="15736" spans="2:12" ht="71.25">
      <c r="B15736" s="358" t="s">
        <v>22735</v>
      </c>
      <c r="C15736" s="358" t="s">
        <v>29463</v>
      </c>
      <c r="D15736" s="358" t="s">
        <v>22736</v>
      </c>
      <c r="E15736" s="358" t="s">
        <v>22737</v>
      </c>
      <c r="F15736" s="358" t="s">
        <v>14394</v>
      </c>
      <c r="G15736" s="358" t="s">
        <v>14395</v>
      </c>
      <c r="H15736" s="358" t="s">
        <v>14370</v>
      </c>
      <c r="I15736" s="358" t="s">
        <v>14395</v>
      </c>
      <c r="J15736" s="358"/>
      <c r="K15736" s="358"/>
      <c r="L15736" s="358"/>
    </row>
    <row r="15737" spans="2:12">
      <c r="B15737" s="368"/>
      <c r="C15737" s="368"/>
      <c r="D15737" s="368"/>
      <c r="E15737" s="368"/>
      <c r="F15737" s="368"/>
      <c r="G15737" s="368"/>
      <c r="H15737" s="368"/>
      <c r="I15737" s="368"/>
      <c r="J15737" s="366"/>
      <c r="K15737" s="366"/>
      <c r="L15737" s="366"/>
    </row>
    <row r="15738" spans="2:12" ht="42.75">
      <c r="B15738" s="358" t="s">
        <v>22738</v>
      </c>
      <c r="C15738" s="358" t="s">
        <v>27791</v>
      </c>
      <c r="D15738" s="358" t="s">
        <v>22739</v>
      </c>
      <c r="E15738" s="358" t="s">
        <v>22740</v>
      </c>
      <c r="F15738" s="358" t="s">
        <v>14391</v>
      </c>
      <c r="G15738" s="358" t="s">
        <v>14392</v>
      </c>
      <c r="H15738" s="358" t="s">
        <v>14367</v>
      </c>
      <c r="I15738" s="358" t="s">
        <v>14392</v>
      </c>
      <c r="J15738" s="358"/>
      <c r="K15738" s="358"/>
      <c r="L15738" s="358"/>
    </row>
    <row r="15739" spans="2:12">
      <c r="B15739" s="367"/>
      <c r="C15739" s="367"/>
      <c r="D15739" s="367"/>
      <c r="E15739" s="367"/>
      <c r="F15739" s="367"/>
      <c r="G15739" s="367"/>
      <c r="H15739" s="360"/>
      <c r="I15739" s="367"/>
      <c r="J15739" s="365"/>
      <c r="K15739" s="365"/>
      <c r="L15739" s="365"/>
    </row>
    <row r="15740" spans="2:12">
      <c r="B15740" s="368"/>
      <c r="C15740" s="368"/>
      <c r="D15740" s="368"/>
      <c r="E15740" s="368"/>
      <c r="F15740" s="368"/>
      <c r="G15740" s="368"/>
      <c r="H15740" s="361" t="s">
        <v>14422</v>
      </c>
      <c r="I15740" s="368"/>
      <c r="J15740" s="366"/>
      <c r="K15740" s="366"/>
      <c r="L15740" s="366"/>
    </row>
    <row r="15741" spans="2:12" ht="42.75">
      <c r="B15741" s="358" t="s">
        <v>22741</v>
      </c>
      <c r="C15741" s="358" t="s">
        <v>30335</v>
      </c>
      <c r="D15741" s="358" t="s">
        <v>22742</v>
      </c>
      <c r="E15741" s="358" t="s">
        <v>8356</v>
      </c>
      <c r="F15741" s="358" t="s">
        <v>14391</v>
      </c>
      <c r="G15741" s="358" t="s">
        <v>14392</v>
      </c>
      <c r="H15741" s="358" t="s">
        <v>14367</v>
      </c>
      <c r="I15741" s="358" t="s">
        <v>14392</v>
      </c>
      <c r="J15741" s="358"/>
      <c r="K15741" s="358"/>
      <c r="L15741" s="358"/>
    </row>
    <row r="15742" spans="2:12">
      <c r="B15742" s="367"/>
      <c r="C15742" s="360"/>
      <c r="D15742" s="367"/>
      <c r="E15742" s="367"/>
      <c r="F15742" s="360"/>
      <c r="G15742" s="360"/>
      <c r="H15742" s="360"/>
      <c r="I15742" s="360"/>
      <c r="J15742" s="365"/>
      <c r="K15742" s="365"/>
      <c r="L15742" s="365"/>
    </row>
    <row r="15743" spans="2:12" ht="42.75">
      <c r="B15743" s="367"/>
      <c r="C15743" s="359" t="s">
        <v>30336</v>
      </c>
      <c r="D15743" s="367"/>
      <c r="E15743" s="367"/>
      <c r="F15743" s="359" t="s">
        <v>14394</v>
      </c>
      <c r="G15743" s="359" t="s">
        <v>14395</v>
      </c>
      <c r="H15743" s="359" t="s">
        <v>14370</v>
      </c>
      <c r="I15743" s="359" t="s">
        <v>14395</v>
      </c>
      <c r="J15743" s="365"/>
      <c r="K15743" s="365"/>
      <c r="L15743" s="365"/>
    </row>
    <row r="15744" spans="2:12">
      <c r="B15744" s="367"/>
      <c r="C15744" s="360"/>
      <c r="D15744" s="367"/>
      <c r="E15744" s="367"/>
      <c r="F15744" s="360"/>
      <c r="G15744" s="360"/>
      <c r="H15744" s="360"/>
      <c r="I15744" s="360"/>
      <c r="J15744" s="365"/>
      <c r="K15744" s="365"/>
      <c r="L15744" s="365"/>
    </row>
    <row r="15745" spans="2:12">
      <c r="B15745" s="368"/>
      <c r="C15745" s="362"/>
      <c r="D15745" s="368"/>
      <c r="E15745" s="368"/>
      <c r="F15745" s="362"/>
      <c r="G15745" s="362"/>
      <c r="H15745" s="361" t="s">
        <v>14422</v>
      </c>
      <c r="I15745" s="362"/>
      <c r="J15745" s="366"/>
      <c r="K15745" s="366"/>
      <c r="L15745" s="366"/>
    </row>
    <row r="15746" spans="2:12" ht="57">
      <c r="B15746" s="358" t="s">
        <v>22743</v>
      </c>
      <c r="C15746" s="358" t="s">
        <v>22744</v>
      </c>
      <c r="D15746" s="358" t="s">
        <v>22745</v>
      </c>
      <c r="E15746" s="358" t="s">
        <v>22746</v>
      </c>
      <c r="F15746" s="358" t="s">
        <v>29464</v>
      </c>
      <c r="G15746" s="358" t="s">
        <v>14383</v>
      </c>
      <c r="H15746" s="358" t="s">
        <v>14378</v>
      </c>
      <c r="I15746" s="358" t="s">
        <v>14383</v>
      </c>
      <c r="J15746" s="358"/>
      <c r="K15746" s="358"/>
      <c r="L15746" s="358"/>
    </row>
    <row r="15747" spans="2:12">
      <c r="B15747" s="367"/>
      <c r="C15747" s="367"/>
      <c r="D15747" s="367"/>
      <c r="E15747" s="367"/>
      <c r="F15747" s="367"/>
      <c r="G15747" s="360"/>
      <c r="H15747" s="360"/>
      <c r="I15747" s="360"/>
      <c r="J15747" s="365"/>
      <c r="K15747" s="365"/>
      <c r="L15747" s="365"/>
    </row>
    <row r="15748" spans="2:12">
      <c r="B15748" s="368"/>
      <c r="C15748" s="368"/>
      <c r="D15748" s="368"/>
      <c r="E15748" s="368"/>
      <c r="F15748" s="368"/>
      <c r="G15748" s="361" t="s">
        <v>14473</v>
      </c>
      <c r="H15748" s="361" t="s">
        <v>14332</v>
      </c>
      <c r="I15748" s="361" t="s">
        <v>14473</v>
      </c>
      <c r="J15748" s="366"/>
      <c r="K15748" s="366"/>
      <c r="L15748" s="366"/>
    </row>
    <row r="15749" spans="2:12" ht="57">
      <c r="B15749" s="358" t="s">
        <v>10509</v>
      </c>
      <c r="C15749" s="358" t="s">
        <v>29465</v>
      </c>
      <c r="D15749" s="358" t="s">
        <v>10510</v>
      </c>
      <c r="E15749" s="358" t="s">
        <v>22747</v>
      </c>
      <c r="F15749" s="358" t="s">
        <v>14376</v>
      </c>
      <c r="G15749" s="358" t="s">
        <v>14669</v>
      </c>
      <c r="H15749" s="358" t="s">
        <v>14381</v>
      </c>
      <c r="I15749" s="358" t="s">
        <v>14669</v>
      </c>
      <c r="J15749" s="358"/>
      <c r="K15749" s="358"/>
      <c r="L15749" s="358"/>
    </row>
    <row r="15750" spans="2:12">
      <c r="B15750" s="367"/>
      <c r="C15750" s="367"/>
      <c r="D15750" s="367"/>
      <c r="E15750" s="367"/>
      <c r="F15750" s="360"/>
      <c r="G15750" s="360"/>
      <c r="H15750" s="360"/>
      <c r="I15750" s="360"/>
      <c r="J15750" s="365"/>
      <c r="K15750" s="365"/>
      <c r="L15750" s="365"/>
    </row>
    <row r="15751" spans="2:12" ht="28.5">
      <c r="B15751" s="367"/>
      <c r="C15751" s="367"/>
      <c r="D15751" s="367"/>
      <c r="E15751" s="367"/>
      <c r="F15751" s="359" t="s">
        <v>14394</v>
      </c>
      <c r="G15751" s="359" t="s">
        <v>14395</v>
      </c>
      <c r="H15751" s="359" t="s">
        <v>14370</v>
      </c>
      <c r="I15751" s="359" t="s">
        <v>14395</v>
      </c>
      <c r="J15751" s="365"/>
      <c r="K15751" s="365"/>
      <c r="L15751" s="365"/>
    </row>
    <row r="15752" spans="2:12">
      <c r="B15752" s="367"/>
      <c r="C15752" s="367"/>
      <c r="D15752" s="367"/>
      <c r="E15752" s="367"/>
      <c r="F15752" s="360"/>
      <c r="G15752" s="360"/>
      <c r="H15752" s="360"/>
      <c r="I15752" s="360"/>
      <c r="J15752" s="365"/>
      <c r="K15752" s="365"/>
      <c r="L15752" s="365"/>
    </row>
    <row r="15753" spans="2:12">
      <c r="B15753" s="368"/>
      <c r="C15753" s="368"/>
      <c r="D15753" s="368"/>
      <c r="E15753" s="368"/>
      <c r="F15753" s="362"/>
      <c r="G15753" s="362"/>
      <c r="H15753" s="361" t="s">
        <v>14332</v>
      </c>
      <c r="I15753" s="362"/>
      <c r="J15753" s="366"/>
      <c r="K15753" s="366"/>
      <c r="L15753" s="366"/>
    </row>
    <row r="15754" spans="2:12" ht="57">
      <c r="B15754" s="358" t="s">
        <v>22748</v>
      </c>
      <c r="C15754" s="358" t="s">
        <v>29466</v>
      </c>
      <c r="D15754" s="358" t="s">
        <v>22749</v>
      </c>
      <c r="E15754" s="358" t="s">
        <v>22750</v>
      </c>
      <c r="F15754" s="358" t="s">
        <v>14430</v>
      </c>
      <c r="G15754" s="358" t="s">
        <v>14431</v>
      </c>
      <c r="H15754" s="358" t="s">
        <v>14341</v>
      </c>
      <c r="I15754" s="358" t="s">
        <v>14431</v>
      </c>
      <c r="J15754" s="358"/>
      <c r="K15754" s="358"/>
      <c r="L15754" s="358"/>
    </row>
    <row r="15755" spans="2:12">
      <c r="B15755" s="367"/>
      <c r="C15755" s="367"/>
      <c r="D15755" s="367"/>
      <c r="E15755" s="367"/>
      <c r="F15755" s="367"/>
      <c r="G15755" s="367"/>
      <c r="H15755" s="360"/>
      <c r="I15755" s="367"/>
      <c r="J15755" s="365"/>
      <c r="K15755" s="365"/>
      <c r="L15755" s="365"/>
    </row>
    <row r="15756" spans="2:12">
      <c r="B15756" s="368"/>
      <c r="C15756" s="368"/>
      <c r="D15756" s="368"/>
      <c r="E15756" s="368"/>
      <c r="F15756" s="368"/>
      <c r="G15756" s="368"/>
      <c r="H15756" s="361" t="s">
        <v>14332</v>
      </c>
      <c r="I15756" s="368"/>
      <c r="J15756" s="366"/>
      <c r="K15756" s="366"/>
      <c r="L15756" s="366"/>
    </row>
    <row r="15757" spans="2:12" ht="28.5">
      <c r="B15757" s="358" t="s">
        <v>22751</v>
      </c>
      <c r="C15757" s="358" t="s">
        <v>22752</v>
      </c>
      <c r="D15757" s="358" t="s">
        <v>22753</v>
      </c>
      <c r="E15757" s="358" t="s">
        <v>22754</v>
      </c>
      <c r="F15757" s="358" t="s">
        <v>14391</v>
      </c>
      <c r="G15757" s="358" t="s">
        <v>14392</v>
      </c>
      <c r="H15757" s="358" t="s">
        <v>14367</v>
      </c>
      <c r="I15757" s="358" t="s">
        <v>14392</v>
      </c>
      <c r="J15757" s="358"/>
      <c r="K15757" s="358"/>
      <c r="L15757" s="358"/>
    </row>
    <row r="15758" spans="2:12">
      <c r="B15758" s="367"/>
      <c r="C15758" s="367"/>
      <c r="D15758" s="367"/>
      <c r="E15758" s="367"/>
      <c r="F15758" s="367"/>
      <c r="G15758" s="367"/>
      <c r="H15758" s="360"/>
      <c r="I15758" s="367"/>
      <c r="J15758" s="365"/>
      <c r="K15758" s="365"/>
      <c r="L15758" s="365"/>
    </row>
    <row r="15759" spans="2:12">
      <c r="B15759" s="368"/>
      <c r="C15759" s="368"/>
      <c r="D15759" s="368"/>
      <c r="E15759" s="368"/>
      <c r="F15759" s="368"/>
      <c r="G15759" s="368"/>
      <c r="H15759" s="361" t="s">
        <v>14422</v>
      </c>
      <c r="I15759" s="368"/>
      <c r="J15759" s="366"/>
      <c r="K15759" s="366"/>
      <c r="L15759" s="366"/>
    </row>
    <row r="15760" spans="2:12" ht="114">
      <c r="B15760" s="358" t="s">
        <v>22755</v>
      </c>
      <c r="C15760" s="358" t="s">
        <v>29467</v>
      </c>
      <c r="D15760" s="358" t="s">
        <v>22756</v>
      </c>
      <c r="E15760" s="358" t="s">
        <v>8356</v>
      </c>
      <c r="F15760" s="358" t="s">
        <v>14472</v>
      </c>
      <c r="G15760" s="358" t="s">
        <v>14473</v>
      </c>
      <c r="H15760" s="358" t="s">
        <v>8356</v>
      </c>
      <c r="I15760" s="358" t="s">
        <v>14473</v>
      </c>
      <c r="J15760" s="358"/>
      <c r="K15760" s="358"/>
      <c r="L15760" s="358"/>
    </row>
    <row r="15761" spans="2:12">
      <c r="B15761" s="368"/>
      <c r="C15761" s="368"/>
      <c r="D15761" s="368"/>
      <c r="E15761" s="368"/>
      <c r="F15761" s="368"/>
      <c r="G15761" s="368"/>
      <c r="H15761" s="368"/>
      <c r="I15761" s="368"/>
      <c r="J15761" s="366"/>
      <c r="K15761" s="366"/>
      <c r="L15761" s="366"/>
    </row>
    <row r="15762" spans="2:12" ht="42.75">
      <c r="B15762" s="358" t="s">
        <v>22757</v>
      </c>
      <c r="C15762" s="358" t="s">
        <v>22758</v>
      </c>
      <c r="D15762" s="358" t="s">
        <v>22759</v>
      </c>
      <c r="E15762" s="358" t="s">
        <v>8356</v>
      </c>
      <c r="F15762" s="358" t="s">
        <v>14430</v>
      </c>
      <c r="G15762" s="358" t="s">
        <v>14431</v>
      </c>
      <c r="H15762" s="358" t="s">
        <v>14341</v>
      </c>
      <c r="I15762" s="358" t="s">
        <v>14431</v>
      </c>
      <c r="J15762" s="358"/>
      <c r="K15762" s="358"/>
      <c r="L15762" s="358"/>
    </row>
    <row r="15763" spans="2:12">
      <c r="B15763" s="367"/>
      <c r="C15763" s="367"/>
      <c r="D15763" s="367"/>
      <c r="E15763" s="367"/>
      <c r="F15763" s="360"/>
      <c r="G15763" s="360"/>
      <c r="H15763" s="360"/>
      <c r="I15763" s="360"/>
      <c r="J15763" s="365"/>
      <c r="K15763" s="365"/>
      <c r="L15763" s="365"/>
    </row>
    <row r="15764" spans="2:12">
      <c r="B15764" s="367"/>
      <c r="C15764" s="367"/>
      <c r="D15764" s="367"/>
      <c r="E15764" s="367"/>
      <c r="F15764" s="359" t="s">
        <v>14391</v>
      </c>
      <c r="G15764" s="359" t="s">
        <v>14392</v>
      </c>
      <c r="H15764" s="359" t="s">
        <v>14367</v>
      </c>
      <c r="I15764" s="359" t="s">
        <v>14392</v>
      </c>
      <c r="J15764" s="365"/>
      <c r="K15764" s="365"/>
      <c r="L15764" s="365"/>
    </row>
    <row r="15765" spans="2:12">
      <c r="B15765" s="367"/>
      <c r="C15765" s="367"/>
      <c r="D15765" s="367"/>
      <c r="E15765" s="367"/>
      <c r="F15765" s="360"/>
      <c r="G15765" s="360"/>
      <c r="H15765" s="360"/>
      <c r="I15765" s="360"/>
      <c r="J15765" s="365"/>
      <c r="K15765" s="365"/>
      <c r="L15765" s="365"/>
    </row>
    <row r="15766" spans="2:12" ht="28.5">
      <c r="B15766" s="367"/>
      <c r="C15766" s="367"/>
      <c r="D15766" s="367"/>
      <c r="E15766" s="367"/>
      <c r="F15766" s="359" t="s">
        <v>14394</v>
      </c>
      <c r="G15766" s="359" t="s">
        <v>14395</v>
      </c>
      <c r="H15766" s="359" t="s">
        <v>14370</v>
      </c>
      <c r="I15766" s="359" t="s">
        <v>14395</v>
      </c>
      <c r="J15766" s="365"/>
      <c r="K15766" s="365"/>
      <c r="L15766" s="365"/>
    </row>
    <row r="15767" spans="2:12">
      <c r="B15767" s="367"/>
      <c r="C15767" s="367"/>
      <c r="D15767" s="367"/>
      <c r="E15767" s="367"/>
      <c r="F15767" s="360"/>
      <c r="G15767" s="360"/>
      <c r="H15767" s="360"/>
      <c r="I15767" s="360"/>
      <c r="J15767" s="365"/>
      <c r="K15767" s="365"/>
      <c r="L15767" s="365"/>
    </row>
    <row r="15768" spans="2:12">
      <c r="B15768" s="368"/>
      <c r="C15768" s="368"/>
      <c r="D15768" s="368"/>
      <c r="E15768" s="368"/>
      <c r="F15768" s="362"/>
      <c r="G15768" s="362"/>
      <c r="H15768" s="361" t="s">
        <v>14332</v>
      </c>
      <c r="I15768" s="362"/>
      <c r="J15768" s="366"/>
      <c r="K15768" s="366"/>
      <c r="L15768" s="366"/>
    </row>
    <row r="15769" spans="2:12" ht="99.75">
      <c r="B15769" s="358" t="s">
        <v>22760</v>
      </c>
      <c r="C15769" s="358" t="s">
        <v>29468</v>
      </c>
      <c r="D15769" s="358" t="s">
        <v>22761</v>
      </c>
      <c r="E15769" s="358" t="s">
        <v>8356</v>
      </c>
      <c r="F15769" s="358" t="s">
        <v>14391</v>
      </c>
      <c r="G15769" s="358" t="s">
        <v>14392</v>
      </c>
      <c r="H15769" s="358" t="s">
        <v>14367</v>
      </c>
      <c r="I15769" s="358" t="s">
        <v>14392</v>
      </c>
      <c r="J15769" s="358"/>
      <c r="K15769" s="358"/>
      <c r="L15769" s="358"/>
    </row>
    <row r="15770" spans="2:12">
      <c r="B15770" s="367"/>
      <c r="C15770" s="360"/>
      <c r="D15770" s="367"/>
      <c r="E15770" s="367"/>
      <c r="F15770" s="360"/>
      <c r="G15770" s="360"/>
      <c r="H15770" s="360"/>
      <c r="I15770" s="360"/>
      <c r="J15770" s="365"/>
      <c r="K15770" s="365"/>
      <c r="L15770" s="365"/>
    </row>
    <row r="15771" spans="2:12" ht="114">
      <c r="B15771" s="367"/>
      <c r="C15771" s="359" t="s">
        <v>29469</v>
      </c>
      <c r="D15771" s="367"/>
      <c r="E15771" s="367"/>
      <c r="F15771" s="359" t="s">
        <v>14394</v>
      </c>
      <c r="G15771" s="359" t="s">
        <v>14395</v>
      </c>
      <c r="H15771" s="359" t="s">
        <v>14370</v>
      </c>
      <c r="I15771" s="359" t="s">
        <v>14395</v>
      </c>
      <c r="J15771" s="365"/>
      <c r="K15771" s="365"/>
      <c r="L15771" s="365"/>
    </row>
    <row r="15772" spans="2:12">
      <c r="B15772" s="367"/>
      <c r="C15772" s="360"/>
      <c r="D15772" s="367"/>
      <c r="E15772" s="367"/>
      <c r="F15772" s="360"/>
      <c r="G15772" s="360"/>
      <c r="H15772" s="360"/>
      <c r="I15772" s="360"/>
      <c r="J15772" s="365"/>
      <c r="K15772" s="365"/>
      <c r="L15772" s="365"/>
    </row>
    <row r="15773" spans="2:12" ht="28.5">
      <c r="B15773" s="368"/>
      <c r="C15773" s="361" t="s">
        <v>29470</v>
      </c>
      <c r="D15773" s="368"/>
      <c r="E15773" s="368"/>
      <c r="F15773" s="362"/>
      <c r="G15773" s="362"/>
      <c r="H15773" s="361" t="s">
        <v>14422</v>
      </c>
      <c r="I15773" s="362"/>
      <c r="J15773" s="366"/>
      <c r="K15773" s="366"/>
      <c r="L15773" s="366"/>
    </row>
    <row r="15774" spans="2:12" ht="42.75">
      <c r="B15774" s="358" t="s">
        <v>22762</v>
      </c>
      <c r="C15774" s="358" t="s">
        <v>27792</v>
      </c>
      <c r="D15774" s="358" t="s">
        <v>22763</v>
      </c>
      <c r="E15774" s="358" t="s">
        <v>22764</v>
      </c>
      <c r="F15774" s="358" t="s">
        <v>14391</v>
      </c>
      <c r="G15774" s="358" t="s">
        <v>14392</v>
      </c>
      <c r="H15774" s="358" t="s">
        <v>14367</v>
      </c>
      <c r="I15774" s="358" t="s">
        <v>14392</v>
      </c>
      <c r="J15774" s="358"/>
      <c r="K15774" s="358"/>
      <c r="L15774" s="358"/>
    </row>
    <row r="15775" spans="2:12">
      <c r="B15775" s="367"/>
      <c r="C15775" s="367"/>
      <c r="D15775" s="367"/>
      <c r="E15775" s="367"/>
      <c r="F15775" s="360"/>
      <c r="G15775" s="360"/>
      <c r="H15775" s="360"/>
      <c r="I15775" s="360"/>
      <c r="J15775" s="365"/>
      <c r="K15775" s="365"/>
      <c r="L15775" s="365"/>
    </row>
    <row r="15776" spans="2:12" ht="28.5">
      <c r="B15776" s="367"/>
      <c r="C15776" s="367"/>
      <c r="D15776" s="367"/>
      <c r="E15776" s="367"/>
      <c r="F15776" s="359" t="s">
        <v>14394</v>
      </c>
      <c r="G15776" s="359" t="s">
        <v>14395</v>
      </c>
      <c r="H15776" s="359" t="s">
        <v>14370</v>
      </c>
      <c r="I15776" s="359" t="s">
        <v>14395</v>
      </c>
      <c r="J15776" s="365"/>
      <c r="K15776" s="365"/>
      <c r="L15776" s="365"/>
    </row>
    <row r="15777" spans="2:12">
      <c r="B15777" s="367"/>
      <c r="C15777" s="367"/>
      <c r="D15777" s="367"/>
      <c r="E15777" s="367"/>
      <c r="F15777" s="360"/>
      <c r="G15777" s="360"/>
      <c r="H15777" s="360"/>
      <c r="I15777" s="360"/>
      <c r="J15777" s="365"/>
      <c r="K15777" s="365"/>
      <c r="L15777" s="365"/>
    </row>
    <row r="15778" spans="2:12">
      <c r="B15778" s="368"/>
      <c r="C15778" s="368"/>
      <c r="D15778" s="368"/>
      <c r="E15778" s="368"/>
      <c r="F15778" s="362"/>
      <c r="G15778" s="362"/>
      <c r="H15778" s="361" t="s">
        <v>14422</v>
      </c>
      <c r="I15778" s="362"/>
      <c r="J15778" s="366"/>
      <c r="K15778" s="366"/>
      <c r="L15778" s="366"/>
    </row>
    <row r="15779" spans="2:12" ht="57">
      <c r="B15779" s="358" t="s">
        <v>22765</v>
      </c>
      <c r="C15779" s="358" t="s">
        <v>27793</v>
      </c>
      <c r="D15779" s="358" t="s">
        <v>22766</v>
      </c>
      <c r="E15779" s="358" t="s">
        <v>22767</v>
      </c>
      <c r="F15779" s="358" t="s">
        <v>14430</v>
      </c>
      <c r="G15779" s="358" t="s">
        <v>14431</v>
      </c>
      <c r="H15779" s="358" t="s">
        <v>14341</v>
      </c>
      <c r="I15779" s="358" t="s">
        <v>14431</v>
      </c>
      <c r="J15779" s="358"/>
      <c r="K15779" s="358"/>
      <c r="L15779" s="358"/>
    </row>
    <row r="15780" spans="2:12">
      <c r="B15780" s="367"/>
      <c r="C15780" s="367"/>
      <c r="D15780" s="367"/>
      <c r="E15780" s="367"/>
      <c r="F15780" s="367"/>
      <c r="G15780" s="367"/>
      <c r="H15780" s="360"/>
      <c r="I15780" s="367"/>
      <c r="J15780" s="365"/>
      <c r="K15780" s="365"/>
      <c r="L15780" s="365"/>
    </row>
    <row r="15781" spans="2:12">
      <c r="B15781" s="368"/>
      <c r="C15781" s="368"/>
      <c r="D15781" s="368"/>
      <c r="E15781" s="368"/>
      <c r="F15781" s="368"/>
      <c r="G15781" s="368"/>
      <c r="H15781" s="361" t="s">
        <v>14332</v>
      </c>
      <c r="I15781" s="368"/>
      <c r="J15781" s="366"/>
      <c r="K15781" s="366"/>
      <c r="L15781" s="366"/>
    </row>
    <row r="15782" spans="2:12" ht="71.25">
      <c r="B15782" s="358" t="s">
        <v>22768</v>
      </c>
      <c r="C15782" s="358" t="s">
        <v>22769</v>
      </c>
      <c r="D15782" s="358" t="s">
        <v>22770</v>
      </c>
      <c r="E15782" s="358" t="s">
        <v>8356</v>
      </c>
      <c r="F15782" s="358" t="s">
        <v>14391</v>
      </c>
      <c r="G15782" s="358" t="s">
        <v>14392</v>
      </c>
      <c r="H15782" s="358" t="s">
        <v>14367</v>
      </c>
      <c r="I15782" s="358" t="s">
        <v>14392</v>
      </c>
      <c r="J15782" s="358"/>
      <c r="K15782" s="358"/>
      <c r="L15782" s="358"/>
    </row>
    <row r="15783" spans="2:12">
      <c r="B15783" s="367"/>
      <c r="C15783" s="367"/>
      <c r="D15783" s="367"/>
      <c r="E15783" s="367"/>
      <c r="F15783" s="367"/>
      <c r="G15783" s="367"/>
      <c r="H15783" s="360"/>
      <c r="I15783" s="367"/>
      <c r="J15783" s="365"/>
      <c r="K15783" s="365"/>
      <c r="L15783" s="365"/>
    </row>
    <row r="15784" spans="2:12">
      <c r="B15784" s="368"/>
      <c r="C15784" s="368"/>
      <c r="D15784" s="368"/>
      <c r="E15784" s="368"/>
      <c r="F15784" s="368"/>
      <c r="G15784" s="368"/>
      <c r="H15784" s="361" t="s">
        <v>14422</v>
      </c>
      <c r="I15784" s="368"/>
      <c r="J15784" s="366"/>
      <c r="K15784" s="366"/>
      <c r="L15784" s="366"/>
    </row>
    <row r="15785" spans="2:12" ht="42.75">
      <c r="B15785" s="358" t="s">
        <v>22771</v>
      </c>
      <c r="C15785" s="358" t="s">
        <v>22772</v>
      </c>
      <c r="D15785" s="358" t="s">
        <v>22773</v>
      </c>
      <c r="E15785" s="358" t="s">
        <v>22774</v>
      </c>
      <c r="F15785" s="358" t="s">
        <v>14472</v>
      </c>
      <c r="G15785" s="358" t="s">
        <v>14473</v>
      </c>
      <c r="H15785" s="358" t="s">
        <v>8356</v>
      </c>
      <c r="I15785" s="358" t="s">
        <v>14473</v>
      </c>
      <c r="J15785" s="358"/>
      <c r="K15785" s="358"/>
      <c r="L15785" s="358"/>
    </row>
    <row r="15786" spans="2:12">
      <c r="B15786" s="368"/>
      <c r="C15786" s="368"/>
      <c r="D15786" s="368"/>
      <c r="E15786" s="368"/>
      <c r="F15786" s="368"/>
      <c r="G15786" s="368"/>
      <c r="H15786" s="368"/>
      <c r="I15786" s="368"/>
      <c r="J15786" s="366"/>
      <c r="K15786" s="366"/>
      <c r="L15786" s="366"/>
    </row>
    <row r="15787" spans="2:12" ht="71.25">
      <c r="B15787" s="358" t="s">
        <v>22775</v>
      </c>
      <c r="C15787" s="358" t="s">
        <v>22776</v>
      </c>
      <c r="D15787" s="358" t="s">
        <v>22777</v>
      </c>
      <c r="E15787" s="358" t="s">
        <v>8356</v>
      </c>
      <c r="F15787" s="358" t="s">
        <v>14394</v>
      </c>
      <c r="G15787" s="358" t="s">
        <v>14395</v>
      </c>
      <c r="H15787" s="358" t="s">
        <v>14370</v>
      </c>
      <c r="I15787" s="358" t="s">
        <v>14395</v>
      </c>
      <c r="J15787" s="358"/>
      <c r="K15787" s="358"/>
      <c r="L15787" s="358"/>
    </row>
    <row r="15788" spans="2:12">
      <c r="B15788" s="368"/>
      <c r="C15788" s="368"/>
      <c r="D15788" s="368"/>
      <c r="E15788" s="368"/>
      <c r="F15788" s="368"/>
      <c r="G15788" s="368"/>
      <c r="H15788" s="368"/>
      <c r="I15788" s="368"/>
      <c r="J15788" s="366"/>
      <c r="K15788" s="366"/>
      <c r="L15788" s="366"/>
    </row>
    <row r="15789" spans="2:12" ht="28.5">
      <c r="B15789" s="358" t="s">
        <v>22778</v>
      </c>
      <c r="C15789" s="358" t="s">
        <v>22779</v>
      </c>
      <c r="D15789" s="358" t="s">
        <v>22780</v>
      </c>
      <c r="E15789" s="358" t="s">
        <v>22781</v>
      </c>
      <c r="F15789" s="358" t="s">
        <v>14391</v>
      </c>
      <c r="G15789" s="358" t="s">
        <v>14392</v>
      </c>
      <c r="H15789" s="358" t="s">
        <v>14367</v>
      </c>
      <c r="I15789" s="358" t="s">
        <v>14392</v>
      </c>
      <c r="J15789" s="358"/>
      <c r="K15789" s="358"/>
      <c r="L15789" s="358"/>
    </row>
    <row r="15790" spans="2:12">
      <c r="B15790" s="367"/>
      <c r="C15790" s="367"/>
      <c r="D15790" s="367"/>
      <c r="E15790" s="367"/>
      <c r="F15790" s="360"/>
      <c r="G15790" s="360"/>
      <c r="H15790" s="360"/>
      <c r="I15790" s="360"/>
      <c r="J15790" s="365"/>
      <c r="K15790" s="365"/>
      <c r="L15790" s="365"/>
    </row>
    <row r="15791" spans="2:12" ht="28.5">
      <c r="B15791" s="367"/>
      <c r="C15791" s="367"/>
      <c r="D15791" s="367"/>
      <c r="E15791" s="367"/>
      <c r="F15791" s="359" t="s">
        <v>14394</v>
      </c>
      <c r="G15791" s="359" t="s">
        <v>14395</v>
      </c>
      <c r="H15791" s="359" t="s">
        <v>14370</v>
      </c>
      <c r="I15791" s="359" t="s">
        <v>14395</v>
      </c>
      <c r="J15791" s="365"/>
      <c r="K15791" s="365"/>
      <c r="L15791" s="365"/>
    </row>
    <row r="15792" spans="2:12">
      <c r="B15792" s="367"/>
      <c r="C15792" s="367"/>
      <c r="D15792" s="367"/>
      <c r="E15792" s="367"/>
      <c r="F15792" s="360"/>
      <c r="G15792" s="360"/>
      <c r="H15792" s="360"/>
      <c r="I15792" s="360"/>
      <c r="J15792" s="365"/>
      <c r="K15792" s="365"/>
      <c r="L15792" s="365"/>
    </row>
    <row r="15793" spans="2:12">
      <c r="B15793" s="368"/>
      <c r="C15793" s="368"/>
      <c r="D15793" s="368"/>
      <c r="E15793" s="368"/>
      <c r="F15793" s="362"/>
      <c r="G15793" s="362"/>
      <c r="H15793" s="361" t="s">
        <v>14422</v>
      </c>
      <c r="I15793" s="362"/>
      <c r="J15793" s="366"/>
      <c r="K15793" s="366"/>
      <c r="L15793" s="366"/>
    </row>
    <row r="15794" spans="2:12" ht="57">
      <c r="B15794" s="358" t="s">
        <v>22782</v>
      </c>
      <c r="C15794" s="358" t="s">
        <v>22783</v>
      </c>
      <c r="D15794" s="358" t="s">
        <v>22784</v>
      </c>
      <c r="E15794" s="358" t="s">
        <v>8356</v>
      </c>
      <c r="F15794" s="358" t="s">
        <v>14391</v>
      </c>
      <c r="G15794" s="358" t="s">
        <v>14392</v>
      </c>
      <c r="H15794" s="358" t="s">
        <v>14367</v>
      </c>
      <c r="I15794" s="358" t="s">
        <v>14392</v>
      </c>
      <c r="J15794" s="358"/>
      <c r="K15794" s="358"/>
      <c r="L15794" s="358"/>
    </row>
    <row r="15795" spans="2:12">
      <c r="B15795" s="367"/>
      <c r="C15795" s="367"/>
      <c r="D15795" s="367"/>
      <c r="E15795" s="367"/>
      <c r="F15795" s="367"/>
      <c r="G15795" s="367"/>
      <c r="H15795" s="360"/>
      <c r="I15795" s="367"/>
      <c r="J15795" s="365"/>
      <c r="K15795" s="365"/>
      <c r="L15795" s="365"/>
    </row>
    <row r="15796" spans="2:12">
      <c r="B15796" s="368"/>
      <c r="C15796" s="368"/>
      <c r="D15796" s="368"/>
      <c r="E15796" s="368"/>
      <c r="F15796" s="368"/>
      <c r="G15796" s="368"/>
      <c r="H15796" s="361" t="s">
        <v>14422</v>
      </c>
      <c r="I15796" s="368"/>
      <c r="J15796" s="366"/>
      <c r="K15796" s="366"/>
      <c r="L15796" s="366"/>
    </row>
    <row r="15797" spans="2:12" ht="57">
      <c r="B15797" s="358" t="s">
        <v>22785</v>
      </c>
      <c r="C15797" s="358" t="s">
        <v>22786</v>
      </c>
      <c r="D15797" s="358" t="s">
        <v>22787</v>
      </c>
      <c r="E15797" s="358" t="s">
        <v>8356</v>
      </c>
      <c r="F15797" s="358" t="s">
        <v>14391</v>
      </c>
      <c r="G15797" s="358" t="s">
        <v>14392</v>
      </c>
      <c r="H15797" s="358" t="s">
        <v>14367</v>
      </c>
      <c r="I15797" s="358" t="s">
        <v>14392</v>
      </c>
      <c r="J15797" s="358"/>
      <c r="K15797" s="358"/>
      <c r="L15797" s="358"/>
    </row>
    <row r="15798" spans="2:12">
      <c r="B15798" s="367"/>
      <c r="C15798" s="367"/>
      <c r="D15798" s="367"/>
      <c r="E15798" s="367"/>
      <c r="F15798" s="367"/>
      <c r="G15798" s="367"/>
      <c r="H15798" s="360"/>
      <c r="I15798" s="367"/>
      <c r="J15798" s="365"/>
      <c r="K15798" s="365"/>
      <c r="L15798" s="365"/>
    </row>
    <row r="15799" spans="2:12">
      <c r="B15799" s="368"/>
      <c r="C15799" s="368"/>
      <c r="D15799" s="368"/>
      <c r="E15799" s="368"/>
      <c r="F15799" s="368"/>
      <c r="G15799" s="368"/>
      <c r="H15799" s="361" t="s">
        <v>14422</v>
      </c>
      <c r="I15799" s="368"/>
      <c r="J15799" s="366"/>
      <c r="K15799" s="366"/>
      <c r="L15799" s="366"/>
    </row>
    <row r="15800" spans="2:12" ht="57">
      <c r="B15800" s="358" t="s">
        <v>22788</v>
      </c>
      <c r="C15800" s="358" t="s">
        <v>27794</v>
      </c>
      <c r="D15800" s="358" t="s">
        <v>22789</v>
      </c>
      <c r="E15800" s="358" t="s">
        <v>22790</v>
      </c>
      <c r="F15800" s="358" t="s">
        <v>14394</v>
      </c>
      <c r="G15800" s="358" t="s">
        <v>14395</v>
      </c>
      <c r="H15800" s="358" t="s">
        <v>14370</v>
      </c>
      <c r="I15800" s="358" t="s">
        <v>14395</v>
      </c>
      <c r="J15800" s="358"/>
      <c r="K15800" s="358"/>
      <c r="L15800" s="358"/>
    </row>
    <row r="15801" spans="2:12">
      <c r="B15801" s="368"/>
      <c r="C15801" s="368"/>
      <c r="D15801" s="368"/>
      <c r="E15801" s="368"/>
      <c r="F15801" s="368"/>
      <c r="G15801" s="368"/>
      <c r="H15801" s="368"/>
      <c r="I15801" s="368"/>
      <c r="J15801" s="366"/>
      <c r="K15801" s="366"/>
      <c r="L15801" s="366"/>
    </row>
    <row r="15802" spans="2:12" ht="71.25">
      <c r="B15802" s="358" t="s">
        <v>22791</v>
      </c>
      <c r="C15802" s="358" t="s">
        <v>27795</v>
      </c>
      <c r="D15802" s="358" t="s">
        <v>22792</v>
      </c>
      <c r="E15802" s="358" t="s">
        <v>22793</v>
      </c>
      <c r="F15802" s="358" t="s">
        <v>14420</v>
      </c>
      <c r="G15802" s="358" t="s">
        <v>14429</v>
      </c>
      <c r="H15802" s="358" t="s">
        <v>14341</v>
      </c>
      <c r="I15802" s="358" t="s">
        <v>14429</v>
      </c>
      <c r="J15802" s="358"/>
      <c r="K15802" s="358"/>
      <c r="L15802" s="358"/>
    </row>
    <row r="15803" spans="2:12">
      <c r="B15803" s="367"/>
      <c r="C15803" s="367"/>
      <c r="D15803" s="367"/>
      <c r="E15803" s="367"/>
      <c r="F15803" s="360"/>
      <c r="G15803" s="360"/>
      <c r="H15803" s="360"/>
      <c r="I15803" s="360"/>
      <c r="J15803" s="365"/>
      <c r="K15803" s="365"/>
      <c r="L15803" s="365"/>
    </row>
    <row r="15804" spans="2:12">
      <c r="B15804" s="367"/>
      <c r="C15804" s="367"/>
      <c r="D15804" s="367"/>
      <c r="E15804" s="367"/>
      <c r="F15804" s="359" t="s">
        <v>14430</v>
      </c>
      <c r="G15804" s="359" t="s">
        <v>14431</v>
      </c>
      <c r="H15804" s="359" t="s">
        <v>14367</v>
      </c>
      <c r="I15804" s="359" t="s">
        <v>14431</v>
      </c>
      <c r="J15804" s="365"/>
      <c r="K15804" s="365"/>
      <c r="L15804" s="365"/>
    </row>
    <row r="15805" spans="2:12">
      <c r="B15805" s="367"/>
      <c r="C15805" s="367"/>
      <c r="D15805" s="367"/>
      <c r="E15805" s="367"/>
      <c r="F15805" s="360"/>
      <c r="G15805" s="360"/>
      <c r="H15805" s="360"/>
      <c r="I15805" s="360"/>
      <c r="J15805" s="365"/>
      <c r="K15805" s="365"/>
      <c r="L15805" s="365"/>
    </row>
    <row r="15806" spans="2:12" ht="28.5">
      <c r="B15806" s="368"/>
      <c r="C15806" s="368"/>
      <c r="D15806" s="368"/>
      <c r="E15806" s="368"/>
      <c r="F15806" s="361" t="s">
        <v>14472</v>
      </c>
      <c r="G15806" s="361" t="s">
        <v>14473</v>
      </c>
      <c r="H15806" s="361" t="s">
        <v>14332</v>
      </c>
      <c r="I15806" s="361" t="s">
        <v>14473</v>
      </c>
      <c r="J15806" s="366"/>
      <c r="K15806" s="366"/>
      <c r="L15806" s="366"/>
    </row>
    <row r="15807" spans="2:12" ht="42.75">
      <c r="B15807" s="358" t="s">
        <v>22794</v>
      </c>
      <c r="C15807" s="358" t="s">
        <v>22795</v>
      </c>
      <c r="D15807" s="358" t="s">
        <v>22796</v>
      </c>
      <c r="E15807" s="358" t="s">
        <v>22797</v>
      </c>
      <c r="F15807" s="358" t="s">
        <v>14420</v>
      </c>
      <c r="G15807" s="358" t="s">
        <v>14429</v>
      </c>
      <c r="H15807" s="358" t="s">
        <v>14367</v>
      </c>
      <c r="I15807" s="358" t="s">
        <v>14429</v>
      </c>
      <c r="J15807" s="358"/>
      <c r="K15807" s="358"/>
      <c r="L15807" s="358"/>
    </row>
    <row r="15808" spans="2:12">
      <c r="B15808" s="367"/>
      <c r="C15808" s="367"/>
      <c r="D15808" s="367"/>
      <c r="E15808" s="367"/>
      <c r="F15808" s="360"/>
      <c r="G15808" s="360"/>
      <c r="H15808" s="360"/>
      <c r="I15808" s="360"/>
      <c r="J15808" s="365"/>
      <c r="K15808" s="365"/>
      <c r="L15808" s="365"/>
    </row>
    <row r="15809" spans="2:12" ht="28.5">
      <c r="B15809" s="368"/>
      <c r="C15809" s="368"/>
      <c r="D15809" s="368"/>
      <c r="E15809" s="368"/>
      <c r="F15809" s="361" t="s">
        <v>14472</v>
      </c>
      <c r="G15809" s="361" t="s">
        <v>14473</v>
      </c>
      <c r="H15809" s="361" t="s">
        <v>14422</v>
      </c>
      <c r="I15809" s="361" t="s">
        <v>14473</v>
      </c>
      <c r="J15809" s="366"/>
      <c r="K15809" s="366"/>
      <c r="L15809" s="366"/>
    </row>
    <row r="15810" spans="2:12" ht="71.25">
      <c r="B15810" s="358" t="s">
        <v>22798</v>
      </c>
      <c r="C15810" s="358" t="s">
        <v>29471</v>
      </c>
      <c r="D15810" s="358" t="s">
        <v>22799</v>
      </c>
      <c r="E15810" s="358" t="s">
        <v>8356</v>
      </c>
      <c r="F15810" s="358" t="s">
        <v>14430</v>
      </c>
      <c r="G15810" s="358" t="s">
        <v>14431</v>
      </c>
      <c r="H15810" s="358" t="s">
        <v>14341</v>
      </c>
      <c r="I15810" s="358" t="s">
        <v>14431</v>
      </c>
      <c r="J15810" s="358"/>
      <c r="K15810" s="358"/>
      <c r="L15810" s="358"/>
    </row>
    <row r="15811" spans="2:12">
      <c r="B15811" s="367"/>
      <c r="C15811" s="360"/>
      <c r="D15811" s="367"/>
      <c r="E15811" s="367"/>
      <c r="F15811" s="360"/>
      <c r="G15811" s="360"/>
      <c r="H15811" s="360"/>
      <c r="I15811" s="360"/>
      <c r="J15811" s="365"/>
      <c r="K15811" s="365"/>
      <c r="L15811" s="365"/>
    </row>
    <row r="15812" spans="2:12" ht="71.25">
      <c r="B15812" s="367"/>
      <c r="C15812" s="359" t="s">
        <v>22800</v>
      </c>
      <c r="D15812" s="367"/>
      <c r="E15812" s="367"/>
      <c r="F15812" s="359" t="s">
        <v>14391</v>
      </c>
      <c r="G15812" s="359" t="s">
        <v>14392</v>
      </c>
      <c r="H15812" s="359" t="s">
        <v>14367</v>
      </c>
      <c r="I15812" s="359" t="s">
        <v>14392</v>
      </c>
      <c r="J15812" s="365"/>
      <c r="K15812" s="365"/>
      <c r="L15812" s="365"/>
    </row>
    <row r="15813" spans="2:12">
      <c r="B15813" s="367"/>
      <c r="C15813" s="360"/>
      <c r="D15813" s="367"/>
      <c r="E15813" s="367"/>
      <c r="F15813" s="360"/>
      <c r="G15813" s="360"/>
      <c r="H15813" s="360"/>
      <c r="I15813" s="360"/>
      <c r="J15813" s="365"/>
      <c r="K15813" s="365"/>
      <c r="L15813" s="365"/>
    </row>
    <row r="15814" spans="2:12" ht="57">
      <c r="B15814" s="367"/>
      <c r="C15814" s="359" t="s">
        <v>22801</v>
      </c>
      <c r="D15814" s="367"/>
      <c r="E15814" s="367"/>
      <c r="F15814" s="360"/>
      <c r="G15814" s="360"/>
      <c r="H15814" s="359" t="s">
        <v>14332</v>
      </c>
      <c r="I15814" s="360"/>
      <c r="J15814" s="365"/>
      <c r="K15814" s="365"/>
      <c r="L15814" s="365"/>
    </row>
    <row r="15815" spans="2:12">
      <c r="B15815" s="367"/>
      <c r="C15815" s="360"/>
      <c r="D15815" s="367"/>
      <c r="E15815" s="367"/>
      <c r="F15815" s="360"/>
      <c r="G15815" s="360"/>
      <c r="H15815" s="360"/>
      <c r="I15815" s="360"/>
      <c r="J15815" s="365"/>
      <c r="K15815" s="365"/>
      <c r="L15815" s="365"/>
    </row>
    <row r="15816" spans="2:12" ht="71.25">
      <c r="B15816" s="368"/>
      <c r="C15816" s="361" t="s">
        <v>22802</v>
      </c>
      <c r="D15816" s="368"/>
      <c r="E15816" s="368"/>
      <c r="F15816" s="362"/>
      <c r="G15816" s="362"/>
      <c r="H15816" s="362"/>
      <c r="I15816" s="362"/>
      <c r="J15816" s="366"/>
      <c r="K15816" s="366"/>
      <c r="L15816" s="366"/>
    </row>
    <row r="15817" spans="2:12" ht="57">
      <c r="B15817" s="358" t="s">
        <v>22803</v>
      </c>
      <c r="C15817" s="358" t="s">
        <v>22804</v>
      </c>
      <c r="D15817" s="358" t="s">
        <v>22805</v>
      </c>
      <c r="E15817" s="358" t="s">
        <v>22806</v>
      </c>
      <c r="F15817" s="358" t="s">
        <v>14391</v>
      </c>
      <c r="G15817" s="358" t="s">
        <v>14392</v>
      </c>
      <c r="H15817" s="358" t="s">
        <v>14367</v>
      </c>
      <c r="I15817" s="358" t="s">
        <v>14392</v>
      </c>
      <c r="J15817" s="358"/>
      <c r="K15817" s="358"/>
      <c r="L15817" s="358"/>
    </row>
    <row r="15818" spans="2:12">
      <c r="B15818" s="367"/>
      <c r="C15818" s="367"/>
      <c r="D15818" s="367"/>
      <c r="E15818" s="367"/>
      <c r="F15818" s="367"/>
      <c r="G15818" s="367"/>
      <c r="H15818" s="360"/>
      <c r="I15818" s="367"/>
      <c r="J15818" s="365"/>
      <c r="K15818" s="365"/>
      <c r="L15818" s="365"/>
    </row>
    <row r="15819" spans="2:12">
      <c r="B15819" s="368"/>
      <c r="C15819" s="368"/>
      <c r="D15819" s="368"/>
      <c r="E15819" s="368"/>
      <c r="F15819" s="368"/>
      <c r="G15819" s="368"/>
      <c r="H15819" s="361" t="s">
        <v>14422</v>
      </c>
      <c r="I15819" s="368"/>
      <c r="J15819" s="366"/>
      <c r="K15819" s="366"/>
      <c r="L15819" s="366"/>
    </row>
    <row r="15820" spans="2:12" ht="42.75">
      <c r="B15820" s="358" t="s">
        <v>22807</v>
      </c>
      <c r="C15820" s="358" t="s">
        <v>22808</v>
      </c>
      <c r="D15820" s="358" t="s">
        <v>22809</v>
      </c>
      <c r="E15820" s="358"/>
      <c r="F15820" s="358" t="s">
        <v>14391</v>
      </c>
      <c r="G15820" s="358" t="s">
        <v>14392</v>
      </c>
      <c r="H15820" s="358" t="s">
        <v>14367</v>
      </c>
      <c r="I15820" s="358" t="s">
        <v>14392</v>
      </c>
      <c r="J15820" s="358"/>
      <c r="K15820" s="358"/>
      <c r="L15820" s="358"/>
    </row>
    <row r="15821" spans="2:12">
      <c r="B15821" s="367"/>
      <c r="C15821" s="367"/>
      <c r="D15821" s="367"/>
      <c r="E15821" s="365"/>
      <c r="F15821" s="367"/>
      <c r="G15821" s="367"/>
      <c r="H15821" s="360"/>
      <c r="I15821" s="367"/>
      <c r="J15821" s="365"/>
      <c r="K15821" s="365"/>
      <c r="L15821" s="365"/>
    </row>
    <row r="15822" spans="2:12">
      <c r="B15822" s="368"/>
      <c r="C15822" s="368"/>
      <c r="D15822" s="368"/>
      <c r="E15822" s="366"/>
      <c r="F15822" s="368"/>
      <c r="G15822" s="368"/>
      <c r="H15822" s="361" t="s">
        <v>14422</v>
      </c>
      <c r="I15822" s="368"/>
      <c r="J15822" s="366"/>
      <c r="K15822" s="366"/>
      <c r="L15822" s="366"/>
    </row>
    <row r="15823" spans="2:12" ht="57">
      <c r="B15823" s="358" t="s">
        <v>22810</v>
      </c>
      <c r="C15823" s="358" t="s">
        <v>22811</v>
      </c>
      <c r="D15823" s="358" t="s">
        <v>22812</v>
      </c>
      <c r="E15823" s="358" t="s">
        <v>22813</v>
      </c>
      <c r="F15823" s="358" t="s">
        <v>14430</v>
      </c>
      <c r="G15823" s="358" t="s">
        <v>14431</v>
      </c>
      <c r="H15823" s="358" t="s">
        <v>14341</v>
      </c>
      <c r="I15823" s="358" t="s">
        <v>14431</v>
      </c>
      <c r="J15823" s="358"/>
      <c r="K15823" s="358"/>
      <c r="L15823" s="358"/>
    </row>
    <row r="15824" spans="2:12">
      <c r="B15824" s="367"/>
      <c r="C15824" s="367"/>
      <c r="D15824" s="367"/>
      <c r="E15824" s="367"/>
      <c r="F15824" s="360"/>
      <c r="G15824" s="360"/>
      <c r="H15824" s="360"/>
      <c r="I15824" s="360"/>
      <c r="J15824" s="365"/>
      <c r="K15824" s="365"/>
      <c r="L15824" s="365"/>
    </row>
    <row r="15825" spans="2:12">
      <c r="B15825" s="367"/>
      <c r="C15825" s="367"/>
      <c r="D15825" s="367"/>
      <c r="E15825" s="367"/>
      <c r="F15825" s="359" t="s">
        <v>14391</v>
      </c>
      <c r="G15825" s="359" t="s">
        <v>14392</v>
      </c>
      <c r="H15825" s="359" t="s">
        <v>14367</v>
      </c>
      <c r="I15825" s="359" t="s">
        <v>14392</v>
      </c>
      <c r="J15825" s="365"/>
      <c r="K15825" s="365"/>
      <c r="L15825" s="365"/>
    </row>
    <row r="15826" spans="2:12">
      <c r="B15826" s="367"/>
      <c r="C15826" s="367"/>
      <c r="D15826" s="367"/>
      <c r="E15826" s="367"/>
      <c r="F15826" s="360"/>
      <c r="G15826" s="360"/>
      <c r="H15826" s="360"/>
      <c r="I15826" s="360"/>
      <c r="J15826" s="365"/>
      <c r="K15826" s="365"/>
      <c r="L15826" s="365"/>
    </row>
    <row r="15827" spans="2:12">
      <c r="B15827" s="368"/>
      <c r="C15827" s="368"/>
      <c r="D15827" s="368"/>
      <c r="E15827" s="368"/>
      <c r="F15827" s="362"/>
      <c r="G15827" s="362"/>
      <c r="H15827" s="361" t="s">
        <v>14332</v>
      </c>
      <c r="I15827" s="362"/>
      <c r="J15827" s="366"/>
      <c r="K15827" s="366"/>
      <c r="L15827" s="366"/>
    </row>
    <row r="15828" spans="2:12" ht="71.25">
      <c r="B15828" s="358" t="s">
        <v>22814</v>
      </c>
      <c r="C15828" s="358" t="s">
        <v>22815</v>
      </c>
      <c r="D15828" s="358" t="s">
        <v>22816</v>
      </c>
      <c r="E15828" s="358" t="s">
        <v>22817</v>
      </c>
      <c r="F15828" s="358" t="s">
        <v>14430</v>
      </c>
      <c r="G15828" s="358" t="s">
        <v>14431</v>
      </c>
      <c r="H15828" s="358" t="s">
        <v>14341</v>
      </c>
      <c r="I15828" s="358" t="s">
        <v>14431</v>
      </c>
      <c r="J15828" s="358"/>
      <c r="K15828" s="358"/>
      <c r="L15828" s="358"/>
    </row>
    <row r="15829" spans="2:12">
      <c r="B15829" s="367"/>
      <c r="C15829" s="367"/>
      <c r="D15829" s="367"/>
      <c r="E15829" s="367"/>
      <c r="F15829" s="360"/>
      <c r="G15829" s="360"/>
      <c r="H15829" s="360"/>
      <c r="I15829" s="360"/>
      <c r="J15829" s="365"/>
      <c r="K15829" s="365"/>
      <c r="L15829" s="365"/>
    </row>
    <row r="15830" spans="2:12" ht="28.5">
      <c r="B15830" s="368"/>
      <c r="C15830" s="368"/>
      <c r="D15830" s="368"/>
      <c r="E15830" s="368"/>
      <c r="F15830" s="361" t="s">
        <v>14472</v>
      </c>
      <c r="G15830" s="361" t="s">
        <v>14473</v>
      </c>
      <c r="H15830" s="361" t="s">
        <v>14332</v>
      </c>
      <c r="I15830" s="361" t="s">
        <v>14473</v>
      </c>
      <c r="J15830" s="366"/>
      <c r="K15830" s="366"/>
      <c r="L15830" s="366"/>
    </row>
    <row r="15831" spans="2:12" ht="71.25">
      <c r="B15831" s="358" t="s">
        <v>22818</v>
      </c>
      <c r="C15831" s="358" t="s">
        <v>22819</v>
      </c>
      <c r="D15831" s="358" t="s">
        <v>22820</v>
      </c>
      <c r="E15831" s="358" t="s">
        <v>22821</v>
      </c>
      <c r="F15831" s="358" t="s">
        <v>14430</v>
      </c>
      <c r="G15831" s="358" t="s">
        <v>14431</v>
      </c>
      <c r="H15831" s="358" t="s">
        <v>14341</v>
      </c>
      <c r="I15831" s="358" t="s">
        <v>14431</v>
      </c>
      <c r="J15831" s="358"/>
      <c r="K15831" s="358"/>
      <c r="L15831" s="358"/>
    </row>
    <row r="15832" spans="2:12">
      <c r="B15832" s="367"/>
      <c r="C15832" s="360"/>
      <c r="D15832" s="367"/>
      <c r="E15832" s="367"/>
      <c r="F15832" s="360"/>
      <c r="G15832" s="360"/>
      <c r="H15832" s="360"/>
      <c r="I15832" s="360"/>
      <c r="J15832" s="365"/>
      <c r="K15832" s="365"/>
      <c r="L15832" s="365"/>
    </row>
    <row r="15833" spans="2:12">
      <c r="B15833" s="367"/>
      <c r="C15833" s="359" t="s">
        <v>29472</v>
      </c>
      <c r="D15833" s="367"/>
      <c r="E15833" s="367"/>
      <c r="F15833" s="359" t="s">
        <v>14371</v>
      </c>
      <c r="G15833" s="359" t="s">
        <v>14372</v>
      </c>
      <c r="H15833" s="359" t="s">
        <v>14370</v>
      </c>
      <c r="I15833" s="359" t="s">
        <v>14373</v>
      </c>
      <c r="J15833" s="365"/>
      <c r="K15833" s="365"/>
      <c r="L15833" s="365"/>
    </row>
    <row r="15834" spans="2:12">
      <c r="B15834" s="367"/>
      <c r="C15834" s="360"/>
      <c r="D15834" s="367"/>
      <c r="E15834" s="367"/>
      <c r="F15834" s="360"/>
      <c r="G15834" s="360"/>
      <c r="H15834" s="360"/>
      <c r="I15834" s="360"/>
      <c r="J15834" s="365"/>
      <c r="K15834" s="365"/>
      <c r="L15834" s="365"/>
    </row>
    <row r="15835" spans="2:12" ht="28.5">
      <c r="B15835" s="367"/>
      <c r="C15835" s="359" t="s">
        <v>29473</v>
      </c>
      <c r="D15835" s="367"/>
      <c r="E15835" s="367"/>
      <c r="F15835" s="359" t="s">
        <v>14374</v>
      </c>
      <c r="G15835" s="359" t="s">
        <v>14373</v>
      </c>
      <c r="H15835" s="359" t="s">
        <v>14332</v>
      </c>
      <c r="I15835" s="360"/>
      <c r="J15835" s="365"/>
      <c r="K15835" s="365"/>
      <c r="L15835" s="365"/>
    </row>
    <row r="15836" spans="2:12">
      <c r="B15836" s="367"/>
      <c r="C15836" s="360"/>
      <c r="D15836" s="367"/>
      <c r="E15836" s="367"/>
      <c r="F15836" s="360"/>
      <c r="G15836" s="360"/>
      <c r="H15836" s="360"/>
      <c r="I15836" s="360"/>
      <c r="J15836" s="365"/>
      <c r="K15836" s="365"/>
      <c r="L15836" s="365"/>
    </row>
    <row r="15837" spans="2:12" ht="57">
      <c r="B15837" s="368"/>
      <c r="C15837" s="361" t="s">
        <v>29474</v>
      </c>
      <c r="D15837" s="368"/>
      <c r="E15837" s="368"/>
      <c r="F15837" s="362"/>
      <c r="G15837" s="362"/>
      <c r="H15837" s="362"/>
      <c r="I15837" s="362"/>
      <c r="J15837" s="366"/>
      <c r="K15837" s="366"/>
      <c r="L15837" s="366"/>
    </row>
    <row r="15838" spans="2:12" ht="57">
      <c r="B15838" s="358" t="s">
        <v>22822</v>
      </c>
      <c r="C15838" s="358" t="s">
        <v>27796</v>
      </c>
      <c r="D15838" s="358" t="s">
        <v>22823</v>
      </c>
      <c r="E15838" s="358" t="s">
        <v>22824</v>
      </c>
      <c r="F15838" s="358" t="s">
        <v>14430</v>
      </c>
      <c r="G15838" s="358" t="s">
        <v>14431</v>
      </c>
      <c r="H15838" s="358" t="s">
        <v>14341</v>
      </c>
      <c r="I15838" s="358" t="s">
        <v>14431</v>
      </c>
      <c r="J15838" s="358"/>
      <c r="K15838" s="358"/>
      <c r="L15838" s="358"/>
    </row>
    <row r="15839" spans="2:12">
      <c r="B15839" s="367"/>
      <c r="C15839" s="367"/>
      <c r="D15839" s="367"/>
      <c r="E15839" s="367"/>
      <c r="F15839" s="360"/>
      <c r="G15839" s="360"/>
      <c r="H15839" s="360"/>
      <c r="I15839" s="360"/>
      <c r="J15839" s="365"/>
      <c r="K15839" s="365"/>
      <c r="L15839" s="365"/>
    </row>
    <row r="15840" spans="2:12">
      <c r="B15840" s="367"/>
      <c r="C15840" s="367"/>
      <c r="D15840" s="367"/>
      <c r="E15840" s="367"/>
      <c r="F15840" s="359" t="s">
        <v>14391</v>
      </c>
      <c r="G15840" s="359" t="s">
        <v>14392</v>
      </c>
      <c r="H15840" s="359" t="s">
        <v>14367</v>
      </c>
      <c r="I15840" s="359" t="s">
        <v>14392</v>
      </c>
      <c r="J15840" s="365"/>
      <c r="K15840" s="365"/>
      <c r="L15840" s="365"/>
    </row>
    <row r="15841" spans="2:12">
      <c r="B15841" s="367"/>
      <c r="C15841" s="367"/>
      <c r="D15841" s="367"/>
      <c r="E15841" s="367"/>
      <c r="F15841" s="360"/>
      <c r="G15841" s="360"/>
      <c r="H15841" s="360"/>
      <c r="I15841" s="360"/>
      <c r="J15841" s="365"/>
      <c r="K15841" s="365"/>
      <c r="L15841" s="365"/>
    </row>
    <row r="15842" spans="2:12">
      <c r="B15842" s="368"/>
      <c r="C15842" s="368"/>
      <c r="D15842" s="368"/>
      <c r="E15842" s="368"/>
      <c r="F15842" s="362"/>
      <c r="G15842" s="362"/>
      <c r="H15842" s="361" t="s">
        <v>14332</v>
      </c>
      <c r="I15842" s="362"/>
      <c r="J15842" s="366"/>
      <c r="K15842" s="366"/>
      <c r="L15842" s="366"/>
    </row>
    <row r="15843" spans="2:12" ht="57">
      <c r="B15843" s="358" t="s">
        <v>22825</v>
      </c>
      <c r="C15843" s="358" t="s">
        <v>22826</v>
      </c>
      <c r="D15843" s="358" t="s">
        <v>22827</v>
      </c>
      <c r="E15843" s="358" t="s">
        <v>22828</v>
      </c>
      <c r="F15843" s="358" t="s">
        <v>14430</v>
      </c>
      <c r="G15843" s="358" t="s">
        <v>14431</v>
      </c>
      <c r="H15843" s="358" t="s">
        <v>14341</v>
      </c>
      <c r="I15843" s="358" t="s">
        <v>14431</v>
      </c>
      <c r="J15843" s="358"/>
      <c r="K15843" s="358"/>
      <c r="L15843" s="358"/>
    </row>
    <row r="15844" spans="2:12">
      <c r="B15844" s="367"/>
      <c r="C15844" s="367"/>
      <c r="D15844" s="367"/>
      <c r="E15844" s="367"/>
      <c r="F15844" s="367"/>
      <c r="G15844" s="367"/>
      <c r="H15844" s="360"/>
      <c r="I15844" s="367"/>
      <c r="J15844" s="365"/>
      <c r="K15844" s="365"/>
      <c r="L15844" s="365"/>
    </row>
    <row r="15845" spans="2:12">
      <c r="B15845" s="368"/>
      <c r="C15845" s="368"/>
      <c r="D15845" s="368"/>
      <c r="E15845" s="368"/>
      <c r="F15845" s="368"/>
      <c r="G15845" s="368"/>
      <c r="H15845" s="361" t="s">
        <v>14332</v>
      </c>
      <c r="I15845" s="368"/>
      <c r="J15845" s="366"/>
      <c r="K15845" s="366"/>
      <c r="L15845" s="366"/>
    </row>
    <row r="15846" spans="2:12">
      <c r="B15846" s="358" t="s">
        <v>22829</v>
      </c>
      <c r="C15846" s="358" t="s">
        <v>29451</v>
      </c>
      <c r="D15846" s="358" t="s">
        <v>22830</v>
      </c>
      <c r="E15846" s="358"/>
      <c r="F15846" s="358" t="s">
        <v>14430</v>
      </c>
      <c r="G15846" s="358" t="s">
        <v>14431</v>
      </c>
      <c r="H15846" s="358" t="s">
        <v>14341</v>
      </c>
      <c r="I15846" s="358" t="s">
        <v>14431</v>
      </c>
      <c r="J15846" s="358"/>
      <c r="K15846" s="358"/>
      <c r="L15846" s="358"/>
    </row>
    <row r="15847" spans="2:12">
      <c r="B15847" s="367"/>
      <c r="C15847" s="360"/>
      <c r="D15847" s="367"/>
      <c r="E15847" s="365"/>
      <c r="F15847" s="360"/>
      <c r="G15847" s="360"/>
      <c r="H15847" s="360"/>
      <c r="I15847" s="360"/>
      <c r="J15847" s="365"/>
      <c r="K15847" s="365"/>
      <c r="L15847" s="365"/>
    </row>
    <row r="15848" spans="2:12" ht="71.25">
      <c r="B15848" s="367"/>
      <c r="C15848" s="359" t="s">
        <v>29475</v>
      </c>
      <c r="D15848" s="367"/>
      <c r="E15848" s="365"/>
      <c r="F15848" s="359" t="s">
        <v>14394</v>
      </c>
      <c r="G15848" s="359" t="s">
        <v>14395</v>
      </c>
      <c r="H15848" s="359" t="s">
        <v>14370</v>
      </c>
      <c r="I15848" s="359" t="s">
        <v>14395</v>
      </c>
      <c r="J15848" s="365"/>
      <c r="K15848" s="365"/>
      <c r="L15848" s="365"/>
    </row>
    <row r="15849" spans="2:12">
      <c r="B15849" s="367"/>
      <c r="C15849" s="360"/>
      <c r="D15849" s="367"/>
      <c r="E15849" s="365"/>
      <c r="F15849" s="360"/>
      <c r="G15849" s="360"/>
      <c r="H15849" s="360"/>
      <c r="I15849" s="360"/>
      <c r="J15849" s="365"/>
      <c r="K15849" s="365"/>
      <c r="L15849" s="365"/>
    </row>
    <row r="15850" spans="2:12" ht="71.25">
      <c r="B15850" s="367"/>
      <c r="C15850" s="359" t="s">
        <v>22831</v>
      </c>
      <c r="D15850" s="367"/>
      <c r="E15850" s="365"/>
      <c r="F15850" s="360"/>
      <c r="G15850" s="360"/>
      <c r="H15850" s="359" t="s">
        <v>14332</v>
      </c>
      <c r="I15850" s="360"/>
      <c r="J15850" s="365"/>
      <c r="K15850" s="365"/>
      <c r="L15850" s="365"/>
    </row>
    <row r="15851" spans="2:12">
      <c r="B15851" s="367"/>
      <c r="C15851" s="360"/>
      <c r="D15851" s="367"/>
      <c r="E15851" s="365"/>
      <c r="F15851" s="360"/>
      <c r="G15851" s="360"/>
      <c r="H15851" s="360"/>
      <c r="I15851" s="360"/>
      <c r="J15851" s="365"/>
      <c r="K15851" s="365"/>
      <c r="L15851" s="365"/>
    </row>
    <row r="15852" spans="2:12" ht="71.25">
      <c r="B15852" s="368"/>
      <c r="C15852" s="361" t="s">
        <v>22832</v>
      </c>
      <c r="D15852" s="368"/>
      <c r="E15852" s="366"/>
      <c r="F15852" s="362"/>
      <c r="G15852" s="362"/>
      <c r="H15852" s="362"/>
      <c r="I15852" s="362"/>
      <c r="J15852" s="366"/>
      <c r="K15852" s="366"/>
      <c r="L15852" s="366"/>
    </row>
    <row r="15853" spans="2:12" ht="57">
      <c r="B15853" s="358" t="s">
        <v>22833</v>
      </c>
      <c r="C15853" s="358" t="s">
        <v>29476</v>
      </c>
      <c r="D15853" s="358" t="s">
        <v>22834</v>
      </c>
      <c r="E15853" s="358" t="s">
        <v>8356</v>
      </c>
      <c r="F15853" s="358" t="s">
        <v>14430</v>
      </c>
      <c r="G15853" s="358" t="s">
        <v>14431</v>
      </c>
      <c r="H15853" s="358" t="s">
        <v>14341</v>
      </c>
      <c r="I15853" s="358" t="s">
        <v>14431</v>
      </c>
      <c r="J15853" s="358"/>
      <c r="K15853" s="358"/>
      <c r="L15853" s="358"/>
    </row>
    <row r="15854" spans="2:12">
      <c r="B15854" s="367"/>
      <c r="C15854" s="360"/>
      <c r="D15854" s="367"/>
      <c r="E15854" s="367"/>
      <c r="F15854" s="360"/>
      <c r="G15854" s="360"/>
      <c r="H15854" s="360"/>
      <c r="I15854" s="360"/>
      <c r="J15854" s="365"/>
      <c r="K15854" s="365"/>
      <c r="L15854" s="365"/>
    </row>
    <row r="15855" spans="2:12" ht="57">
      <c r="B15855" s="367"/>
      <c r="C15855" s="359" t="s">
        <v>29477</v>
      </c>
      <c r="D15855" s="367"/>
      <c r="E15855" s="367"/>
      <c r="F15855" s="359" t="s">
        <v>14394</v>
      </c>
      <c r="G15855" s="359" t="s">
        <v>14395</v>
      </c>
      <c r="H15855" s="359" t="s">
        <v>14370</v>
      </c>
      <c r="I15855" s="359" t="s">
        <v>14395</v>
      </c>
      <c r="J15855" s="365"/>
      <c r="K15855" s="365"/>
      <c r="L15855" s="365"/>
    </row>
    <row r="15856" spans="2:12">
      <c r="B15856" s="367"/>
      <c r="C15856" s="360"/>
      <c r="D15856" s="367"/>
      <c r="E15856" s="367"/>
      <c r="F15856" s="360"/>
      <c r="G15856" s="360"/>
      <c r="H15856" s="360"/>
      <c r="I15856" s="360"/>
      <c r="J15856" s="365"/>
      <c r="K15856" s="365"/>
      <c r="L15856" s="365"/>
    </row>
    <row r="15857" spans="2:12">
      <c r="B15857" s="368"/>
      <c r="C15857" s="362"/>
      <c r="D15857" s="368"/>
      <c r="E15857" s="368"/>
      <c r="F15857" s="362"/>
      <c r="G15857" s="362"/>
      <c r="H15857" s="361" t="s">
        <v>14332</v>
      </c>
      <c r="I15857" s="362"/>
      <c r="J15857" s="366"/>
      <c r="K15857" s="366"/>
      <c r="L15857" s="366"/>
    </row>
    <row r="15858" spans="2:12" ht="42.75">
      <c r="B15858" s="358" t="s">
        <v>22835</v>
      </c>
      <c r="C15858" s="358" t="s">
        <v>27797</v>
      </c>
      <c r="D15858" s="358" t="s">
        <v>22836</v>
      </c>
      <c r="E15858" s="358" t="s">
        <v>22837</v>
      </c>
      <c r="F15858" s="358" t="s">
        <v>14430</v>
      </c>
      <c r="G15858" s="358" t="s">
        <v>14431</v>
      </c>
      <c r="H15858" s="358" t="s">
        <v>14341</v>
      </c>
      <c r="I15858" s="358" t="s">
        <v>14431</v>
      </c>
      <c r="J15858" s="358"/>
      <c r="K15858" s="358"/>
      <c r="L15858" s="358"/>
    </row>
    <row r="15859" spans="2:12">
      <c r="B15859" s="367"/>
      <c r="C15859" s="367"/>
      <c r="D15859" s="367"/>
      <c r="E15859" s="367"/>
      <c r="F15859" s="360"/>
      <c r="G15859" s="360"/>
      <c r="H15859" s="360"/>
      <c r="I15859" s="360"/>
      <c r="J15859" s="365"/>
      <c r="K15859" s="365"/>
      <c r="L15859" s="365"/>
    </row>
    <row r="15860" spans="2:12">
      <c r="B15860" s="367"/>
      <c r="C15860" s="367"/>
      <c r="D15860" s="367"/>
      <c r="E15860" s="367"/>
      <c r="F15860" s="359" t="s">
        <v>14371</v>
      </c>
      <c r="G15860" s="359" t="s">
        <v>14372</v>
      </c>
      <c r="H15860" s="359" t="s">
        <v>14370</v>
      </c>
      <c r="I15860" s="359" t="s">
        <v>14373</v>
      </c>
      <c r="J15860" s="365"/>
      <c r="K15860" s="365"/>
      <c r="L15860" s="365"/>
    </row>
    <row r="15861" spans="2:12">
      <c r="B15861" s="367"/>
      <c r="C15861" s="367"/>
      <c r="D15861" s="367"/>
      <c r="E15861" s="367"/>
      <c r="F15861" s="360"/>
      <c r="G15861" s="360"/>
      <c r="H15861" s="360"/>
      <c r="I15861" s="360"/>
      <c r="J15861" s="365"/>
      <c r="K15861" s="365"/>
      <c r="L15861" s="365"/>
    </row>
    <row r="15862" spans="2:12" ht="28.5">
      <c r="B15862" s="368"/>
      <c r="C15862" s="368"/>
      <c r="D15862" s="368"/>
      <c r="E15862" s="368"/>
      <c r="F15862" s="361" t="s">
        <v>14374</v>
      </c>
      <c r="G15862" s="361" t="s">
        <v>14373</v>
      </c>
      <c r="H15862" s="361" t="s">
        <v>14332</v>
      </c>
      <c r="I15862" s="362"/>
      <c r="J15862" s="366"/>
      <c r="K15862" s="366"/>
      <c r="L15862" s="366"/>
    </row>
    <row r="15863" spans="2:12" ht="71.25">
      <c r="B15863" s="358" t="s">
        <v>22838</v>
      </c>
      <c r="C15863" s="358" t="s">
        <v>22839</v>
      </c>
      <c r="D15863" s="358" t="s">
        <v>22840</v>
      </c>
      <c r="E15863" s="358" t="s">
        <v>8356</v>
      </c>
      <c r="F15863" s="358" t="s">
        <v>14430</v>
      </c>
      <c r="G15863" s="358" t="s">
        <v>14431</v>
      </c>
      <c r="H15863" s="358" t="s">
        <v>14341</v>
      </c>
      <c r="I15863" s="358" t="s">
        <v>14431</v>
      </c>
      <c r="J15863" s="358"/>
      <c r="K15863" s="358"/>
      <c r="L15863" s="358" t="s">
        <v>16789</v>
      </c>
    </row>
    <row r="15864" spans="2:12">
      <c r="B15864" s="367"/>
      <c r="C15864" s="367"/>
      <c r="D15864" s="367"/>
      <c r="E15864" s="367"/>
      <c r="F15864" s="360"/>
      <c r="G15864" s="360"/>
      <c r="H15864" s="360"/>
      <c r="I15864" s="360"/>
      <c r="J15864" s="365"/>
      <c r="K15864" s="365"/>
      <c r="L15864" s="367"/>
    </row>
    <row r="15865" spans="2:12">
      <c r="B15865" s="367"/>
      <c r="C15865" s="367"/>
      <c r="D15865" s="367"/>
      <c r="E15865" s="367"/>
      <c r="F15865" s="359" t="s">
        <v>14391</v>
      </c>
      <c r="G15865" s="359" t="s">
        <v>14392</v>
      </c>
      <c r="H15865" s="359" t="s">
        <v>14367</v>
      </c>
      <c r="I15865" s="359" t="s">
        <v>14392</v>
      </c>
      <c r="J15865" s="365"/>
      <c r="K15865" s="365"/>
      <c r="L15865" s="367"/>
    </row>
    <row r="15866" spans="2:12">
      <c r="B15866" s="367"/>
      <c r="C15866" s="367"/>
      <c r="D15866" s="367"/>
      <c r="E15866" s="367"/>
      <c r="F15866" s="360"/>
      <c r="G15866" s="360"/>
      <c r="H15866" s="360"/>
      <c r="I15866" s="360"/>
      <c r="J15866" s="365"/>
      <c r="K15866" s="365"/>
      <c r="L15866" s="367"/>
    </row>
    <row r="15867" spans="2:12" ht="28.5">
      <c r="B15867" s="368"/>
      <c r="C15867" s="368"/>
      <c r="D15867" s="368"/>
      <c r="E15867" s="368"/>
      <c r="F15867" s="361" t="s">
        <v>14472</v>
      </c>
      <c r="G15867" s="361" t="s">
        <v>14473</v>
      </c>
      <c r="H15867" s="361" t="s">
        <v>14332</v>
      </c>
      <c r="I15867" s="361" t="s">
        <v>14473</v>
      </c>
      <c r="J15867" s="366"/>
      <c r="K15867" s="366"/>
      <c r="L15867" s="368"/>
    </row>
    <row r="15868" spans="2:12" ht="57">
      <c r="B15868" s="358" t="s">
        <v>22841</v>
      </c>
      <c r="C15868" s="358" t="s">
        <v>27798</v>
      </c>
      <c r="D15868" s="358" t="s">
        <v>22842</v>
      </c>
      <c r="E15868" s="358" t="s">
        <v>22843</v>
      </c>
      <c r="F15868" s="358" t="s">
        <v>14430</v>
      </c>
      <c r="G15868" s="358" t="s">
        <v>14431</v>
      </c>
      <c r="H15868" s="358" t="s">
        <v>14341</v>
      </c>
      <c r="I15868" s="358" t="s">
        <v>14431</v>
      </c>
      <c r="J15868" s="358"/>
      <c r="K15868" s="358"/>
      <c r="L15868" s="358"/>
    </row>
    <row r="15869" spans="2:12">
      <c r="B15869" s="367"/>
      <c r="C15869" s="367"/>
      <c r="D15869" s="367"/>
      <c r="E15869" s="367"/>
      <c r="F15869" s="360"/>
      <c r="G15869" s="360"/>
      <c r="H15869" s="360"/>
      <c r="I15869" s="360"/>
      <c r="J15869" s="365"/>
      <c r="K15869" s="365"/>
      <c r="L15869" s="365"/>
    </row>
    <row r="15870" spans="2:12">
      <c r="B15870" s="367"/>
      <c r="C15870" s="367"/>
      <c r="D15870" s="367"/>
      <c r="E15870" s="367"/>
      <c r="F15870" s="359" t="s">
        <v>14391</v>
      </c>
      <c r="G15870" s="359" t="s">
        <v>14392</v>
      </c>
      <c r="H15870" s="359" t="s">
        <v>14367</v>
      </c>
      <c r="I15870" s="359" t="s">
        <v>14392</v>
      </c>
      <c r="J15870" s="365"/>
      <c r="K15870" s="365"/>
      <c r="L15870" s="365"/>
    </row>
    <row r="15871" spans="2:12">
      <c r="B15871" s="367"/>
      <c r="C15871" s="367"/>
      <c r="D15871" s="367"/>
      <c r="E15871" s="367"/>
      <c r="F15871" s="360"/>
      <c r="G15871" s="360"/>
      <c r="H15871" s="360"/>
      <c r="I15871" s="360"/>
      <c r="J15871" s="365"/>
      <c r="K15871" s="365"/>
      <c r="L15871" s="365"/>
    </row>
    <row r="15872" spans="2:12">
      <c r="B15872" s="368"/>
      <c r="C15872" s="368"/>
      <c r="D15872" s="368"/>
      <c r="E15872" s="368"/>
      <c r="F15872" s="362"/>
      <c r="G15872" s="362"/>
      <c r="H15872" s="361" t="s">
        <v>14332</v>
      </c>
      <c r="I15872" s="362"/>
      <c r="J15872" s="366"/>
      <c r="K15872" s="366"/>
      <c r="L15872" s="366"/>
    </row>
    <row r="15873" spans="2:12" ht="42.75">
      <c r="B15873" s="358" t="s">
        <v>22844</v>
      </c>
      <c r="C15873" s="358" t="s">
        <v>22845</v>
      </c>
      <c r="D15873" s="358" t="s">
        <v>22846</v>
      </c>
      <c r="E15873" s="358" t="s">
        <v>22847</v>
      </c>
      <c r="F15873" s="358" t="s">
        <v>22508</v>
      </c>
      <c r="G15873" s="358" t="s">
        <v>22509</v>
      </c>
      <c r="H15873" s="358" t="s">
        <v>14954</v>
      </c>
      <c r="I15873" s="358" t="s">
        <v>22509</v>
      </c>
      <c r="J15873" s="358"/>
      <c r="K15873" s="358"/>
      <c r="L15873" s="358"/>
    </row>
    <row r="15874" spans="2:12">
      <c r="B15874" s="367"/>
      <c r="C15874" s="360"/>
      <c r="D15874" s="367"/>
      <c r="E15874" s="367"/>
      <c r="F15874" s="360"/>
      <c r="G15874" s="360"/>
      <c r="H15874" s="360"/>
      <c r="I15874" s="360"/>
      <c r="J15874" s="365"/>
      <c r="K15874" s="365"/>
      <c r="L15874" s="365"/>
    </row>
    <row r="15875" spans="2:12" ht="42.75">
      <c r="B15875" s="367"/>
      <c r="C15875" s="359" t="s">
        <v>22848</v>
      </c>
      <c r="D15875" s="367"/>
      <c r="E15875" s="367"/>
      <c r="F15875" s="359" t="s">
        <v>14507</v>
      </c>
      <c r="G15875" s="359" t="s">
        <v>15234</v>
      </c>
      <c r="H15875" s="359" t="s">
        <v>14381</v>
      </c>
      <c r="I15875" s="359" t="s">
        <v>15234</v>
      </c>
      <c r="J15875" s="365"/>
      <c r="K15875" s="365"/>
      <c r="L15875" s="365"/>
    </row>
    <row r="15876" spans="2:12">
      <c r="B15876" s="367"/>
      <c r="C15876" s="360"/>
      <c r="D15876" s="367"/>
      <c r="E15876" s="367"/>
      <c r="F15876" s="360"/>
      <c r="G15876" s="360"/>
      <c r="H15876" s="360"/>
      <c r="I15876" s="360"/>
      <c r="J15876" s="365"/>
      <c r="K15876" s="365"/>
      <c r="L15876" s="365"/>
    </row>
    <row r="15877" spans="2:12">
      <c r="B15877" s="367"/>
      <c r="C15877" s="360"/>
      <c r="D15877" s="367"/>
      <c r="E15877" s="367"/>
      <c r="F15877" s="359" t="s">
        <v>14460</v>
      </c>
      <c r="G15877" s="359" t="s">
        <v>14519</v>
      </c>
      <c r="H15877" s="359" t="s">
        <v>14367</v>
      </c>
      <c r="I15877" s="359" t="s">
        <v>14519</v>
      </c>
      <c r="J15877" s="365"/>
      <c r="K15877" s="365"/>
      <c r="L15877" s="365"/>
    </row>
    <row r="15878" spans="2:12">
      <c r="B15878" s="367"/>
      <c r="C15878" s="360"/>
      <c r="D15878" s="367"/>
      <c r="E15878" s="367"/>
      <c r="F15878" s="360"/>
      <c r="G15878" s="360"/>
      <c r="H15878" s="360"/>
      <c r="I15878" s="360"/>
      <c r="J15878" s="365"/>
      <c r="K15878" s="365"/>
      <c r="L15878" s="365"/>
    </row>
    <row r="15879" spans="2:12">
      <c r="B15879" s="367"/>
      <c r="C15879" s="360"/>
      <c r="D15879" s="367"/>
      <c r="E15879" s="367"/>
      <c r="F15879" s="359" t="s">
        <v>14391</v>
      </c>
      <c r="G15879" s="359" t="s">
        <v>14392</v>
      </c>
      <c r="H15879" s="359" t="s">
        <v>14370</v>
      </c>
      <c r="I15879" s="359" t="s">
        <v>14392</v>
      </c>
      <c r="J15879" s="365"/>
      <c r="K15879" s="365"/>
      <c r="L15879" s="365"/>
    </row>
    <row r="15880" spans="2:12">
      <c r="B15880" s="367"/>
      <c r="C15880" s="360"/>
      <c r="D15880" s="367"/>
      <c r="E15880" s="367"/>
      <c r="F15880" s="360"/>
      <c r="G15880" s="360"/>
      <c r="H15880" s="360"/>
      <c r="I15880" s="360"/>
      <c r="J15880" s="365"/>
      <c r="K15880" s="365"/>
      <c r="L15880" s="365"/>
    </row>
    <row r="15881" spans="2:12" ht="28.5">
      <c r="B15881" s="368"/>
      <c r="C15881" s="362"/>
      <c r="D15881" s="368"/>
      <c r="E15881" s="368"/>
      <c r="F15881" s="361" t="s">
        <v>14394</v>
      </c>
      <c r="G15881" s="361" t="s">
        <v>14395</v>
      </c>
      <c r="H15881" s="361" t="s">
        <v>14332</v>
      </c>
      <c r="I15881" s="361" t="s">
        <v>14395</v>
      </c>
      <c r="J15881" s="366"/>
      <c r="K15881" s="366"/>
      <c r="L15881" s="366"/>
    </row>
    <row r="15882" spans="2:12" ht="42.75">
      <c r="B15882" s="358" t="s">
        <v>22849</v>
      </c>
      <c r="C15882" s="358" t="s">
        <v>22850</v>
      </c>
      <c r="D15882" s="358" t="s">
        <v>22851</v>
      </c>
      <c r="E15882" s="358" t="s">
        <v>22852</v>
      </c>
      <c r="F15882" s="358" t="s">
        <v>14386</v>
      </c>
      <c r="G15882" s="358" t="s">
        <v>14387</v>
      </c>
      <c r="H15882" s="358" t="s">
        <v>14367</v>
      </c>
      <c r="I15882" s="358" t="s">
        <v>14387</v>
      </c>
      <c r="J15882" s="358"/>
      <c r="K15882" s="358"/>
      <c r="L15882" s="358"/>
    </row>
    <row r="15883" spans="2:12">
      <c r="B15883" s="367"/>
      <c r="C15883" s="367"/>
      <c r="D15883" s="367"/>
      <c r="E15883" s="367"/>
      <c r="F15883" s="360"/>
      <c r="G15883" s="360"/>
      <c r="H15883" s="360"/>
      <c r="I15883" s="360"/>
      <c r="J15883" s="365"/>
      <c r="K15883" s="365"/>
      <c r="L15883" s="365"/>
    </row>
    <row r="15884" spans="2:12" ht="28.5">
      <c r="B15884" s="368"/>
      <c r="C15884" s="368"/>
      <c r="D15884" s="368"/>
      <c r="E15884" s="368"/>
      <c r="F15884" s="361" t="s">
        <v>14472</v>
      </c>
      <c r="G15884" s="361" t="s">
        <v>14473</v>
      </c>
      <c r="H15884" s="361" t="s">
        <v>14422</v>
      </c>
      <c r="I15884" s="361" t="s">
        <v>14473</v>
      </c>
      <c r="J15884" s="366"/>
      <c r="K15884" s="366"/>
      <c r="L15884" s="366"/>
    </row>
    <row r="15885" spans="2:12" ht="42.75">
      <c r="B15885" s="358" t="s">
        <v>13197</v>
      </c>
      <c r="C15885" s="358" t="s">
        <v>13196</v>
      </c>
      <c r="D15885" s="358" t="s">
        <v>13198</v>
      </c>
      <c r="E15885" s="358" t="s">
        <v>22853</v>
      </c>
      <c r="F15885" s="358" t="s">
        <v>14424</v>
      </c>
      <c r="G15885" s="358" t="s">
        <v>29478</v>
      </c>
      <c r="H15885" s="358" t="s">
        <v>14381</v>
      </c>
      <c r="I15885" s="358" t="s">
        <v>29478</v>
      </c>
      <c r="J15885" s="358"/>
      <c r="K15885" s="358"/>
      <c r="L15885" s="358"/>
    </row>
    <row r="15886" spans="2:12">
      <c r="B15886" s="367"/>
      <c r="C15886" s="367"/>
      <c r="D15886" s="367"/>
      <c r="E15886" s="367"/>
      <c r="F15886" s="360"/>
      <c r="G15886" s="367"/>
      <c r="H15886" s="360"/>
      <c r="I15886" s="367"/>
      <c r="J15886" s="365"/>
      <c r="K15886" s="365"/>
      <c r="L15886" s="365"/>
    </row>
    <row r="15887" spans="2:12" ht="28.5">
      <c r="B15887" s="368"/>
      <c r="C15887" s="368"/>
      <c r="D15887" s="368"/>
      <c r="E15887" s="368"/>
      <c r="F15887" s="361" t="s">
        <v>14462</v>
      </c>
      <c r="G15887" s="368"/>
      <c r="H15887" s="361" t="s">
        <v>14332</v>
      </c>
      <c r="I15887" s="368"/>
      <c r="J15887" s="366"/>
      <c r="K15887" s="366"/>
      <c r="L15887" s="366"/>
    </row>
    <row r="15888" spans="2:12" ht="71.25">
      <c r="B15888" s="358" t="s">
        <v>22854</v>
      </c>
      <c r="C15888" s="358" t="s">
        <v>22855</v>
      </c>
      <c r="D15888" s="358" t="s">
        <v>22856</v>
      </c>
      <c r="E15888" s="358" t="s">
        <v>22857</v>
      </c>
      <c r="F15888" s="358" t="s">
        <v>14430</v>
      </c>
      <c r="G15888" s="358" t="s">
        <v>14431</v>
      </c>
      <c r="H15888" s="358" t="s">
        <v>14341</v>
      </c>
      <c r="I15888" s="358" t="s">
        <v>14431</v>
      </c>
      <c r="J15888" s="358"/>
      <c r="K15888" s="358"/>
      <c r="L15888" s="358"/>
    </row>
    <row r="15889" spans="2:12">
      <c r="B15889" s="367"/>
      <c r="C15889" s="367"/>
      <c r="D15889" s="367"/>
      <c r="E15889" s="367"/>
      <c r="F15889" s="360"/>
      <c r="G15889" s="360"/>
      <c r="H15889" s="360"/>
      <c r="I15889" s="360"/>
      <c r="J15889" s="365"/>
      <c r="K15889" s="365"/>
      <c r="L15889" s="365"/>
    </row>
    <row r="15890" spans="2:12" ht="28.5">
      <c r="B15890" s="368"/>
      <c r="C15890" s="368"/>
      <c r="D15890" s="368"/>
      <c r="E15890" s="368"/>
      <c r="F15890" s="361" t="s">
        <v>14472</v>
      </c>
      <c r="G15890" s="361" t="s">
        <v>14473</v>
      </c>
      <c r="H15890" s="361" t="s">
        <v>14332</v>
      </c>
      <c r="I15890" s="361" t="s">
        <v>14473</v>
      </c>
      <c r="J15890" s="366"/>
      <c r="K15890" s="366"/>
      <c r="L15890" s="366"/>
    </row>
    <row r="15891" spans="2:12" ht="128.25">
      <c r="B15891" s="358" t="s">
        <v>22858</v>
      </c>
      <c r="C15891" s="358" t="s">
        <v>29479</v>
      </c>
      <c r="D15891" s="358" t="s">
        <v>22859</v>
      </c>
      <c r="E15891" s="358" t="s">
        <v>8356</v>
      </c>
      <c r="F15891" s="358" t="s">
        <v>14430</v>
      </c>
      <c r="G15891" s="358" t="s">
        <v>14431</v>
      </c>
      <c r="H15891" s="358" t="s">
        <v>14341</v>
      </c>
      <c r="I15891" s="358" t="s">
        <v>14431</v>
      </c>
      <c r="J15891" s="358"/>
      <c r="K15891" s="358"/>
      <c r="L15891" s="358"/>
    </row>
    <row r="15892" spans="2:12">
      <c r="B15892" s="367"/>
      <c r="C15892" s="367"/>
      <c r="D15892" s="367"/>
      <c r="E15892" s="367"/>
      <c r="F15892" s="360"/>
      <c r="G15892" s="360"/>
      <c r="H15892" s="360"/>
      <c r="I15892" s="360"/>
      <c r="J15892" s="365"/>
      <c r="K15892" s="365"/>
      <c r="L15892" s="365"/>
    </row>
    <row r="15893" spans="2:12" ht="28.5">
      <c r="B15893" s="367"/>
      <c r="C15893" s="367"/>
      <c r="D15893" s="367"/>
      <c r="E15893" s="367"/>
      <c r="F15893" s="359" t="s">
        <v>14394</v>
      </c>
      <c r="G15893" s="359" t="s">
        <v>14395</v>
      </c>
      <c r="H15893" s="359" t="s">
        <v>14370</v>
      </c>
      <c r="I15893" s="359" t="s">
        <v>14395</v>
      </c>
      <c r="J15893" s="365"/>
      <c r="K15893" s="365"/>
      <c r="L15893" s="365"/>
    </row>
    <row r="15894" spans="2:12">
      <c r="B15894" s="367"/>
      <c r="C15894" s="367"/>
      <c r="D15894" s="367"/>
      <c r="E15894" s="367"/>
      <c r="F15894" s="360"/>
      <c r="G15894" s="360"/>
      <c r="H15894" s="360"/>
      <c r="I15894" s="360"/>
      <c r="J15894" s="365"/>
      <c r="K15894" s="365"/>
      <c r="L15894" s="365"/>
    </row>
    <row r="15895" spans="2:12">
      <c r="B15895" s="368"/>
      <c r="C15895" s="368"/>
      <c r="D15895" s="368"/>
      <c r="E15895" s="368"/>
      <c r="F15895" s="362"/>
      <c r="G15895" s="362"/>
      <c r="H15895" s="361" t="s">
        <v>14332</v>
      </c>
      <c r="I15895" s="362"/>
      <c r="J15895" s="366"/>
      <c r="K15895" s="366"/>
      <c r="L15895" s="366"/>
    </row>
    <row r="15896" spans="2:12" ht="71.25">
      <c r="B15896" s="358" t="s">
        <v>22860</v>
      </c>
      <c r="C15896" s="358" t="s">
        <v>22861</v>
      </c>
      <c r="D15896" s="358" t="s">
        <v>22862</v>
      </c>
      <c r="E15896" s="358" t="s">
        <v>8356</v>
      </c>
      <c r="F15896" s="358" t="s">
        <v>14430</v>
      </c>
      <c r="G15896" s="358" t="s">
        <v>14431</v>
      </c>
      <c r="H15896" s="358" t="s">
        <v>14341</v>
      </c>
      <c r="I15896" s="358" t="s">
        <v>14431</v>
      </c>
      <c r="J15896" s="358"/>
      <c r="K15896" s="358"/>
      <c r="L15896" s="358"/>
    </row>
    <row r="15897" spans="2:12">
      <c r="B15897" s="367"/>
      <c r="C15897" s="367"/>
      <c r="D15897" s="367"/>
      <c r="E15897" s="367"/>
      <c r="F15897" s="360"/>
      <c r="G15897" s="360"/>
      <c r="H15897" s="360"/>
      <c r="I15897" s="360"/>
      <c r="J15897" s="365"/>
      <c r="K15897" s="365"/>
      <c r="L15897" s="365"/>
    </row>
    <row r="15898" spans="2:12" ht="28.5">
      <c r="B15898" s="367"/>
      <c r="C15898" s="367"/>
      <c r="D15898" s="367"/>
      <c r="E15898" s="367"/>
      <c r="F15898" s="359" t="s">
        <v>14394</v>
      </c>
      <c r="G15898" s="359" t="s">
        <v>14395</v>
      </c>
      <c r="H15898" s="359" t="s">
        <v>14370</v>
      </c>
      <c r="I15898" s="359" t="s">
        <v>14395</v>
      </c>
      <c r="J15898" s="365"/>
      <c r="K15898" s="365"/>
      <c r="L15898" s="365"/>
    </row>
    <row r="15899" spans="2:12">
      <c r="B15899" s="367"/>
      <c r="C15899" s="367"/>
      <c r="D15899" s="367"/>
      <c r="E15899" s="367"/>
      <c r="F15899" s="360"/>
      <c r="G15899" s="360"/>
      <c r="H15899" s="360"/>
      <c r="I15899" s="360"/>
      <c r="J15899" s="365"/>
      <c r="K15899" s="365"/>
      <c r="L15899" s="365"/>
    </row>
    <row r="15900" spans="2:12">
      <c r="B15900" s="368"/>
      <c r="C15900" s="368"/>
      <c r="D15900" s="368"/>
      <c r="E15900" s="368"/>
      <c r="F15900" s="362"/>
      <c r="G15900" s="362"/>
      <c r="H15900" s="361" t="s">
        <v>14332</v>
      </c>
      <c r="I15900" s="362"/>
      <c r="J15900" s="366"/>
      <c r="K15900" s="366"/>
      <c r="L15900" s="366"/>
    </row>
    <row r="15901" spans="2:12" ht="71.25">
      <c r="B15901" s="358" t="s">
        <v>22863</v>
      </c>
      <c r="C15901" s="358" t="s">
        <v>22864</v>
      </c>
      <c r="D15901" s="358" t="s">
        <v>22865</v>
      </c>
      <c r="E15901" s="358" t="s">
        <v>8356</v>
      </c>
      <c r="F15901" s="358" t="s">
        <v>14430</v>
      </c>
      <c r="G15901" s="358" t="s">
        <v>14431</v>
      </c>
      <c r="H15901" s="358" t="s">
        <v>14341</v>
      </c>
      <c r="I15901" s="358" t="s">
        <v>14431</v>
      </c>
      <c r="J15901" s="358"/>
      <c r="K15901" s="358"/>
      <c r="L15901" s="358"/>
    </row>
    <row r="15902" spans="2:12">
      <c r="B15902" s="367"/>
      <c r="C15902" s="367"/>
      <c r="D15902" s="367"/>
      <c r="E15902" s="367"/>
      <c r="F15902" s="360"/>
      <c r="G15902" s="360"/>
      <c r="H15902" s="360"/>
      <c r="I15902" s="360"/>
      <c r="J15902" s="365"/>
      <c r="K15902" s="365"/>
      <c r="L15902" s="365"/>
    </row>
    <row r="15903" spans="2:12" ht="28.5">
      <c r="B15903" s="368"/>
      <c r="C15903" s="368"/>
      <c r="D15903" s="368"/>
      <c r="E15903" s="368"/>
      <c r="F15903" s="361" t="s">
        <v>14472</v>
      </c>
      <c r="G15903" s="361" t="s">
        <v>14473</v>
      </c>
      <c r="H15903" s="361" t="s">
        <v>14332</v>
      </c>
      <c r="I15903" s="361" t="s">
        <v>14473</v>
      </c>
      <c r="J15903" s="366"/>
      <c r="K15903" s="366"/>
      <c r="L15903" s="366"/>
    </row>
    <row r="15904" spans="2:12" ht="57">
      <c r="B15904" s="358" t="s">
        <v>22866</v>
      </c>
      <c r="C15904" s="358" t="s">
        <v>22867</v>
      </c>
      <c r="D15904" s="358" t="s">
        <v>22868</v>
      </c>
      <c r="E15904" s="358" t="s">
        <v>8356</v>
      </c>
      <c r="F15904" s="358" t="s">
        <v>14507</v>
      </c>
      <c r="G15904" s="358" t="s">
        <v>15234</v>
      </c>
      <c r="H15904" s="358" t="s">
        <v>14341</v>
      </c>
      <c r="I15904" s="358" t="s">
        <v>15234</v>
      </c>
      <c r="J15904" s="358"/>
      <c r="K15904" s="358"/>
      <c r="L15904" s="358"/>
    </row>
    <row r="15905" spans="2:12">
      <c r="B15905" s="367"/>
      <c r="C15905" s="367"/>
      <c r="D15905" s="367"/>
      <c r="E15905" s="367"/>
      <c r="F15905" s="360"/>
      <c r="G15905" s="360"/>
      <c r="H15905" s="360"/>
      <c r="I15905" s="360"/>
      <c r="J15905" s="365"/>
      <c r="K15905" s="365"/>
      <c r="L15905" s="365"/>
    </row>
    <row r="15906" spans="2:12">
      <c r="B15906" s="367"/>
      <c r="C15906" s="367"/>
      <c r="D15906" s="367"/>
      <c r="E15906" s="367"/>
      <c r="F15906" s="359" t="s">
        <v>14430</v>
      </c>
      <c r="G15906" s="359" t="s">
        <v>14431</v>
      </c>
      <c r="H15906" s="359" t="s">
        <v>14381</v>
      </c>
      <c r="I15906" s="359" t="s">
        <v>14431</v>
      </c>
      <c r="J15906" s="365"/>
      <c r="K15906" s="365"/>
      <c r="L15906" s="365"/>
    </row>
    <row r="15907" spans="2:12">
      <c r="B15907" s="367"/>
      <c r="C15907" s="367"/>
      <c r="D15907" s="367"/>
      <c r="E15907" s="367"/>
      <c r="F15907" s="360"/>
      <c r="G15907" s="360"/>
      <c r="H15907" s="360"/>
      <c r="I15907" s="360"/>
      <c r="J15907" s="365"/>
      <c r="K15907" s="365"/>
      <c r="L15907" s="365"/>
    </row>
    <row r="15908" spans="2:12" ht="28.5">
      <c r="B15908" s="367"/>
      <c r="C15908" s="367"/>
      <c r="D15908" s="367"/>
      <c r="E15908" s="367"/>
      <c r="F15908" s="359" t="s">
        <v>14394</v>
      </c>
      <c r="G15908" s="359" t="s">
        <v>14395</v>
      </c>
      <c r="H15908" s="359" t="s">
        <v>14370</v>
      </c>
      <c r="I15908" s="359" t="s">
        <v>14395</v>
      </c>
      <c r="J15908" s="365"/>
      <c r="K15908" s="365"/>
      <c r="L15908" s="365"/>
    </row>
    <row r="15909" spans="2:12">
      <c r="B15909" s="367"/>
      <c r="C15909" s="367"/>
      <c r="D15909" s="367"/>
      <c r="E15909" s="367"/>
      <c r="F15909" s="360"/>
      <c r="G15909" s="360"/>
      <c r="H15909" s="360"/>
      <c r="I15909" s="360"/>
      <c r="J15909" s="365"/>
      <c r="K15909" s="365"/>
      <c r="L15909" s="365"/>
    </row>
    <row r="15910" spans="2:12">
      <c r="B15910" s="368"/>
      <c r="C15910" s="368"/>
      <c r="D15910" s="368"/>
      <c r="E15910" s="368"/>
      <c r="F15910" s="362"/>
      <c r="G15910" s="362"/>
      <c r="H15910" s="361" t="s">
        <v>14332</v>
      </c>
      <c r="I15910" s="362"/>
      <c r="J15910" s="366"/>
      <c r="K15910" s="366"/>
      <c r="L15910" s="366"/>
    </row>
    <row r="15911" spans="2:12" ht="28.5">
      <c r="B15911" s="358" t="s">
        <v>22869</v>
      </c>
      <c r="C15911" s="358" t="s">
        <v>27799</v>
      </c>
      <c r="D15911" s="358" t="s">
        <v>22870</v>
      </c>
      <c r="E15911" s="358" t="s">
        <v>22871</v>
      </c>
      <c r="F15911" s="358" t="s">
        <v>14462</v>
      </c>
      <c r="G15911" s="358" t="s">
        <v>14463</v>
      </c>
      <c r="H15911" s="358" t="s">
        <v>8356</v>
      </c>
      <c r="I15911" s="358" t="s">
        <v>14463</v>
      </c>
      <c r="J15911" s="358"/>
      <c r="K15911" s="358"/>
      <c r="L15911" s="358"/>
    </row>
    <row r="15912" spans="2:12">
      <c r="B15912" s="368"/>
      <c r="C15912" s="368"/>
      <c r="D15912" s="368"/>
      <c r="E15912" s="368"/>
      <c r="F15912" s="368"/>
      <c r="G15912" s="368"/>
      <c r="H15912" s="368"/>
      <c r="I15912" s="368"/>
      <c r="J15912" s="366"/>
      <c r="K15912" s="366"/>
      <c r="L15912" s="366"/>
    </row>
    <row r="15913" spans="2:12" ht="28.5">
      <c r="B15913" s="358" t="s">
        <v>22872</v>
      </c>
      <c r="C15913" s="358" t="s">
        <v>27800</v>
      </c>
      <c r="D15913" s="358" t="s">
        <v>22873</v>
      </c>
      <c r="E15913" s="358" t="s">
        <v>22874</v>
      </c>
      <c r="F15913" s="358" t="s">
        <v>14391</v>
      </c>
      <c r="G15913" s="358" t="s">
        <v>14392</v>
      </c>
      <c r="H15913" s="358" t="s">
        <v>14367</v>
      </c>
      <c r="I15913" s="358" t="s">
        <v>14392</v>
      </c>
      <c r="J15913" s="358"/>
      <c r="K15913" s="358"/>
      <c r="L15913" s="358"/>
    </row>
    <row r="15914" spans="2:12">
      <c r="B15914" s="367"/>
      <c r="C15914" s="367"/>
      <c r="D15914" s="367"/>
      <c r="E15914" s="367"/>
      <c r="F15914" s="360"/>
      <c r="G15914" s="360"/>
      <c r="H15914" s="360"/>
      <c r="I15914" s="360"/>
      <c r="J15914" s="365"/>
      <c r="K15914" s="365"/>
      <c r="L15914" s="365"/>
    </row>
    <row r="15915" spans="2:12" ht="28.5">
      <c r="B15915" s="367"/>
      <c r="C15915" s="367"/>
      <c r="D15915" s="367"/>
      <c r="E15915" s="367"/>
      <c r="F15915" s="359" t="s">
        <v>14394</v>
      </c>
      <c r="G15915" s="359" t="s">
        <v>14395</v>
      </c>
      <c r="H15915" s="359" t="s">
        <v>14370</v>
      </c>
      <c r="I15915" s="359" t="s">
        <v>14395</v>
      </c>
      <c r="J15915" s="365"/>
      <c r="K15915" s="365"/>
      <c r="L15915" s="365"/>
    </row>
    <row r="15916" spans="2:12">
      <c r="B15916" s="367"/>
      <c r="C15916" s="367"/>
      <c r="D15916" s="367"/>
      <c r="E15916" s="367"/>
      <c r="F15916" s="360"/>
      <c r="G15916" s="360"/>
      <c r="H15916" s="360"/>
      <c r="I15916" s="360"/>
      <c r="J15916" s="365"/>
      <c r="K15916" s="365"/>
      <c r="L15916" s="365"/>
    </row>
    <row r="15917" spans="2:12">
      <c r="B15917" s="368"/>
      <c r="C15917" s="368"/>
      <c r="D15917" s="368"/>
      <c r="E15917" s="368"/>
      <c r="F15917" s="362"/>
      <c r="G15917" s="362"/>
      <c r="H15917" s="361" t="s">
        <v>14422</v>
      </c>
      <c r="I15917" s="362"/>
      <c r="J15917" s="366"/>
      <c r="K15917" s="366"/>
      <c r="L15917" s="366"/>
    </row>
    <row r="15918" spans="2:12" ht="28.5">
      <c r="B15918" s="358" t="s">
        <v>22875</v>
      </c>
      <c r="C15918" s="358" t="s">
        <v>22876</v>
      </c>
      <c r="D15918" s="358" t="s">
        <v>22877</v>
      </c>
      <c r="E15918" s="358" t="s">
        <v>8356</v>
      </c>
      <c r="F15918" s="358" t="s">
        <v>14430</v>
      </c>
      <c r="G15918" s="358" t="s">
        <v>14431</v>
      </c>
      <c r="H15918" s="358" t="s">
        <v>14341</v>
      </c>
      <c r="I15918" s="358" t="s">
        <v>14431</v>
      </c>
      <c r="J15918" s="358"/>
      <c r="K15918" s="358"/>
      <c r="L15918" s="358"/>
    </row>
    <row r="15919" spans="2:12">
      <c r="B15919" s="367"/>
      <c r="C15919" s="367"/>
      <c r="D15919" s="367"/>
      <c r="E15919" s="367"/>
      <c r="F15919" s="360"/>
      <c r="G15919" s="360"/>
      <c r="H15919" s="360"/>
      <c r="I15919" s="360"/>
      <c r="J15919" s="365"/>
      <c r="K15919" s="365"/>
      <c r="L15919" s="365"/>
    </row>
    <row r="15920" spans="2:12" ht="28.5">
      <c r="B15920" s="367"/>
      <c r="C15920" s="367"/>
      <c r="D15920" s="367"/>
      <c r="E15920" s="367"/>
      <c r="F15920" s="359" t="s">
        <v>14394</v>
      </c>
      <c r="G15920" s="359" t="s">
        <v>14395</v>
      </c>
      <c r="H15920" s="359" t="s">
        <v>14370</v>
      </c>
      <c r="I15920" s="359" t="s">
        <v>14395</v>
      </c>
      <c r="J15920" s="365"/>
      <c r="K15920" s="365"/>
      <c r="L15920" s="365"/>
    </row>
    <row r="15921" spans="2:12">
      <c r="B15921" s="367"/>
      <c r="C15921" s="367"/>
      <c r="D15921" s="367"/>
      <c r="E15921" s="367"/>
      <c r="F15921" s="360"/>
      <c r="G15921" s="360"/>
      <c r="H15921" s="360"/>
      <c r="I15921" s="360"/>
      <c r="J15921" s="365"/>
      <c r="K15921" s="365"/>
      <c r="L15921" s="365"/>
    </row>
    <row r="15922" spans="2:12">
      <c r="B15922" s="368"/>
      <c r="C15922" s="368"/>
      <c r="D15922" s="368"/>
      <c r="E15922" s="368"/>
      <c r="F15922" s="362"/>
      <c r="G15922" s="362"/>
      <c r="H15922" s="361" t="s">
        <v>14332</v>
      </c>
      <c r="I15922" s="362"/>
      <c r="J15922" s="366"/>
      <c r="K15922" s="366"/>
      <c r="L15922" s="366"/>
    </row>
    <row r="15923" spans="2:12">
      <c r="B15923" s="358" t="s">
        <v>13200</v>
      </c>
      <c r="C15923" s="358" t="s">
        <v>22878</v>
      </c>
      <c r="D15923" s="358" t="s">
        <v>8356</v>
      </c>
      <c r="E15923" s="358" t="s">
        <v>13201</v>
      </c>
      <c r="F15923" s="358" t="s">
        <v>14424</v>
      </c>
      <c r="G15923" s="358" t="s">
        <v>14481</v>
      </c>
      <c r="H15923" s="358" t="s">
        <v>14381</v>
      </c>
      <c r="I15923" s="358" t="s">
        <v>14481</v>
      </c>
      <c r="J15923" s="358"/>
      <c r="K15923" s="358" t="s">
        <v>19132</v>
      </c>
      <c r="L15923" s="358"/>
    </row>
    <row r="15924" spans="2:12">
      <c r="B15924" s="367"/>
      <c r="C15924" s="360"/>
      <c r="D15924" s="367"/>
      <c r="E15924" s="367"/>
      <c r="F15924" s="360"/>
      <c r="G15924" s="360"/>
      <c r="H15924" s="360"/>
      <c r="I15924" s="360"/>
      <c r="J15924" s="365"/>
      <c r="K15924" s="367"/>
      <c r="L15924" s="365"/>
    </row>
    <row r="15925" spans="2:12" ht="28.5">
      <c r="B15925" s="367"/>
      <c r="C15925" s="359" t="s">
        <v>30337</v>
      </c>
      <c r="D15925" s="367"/>
      <c r="E15925" s="367"/>
      <c r="F15925" s="359" t="s">
        <v>14460</v>
      </c>
      <c r="G15925" s="359" t="s">
        <v>28680</v>
      </c>
      <c r="H15925" s="359" t="s">
        <v>14370</v>
      </c>
      <c r="I15925" s="359" t="s">
        <v>14519</v>
      </c>
      <c r="J15925" s="365"/>
      <c r="K15925" s="367"/>
      <c r="L15925" s="365"/>
    </row>
    <row r="15926" spans="2:12">
      <c r="B15926" s="367"/>
      <c r="C15926" s="360"/>
      <c r="D15926" s="367"/>
      <c r="E15926" s="367"/>
      <c r="F15926" s="360"/>
      <c r="G15926" s="360"/>
      <c r="H15926" s="360"/>
      <c r="I15926" s="360"/>
      <c r="J15926" s="365"/>
      <c r="K15926" s="367"/>
      <c r="L15926" s="365"/>
    </row>
    <row r="15927" spans="2:12">
      <c r="B15927" s="367"/>
      <c r="C15927" s="360"/>
      <c r="D15927" s="367"/>
      <c r="E15927" s="367"/>
      <c r="F15927" s="359" t="s">
        <v>14371</v>
      </c>
      <c r="G15927" s="359" t="s">
        <v>14373</v>
      </c>
      <c r="H15927" s="359" t="s">
        <v>14332</v>
      </c>
      <c r="I15927" s="359" t="s">
        <v>14373</v>
      </c>
      <c r="J15927" s="365"/>
      <c r="K15927" s="367"/>
      <c r="L15927" s="365"/>
    </row>
    <row r="15928" spans="2:12">
      <c r="B15928" s="367"/>
      <c r="C15928" s="360"/>
      <c r="D15928" s="367"/>
      <c r="E15928" s="367"/>
      <c r="F15928" s="360"/>
      <c r="G15928" s="360"/>
      <c r="H15928" s="360"/>
      <c r="I15928" s="360"/>
      <c r="J15928" s="365"/>
      <c r="K15928" s="367"/>
      <c r="L15928" s="365"/>
    </row>
    <row r="15929" spans="2:12" ht="28.5">
      <c r="B15929" s="368"/>
      <c r="C15929" s="362"/>
      <c r="D15929" s="368"/>
      <c r="E15929" s="368"/>
      <c r="F15929" s="361" t="s">
        <v>14374</v>
      </c>
      <c r="G15929" s="362"/>
      <c r="H15929" s="362"/>
      <c r="I15929" s="362"/>
      <c r="J15929" s="366"/>
      <c r="K15929" s="368"/>
      <c r="L15929" s="366"/>
    </row>
    <row r="15930" spans="2:12" ht="57">
      <c r="B15930" s="358" t="s">
        <v>22879</v>
      </c>
      <c r="C15930" s="358" t="s">
        <v>22880</v>
      </c>
      <c r="D15930" s="358" t="s">
        <v>22881</v>
      </c>
      <c r="E15930" s="358" t="s">
        <v>8356</v>
      </c>
      <c r="F15930" s="358" t="s">
        <v>14430</v>
      </c>
      <c r="G15930" s="358" t="s">
        <v>14431</v>
      </c>
      <c r="H15930" s="358" t="s">
        <v>14341</v>
      </c>
      <c r="I15930" s="358" t="s">
        <v>14431</v>
      </c>
      <c r="J15930" s="358"/>
      <c r="K15930" s="358"/>
      <c r="L15930" s="358"/>
    </row>
    <row r="15931" spans="2:12">
      <c r="B15931" s="367"/>
      <c r="C15931" s="367"/>
      <c r="D15931" s="367"/>
      <c r="E15931" s="367"/>
      <c r="F15931" s="360"/>
      <c r="G15931" s="360"/>
      <c r="H15931" s="360"/>
      <c r="I15931" s="360"/>
      <c r="J15931" s="365"/>
      <c r="K15931" s="365"/>
      <c r="L15931" s="365"/>
    </row>
    <row r="15932" spans="2:12">
      <c r="B15932" s="367"/>
      <c r="C15932" s="367"/>
      <c r="D15932" s="367"/>
      <c r="E15932" s="367"/>
      <c r="F15932" s="359" t="s">
        <v>14391</v>
      </c>
      <c r="G15932" s="359" t="s">
        <v>14392</v>
      </c>
      <c r="H15932" s="359" t="s">
        <v>14367</v>
      </c>
      <c r="I15932" s="359" t="s">
        <v>14392</v>
      </c>
      <c r="J15932" s="365"/>
      <c r="K15932" s="365"/>
      <c r="L15932" s="365"/>
    </row>
    <row r="15933" spans="2:12">
      <c r="B15933" s="367"/>
      <c r="C15933" s="367"/>
      <c r="D15933" s="367"/>
      <c r="E15933" s="367"/>
      <c r="F15933" s="360"/>
      <c r="G15933" s="360"/>
      <c r="H15933" s="360"/>
      <c r="I15933" s="360"/>
      <c r="J15933" s="365"/>
      <c r="K15933" s="365"/>
      <c r="L15933" s="365"/>
    </row>
    <row r="15934" spans="2:12">
      <c r="B15934" s="368"/>
      <c r="C15934" s="368"/>
      <c r="D15934" s="368"/>
      <c r="E15934" s="368"/>
      <c r="F15934" s="362"/>
      <c r="G15934" s="362"/>
      <c r="H15934" s="361" t="s">
        <v>14332</v>
      </c>
      <c r="I15934" s="362"/>
      <c r="J15934" s="366"/>
      <c r="K15934" s="366"/>
      <c r="L15934" s="366"/>
    </row>
    <row r="15935" spans="2:12" ht="99.75">
      <c r="B15935" s="358" t="s">
        <v>22882</v>
      </c>
      <c r="C15935" s="358" t="s">
        <v>29480</v>
      </c>
      <c r="D15935" s="358" t="s">
        <v>22883</v>
      </c>
      <c r="E15935" s="358" t="s">
        <v>8356</v>
      </c>
      <c r="F15935" s="358" t="s">
        <v>14430</v>
      </c>
      <c r="G15935" s="358" t="s">
        <v>14431</v>
      </c>
      <c r="H15935" s="358" t="s">
        <v>14341</v>
      </c>
      <c r="I15935" s="358" t="s">
        <v>14431</v>
      </c>
      <c r="J15935" s="358"/>
      <c r="K15935" s="358"/>
      <c r="L15935" s="358"/>
    </row>
    <row r="15936" spans="2:12">
      <c r="B15936" s="367"/>
      <c r="C15936" s="360"/>
      <c r="D15936" s="367"/>
      <c r="E15936" s="367"/>
      <c r="F15936" s="360"/>
      <c r="G15936" s="360"/>
      <c r="H15936" s="360"/>
      <c r="I15936" s="360"/>
      <c r="J15936" s="365"/>
      <c r="K15936" s="365"/>
      <c r="L15936" s="365"/>
    </row>
    <row r="15937" spans="2:12" ht="28.5">
      <c r="B15937" s="368"/>
      <c r="C15937" s="361" t="s">
        <v>22884</v>
      </c>
      <c r="D15937" s="368"/>
      <c r="E15937" s="368"/>
      <c r="F15937" s="361" t="s">
        <v>14472</v>
      </c>
      <c r="G15937" s="361" t="s">
        <v>14473</v>
      </c>
      <c r="H15937" s="361" t="s">
        <v>14332</v>
      </c>
      <c r="I15937" s="361" t="s">
        <v>14473</v>
      </c>
      <c r="J15937" s="366"/>
      <c r="K15937" s="366"/>
      <c r="L15937" s="366"/>
    </row>
    <row r="15938" spans="2:12" ht="114">
      <c r="B15938" s="358" t="s">
        <v>22885</v>
      </c>
      <c r="C15938" s="358" t="s">
        <v>30338</v>
      </c>
      <c r="D15938" s="358" t="s">
        <v>22886</v>
      </c>
      <c r="E15938" s="358" t="s">
        <v>8356</v>
      </c>
      <c r="F15938" s="358" t="s">
        <v>14430</v>
      </c>
      <c r="G15938" s="358" t="s">
        <v>14431</v>
      </c>
      <c r="H15938" s="358" t="s">
        <v>14341</v>
      </c>
      <c r="I15938" s="358" t="s">
        <v>14431</v>
      </c>
      <c r="J15938" s="358"/>
      <c r="K15938" s="358"/>
      <c r="L15938" s="358"/>
    </row>
    <row r="15939" spans="2:12">
      <c r="B15939" s="367"/>
      <c r="C15939" s="367"/>
      <c r="D15939" s="367"/>
      <c r="E15939" s="367"/>
      <c r="F15939" s="367"/>
      <c r="G15939" s="367"/>
      <c r="H15939" s="360"/>
      <c r="I15939" s="367"/>
      <c r="J15939" s="365"/>
      <c r="K15939" s="365"/>
      <c r="L15939" s="365"/>
    </row>
    <row r="15940" spans="2:12">
      <c r="B15940" s="368"/>
      <c r="C15940" s="368"/>
      <c r="D15940" s="368"/>
      <c r="E15940" s="368"/>
      <c r="F15940" s="368"/>
      <c r="G15940" s="368"/>
      <c r="H15940" s="361" t="s">
        <v>14332</v>
      </c>
      <c r="I15940" s="368"/>
      <c r="J15940" s="366"/>
      <c r="K15940" s="366"/>
      <c r="L15940" s="366"/>
    </row>
    <row r="15941" spans="2:12" ht="42.75">
      <c r="B15941" s="358" t="s">
        <v>22887</v>
      </c>
      <c r="C15941" s="358" t="s">
        <v>29481</v>
      </c>
      <c r="D15941" s="358" t="s">
        <v>22888</v>
      </c>
      <c r="E15941" s="358" t="s">
        <v>22889</v>
      </c>
      <c r="F15941" s="358" t="s">
        <v>14430</v>
      </c>
      <c r="G15941" s="358" t="s">
        <v>14431</v>
      </c>
      <c r="H15941" s="358" t="s">
        <v>14341</v>
      </c>
      <c r="I15941" s="358" t="s">
        <v>14431</v>
      </c>
      <c r="J15941" s="358"/>
      <c r="K15941" s="358"/>
      <c r="L15941" s="358"/>
    </row>
    <row r="15942" spans="2:12">
      <c r="B15942" s="367"/>
      <c r="C15942" s="360"/>
      <c r="D15942" s="367"/>
      <c r="E15942" s="367"/>
      <c r="F15942" s="367"/>
      <c r="G15942" s="367"/>
      <c r="H15942" s="360"/>
      <c r="I15942" s="367"/>
      <c r="J15942" s="365"/>
      <c r="K15942" s="365"/>
      <c r="L15942" s="365"/>
    </row>
    <row r="15943" spans="2:12" ht="128.25">
      <c r="B15943" s="368"/>
      <c r="C15943" s="361" t="s">
        <v>29482</v>
      </c>
      <c r="D15943" s="368"/>
      <c r="E15943" s="368"/>
      <c r="F15943" s="368"/>
      <c r="G15943" s="368"/>
      <c r="H15943" s="361" t="s">
        <v>14332</v>
      </c>
      <c r="I15943" s="368"/>
      <c r="J15943" s="366"/>
      <c r="K15943" s="366"/>
      <c r="L15943" s="366"/>
    </row>
    <row r="15944" spans="2:12" ht="57">
      <c r="B15944" s="358" t="s">
        <v>22890</v>
      </c>
      <c r="C15944" s="358" t="s">
        <v>29483</v>
      </c>
      <c r="D15944" s="358" t="s">
        <v>22891</v>
      </c>
      <c r="E15944" s="358" t="s">
        <v>8356</v>
      </c>
      <c r="F15944" s="358" t="s">
        <v>14430</v>
      </c>
      <c r="G15944" s="358" t="s">
        <v>14431</v>
      </c>
      <c r="H15944" s="358" t="s">
        <v>14341</v>
      </c>
      <c r="I15944" s="358" t="s">
        <v>14431</v>
      </c>
      <c r="J15944" s="358"/>
      <c r="K15944" s="358"/>
      <c r="L15944" s="358"/>
    </row>
    <row r="15945" spans="2:12">
      <c r="B15945" s="367"/>
      <c r="C15945" s="360"/>
      <c r="D15945" s="367"/>
      <c r="E15945" s="367"/>
      <c r="F15945" s="367"/>
      <c r="G15945" s="367"/>
      <c r="H15945" s="360"/>
      <c r="I15945" s="367"/>
      <c r="J15945" s="365"/>
      <c r="K15945" s="365"/>
      <c r="L15945" s="365"/>
    </row>
    <row r="15946" spans="2:12" ht="42.75">
      <c r="B15946" s="368"/>
      <c r="C15946" s="361" t="s">
        <v>29484</v>
      </c>
      <c r="D15946" s="368"/>
      <c r="E15946" s="368"/>
      <c r="F15946" s="368"/>
      <c r="G15946" s="368"/>
      <c r="H15946" s="361" t="s">
        <v>14332</v>
      </c>
      <c r="I15946" s="368"/>
      <c r="J15946" s="366"/>
      <c r="K15946" s="366"/>
      <c r="L15946" s="366"/>
    </row>
    <row r="15947" spans="2:12" ht="28.5">
      <c r="B15947" s="358" t="s">
        <v>22892</v>
      </c>
      <c r="C15947" s="358" t="s">
        <v>29451</v>
      </c>
      <c r="D15947" s="358" t="s">
        <v>22893</v>
      </c>
      <c r="E15947" s="358" t="s">
        <v>8356</v>
      </c>
      <c r="F15947" s="358" t="s">
        <v>14394</v>
      </c>
      <c r="G15947" s="358" t="s">
        <v>14395</v>
      </c>
      <c r="H15947" s="358" t="s">
        <v>14370</v>
      </c>
      <c r="I15947" s="358" t="s">
        <v>14395</v>
      </c>
      <c r="J15947" s="358"/>
      <c r="K15947" s="358"/>
      <c r="L15947" s="358"/>
    </row>
    <row r="15948" spans="2:12">
      <c r="B15948" s="367"/>
      <c r="C15948" s="360"/>
      <c r="D15948" s="367"/>
      <c r="E15948" s="367"/>
      <c r="F15948" s="367"/>
      <c r="G15948" s="367"/>
      <c r="H15948" s="367"/>
      <c r="I15948" s="367"/>
      <c r="J15948" s="365"/>
      <c r="K15948" s="365"/>
      <c r="L15948" s="365"/>
    </row>
    <row r="15949" spans="2:12" ht="142.5">
      <c r="B15949" s="367"/>
      <c r="C15949" s="359" t="s">
        <v>29485</v>
      </c>
      <c r="D15949" s="367"/>
      <c r="E15949" s="367"/>
      <c r="F15949" s="367"/>
      <c r="G15949" s="367"/>
      <c r="H15949" s="367"/>
      <c r="I15949" s="367"/>
      <c r="J15949" s="365"/>
      <c r="K15949" s="365"/>
      <c r="L15949" s="365"/>
    </row>
    <row r="15950" spans="2:12">
      <c r="B15950" s="367"/>
      <c r="C15950" s="360"/>
      <c r="D15950" s="367"/>
      <c r="E15950" s="367"/>
      <c r="F15950" s="367"/>
      <c r="G15950" s="367"/>
      <c r="H15950" s="367"/>
      <c r="I15950" s="367"/>
      <c r="J15950" s="365"/>
      <c r="K15950" s="365"/>
      <c r="L15950" s="365"/>
    </row>
    <row r="15951" spans="2:12" ht="156.75">
      <c r="B15951" s="368"/>
      <c r="C15951" s="361" t="s">
        <v>29486</v>
      </c>
      <c r="D15951" s="368"/>
      <c r="E15951" s="368"/>
      <c r="F15951" s="368"/>
      <c r="G15951" s="368"/>
      <c r="H15951" s="368"/>
      <c r="I15951" s="368"/>
      <c r="J15951" s="366"/>
      <c r="K15951" s="366"/>
      <c r="L15951" s="366"/>
    </row>
    <row r="15952" spans="2:12" ht="57">
      <c r="B15952" s="358" t="s">
        <v>22894</v>
      </c>
      <c r="C15952" s="358" t="s">
        <v>22895</v>
      </c>
      <c r="D15952" s="358" t="s">
        <v>22896</v>
      </c>
      <c r="E15952" s="358" t="s">
        <v>22897</v>
      </c>
      <c r="F15952" s="358" t="s">
        <v>14430</v>
      </c>
      <c r="G15952" s="358" t="s">
        <v>14431</v>
      </c>
      <c r="H15952" s="358" t="s">
        <v>14341</v>
      </c>
      <c r="I15952" s="358" t="s">
        <v>14431</v>
      </c>
      <c r="J15952" s="358"/>
      <c r="K15952" s="358"/>
      <c r="L15952" s="358"/>
    </row>
    <row r="15953" spans="2:12">
      <c r="B15953" s="367"/>
      <c r="C15953" s="367"/>
      <c r="D15953" s="367"/>
      <c r="E15953" s="367"/>
      <c r="F15953" s="360"/>
      <c r="G15953" s="360"/>
      <c r="H15953" s="360"/>
      <c r="I15953" s="360"/>
      <c r="J15953" s="365"/>
      <c r="K15953" s="365"/>
      <c r="L15953" s="365"/>
    </row>
    <row r="15954" spans="2:12">
      <c r="B15954" s="367"/>
      <c r="C15954" s="367"/>
      <c r="D15954" s="367"/>
      <c r="E15954" s="367"/>
      <c r="F15954" s="359" t="s">
        <v>14391</v>
      </c>
      <c r="G15954" s="359" t="s">
        <v>14392</v>
      </c>
      <c r="H15954" s="359" t="s">
        <v>14367</v>
      </c>
      <c r="I15954" s="359" t="s">
        <v>14392</v>
      </c>
      <c r="J15954" s="365"/>
      <c r="K15954" s="365"/>
      <c r="L15954" s="365"/>
    </row>
    <row r="15955" spans="2:12">
      <c r="B15955" s="367"/>
      <c r="C15955" s="367"/>
      <c r="D15955" s="367"/>
      <c r="E15955" s="367"/>
      <c r="F15955" s="360"/>
      <c r="G15955" s="360"/>
      <c r="H15955" s="360"/>
      <c r="I15955" s="360"/>
      <c r="J15955" s="365"/>
      <c r="K15955" s="365"/>
      <c r="L15955" s="365"/>
    </row>
    <row r="15956" spans="2:12">
      <c r="B15956" s="368"/>
      <c r="C15956" s="368"/>
      <c r="D15956" s="368"/>
      <c r="E15956" s="368"/>
      <c r="F15956" s="362"/>
      <c r="G15956" s="362"/>
      <c r="H15956" s="361" t="s">
        <v>14332</v>
      </c>
      <c r="I15956" s="362"/>
      <c r="J15956" s="366"/>
      <c r="K15956" s="366"/>
      <c r="L15956" s="366"/>
    </row>
    <row r="15957" spans="2:12" ht="28.5">
      <c r="B15957" s="358" t="s">
        <v>22898</v>
      </c>
      <c r="C15957" s="358" t="s">
        <v>22899</v>
      </c>
      <c r="D15957" s="358" t="s">
        <v>22900</v>
      </c>
      <c r="E15957" s="358" t="s">
        <v>8356</v>
      </c>
      <c r="F15957" s="358" t="s">
        <v>14391</v>
      </c>
      <c r="G15957" s="358" t="s">
        <v>14392</v>
      </c>
      <c r="H15957" s="358" t="s">
        <v>14367</v>
      </c>
      <c r="I15957" s="358" t="s">
        <v>14392</v>
      </c>
      <c r="J15957" s="358"/>
      <c r="K15957" s="358"/>
      <c r="L15957" s="358"/>
    </row>
    <row r="15958" spans="2:12">
      <c r="B15958" s="367"/>
      <c r="C15958" s="360"/>
      <c r="D15958" s="367"/>
      <c r="E15958" s="367"/>
      <c r="F15958" s="360"/>
      <c r="G15958" s="360"/>
      <c r="H15958" s="360"/>
      <c r="I15958" s="360"/>
      <c r="J15958" s="365"/>
      <c r="K15958" s="365"/>
      <c r="L15958" s="365"/>
    </row>
    <row r="15959" spans="2:12" ht="28.5">
      <c r="B15959" s="367"/>
      <c r="C15959" s="359" t="s">
        <v>29487</v>
      </c>
      <c r="D15959" s="367"/>
      <c r="E15959" s="367"/>
      <c r="F15959" s="359" t="s">
        <v>14371</v>
      </c>
      <c r="G15959" s="359" t="s">
        <v>14372</v>
      </c>
      <c r="H15959" s="359" t="s">
        <v>14370</v>
      </c>
      <c r="I15959" s="359" t="s">
        <v>14373</v>
      </c>
      <c r="J15959" s="365"/>
      <c r="K15959" s="365"/>
      <c r="L15959" s="365"/>
    </row>
    <row r="15960" spans="2:12">
      <c r="B15960" s="367"/>
      <c r="C15960" s="360"/>
      <c r="D15960" s="367"/>
      <c r="E15960" s="367"/>
      <c r="F15960" s="360"/>
      <c r="G15960" s="360"/>
      <c r="H15960" s="360"/>
      <c r="I15960" s="360"/>
      <c r="J15960" s="365"/>
      <c r="K15960" s="365"/>
      <c r="L15960" s="365"/>
    </row>
    <row r="15961" spans="2:12" ht="28.5">
      <c r="B15961" s="368"/>
      <c r="C15961" s="361" t="s">
        <v>22901</v>
      </c>
      <c r="D15961" s="368"/>
      <c r="E15961" s="368"/>
      <c r="F15961" s="361" t="s">
        <v>14374</v>
      </c>
      <c r="G15961" s="361" t="s">
        <v>14373</v>
      </c>
      <c r="H15961" s="361" t="s">
        <v>14422</v>
      </c>
      <c r="I15961" s="362"/>
      <c r="J15961" s="366"/>
      <c r="K15961" s="366"/>
      <c r="L15961" s="366"/>
    </row>
    <row r="15962" spans="2:12" ht="42.75">
      <c r="B15962" s="358" t="s">
        <v>22902</v>
      </c>
      <c r="C15962" s="358" t="s">
        <v>22903</v>
      </c>
      <c r="D15962" s="358" t="s">
        <v>22904</v>
      </c>
      <c r="E15962" s="358" t="s">
        <v>22905</v>
      </c>
      <c r="F15962" s="358" t="s">
        <v>14394</v>
      </c>
      <c r="G15962" s="358" t="s">
        <v>14395</v>
      </c>
      <c r="H15962" s="358" t="s">
        <v>14370</v>
      </c>
      <c r="I15962" s="358" t="s">
        <v>14395</v>
      </c>
      <c r="J15962" s="358"/>
      <c r="K15962" s="358"/>
      <c r="L15962" s="358"/>
    </row>
    <row r="15963" spans="2:12">
      <c r="B15963" s="368"/>
      <c r="C15963" s="368"/>
      <c r="D15963" s="368"/>
      <c r="E15963" s="368"/>
      <c r="F15963" s="368"/>
      <c r="G15963" s="368"/>
      <c r="H15963" s="368"/>
      <c r="I15963" s="368"/>
      <c r="J15963" s="366"/>
      <c r="K15963" s="366"/>
      <c r="L15963" s="366"/>
    </row>
    <row r="15964" spans="2:12" ht="42.75">
      <c r="B15964" s="358" t="s">
        <v>22906</v>
      </c>
      <c r="C15964" s="358" t="s">
        <v>22907</v>
      </c>
      <c r="D15964" s="358" t="s">
        <v>22908</v>
      </c>
      <c r="E15964" s="358" t="s">
        <v>8356</v>
      </c>
      <c r="F15964" s="358" t="s">
        <v>14386</v>
      </c>
      <c r="G15964" s="358" t="s">
        <v>14387</v>
      </c>
      <c r="H15964" s="358" t="s">
        <v>14367</v>
      </c>
      <c r="I15964" s="358" t="s">
        <v>14387</v>
      </c>
      <c r="J15964" s="358"/>
      <c r="K15964" s="358"/>
      <c r="L15964" s="358"/>
    </row>
    <row r="15965" spans="2:12">
      <c r="B15965" s="367"/>
      <c r="C15965" s="367"/>
      <c r="D15965" s="367"/>
      <c r="E15965" s="367"/>
      <c r="F15965" s="360"/>
      <c r="G15965" s="360"/>
      <c r="H15965" s="360"/>
      <c r="I15965" s="360"/>
      <c r="J15965" s="365"/>
      <c r="K15965" s="365"/>
      <c r="L15965" s="365"/>
    </row>
    <row r="15966" spans="2:12" ht="28.5">
      <c r="B15966" s="368"/>
      <c r="C15966" s="368"/>
      <c r="D15966" s="368"/>
      <c r="E15966" s="368"/>
      <c r="F15966" s="361" t="s">
        <v>14472</v>
      </c>
      <c r="G15966" s="361" t="s">
        <v>14473</v>
      </c>
      <c r="H15966" s="361" t="s">
        <v>14422</v>
      </c>
      <c r="I15966" s="361" t="s">
        <v>14473</v>
      </c>
      <c r="J15966" s="366"/>
      <c r="K15966" s="366"/>
      <c r="L15966" s="366"/>
    </row>
    <row r="15967" spans="2:12">
      <c r="B15967" s="358" t="s">
        <v>22909</v>
      </c>
      <c r="C15967" s="358" t="s">
        <v>22910</v>
      </c>
      <c r="D15967" s="358" t="s">
        <v>22911</v>
      </c>
      <c r="E15967" s="358" t="s">
        <v>22912</v>
      </c>
      <c r="F15967" s="358" t="s">
        <v>14426</v>
      </c>
      <c r="G15967" s="358" t="s">
        <v>14427</v>
      </c>
      <c r="H15967" s="358" t="s">
        <v>14381</v>
      </c>
      <c r="I15967" s="358" t="s">
        <v>14427</v>
      </c>
      <c r="J15967" s="358"/>
      <c r="K15967" s="358"/>
      <c r="L15967" s="358"/>
    </row>
    <row r="15968" spans="2:12">
      <c r="B15968" s="367"/>
      <c r="C15968" s="360"/>
      <c r="D15968" s="367"/>
      <c r="E15968" s="367"/>
      <c r="F15968" s="360"/>
      <c r="G15968" s="360"/>
      <c r="H15968" s="360"/>
      <c r="I15968" s="360"/>
      <c r="J15968" s="365"/>
      <c r="K15968" s="365"/>
      <c r="L15968" s="365"/>
    </row>
    <row r="15969" spans="2:12">
      <c r="B15969" s="367"/>
      <c r="C15969" s="359" t="s">
        <v>22913</v>
      </c>
      <c r="D15969" s="367"/>
      <c r="E15969" s="367"/>
      <c r="F15969" s="359" t="s">
        <v>14420</v>
      </c>
      <c r="G15969" s="359" t="s">
        <v>14429</v>
      </c>
      <c r="H15969" s="359" t="s">
        <v>14367</v>
      </c>
      <c r="I15969" s="359" t="s">
        <v>14429</v>
      </c>
      <c r="J15969" s="365"/>
      <c r="K15969" s="365"/>
      <c r="L15969" s="365"/>
    </row>
    <row r="15970" spans="2:12">
      <c r="B15970" s="367"/>
      <c r="C15970" s="360"/>
      <c r="D15970" s="367"/>
      <c r="E15970" s="367"/>
      <c r="F15970" s="360"/>
      <c r="G15970" s="360"/>
      <c r="H15970" s="360"/>
      <c r="I15970" s="360"/>
      <c r="J15970" s="365"/>
      <c r="K15970" s="365"/>
      <c r="L15970" s="365"/>
    </row>
    <row r="15971" spans="2:12">
      <c r="B15971" s="367"/>
      <c r="C15971" s="360"/>
      <c r="D15971" s="367"/>
      <c r="E15971" s="367"/>
      <c r="F15971" s="359" t="s">
        <v>14389</v>
      </c>
      <c r="G15971" s="359" t="s">
        <v>14390</v>
      </c>
      <c r="H15971" s="359" t="s">
        <v>14370</v>
      </c>
      <c r="I15971" s="359" t="s">
        <v>14390</v>
      </c>
      <c r="J15971" s="365"/>
      <c r="K15971" s="365"/>
      <c r="L15971" s="365"/>
    </row>
    <row r="15972" spans="2:12">
      <c r="B15972" s="367"/>
      <c r="C15972" s="360"/>
      <c r="D15972" s="367"/>
      <c r="E15972" s="367"/>
      <c r="F15972" s="360"/>
      <c r="G15972" s="360"/>
      <c r="H15972" s="360"/>
      <c r="I15972" s="360"/>
      <c r="J15972" s="365"/>
      <c r="K15972" s="365"/>
      <c r="L15972" s="365"/>
    </row>
    <row r="15973" spans="2:12">
      <c r="B15973" s="367"/>
      <c r="C15973" s="360"/>
      <c r="D15973" s="367"/>
      <c r="E15973" s="367"/>
      <c r="F15973" s="359" t="s">
        <v>14371</v>
      </c>
      <c r="G15973" s="359" t="s">
        <v>14372</v>
      </c>
      <c r="H15973" s="359" t="s">
        <v>14422</v>
      </c>
      <c r="I15973" s="359" t="s">
        <v>14373</v>
      </c>
      <c r="J15973" s="365"/>
      <c r="K15973" s="365"/>
      <c r="L15973" s="365"/>
    </row>
    <row r="15974" spans="2:12">
      <c r="B15974" s="367"/>
      <c r="C15974" s="360"/>
      <c r="D15974" s="367"/>
      <c r="E15974" s="367"/>
      <c r="F15974" s="360"/>
      <c r="G15974" s="360"/>
      <c r="H15974" s="360"/>
      <c r="I15974" s="360"/>
      <c r="J15974" s="365"/>
      <c r="K15974" s="365"/>
      <c r="L15974" s="365"/>
    </row>
    <row r="15975" spans="2:12" ht="28.5">
      <c r="B15975" s="368"/>
      <c r="C15975" s="362"/>
      <c r="D15975" s="368"/>
      <c r="E15975" s="368"/>
      <c r="F15975" s="361" t="s">
        <v>14374</v>
      </c>
      <c r="G15975" s="361" t="s">
        <v>14373</v>
      </c>
      <c r="H15975" s="362"/>
      <c r="I15975" s="362"/>
      <c r="J15975" s="366"/>
      <c r="K15975" s="366"/>
      <c r="L15975" s="366"/>
    </row>
    <row r="15976" spans="2:12">
      <c r="B15976" s="358" t="s">
        <v>22914</v>
      </c>
      <c r="C15976" s="358" t="s">
        <v>22915</v>
      </c>
      <c r="D15976" s="358" t="s">
        <v>22916</v>
      </c>
      <c r="E15976" s="358" t="s">
        <v>22917</v>
      </c>
      <c r="F15976" s="358" t="s">
        <v>14426</v>
      </c>
      <c r="G15976" s="358" t="s">
        <v>14427</v>
      </c>
      <c r="H15976" s="358" t="s">
        <v>14341</v>
      </c>
      <c r="I15976" s="358" t="s">
        <v>14427</v>
      </c>
      <c r="J15976" s="358"/>
      <c r="K15976" s="358"/>
      <c r="L15976" s="358"/>
    </row>
    <row r="15977" spans="2:12">
      <c r="B15977" s="367"/>
      <c r="C15977" s="360"/>
      <c r="D15977" s="360"/>
      <c r="E15977" s="360"/>
      <c r="F15977" s="360"/>
      <c r="G15977" s="360"/>
      <c r="H15977" s="360"/>
      <c r="I15977" s="360"/>
      <c r="J15977" s="365"/>
      <c r="K15977" s="365"/>
      <c r="L15977" s="365"/>
    </row>
    <row r="15978" spans="2:12" ht="28.5">
      <c r="B15978" s="367"/>
      <c r="C15978" s="359" t="s">
        <v>29488</v>
      </c>
      <c r="D15978" s="359" t="s">
        <v>22918</v>
      </c>
      <c r="E15978" s="359" t="s">
        <v>22919</v>
      </c>
      <c r="F15978" s="359" t="s">
        <v>14420</v>
      </c>
      <c r="G15978" s="359" t="s">
        <v>14429</v>
      </c>
      <c r="H15978" s="359" t="s">
        <v>14381</v>
      </c>
      <c r="I15978" s="359" t="s">
        <v>14429</v>
      </c>
      <c r="J15978" s="365"/>
      <c r="K15978" s="365"/>
      <c r="L15978" s="365"/>
    </row>
    <row r="15979" spans="2:12">
      <c r="B15979" s="367"/>
      <c r="C15979" s="360"/>
      <c r="D15979" s="360"/>
      <c r="E15979" s="360"/>
      <c r="F15979" s="360"/>
      <c r="G15979" s="360"/>
      <c r="H15979" s="360"/>
      <c r="I15979" s="360"/>
      <c r="J15979" s="365"/>
      <c r="K15979" s="365"/>
      <c r="L15979" s="365"/>
    </row>
    <row r="15980" spans="2:12" ht="28.5">
      <c r="B15980" s="367"/>
      <c r="C15980" s="359" t="s">
        <v>22922</v>
      </c>
      <c r="D15980" s="359" t="s">
        <v>22920</v>
      </c>
      <c r="E15980" s="359" t="s">
        <v>22921</v>
      </c>
      <c r="F15980" s="359" t="s">
        <v>14389</v>
      </c>
      <c r="G15980" s="359" t="s">
        <v>14390</v>
      </c>
      <c r="H15980" s="359" t="s">
        <v>14367</v>
      </c>
      <c r="I15980" s="359" t="s">
        <v>14390</v>
      </c>
      <c r="J15980" s="365"/>
      <c r="K15980" s="365"/>
      <c r="L15980" s="365"/>
    </row>
    <row r="15981" spans="2:12">
      <c r="B15981" s="367"/>
      <c r="C15981" s="360"/>
      <c r="D15981" s="360"/>
      <c r="E15981" s="360"/>
      <c r="F15981" s="360"/>
      <c r="G15981" s="360"/>
      <c r="H15981" s="360"/>
      <c r="I15981" s="360"/>
      <c r="J15981" s="365"/>
      <c r="K15981" s="365"/>
      <c r="L15981" s="365"/>
    </row>
    <row r="15982" spans="2:12" ht="28.5">
      <c r="B15982" s="367"/>
      <c r="C15982" s="359" t="s">
        <v>22925</v>
      </c>
      <c r="D15982" s="359" t="s">
        <v>22923</v>
      </c>
      <c r="E15982" s="359" t="s">
        <v>22924</v>
      </c>
      <c r="F15982" s="359" t="s">
        <v>14430</v>
      </c>
      <c r="G15982" s="359" t="s">
        <v>14431</v>
      </c>
      <c r="H15982" s="359" t="s">
        <v>14370</v>
      </c>
      <c r="I15982" s="359" t="s">
        <v>14431</v>
      </c>
      <c r="J15982" s="365"/>
      <c r="K15982" s="365"/>
      <c r="L15982" s="365"/>
    </row>
    <row r="15983" spans="2:12">
      <c r="B15983" s="367"/>
      <c r="C15983" s="360"/>
      <c r="D15983" s="360"/>
      <c r="E15983" s="360"/>
      <c r="F15983" s="360"/>
      <c r="G15983" s="360"/>
      <c r="H15983" s="360"/>
      <c r="I15983" s="360"/>
      <c r="J15983" s="365"/>
      <c r="K15983" s="365"/>
      <c r="L15983" s="365"/>
    </row>
    <row r="15984" spans="2:12" ht="28.5">
      <c r="B15984" s="367"/>
      <c r="C15984" s="359" t="s">
        <v>22928</v>
      </c>
      <c r="D15984" s="359" t="s">
        <v>22926</v>
      </c>
      <c r="E15984" s="359" t="s">
        <v>22927</v>
      </c>
      <c r="F15984" s="359" t="s">
        <v>14371</v>
      </c>
      <c r="G15984" s="359" t="s">
        <v>14372</v>
      </c>
      <c r="H15984" s="359" t="s">
        <v>14332</v>
      </c>
      <c r="I15984" s="359" t="s">
        <v>14373</v>
      </c>
      <c r="J15984" s="365"/>
      <c r="K15984" s="365"/>
      <c r="L15984" s="365"/>
    </row>
    <row r="15985" spans="2:12">
      <c r="B15985" s="367"/>
      <c r="C15985" s="360"/>
      <c r="D15985" s="360"/>
      <c r="E15985" s="360"/>
      <c r="F15985" s="360"/>
      <c r="G15985" s="360"/>
      <c r="H15985" s="360"/>
      <c r="I15985" s="360"/>
      <c r="J15985" s="365"/>
      <c r="K15985" s="365"/>
      <c r="L15985" s="365"/>
    </row>
    <row r="15986" spans="2:12" ht="42.75">
      <c r="B15986" s="367"/>
      <c r="C15986" s="359" t="s">
        <v>30339</v>
      </c>
      <c r="D15986" s="359" t="s">
        <v>22929</v>
      </c>
      <c r="E15986" s="359" t="s">
        <v>22930</v>
      </c>
      <c r="F15986" s="359" t="s">
        <v>14374</v>
      </c>
      <c r="G15986" s="359" t="s">
        <v>14373</v>
      </c>
      <c r="H15986" s="360"/>
      <c r="I15986" s="360"/>
      <c r="J15986" s="365"/>
      <c r="K15986" s="365"/>
      <c r="L15986" s="365"/>
    </row>
    <row r="15987" spans="2:12">
      <c r="B15987" s="367"/>
      <c r="C15987" s="360"/>
      <c r="D15987" s="360"/>
      <c r="E15987" s="360"/>
      <c r="F15987" s="360"/>
      <c r="G15987" s="360"/>
      <c r="H15987" s="360"/>
      <c r="I15987" s="360"/>
      <c r="J15987" s="365"/>
      <c r="K15987" s="365"/>
      <c r="L15987" s="365"/>
    </row>
    <row r="15988" spans="2:12">
      <c r="B15988" s="367"/>
      <c r="C15988" s="359" t="s">
        <v>22931</v>
      </c>
      <c r="D15988" s="360"/>
      <c r="E15988" s="360"/>
      <c r="F15988" s="360"/>
      <c r="G15988" s="360"/>
      <c r="H15988" s="360"/>
      <c r="I15988" s="360"/>
      <c r="J15988" s="365"/>
      <c r="K15988" s="365"/>
      <c r="L15988" s="365"/>
    </row>
    <row r="15989" spans="2:12">
      <c r="B15989" s="367"/>
      <c r="C15989" s="360"/>
      <c r="D15989" s="360"/>
      <c r="E15989" s="360"/>
      <c r="F15989" s="360"/>
      <c r="G15989" s="360"/>
      <c r="H15989" s="360"/>
      <c r="I15989" s="360"/>
      <c r="J15989" s="365"/>
      <c r="K15989" s="365"/>
      <c r="L15989" s="365"/>
    </row>
    <row r="15990" spans="2:12" ht="28.5">
      <c r="B15990" s="367"/>
      <c r="C15990" s="359" t="s">
        <v>22932</v>
      </c>
      <c r="D15990" s="360"/>
      <c r="E15990" s="360"/>
      <c r="F15990" s="360"/>
      <c r="G15990" s="360"/>
      <c r="H15990" s="360"/>
      <c r="I15990" s="360"/>
      <c r="J15990" s="365"/>
      <c r="K15990" s="365"/>
      <c r="L15990" s="365"/>
    </row>
    <row r="15991" spans="2:12">
      <c r="B15991" s="367"/>
      <c r="C15991" s="360"/>
      <c r="D15991" s="360"/>
      <c r="E15991" s="360"/>
      <c r="F15991" s="360"/>
      <c r="G15991" s="360"/>
      <c r="H15991" s="360"/>
      <c r="I15991" s="360"/>
      <c r="J15991" s="365"/>
      <c r="K15991" s="365"/>
      <c r="L15991" s="365"/>
    </row>
    <row r="15992" spans="2:12">
      <c r="B15992" s="367"/>
      <c r="C15992" s="359" t="s">
        <v>22933</v>
      </c>
      <c r="D15992" s="360"/>
      <c r="E15992" s="360"/>
      <c r="F15992" s="360"/>
      <c r="G15992" s="360"/>
      <c r="H15992" s="360"/>
      <c r="I15992" s="360"/>
      <c r="J15992" s="365"/>
      <c r="K15992" s="365"/>
      <c r="L15992" s="365"/>
    </row>
    <row r="15993" spans="2:12">
      <c r="B15993" s="367"/>
      <c r="C15993" s="360"/>
      <c r="D15993" s="360"/>
      <c r="E15993" s="360"/>
      <c r="F15993" s="360"/>
      <c r="G15993" s="360"/>
      <c r="H15993" s="360"/>
      <c r="I15993" s="360"/>
      <c r="J15993" s="365"/>
      <c r="K15993" s="365"/>
      <c r="L15993" s="365"/>
    </row>
    <row r="15994" spans="2:12">
      <c r="B15994" s="368"/>
      <c r="C15994" s="361" t="s">
        <v>22934</v>
      </c>
      <c r="D15994" s="362"/>
      <c r="E15994" s="362"/>
      <c r="F15994" s="362"/>
      <c r="G15994" s="362"/>
      <c r="H15994" s="362"/>
      <c r="I15994" s="362"/>
      <c r="J15994" s="366"/>
      <c r="K15994" s="366"/>
      <c r="L15994" s="366"/>
    </row>
    <row r="15995" spans="2:12" ht="28.5">
      <c r="B15995" s="358" t="s">
        <v>22935</v>
      </c>
      <c r="C15995" s="358" t="s">
        <v>27801</v>
      </c>
      <c r="D15995" s="358" t="s">
        <v>22936</v>
      </c>
      <c r="E15995" s="358" t="s">
        <v>22937</v>
      </c>
      <c r="F15995" s="358" t="s">
        <v>14426</v>
      </c>
      <c r="G15995" s="358" t="s">
        <v>14427</v>
      </c>
      <c r="H15995" s="358" t="s">
        <v>14341</v>
      </c>
      <c r="I15995" s="358" t="s">
        <v>14427</v>
      </c>
      <c r="J15995" s="358"/>
      <c r="K15995" s="358"/>
      <c r="L15995" s="358"/>
    </row>
    <row r="15996" spans="2:12">
      <c r="B15996" s="367"/>
      <c r="C15996" s="360"/>
      <c r="D15996" s="360"/>
      <c r="E15996" s="360"/>
      <c r="F15996" s="360"/>
      <c r="G15996" s="360"/>
      <c r="H15996" s="360"/>
      <c r="I15996" s="360"/>
      <c r="J15996" s="365"/>
      <c r="K15996" s="365"/>
      <c r="L15996" s="365"/>
    </row>
    <row r="15997" spans="2:12" ht="28.5">
      <c r="B15997" s="367"/>
      <c r="C15997" s="359" t="s">
        <v>30340</v>
      </c>
      <c r="D15997" s="359" t="s">
        <v>22938</v>
      </c>
      <c r="E15997" s="359" t="s">
        <v>22939</v>
      </c>
      <c r="F15997" s="359" t="s">
        <v>14420</v>
      </c>
      <c r="G15997" s="359" t="s">
        <v>14429</v>
      </c>
      <c r="H15997" s="359" t="s">
        <v>14381</v>
      </c>
      <c r="I15997" s="359" t="s">
        <v>14429</v>
      </c>
      <c r="J15997" s="365"/>
      <c r="K15997" s="365"/>
      <c r="L15997" s="365"/>
    </row>
    <row r="15998" spans="2:12">
      <c r="B15998" s="367"/>
      <c r="C15998" s="360"/>
      <c r="D15998" s="360"/>
      <c r="E15998" s="360"/>
      <c r="F15998" s="360"/>
      <c r="G15998" s="360"/>
      <c r="H15998" s="360"/>
      <c r="I15998" s="360"/>
      <c r="J15998" s="365"/>
      <c r="K15998" s="365"/>
      <c r="L15998" s="365"/>
    </row>
    <row r="15999" spans="2:12">
      <c r="B15999" s="367"/>
      <c r="C15999" s="359" t="s">
        <v>29489</v>
      </c>
      <c r="D15999" s="360"/>
      <c r="E15999" s="360"/>
      <c r="F15999" s="359" t="s">
        <v>14389</v>
      </c>
      <c r="G15999" s="359" t="s">
        <v>14390</v>
      </c>
      <c r="H15999" s="359" t="s">
        <v>14367</v>
      </c>
      <c r="I15999" s="359" t="s">
        <v>14390</v>
      </c>
      <c r="J15999" s="365"/>
      <c r="K15999" s="365"/>
      <c r="L15999" s="365"/>
    </row>
    <row r="16000" spans="2:12">
      <c r="B16000" s="367"/>
      <c r="C16000" s="360"/>
      <c r="D16000" s="360"/>
      <c r="E16000" s="360"/>
      <c r="F16000" s="360"/>
      <c r="G16000" s="360"/>
      <c r="H16000" s="360"/>
      <c r="I16000" s="360"/>
      <c r="J16000" s="365"/>
      <c r="K16000" s="365"/>
      <c r="L16000" s="365"/>
    </row>
    <row r="16001" spans="2:12" ht="28.5">
      <c r="B16001" s="367"/>
      <c r="C16001" s="359" t="s">
        <v>22940</v>
      </c>
      <c r="D16001" s="360"/>
      <c r="E16001" s="360"/>
      <c r="F16001" s="359" t="s">
        <v>14430</v>
      </c>
      <c r="G16001" s="359" t="s">
        <v>14431</v>
      </c>
      <c r="H16001" s="359" t="s">
        <v>14332</v>
      </c>
      <c r="I16001" s="359" t="s">
        <v>14431</v>
      </c>
      <c r="J16001" s="365"/>
      <c r="K16001" s="365"/>
      <c r="L16001" s="365"/>
    </row>
    <row r="16002" spans="2:12">
      <c r="B16002" s="367"/>
      <c r="C16002" s="360"/>
      <c r="D16002" s="360"/>
      <c r="E16002" s="360"/>
      <c r="F16002" s="360"/>
      <c r="G16002" s="360"/>
      <c r="H16002" s="360"/>
      <c r="I16002" s="360"/>
      <c r="J16002" s="365"/>
      <c r="K16002" s="365"/>
      <c r="L16002" s="365"/>
    </row>
    <row r="16003" spans="2:12" ht="28.5">
      <c r="B16003" s="368"/>
      <c r="C16003" s="361" t="s">
        <v>22941</v>
      </c>
      <c r="D16003" s="362"/>
      <c r="E16003" s="362"/>
      <c r="F16003" s="362"/>
      <c r="G16003" s="362"/>
      <c r="H16003" s="362"/>
      <c r="I16003" s="362"/>
      <c r="J16003" s="366"/>
      <c r="K16003" s="366"/>
      <c r="L16003" s="366"/>
    </row>
    <row r="16004" spans="2:12" ht="28.5">
      <c r="B16004" s="358" t="s">
        <v>22942</v>
      </c>
      <c r="C16004" s="358" t="s">
        <v>22943</v>
      </c>
      <c r="D16004" s="358" t="s">
        <v>22944</v>
      </c>
      <c r="E16004" s="358" t="s">
        <v>22945</v>
      </c>
      <c r="F16004" s="358" t="s">
        <v>14472</v>
      </c>
      <c r="G16004" s="358" t="s">
        <v>14473</v>
      </c>
      <c r="H16004" s="358" t="s">
        <v>8356</v>
      </c>
      <c r="I16004" s="358" t="s">
        <v>14473</v>
      </c>
      <c r="J16004" s="358"/>
      <c r="K16004" s="358"/>
      <c r="L16004" s="358"/>
    </row>
    <row r="16005" spans="2:12">
      <c r="B16005" s="368"/>
      <c r="C16005" s="368"/>
      <c r="D16005" s="368"/>
      <c r="E16005" s="368"/>
      <c r="F16005" s="368"/>
      <c r="G16005" s="368"/>
      <c r="H16005" s="368"/>
      <c r="I16005" s="368"/>
      <c r="J16005" s="366"/>
      <c r="K16005" s="366"/>
      <c r="L16005" s="366"/>
    </row>
    <row r="16006" spans="2:12">
      <c r="B16006" s="358" t="s">
        <v>22946</v>
      </c>
      <c r="C16006" s="358" t="s">
        <v>22947</v>
      </c>
      <c r="D16006" s="358" t="s">
        <v>22948</v>
      </c>
      <c r="E16006" s="358" t="s">
        <v>22949</v>
      </c>
      <c r="F16006" s="358" t="s">
        <v>18780</v>
      </c>
      <c r="G16006" s="358" t="s">
        <v>15011</v>
      </c>
      <c r="H16006" s="358" t="s">
        <v>14954</v>
      </c>
      <c r="I16006" s="358" t="s">
        <v>15011</v>
      </c>
      <c r="J16006" s="358"/>
      <c r="K16006" s="358"/>
      <c r="L16006" s="358"/>
    </row>
    <row r="16007" spans="2:12">
      <c r="B16007" s="367"/>
      <c r="C16007" s="367"/>
      <c r="D16007" s="367"/>
      <c r="E16007" s="367"/>
      <c r="F16007" s="360"/>
      <c r="G16007" s="360"/>
      <c r="H16007" s="360"/>
      <c r="I16007" s="360"/>
      <c r="J16007" s="365"/>
      <c r="K16007" s="365"/>
      <c r="L16007" s="365"/>
    </row>
    <row r="16008" spans="2:12">
      <c r="B16008" s="367"/>
      <c r="C16008" s="367"/>
      <c r="D16008" s="367"/>
      <c r="E16008" s="367"/>
      <c r="F16008" s="359" t="s">
        <v>14460</v>
      </c>
      <c r="G16008" s="359" t="s">
        <v>14461</v>
      </c>
      <c r="H16008" s="359" t="s">
        <v>14381</v>
      </c>
      <c r="I16008" s="359" t="s">
        <v>14461</v>
      </c>
      <c r="J16008" s="365"/>
      <c r="K16008" s="365"/>
      <c r="L16008" s="365"/>
    </row>
    <row r="16009" spans="2:12">
      <c r="B16009" s="367"/>
      <c r="C16009" s="367"/>
      <c r="D16009" s="367"/>
      <c r="E16009" s="367"/>
      <c r="F16009" s="360"/>
      <c r="G16009" s="360"/>
      <c r="H16009" s="360"/>
      <c r="I16009" s="360"/>
      <c r="J16009" s="365"/>
      <c r="K16009" s="365"/>
      <c r="L16009" s="365"/>
    </row>
    <row r="16010" spans="2:12">
      <c r="B16010" s="367"/>
      <c r="C16010" s="367"/>
      <c r="D16010" s="367"/>
      <c r="E16010" s="367"/>
      <c r="F16010" s="359" t="s">
        <v>14371</v>
      </c>
      <c r="G16010" s="359" t="s">
        <v>14372</v>
      </c>
      <c r="H16010" s="359" t="s">
        <v>14370</v>
      </c>
      <c r="I16010" s="359" t="s">
        <v>14373</v>
      </c>
      <c r="J16010" s="365"/>
      <c r="K16010" s="365"/>
      <c r="L16010" s="365"/>
    </row>
    <row r="16011" spans="2:12">
      <c r="B16011" s="367"/>
      <c r="C16011" s="367"/>
      <c r="D16011" s="367"/>
      <c r="E16011" s="367"/>
      <c r="F16011" s="360"/>
      <c r="G16011" s="360"/>
      <c r="H16011" s="360"/>
      <c r="I16011" s="360"/>
      <c r="J16011" s="365"/>
      <c r="K16011" s="365"/>
      <c r="L16011" s="365"/>
    </row>
    <row r="16012" spans="2:12" ht="28.5">
      <c r="B16012" s="368"/>
      <c r="C16012" s="368"/>
      <c r="D16012" s="368"/>
      <c r="E16012" s="368"/>
      <c r="F16012" s="361" t="s">
        <v>14374</v>
      </c>
      <c r="G16012" s="361" t="s">
        <v>14373</v>
      </c>
      <c r="H16012" s="361" t="s">
        <v>14332</v>
      </c>
      <c r="I16012" s="362"/>
      <c r="J16012" s="366"/>
      <c r="K16012" s="366"/>
      <c r="L16012" s="366"/>
    </row>
    <row r="16013" spans="2:12" ht="42.75">
      <c r="B16013" s="358" t="s">
        <v>22950</v>
      </c>
      <c r="C16013" s="358" t="s">
        <v>29490</v>
      </c>
      <c r="D16013" s="358" t="s">
        <v>22951</v>
      </c>
      <c r="E16013" s="358" t="s">
        <v>22952</v>
      </c>
      <c r="F16013" s="358" t="s">
        <v>14507</v>
      </c>
      <c r="G16013" s="358" t="s">
        <v>29491</v>
      </c>
      <c r="H16013" s="358" t="s">
        <v>14381</v>
      </c>
      <c r="I16013" s="358" t="s">
        <v>29491</v>
      </c>
      <c r="J16013" s="358"/>
      <c r="K16013" s="358"/>
      <c r="L16013" s="358"/>
    </row>
    <row r="16014" spans="2:12">
      <c r="B16014" s="367"/>
      <c r="C16014" s="367"/>
      <c r="D16014" s="367"/>
      <c r="E16014" s="367"/>
      <c r="F16014" s="360"/>
      <c r="G16014" s="360"/>
      <c r="H16014" s="360"/>
      <c r="I16014" s="360"/>
      <c r="J16014" s="365"/>
      <c r="K16014" s="365"/>
      <c r="L16014" s="365"/>
    </row>
    <row r="16015" spans="2:12">
      <c r="B16015" s="367"/>
      <c r="C16015" s="367"/>
      <c r="D16015" s="367"/>
      <c r="E16015" s="367"/>
      <c r="F16015" s="359" t="s">
        <v>14460</v>
      </c>
      <c r="G16015" s="359" t="s">
        <v>14395</v>
      </c>
      <c r="H16015" s="359" t="s">
        <v>14370</v>
      </c>
      <c r="I16015" s="359" t="s">
        <v>14395</v>
      </c>
      <c r="J16015" s="365"/>
      <c r="K16015" s="365"/>
      <c r="L16015" s="365"/>
    </row>
    <row r="16016" spans="2:12">
      <c r="B16016" s="367"/>
      <c r="C16016" s="367"/>
      <c r="D16016" s="367"/>
      <c r="E16016" s="367"/>
      <c r="F16016" s="360"/>
      <c r="G16016" s="360"/>
      <c r="H16016" s="360"/>
      <c r="I16016" s="360"/>
      <c r="J16016" s="365"/>
      <c r="K16016" s="365"/>
      <c r="L16016" s="365"/>
    </row>
    <row r="16017" spans="2:12" ht="28.5">
      <c r="B16017" s="368"/>
      <c r="C16017" s="368"/>
      <c r="D16017" s="368"/>
      <c r="E16017" s="368"/>
      <c r="F16017" s="361" t="s">
        <v>14394</v>
      </c>
      <c r="G16017" s="362"/>
      <c r="H16017" s="361" t="s">
        <v>14422</v>
      </c>
      <c r="I16017" s="362"/>
      <c r="J16017" s="366"/>
      <c r="K16017" s="366"/>
      <c r="L16017" s="366"/>
    </row>
    <row r="16018" spans="2:12" ht="42.75">
      <c r="B16018" s="358" t="s">
        <v>22953</v>
      </c>
      <c r="C16018" s="358" t="s">
        <v>29492</v>
      </c>
      <c r="D16018" s="358" t="s">
        <v>22954</v>
      </c>
      <c r="E16018" s="358" t="s">
        <v>22955</v>
      </c>
      <c r="F16018" s="358" t="s">
        <v>14386</v>
      </c>
      <c r="G16018" s="358" t="s">
        <v>14387</v>
      </c>
      <c r="H16018" s="358" t="s">
        <v>14367</v>
      </c>
      <c r="I16018" s="358" t="s">
        <v>14387</v>
      </c>
      <c r="J16018" s="358"/>
      <c r="K16018" s="358"/>
      <c r="L16018" s="358"/>
    </row>
    <row r="16019" spans="2:12">
      <c r="B16019" s="367"/>
      <c r="C16019" s="360"/>
      <c r="D16019" s="367"/>
      <c r="E16019" s="367"/>
      <c r="F16019" s="360"/>
      <c r="G16019" s="360"/>
      <c r="H16019" s="360"/>
      <c r="I16019" s="360"/>
      <c r="J16019" s="365"/>
      <c r="K16019" s="365"/>
      <c r="L16019" s="365"/>
    </row>
    <row r="16020" spans="2:12" ht="42.75">
      <c r="B16020" s="368"/>
      <c r="C16020" s="361" t="s">
        <v>30341</v>
      </c>
      <c r="D16020" s="368"/>
      <c r="E16020" s="368"/>
      <c r="F16020" s="361" t="s">
        <v>14472</v>
      </c>
      <c r="G16020" s="361" t="s">
        <v>14473</v>
      </c>
      <c r="H16020" s="361" t="s">
        <v>14422</v>
      </c>
      <c r="I16020" s="361" t="s">
        <v>14473</v>
      </c>
      <c r="J16020" s="366"/>
      <c r="K16020" s="366"/>
      <c r="L16020" s="366"/>
    </row>
    <row r="16021" spans="2:12">
      <c r="B16021" s="358" t="s">
        <v>22956</v>
      </c>
      <c r="C16021" s="358" t="s">
        <v>29493</v>
      </c>
      <c r="D16021" s="358" t="s">
        <v>22957</v>
      </c>
      <c r="E16021" s="358" t="s">
        <v>8356</v>
      </c>
      <c r="F16021" s="358" t="s">
        <v>17129</v>
      </c>
      <c r="G16021" s="358" t="s">
        <v>29495</v>
      </c>
      <c r="H16021" s="358" t="s">
        <v>17129</v>
      </c>
      <c r="I16021" s="358" t="s">
        <v>29495</v>
      </c>
      <c r="J16021" s="358"/>
      <c r="K16021" s="358"/>
      <c r="L16021" s="358"/>
    </row>
    <row r="16022" spans="2:12">
      <c r="B16022" s="367"/>
      <c r="C16022" s="360"/>
      <c r="D16022" s="367"/>
      <c r="E16022" s="367"/>
      <c r="F16022" s="360"/>
      <c r="G16022" s="367"/>
      <c r="H16022" s="367"/>
      <c r="I16022" s="367"/>
      <c r="J16022" s="365"/>
      <c r="K16022" s="365"/>
      <c r="L16022" s="365"/>
    </row>
    <row r="16023" spans="2:12" ht="57">
      <c r="B16023" s="368"/>
      <c r="C16023" s="361" t="s">
        <v>29494</v>
      </c>
      <c r="D16023" s="368"/>
      <c r="E16023" s="368"/>
      <c r="F16023" s="361" t="s">
        <v>14462</v>
      </c>
      <c r="G16023" s="368"/>
      <c r="H16023" s="368"/>
      <c r="I16023" s="368"/>
      <c r="J16023" s="366"/>
      <c r="K16023" s="366"/>
      <c r="L16023" s="366"/>
    </row>
    <row r="16024" spans="2:12" ht="57">
      <c r="B16024" s="358" t="s">
        <v>22958</v>
      </c>
      <c r="C16024" s="358" t="s">
        <v>22959</v>
      </c>
      <c r="D16024" s="358" t="s">
        <v>22960</v>
      </c>
      <c r="E16024" s="358" t="s">
        <v>8356</v>
      </c>
      <c r="F16024" s="358" t="s">
        <v>14430</v>
      </c>
      <c r="G16024" s="358" t="s">
        <v>14431</v>
      </c>
      <c r="H16024" s="358" t="s">
        <v>14341</v>
      </c>
      <c r="I16024" s="358" t="s">
        <v>14431</v>
      </c>
      <c r="J16024" s="358"/>
      <c r="K16024" s="358"/>
      <c r="L16024" s="358"/>
    </row>
    <row r="16025" spans="2:12">
      <c r="B16025" s="367"/>
      <c r="C16025" s="367"/>
      <c r="D16025" s="367"/>
      <c r="E16025" s="367"/>
      <c r="F16025" s="360"/>
      <c r="G16025" s="360"/>
      <c r="H16025" s="360"/>
      <c r="I16025" s="360"/>
      <c r="J16025" s="365"/>
      <c r="K16025" s="365"/>
      <c r="L16025" s="365"/>
    </row>
    <row r="16026" spans="2:12" ht="28.5">
      <c r="B16026" s="368"/>
      <c r="C16026" s="368"/>
      <c r="D16026" s="368"/>
      <c r="E16026" s="368"/>
      <c r="F16026" s="361" t="s">
        <v>14472</v>
      </c>
      <c r="G16026" s="361" t="s">
        <v>14473</v>
      </c>
      <c r="H16026" s="361" t="s">
        <v>14332</v>
      </c>
      <c r="I16026" s="361" t="s">
        <v>14473</v>
      </c>
      <c r="J16026" s="366"/>
      <c r="K16026" s="366"/>
      <c r="L16026" s="366"/>
    </row>
    <row r="16027" spans="2:12" ht="42.75">
      <c r="B16027" s="358" t="s">
        <v>22961</v>
      </c>
      <c r="C16027" s="358" t="s">
        <v>29496</v>
      </c>
      <c r="D16027" s="358" t="s">
        <v>22962</v>
      </c>
      <c r="E16027" s="358" t="s">
        <v>8356</v>
      </c>
      <c r="F16027" s="358" t="s">
        <v>17129</v>
      </c>
      <c r="G16027" s="358" t="s">
        <v>29495</v>
      </c>
      <c r="H16027" s="358" t="s">
        <v>17129</v>
      </c>
      <c r="I16027" s="358" t="s">
        <v>29495</v>
      </c>
      <c r="J16027" s="358"/>
      <c r="K16027" s="358"/>
      <c r="L16027" s="358"/>
    </row>
    <row r="16028" spans="2:12">
      <c r="B16028" s="367"/>
      <c r="C16028" s="360"/>
      <c r="D16028" s="367"/>
      <c r="E16028" s="367"/>
      <c r="F16028" s="360"/>
      <c r="G16028" s="367"/>
      <c r="H16028" s="367"/>
      <c r="I16028" s="367"/>
      <c r="J16028" s="365"/>
      <c r="K16028" s="365"/>
      <c r="L16028" s="365"/>
    </row>
    <row r="16029" spans="2:12" ht="28.5">
      <c r="B16029" s="367"/>
      <c r="C16029" s="359" t="s">
        <v>29497</v>
      </c>
      <c r="D16029" s="367"/>
      <c r="E16029" s="367"/>
      <c r="F16029" s="359" t="s">
        <v>14462</v>
      </c>
      <c r="G16029" s="367"/>
      <c r="H16029" s="367"/>
      <c r="I16029" s="367"/>
      <c r="J16029" s="365"/>
      <c r="K16029" s="365"/>
      <c r="L16029" s="365"/>
    </row>
    <row r="16030" spans="2:12">
      <c r="B16030" s="367"/>
      <c r="C16030" s="360"/>
      <c r="D16030" s="367"/>
      <c r="E16030" s="367"/>
      <c r="F16030" s="360"/>
      <c r="G16030" s="367"/>
      <c r="H16030" s="367"/>
      <c r="I16030" s="367"/>
      <c r="J16030" s="365"/>
      <c r="K16030" s="365"/>
      <c r="L16030" s="365"/>
    </row>
    <row r="16031" spans="2:12" ht="57">
      <c r="B16031" s="367"/>
      <c r="C16031" s="359" t="s">
        <v>27802</v>
      </c>
      <c r="D16031" s="367"/>
      <c r="E16031" s="367"/>
      <c r="F16031" s="360"/>
      <c r="G16031" s="367"/>
      <c r="H16031" s="367"/>
      <c r="I16031" s="367"/>
      <c r="J16031" s="365"/>
      <c r="K16031" s="365"/>
      <c r="L16031" s="365"/>
    </row>
    <row r="16032" spans="2:12">
      <c r="B16032" s="367"/>
      <c r="C16032" s="360"/>
      <c r="D16032" s="367"/>
      <c r="E16032" s="367"/>
      <c r="F16032" s="360"/>
      <c r="G16032" s="367"/>
      <c r="H16032" s="367"/>
      <c r="I16032" s="367"/>
      <c r="J16032" s="365"/>
      <c r="K16032" s="365"/>
      <c r="L16032" s="365"/>
    </row>
    <row r="16033" spans="2:12" ht="57">
      <c r="B16033" s="368"/>
      <c r="C16033" s="361" t="s">
        <v>27803</v>
      </c>
      <c r="D16033" s="368"/>
      <c r="E16033" s="368"/>
      <c r="F16033" s="362"/>
      <c r="G16033" s="368"/>
      <c r="H16033" s="368"/>
      <c r="I16033" s="368"/>
      <c r="J16033" s="366"/>
      <c r="K16033" s="366"/>
      <c r="L16033" s="366"/>
    </row>
    <row r="16034" spans="2:12" ht="57">
      <c r="B16034" s="358" t="s">
        <v>22963</v>
      </c>
      <c r="C16034" s="358" t="s">
        <v>30342</v>
      </c>
      <c r="D16034" s="358" t="s">
        <v>22964</v>
      </c>
      <c r="E16034" s="358" t="s">
        <v>8356</v>
      </c>
      <c r="F16034" s="358" t="s">
        <v>14430</v>
      </c>
      <c r="G16034" s="358" t="s">
        <v>14431</v>
      </c>
      <c r="H16034" s="358" t="s">
        <v>14341</v>
      </c>
      <c r="I16034" s="358" t="s">
        <v>14431</v>
      </c>
      <c r="J16034" s="358"/>
      <c r="K16034" s="358"/>
      <c r="L16034" s="358"/>
    </row>
    <row r="16035" spans="2:12">
      <c r="B16035" s="367"/>
      <c r="C16035" s="367"/>
      <c r="D16035" s="367"/>
      <c r="E16035" s="367"/>
      <c r="F16035" s="367"/>
      <c r="G16035" s="367"/>
      <c r="H16035" s="360"/>
      <c r="I16035" s="367"/>
      <c r="J16035" s="365"/>
      <c r="K16035" s="365"/>
      <c r="L16035" s="365"/>
    </row>
    <row r="16036" spans="2:12">
      <c r="B16036" s="368"/>
      <c r="C16036" s="368"/>
      <c r="D16036" s="368"/>
      <c r="E16036" s="368"/>
      <c r="F16036" s="368"/>
      <c r="G16036" s="368"/>
      <c r="H16036" s="361" t="s">
        <v>14332</v>
      </c>
      <c r="I16036" s="368"/>
      <c r="J16036" s="366"/>
      <c r="K16036" s="366"/>
      <c r="L16036" s="366"/>
    </row>
    <row r="16037" spans="2:12" ht="42.75">
      <c r="B16037" s="358" t="s">
        <v>22965</v>
      </c>
      <c r="C16037" s="358" t="s">
        <v>22966</v>
      </c>
      <c r="D16037" s="358" t="s">
        <v>22967</v>
      </c>
      <c r="E16037" s="358" t="s">
        <v>8356</v>
      </c>
      <c r="F16037" s="358" t="s">
        <v>14420</v>
      </c>
      <c r="G16037" s="358" t="s">
        <v>14429</v>
      </c>
      <c r="H16037" s="358" t="s">
        <v>14341</v>
      </c>
      <c r="I16037" s="358" t="s">
        <v>14429</v>
      </c>
      <c r="J16037" s="358"/>
      <c r="K16037" s="358"/>
      <c r="L16037" s="358"/>
    </row>
    <row r="16038" spans="2:12">
      <c r="B16038" s="367"/>
      <c r="C16038" s="367"/>
      <c r="D16038" s="367"/>
      <c r="E16038" s="367"/>
      <c r="F16038" s="360"/>
      <c r="G16038" s="360"/>
      <c r="H16038" s="360"/>
      <c r="I16038" s="360"/>
      <c r="J16038" s="365"/>
      <c r="K16038" s="365"/>
      <c r="L16038" s="365"/>
    </row>
    <row r="16039" spans="2:12">
      <c r="B16039" s="367"/>
      <c r="C16039" s="367"/>
      <c r="D16039" s="367"/>
      <c r="E16039" s="367"/>
      <c r="F16039" s="359" t="s">
        <v>14430</v>
      </c>
      <c r="G16039" s="359" t="s">
        <v>14431</v>
      </c>
      <c r="H16039" s="359" t="s">
        <v>14367</v>
      </c>
      <c r="I16039" s="359" t="s">
        <v>14431</v>
      </c>
      <c r="J16039" s="365"/>
      <c r="K16039" s="365"/>
      <c r="L16039" s="365"/>
    </row>
    <row r="16040" spans="2:12">
      <c r="B16040" s="367"/>
      <c r="C16040" s="367"/>
      <c r="D16040" s="367"/>
      <c r="E16040" s="367"/>
      <c r="F16040" s="360"/>
      <c r="G16040" s="360"/>
      <c r="H16040" s="360"/>
      <c r="I16040" s="360"/>
      <c r="J16040" s="365"/>
      <c r="K16040" s="365"/>
      <c r="L16040" s="365"/>
    </row>
    <row r="16041" spans="2:12" ht="28.5">
      <c r="B16041" s="367"/>
      <c r="C16041" s="367"/>
      <c r="D16041" s="367"/>
      <c r="E16041" s="367"/>
      <c r="F16041" s="359" t="s">
        <v>14394</v>
      </c>
      <c r="G16041" s="359" t="s">
        <v>14395</v>
      </c>
      <c r="H16041" s="359" t="s">
        <v>14370</v>
      </c>
      <c r="I16041" s="359" t="s">
        <v>14395</v>
      </c>
      <c r="J16041" s="365"/>
      <c r="K16041" s="365"/>
      <c r="L16041" s="365"/>
    </row>
    <row r="16042" spans="2:12">
      <c r="B16042" s="367"/>
      <c r="C16042" s="367"/>
      <c r="D16042" s="367"/>
      <c r="E16042" s="367"/>
      <c r="F16042" s="360"/>
      <c r="G16042" s="360"/>
      <c r="H16042" s="360"/>
      <c r="I16042" s="360"/>
      <c r="J16042" s="365"/>
      <c r="K16042" s="365"/>
      <c r="L16042" s="365"/>
    </row>
    <row r="16043" spans="2:12">
      <c r="B16043" s="368"/>
      <c r="C16043" s="368"/>
      <c r="D16043" s="368"/>
      <c r="E16043" s="368"/>
      <c r="F16043" s="362"/>
      <c r="G16043" s="362"/>
      <c r="H16043" s="361" t="s">
        <v>14332</v>
      </c>
      <c r="I16043" s="362"/>
      <c r="J16043" s="366"/>
      <c r="K16043" s="366"/>
      <c r="L16043" s="366"/>
    </row>
    <row r="16044" spans="2:12" ht="42.75">
      <c r="B16044" s="358" t="s">
        <v>22968</v>
      </c>
      <c r="C16044" s="358" t="s">
        <v>22969</v>
      </c>
      <c r="D16044" s="358" t="s">
        <v>22970</v>
      </c>
      <c r="E16044" s="358" t="s">
        <v>8356</v>
      </c>
      <c r="F16044" s="358" t="s">
        <v>14420</v>
      </c>
      <c r="G16044" s="358" t="s">
        <v>14429</v>
      </c>
      <c r="H16044" s="358" t="s">
        <v>14341</v>
      </c>
      <c r="I16044" s="358" t="s">
        <v>14429</v>
      </c>
      <c r="J16044" s="358"/>
      <c r="K16044" s="358"/>
      <c r="L16044" s="358"/>
    </row>
    <row r="16045" spans="2:12">
      <c r="B16045" s="367"/>
      <c r="C16045" s="367"/>
      <c r="D16045" s="367"/>
      <c r="E16045" s="367"/>
      <c r="F16045" s="360"/>
      <c r="G16045" s="360"/>
      <c r="H16045" s="360"/>
      <c r="I16045" s="360"/>
      <c r="J16045" s="365"/>
      <c r="K16045" s="365"/>
      <c r="L16045" s="365"/>
    </row>
    <row r="16046" spans="2:12">
      <c r="B16046" s="367"/>
      <c r="C16046" s="367"/>
      <c r="D16046" s="367"/>
      <c r="E16046" s="367"/>
      <c r="F16046" s="359" t="s">
        <v>14430</v>
      </c>
      <c r="G16046" s="359" t="s">
        <v>14431</v>
      </c>
      <c r="H16046" s="359" t="s">
        <v>14367</v>
      </c>
      <c r="I16046" s="359" t="s">
        <v>14431</v>
      </c>
      <c r="J16046" s="365"/>
      <c r="K16046" s="365"/>
      <c r="L16046" s="365"/>
    </row>
    <row r="16047" spans="2:12">
      <c r="B16047" s="367"/>
      <c r="C16047" s="367"/>
      <c r="D16047" s="367"/>
      <c r="E16047" s="367"/>
      <c r="F16047" s="360"/>
      <c r="G16047" s="360"/>
      <c r="H16047" s="360"/>
      <c r="I16047" s="360"/>
      <c r="J16047" s="365"/>
      <c r="K16047" s="365"/>
      <c r="L16047" s="365"/>
    </row>
    <row r="16048" spans="2:12" ht="28.5">
      <c r="B16048" s="367"/>
      <c r="C16048" s="367"/>
      <c r="D16048" s="367"/>
      <c r="E16048" s="367"/>
      <c r="F16048" s="359" t="s">
        <v>14394</v>
      </c>
      <c r="G16048" s="359" t="s">
        <v>14395</v>
      </c>
      <c r="H16048" s="359" t="s">
        <v>14370</v>
      </c>
      <c r="I16048" s="359" t="s">
        <v>14395</v>
      </c>
      <c r="J16048" s="365"/>
      <c r="K16048" s="365"/>
      <c r="L16048" s="365"/>
    </row>
    <row r="16049" spans="2:12">
      <c r="B16049" s="367"/>
      <c r="C16049" s="367"/>
      <c r="D16049" s="367"/>
      <c r="E16049" s="367"/>
      <c r="F16049" s="360"/>
      <c r="G16049" s="360"/>
      <c r="H16049" s="360"/>
      <c r="I16049" s="360"/>
      <c r="J16049" s="365"/>
      <c r="K16049" s="365"/>
      <c r="L16049" s="365"/>
    </row>
    <row r="16050" spans="2:12">
      <c r="B16050" s="368"/>
      <c r="C16050" s="368"/>
      <c r="D16050" s="368"/>
      <c r="E16050" s="368"/>
      <c r="F16050" s="362"/>
      <c r="G16050" s="362"/>
      <c r="H16050" s="361" t="s">
        <v>14332</v>
      </c>
      <c r="I16050" s="362"/>
      <c r="J16050" s="366"/>
      <c r="K16050" s="366"/>
      <c r="L16050" s="366"/>
    </row>
    <row r="16051" spans="2:12">
      <c r="B16051" s="358" t="s">
        <v>22971</v>
      </c>
      <c r="C16051" s="358" t="s">
        <v>22972</v>
      </c>
      <c r="D16051" s="358" t="s">
        <v>22973</v>
      </c>
      <c r="E16051" s="358" t="s">
        <v>8356</v>
      </c>
      <c r="F16051" s="358" t="s">
        <v>22974</v>
      </c>
      <c r="G16051" s="358" t="s">
        <v>16363</v>
      </c>
      <c r="H16051" s="358" t="s">
        <v>14328</v>
      </c>
      <c r="I16051" s="358" t="s">
        <v>16363</v>
      </c>
      <c r="J16051" s="358"/>
      <c r="K16051" s="358"/>
      <c r="L16051" s="358"/>
    </row>
    <row r="16052" spans="2:12">
      <c r="B16052" s="367"/>
      <c r="C16052" s="360"/>
      <c r="D16052" s="367"/>
      <c r="E16052" s="367"/>
      <c r="F16052" s="360"/>
      <c r="G16052" s="360"/>
      <c r="H16052" s="360"/>
      <c r="I16052" s="360"/>
      <c r="J16052" s="365"/>
      <c r="K16052" s="365"/>
      <c r="L16052" s="365"/>
    </row>
    <row r="16053" spans="2:12" ht="28.5">
      <c r="B16053" s="367"/>
      <c r="C16053" s="359" t="s">
        <v>22975</v>
      </c>
      <c r="D16053" s="367"/>
      <c r="E16053" s="367"/>
      <c r="F16053" s="359" t="s">
        <v>14420</v>
      </c>
      <c r="G16053" s="359" t="s">
        <v>14429</v>
      </c>
      <c r="H16053" s="359" t="s">
        <v>14367</v>
      </c>
      <c r="I16053" s="359" t="s">
        <v>14429</v>
      </c>
      <c r="J16053" s="365"/>
      <c r="K16053" s="365"/>
      <c r="L16053" s="365"/>
    </row>
    <row r="16054" spans="2:12">
      <c r="B16054" s="367"/>
      <c r="C16054" s="360"/>
      <c r="D16054" s="367"/>
      <c r="E16054" s="367"/>
      <c r="F16054" s="360"/>
      <c r="G16054" s="360"/>
      <c r="H16054" s="360"/>
      <c r="I16054" s="360"/>
      <c r="J16054" s="365"/>
      <c r="K16054" s="365"/>
      <c r="L16054" s="365"/>
    </row>
    <row r="16055" spans="2:12" ht="28.5">
      <c r="B16055" s="367"/>
      <c r="C16055" s="359" t="s">
        <v>22976</v>
      </c>
      <c r="D16055" s="367"/>
      <c r="E16055" s="367"/>
      <c r="F16055" s="359" t="s">
        <v>14394</v>
      </c>
      <c r="G16055" s="359" t="s">
        <v>14395</v>
      </c>
      <c r="H16055" s="359" t="s">
        <v>14370</v>
      </c>
      <c r="I16055" s="359" t="s">
        <v>14395</v>
      </c>
      <c r="J16055" s="365"/>
      <c r="K16055" s="365"/>
      <c r="L16055" s="365"/>
    </row>
    <row r="16056" spans="2:12">
      <c r="B16056" s="367"/>
      <c r="C16056" s="360"/>
      <c r="D16056" s="367"/>
      <c r="E16056" s="367"/>
      <c r="F16056" s="360"/>
      <c r="G16056" s="360"/>
      <c r="H16056" s="360"/>
      <c r="I16056" s="360"/>
      <c r="J16056" s="365"/>
      <c r="K16056" s="365"/>
      <c r="L16056" s="365"/>
    </row>
    <row r="16057" spans="2:12" ht="28.5">
      <c r="B16057" s="367"/>
      <c r="C16057" s="359" t="s">
        <v>22977</v>
      </c>
      <c r="D16057" s="367"/>
      <c r="E16057" s="367"/>
      <c r="F16057" s="360"/>
      <c r="G16057" s="360"/>
      <c r="H16057" s="359" t="s">
        <v>14332</v>
      </c>
      <c r="I16057" s="360"/>
      <c r="J16057" s="365"/>
      <c r="K16057" s="365"/>
      <c r="L16057" s="365"/>
    </row>
    <row r="16058" spans="2:12">
      <c r="B16058" s="367"/>
      <c r="C16058" s="360"/>
      <c r="D16058" s="367"/>
      <c r="E16058" s="367"/>
      <c r="F16058" s="360"/>
      <c r="G16058" s="360"/>
      <c r="H16058" s="360"/>
      <c r="I16058" s="360"/>
      <c r="J16058" s="365"/>
      <c r="K16058" s="365"/>
      <c r="L16058" s="365"/>
    </row>
    <row r="16059" spans="2:12" ht="28.5">
      <c r="B16059" s="368"/>
      <c r="C16059" s="361" t="s">
        <v>22978</v>
      </c>
      <c r="D16059" s="368"/>
      <c r="E16059" s="368"/>
      <c r="F16059" s="362"/>
      <c r="G16059" s="362"/>
      <c r="H16059" s="362"/>
      <c r="I16059" s="362"/>
      <c r="J16059" s="366"/>
      <c r="K16059" s="366"/>
      <c r="L16059" s="366"/>
    </row>
    <row r="16060" spans="2:12" ht="128.25">
      <c r="B16060" s="358" t="s">
        <v>22979</v>
      </c>
      <c r="C16060" s="358" t="s">
        <v>29498</v>
      </c>
      <c r="D16060" s="358" t="s">
        <v>22980</v>
      </c>
      <c r="E16060" s="358" t="s">
        <v>8356</v>
      </c>
      <c r="F16060" s="358" t="s">
        <v>14472</v>
      </c>
      <c r="G16060" s="358" t="s">
        <v>14473</v>
      </c>
      <c r="H16060" s="358" t="s">
        <v>8356</v>
      </c>
      <c r="I16060" s="358" t="s">
        <v>14473</v>
      </c>
      <c r="J16060" s="358"/>
      <c r="K16060" s="358"/>
      <c r="L16060" s="358"/>
    </row>
    <row r="16061" spans="2:12">
      <c r="B16061" s="368"/>
      <c r="C16061" s="368"/>
      <c r="D16061" s="368"/>
      <c r="E16061" s="368"/>
      <c r="F16061" s="368"/>
      <c r="G16061" s="368"/>
      <c r="H16061" s="368"/>
      <c r="I16061" s="368"/>
      <c r="J16061" s="366"/>
      <c r="K16061" s="366"/>
      <c r="L16061" s="366"/>
    </row>
    <row r="16062" spans="2:12">
      <c r="B16062" s="358" t="s">
        <v>22981</v>
      </c>
      <c r="C16062" s="358" t="s">
        <v>29451</v>
      </c>
      <c r="D16062" s="358" t="s">
        <v>22982</v>
      </c>
      <c r="E16062" s="358" t="s">
        <v>8356</v>
      </c>
      <c r="F16062" s="358" t="s">
        <v>14430</v>
      </c>
      <c r="G16062" s="358" t="s">
        <v>14431</v>
      </c>
      <c r="H16062" s="358" t="s">
        <v>14341</v>
      </c>
      <c r="I16062" s="358" t="s">
        <v>14431</v>
      </c>
      <c r="J16062" s="358"/>
      <c r="K16062" s="358"/>
      <c r="L16062" s="358"/>
    </row>
    <row r="16063" spans="2:12">
      <c r="B16063" s="367"/>
      <c r="C16063" s="360"/>
      <c r="D16063" s="367"/>
      <c r="E16063" s="367"/>
      <c r="F16063" s="360"/>
      <c r="G16063" s="360"/>
      <c r="H16063" s="360"/>
      <c r="I16063" s="360"/>
      <c r="J16063" s="365"/>
      <c r="K16063" s="365"/>
      <c r="L16063" s="365"/>
    </row>
    <row r="16064" spans="2:12" ht="71.25">
      <c r="B16064" s="367"/>
      <c r="C16064" s="359" t="s">
        <v>30343</v>
      </c>
      <c r="D16064" s="367"/>
      <c r="E16064" s="367"/>
      <c r="F16064" s="359" t="s">
        <v>14472</v>
      </c>
      <c r="G16064" s="359" t="s">
        <v>14473</v>
      </c>
      <c r="H16064" s="359" t="s">
        <v>14332</v>
      </c>
      <c r="I16064" s="359" t="s">
        <v>14473</v>
      </c>
      <c r="J16064" s="365"/>
      <c r="K16064" s="365"/>
      <c r="L16064" s="365"/>
    </row>
    <row r="16065" spans="2:12">
      <c r="B16065" s="367"/>
      <c r="C16065" s="360"/>
      <c r="D16065" s="367"/>
      <c r="E16065" s="367"/>
      <c r="F16065" s="360"/>
      <c r="G16065" s="360"/>
      <c r="H16065" s="360"/>
      <c r="I16065" s="360"/>
      <c r="J16065" s="365"/>
      <c r="K16065" s="365"/>
      <c r="L16065" s="365"/>
    </row>
    <row r="16066" spans="2:12" ht="99.75">
      <c r="B16066" s="368"/>
      <c r="C16066" s="361" t="s">
        <v>30344</v>
      </c>
      <c r="D16066" s="368"/>
      <c r="E16066" s="368"/>
      <c r="F16066" s="362"/>
      <c r="G16066" s="362"/>
      <c r="H16066" s="362"/>
      <c r="I16066" s="362"/>
      <c r="J16066" s="366"/>
      <c r="K16066" s="366"/>
      <c r="L16066" s="366"/>
    </row>
    <row r="16067" spans="2:12" ht="57">
      <c r="B16067" s="358" t="s">
        <v>22983</v>
      </c>
      <c r="C16067" s="358" t="s">
        <v>22984</v>
      </c>
      <c r="D16067" s="358" t="s">
        <v>22985</v>
      </c>
      <c r="E16067" s="358" t="s">
        <v>8356</v>
      </c>
      <c r="F16067" s="358" t="s">
        <v>14472</v>
      </c>
      <c r="G16067" s="358" t="s">
        <v>14473</v>
      </c>
      <c r="H16067" s="358" t="s">
        <v>8356</v>
      </c>
      <c r="I16067" s="358" t="s">
        <v>14473</v>
      </c>
      <c r="J16067" s="358"/>
      <c r="K16067" s="358"/>
      <c r="L16067" s="358"/>
    </row>
    <row r="16068" spans="2:12">
      <c r="B16068" s="368"/>
      <c r="C16068" s="368"/>
      <c r="D16068" s="368"/>
      <c r="E16068" s="368"/>
      <c r="F16068" s="368"/>
      <c r="G16068" s="368"/>
      <c r="H16068" s="368"/>
      <c r="I16068" s="368"/>
      <c r="J16068" s="366"/>
      <c r="K16068" s="366"/>
      <c r="L16068" s="366"/>
    </row>
    <row r="16069" spans="2:12" ht="85.5">
      <c r="B16069" s="358" t="s">
        <v>22986</v>
      </c>
      <c r="C16069" s="358" t="s">
        <v>29499</v>
      </c>
      <c r="D16069" s="358" t="s">
        <v>22987</v>
      </c>
      <c r="E16069" s="358" t="s">
        <v>8356</v>
      </c>
      <c r="F16069" s="358" t="s">
        <v>14430</v>
      </c>
      <c r="G16069" s="358" t="s">
        <v>14431</v>
      </c>
      <c r="H16069" s="358" t="s">
        <v>14341</v>
      </c>
      <c r="I16069" s="358" t="s">
        <v>14431</v>
      </c>
      <c r="J16069" s="358"/>
      <c r="K16069" s="358"/>
      <c r="L16069" s="358"/>
    </row>
    <row r="16070" spans="2:12">
      <c r="B16070" s="367"/>
      <c r="C16070" s="360"/>
      <c r="D16070" s="367"/>
      <c r="E16070" s="367"/>
      <c r="F16070" s="367"/>
      <c r="G16070" s="367"/>
      <c r="H16070" s="360"/>
      <c r="I16070" s="367"/>
      <c r="J16070" s="365"/>
      <c r="K16070" s="365"/>
      <c r="L16070" s="365"/>
    </row>
    <row r="16071" spans="2:12" ht="57">
      <c r="B16071" s="368"/>
      <c r="C16071" s="361" t="s">
        <v>22988</v>
      </c>
      <c r="D16071" s="368"/>
      <c r="E16071" s="368"/>
      <c r="F16071" s="368"/>
      <c r="G16071" s="368"/>
      <c r="H16071" s="361" t="s">
        <v>14332</v>
      </c>
      <c r="I16071" s="368"/>
      <c r="J16071" s="366"/>
      <c r="K16071" s="366"/>
      <c r="L16071" s="366"/>
    </row>
    <row r="16072" spans="2:12" ht="28.5">
      <c r="B16072" s="358" t="s">
        <v>22989</v>
      </c>
      <c r="C16072" s="358" t="s">
        <v>22990</v>
      </c>
      <c r="D16072" s="358" t="s">
        <v>22991</v>
      </c>
      <c r="E16072" s="358" t="s">
        <v>8356</v>
      </c>
      <c r="F16072" s="358" t="s">
        <v>14472</v>
      </c>
      <c r="G16072" s="358" t="s">
        <v>14473</v>
      </c>
      <c r="H16072" s="358" t="s">
        <v>8356</v>
      </c>
      <c r="I16072" s="358" t="s">
        <v>14473</v>
      </c>
      <c r="J16072" s="358"/>
      <c r="K16072" s="358"/>
      <c r="L16072" s="358"/>
    </row>
    <row r="16073" spans="2:12">
      <c r="B16073" s="368"/>
      <c r="C16073" s="368"/>
      <c r="D16073" s="368"/>
      <c r="E16073" s="368"/>
      <c r="F16073" s="368"/>
      <c r="G16073" s="368"/>
      <c r="H16073" s="368"/>
      <c r="I16073" s="368"/>
      <c r="J16073" s="366"/>
      <c r="K16073" s="366"/>
      <c r="L16073" s="366"/>
    </row>
    <row r="16074" spans="2:12" ht="57">
      <c r="B16074" s="358" t="s">
        <v>22992</v>
      </c>
      <c r="C16074" s="358" t="s">
        <v>30345</v>
      </c>
      <c r="D16074" s="358" t="s">
        <v>22993</v>
      </c>
      <c r="E16074" s="358" t="s">
        <v>8356</v>
      </c>
      <c r="F16074" s="358" t="s">
        <v>14472</v>
      </c>
      <c r="G16074" s="358" t="s">
        <v>14473</v>
      </c>
      <c r="H16074" s="358" t="s">
        <v>8356</v>
      </c>
      <c r="I16074" s="358" t="s">
        <v>14473</v>
      </c>
      <c r="J16074" s="358"/>
      <c r="K16074" s="358"/>
      <c r="L16074" s="358"/>
    </row>
    <row r="16075" spans="2:12">
      <c r="B16075" s="367"/>
      <c r="C16075" s="360"/>
      <c r="D16075" s="367"/>
      <c r="E16075" s="367"/>
      <c r="F16075" s="367"/>
      <c r="G16075" s="367"/>
      <c r="H16075" s="367"/>
      <c r="I16075" s="367"/>
      <c r="J16075" s="365"/>
      <c r="K16075" s="365"/>
      <c r="L16075" s="365"/>
    </row>
    <row r="16076" spans="2:12" ht="42.75">
      <c r="B16076" s="368"/>
      <c r="C16076" s="361" t="s">
        <v>30346</v>
      </c>
      <c r="D16076" s="368"/>
      <c r="E16076" s="368"/>
      <c r="F16076" s="368"/>
      <c r="G16076" s="368"/>
      <c r="H16076" s="368"/>
      <c r="I16076" s="368"/>
      <c r="J16076" s="366"/>
      <c r="K16076" s="366"/>
      <c r="L16076" s="366"/>
    </row>
    <row r="16077" spans="2:12" ht="57">
      <c r="B16077" s="358" t="s">
        <v>22994</v>
      </c>
      <c r="C16077" s="358" t="s">
        <v>29500</v>
      </c>
      <c r="D16077" s="358" t="s">
        <v>22995</v>
      </c>
      <c r="E16077" s="358" t="s">
        <v>8356</v>
      </c>
      <c r="F16077" s="358" t="s">
        <v>14430</v>
      </c>
      <c r="G16077" s="358" t="s">
        <v>14431</v>
      </c>
      <c r="H16077" s="358" t="s">
        <v>14341</v>
      </c>
      <c r="I16077" s="358" t="s">
        <v>14431</v>
      </c>
      <c r="J16077" s="358"/>
      <c r="K16077" s="358"/>
      <c r="L16077" s="358"/>
    </row>
    <row r="16078" spans="2:12">
      <c r="B16078" s="367"/>
      <c r="C16078" s="360"/>
      <c r="D16078" s="367"/>
      <c r="E16078" s="367"/>
      <c r="F16078" s="360"/>
      <c r="G16078" s="360"/>
      <c r="H16078" s="360"/>
      <c r="I16078" s="360"/>
      <c r="J16078" s="365"/>
      <c r="K16078" s="365"/>
      <c r="L16078" s="365"/>
    </row>
    <row r="16079" spans="2:12" ht="57">
      <c r="B16079" s="368"/>
      <c r="C16079" s="361" t="s">
        <v>22996</v>
      </c>
      <c r="D16079" s="368"/>
      <c r="E16079" s="368"/>
      <c r="F16079" s="361" t="s">
        <v>14472</v>
      </c>
      <c r="G16079" s="361" t="s">
        <v>14473</v>
      </c>
      <c r="H16079" s="361" t="s">
        <v>14332</v>
      </c>
      <c r="I16079" s="361" t="s">
        <v>14473</v>
      </c>
      <c r="J16079" s="366"/>
      <c r="K16079" s="366"/>
      <c r="L16079" s="366"/>
    </row>
    <row r="16080" spans="2:12" ht="28.5">
      <c r="B16080" s="358" t="s">
        <v>22997</v>
      </c>
      <c r="C16080" s="358" t="s">
        <v>29501</v>
      </c>
      <c r="D16080" s="358" t="s">
        <v>22998</v>
      </c>
      <c r="E16080" s="358" t="s">
        <v>8356</v>
      </c>
      <c r="F16080" s="358" t="s">
        <v>22999</v>
      </c>
      <c r="G16080" s="358" t="s">
        <v>16363</v>
      </c>
      <c r="H16080" s="358" t="s">
        <v>14328</v>
      </c>
      <c r="I16080" s="358" t="s">
        <v>16363</v>
      </c>
      <c r="J16080" s="358"/>
      <c r="K16080" s="358"/>
      <c r="L16080" s="358"/>
    </row>
    <row r="16081" spans="2:12">
      <c r="B16081" s="367"/>
      <c r="C16081" s="360"/>
      <c r="D16081" s="367"/>
      <c r="E16081" s="367"/>
      <c r="F16081" s="360"/>
      <c r="G16081" s="360"/>
      <c r="H16081" s="360"/>
      <c r="I16081" s="360"/>
      <c r="J16081" s="365"/>
      <c r="K16081" s="365"/>
      <c r="L16081" s="365"/>
    </row>
    <row r="16082" spans="2:12" ht="42.75">
      <c r="B16082" s="367"/>
      <c r="C16082" s="359" t="s">
        <v>29502</v>
      </c>
      <c r="D16082" s="367"/>
      <c r="E16082" s="367"/>
      <c r="F16082" s="359" t="s">
        <v>14507</v>
      </c>
      <c r="G16082" s="359" t="s">
        <v>14873</v>
      </c>
      <c r="H16082" s="359" t="s">
        <v>14381</v>
      </c>
      <c r="I16082" s="359" t="s">
        <v>14873</v>
      </c>
      <c r="J16082" s="365"/>
      <c r="K16082" s="365"/>
      <c r="L16082" s="365"/>
    </row>
    <row r="16083" spans="2:12">
      <c r="B16083" s="367"/>
      <c r="C16083" s="360"/>
      <c r="D16083" s="367"/>
      <c r="E16083" s="367"/>
      <c r="F16083" s="360"/>
      <c r="G16083" s="360"/>
      <c r="H16083" s="360"/>
      <c r="I16083" s="360"/>
      <c r="J16083" s="365"/>
      <c r="K16083" s="365"/>
      <c r="L16083" s="365"/>
    </row>
    <row r="16084" spans="2:12" ht="42.75">
      <c r="B16084" s="367"/>
      <c r="C16084" s="359" t="s">
        <v>23000</v>
      </c>
      <c r="D16084" s="367"/>
      <c r="E16084" s="367"/>
      <c r="F16084" s="359" t="s">
        <v>14420</v>
      </c>
      <c r="G16084" s="359" t="s">
        <v>14429</v>
      </c>
      <c r="H16084" s="359" t="s">
        <v>14367</v>
      </c>
      <c r="I16084" s="359" t="s">
        <v>14429</v>
      </c>
      <c r="J16084" s="365"/>
      <c r="K16084" s="365"/>
      <c r="L16084" s="365"/>
    </row>
    <row r="16085" spans="2:12">
      <c r="B16085" s="367"/>
      <c r="C16085" s="360"/>
      <c r="D16085" s="367"/>
      <c r="E16085" s="367"/>
      <c r="F16085" s="360"/>
      <c r="G16085" s="360"/>
      <c r="H16085" s="360"/>
      <c r="I16085" s="360"/>
      <c r="J16085" s="365"/>
      <c r="K16085" s="365"/>
      <c r="L16085" s="365"/>
    </row>
    <row r="16086" spans="2:12">
      <c r="B16086" s="367"/>
      <c r="C16086" s="360"/>
      <c r="D16086" s="367"/>
      <c r="E16086" s="367"/>
      <c r="F16086" s="359" t="s">
        <v>14460</v>
      </c>
      <c r="G16086" s="359" t="s">
        <v>14461</v>
      </c>
      <c r="H16086" s="359" t="s">
        <v>14332</v>
      </c>
      <c r="I16086" s="359" t="s">
        <v>14461</v>
      </c>
      <c r="J16086" s="365"/>
      <c r="K16086" s="365"/>
      <c r="L16086" s="365"/>
    </row>
    <row r="16087" spans="2:12">
      <c r="B16087" s="367"/>
      <c r="C16087" s="360"/>
      <c r="D16087" s="367"/>
      <c r="E16087" s="367"/>
      <c r="F16087" s="360"/>
      <c r="G16087" s="360"/>
      <c r="H16087" s="360"/>
      <c r="I16087" s="360"/>
      <c r="J16087" s="365"/>
      <c r="K16087" s="365"/>
      <c r="L16087" s="365"/>
    </row>
    <row r="16088" spans="2:12" ht="28.5">
      <c r="B16088" s="368"/>
      <c r="C16088" s="362"/>
      <c r="D16088" s="368"/>
      <c r="E16088" s="368"/>
      <c r="F16088" s="361" t="s">
        <v>14472</v>
      </c>
      <c r="G16088" s="361" t="s">
        <v>14473</v>
      </c>
      <c r="H16088" s="362"/>
      <c r="I16088" s="361" t="s">
        <v>14473</v>
      </c>
      <c r="J16088" s="366"/>
      <c r="K16088" s="366"/>
      <c r="L16088" s="366"/>
    </row>
    <row r="16089" spans="2:12" ht="114">
      <c r="B16089" s="358" t="s">
        <v>23001</v>
      </c>
      <c r="C16089" s="358" t="s">
        <v>29503</v>
      </c>
      <c r="D16089" s="358" t="s">
        <v>23002</v>
      </c>
      <c r="E16089" s="358" t="s">
        <v>8356</v>
      </c>
      <c r="F16089" s="358" t="s">
        <v>14430</v>
      </c>
      <c r="G16089" s="358" t="s">
        <v>14431</v>
      </c>
      <c r="H16089" s="358" t="s">
        <v>14341</v>
      </c>
      <c r="I16089" s="358" t="s">
        <v>14431</v>
      </c>
      <c r="J16089" s="358"/>
      <c r="K16089" s="358"/>
      <c r="L16089" s="358"/>
    </row>
    <row r="16090" spans="2:12">
      <c r="B16090" s="367"/>
      <c r="C16090" s="367"/>
      <c r="D16090" s="367"/>
      <c r="E16090" s="367"/>
      <c r="F16090" s="360"/>
      <c r="G16090" s="360"/>
      <c r="H16090" s="360"/>
      <c r="I16090" s="360"/>
      <c r="J16090" s="365"/>
      <c r="K16090" s="365"/>
      <c r="L16090" s="365"/>
    </row>
    <row r="16091" spans="2:12">
      <c r="B16091" s="367"/>
      <c r="C16091" s="367"/>
      <c r="D16091" s="367"/>
      <c r="E16091" s="367"/>
      <c r="F16091" s="359" t="s">
        <v>14391</v>
      </c>
      <c r="G16091" s="359" t="s">
        <v>14392</v>
      </c>
      <c r="H16091" s="359" t="s">
        <v>14367</v>
      </c>
      <c r="I16091" s="359" t="s">
        <v>14392</v>
      </c>
      <c r="J16091" s="365"/>
      <c r="K16091" s="365"/>
      <c r="L16091" s="365"/>
    </row>
    <row r="16092" spans="2:12">
      <c r="B16092" s="367"/>
      <c r="C16092" s="367"/>
      <c r="D16092" s="367"/>
      <c r="E16092" s="367"/>
      <c r="F16092" s="360"/>
      <c r="G16092" s="360"/>
      <c r="H16092" s="360"/>
      <c r="I16092" s="360"/>
      <c r="J16092" s="365"/>
      <c r="K16092" s="365"/>
      <c r="L16092" s="365"/>
    </row>
    <row r="16093" spans="2:12">
      <c r="B16093" s="368"/>
      <c r="C16093" s="368"/>
      <c r="D16093" s="368"/>
      <c r="E16093" s="368"/>
      <c r="F16093" s="362"/>
      <c r="G16093" s="362"/>
      <c r="H16093" s="361" t="s">
        <v>14332</v>
      </c>
      <c r="I16093" s="362"/>
      <c r="J16093" s="366"/>
      <c r="K16093" s="366"/>
      <c r="L16093" s="366"/>
    </row>
    <row r="16094" spans="2:12" ht="71.25">
      <c r="B16094" s="358" t="s">
        <v>23003</v>
      </c>
      <c r="C16094" s="358" t="s">
        <v>29504</v>
      </c>
      <c r="D16094" s="358" t="s">
        <v>23004</v>
      </c>
      <c r="E16094" s="358" t="s">
        <v>23005</v>
      </c>
      <c r="F16094" s="358" t="s">
        <v>14430</v>
      </c>
      <c r="G16094" s="358" t="s">
        <v>14431</v>
      </c>
      <c r="H16094" s="358" t="s">
        <v>14341</v>
      </c>
      <c r="I16094" s="358" t="s">
        <v>14431</v>
      </c>
      <c r="J16094" s="358"/>
      <c r="K16094" s="358"/>
      <c r="L16094" s="358"/>
    </row>
    <row r="16095" spans="2:12">
      <c r="B16095" s="367"/>
      <c r="C16095" s="360"/>
      <c r="D16095" s="367"/>
      <c r="E16095" s="367"/>
      <c r="F16095" s="367"/>
      <c r="G16095" s="367"/>
      <c r="H16095" s="360"/>
      <c r="I16095" s="367"/>
      <c r="J16095" s="365"/>
      <c r="K16095" s="365"/>
      <c r="L16095" s="365"/>
    </row>
    <row r="16096" spans="2:12" ht="71.25">
      <c r="B16096" s="368"/>
      <c r="C16096" s="361" t="s">
        <v>29505</v>
      </c>
      <c r="D16096" s="368"/>
      <c r="E16096" s="368"/>
      <c r="F16096" s="368"/>
      <c r="G16096" s="368"/>
      <c r="H16096" s="361" t="s">
        <v>14332</v>
      </c>
      <c r="I16096" s="368"/>
      <c r="J16096" s="366"/>
      <c r="K16096" s="366"/>
      <c r="L16096" s="366"/>
    </row>
    <row r="16097" spans="2:12" ht="128.25">
      <c r="B16097" s="358" t="s">
        <v>23006</v>
      </c>
      <c r="C16097" s="358" t="s">
        <v>30347</v>
      </c>
      <c r="D16097" s="358" t="s">
        <v>23007</v>
      </c>
      <c r="E16097" s="358" t="s">
        <v>8356</v>
      </c>
      <c r="F16097" s="358" t="s">
        <v>14430</v>
      </c>
      <c r="G16097" s="358" t="s">
        <v>14431</v>
      </c>
      <c r="H16097" s="358" t="s">
        <v>14341</v>
      </c>
      <c r="I16097" s="358" t="s">
        <v>14431</v>
      </c>
      <c r="J16097" s="358"/>
      <c r="K16097" s="358"/>
      <c r="L16097" s="358"/>
    </row>
    <row r="16098" spans="2:12">
      <c r="B16098" s="367"/>
      <c r="C16098" s="360"/>
      <c r="D16098" s="367"/>
      <c r="E16098" s="367"/>
      <c r="F16098" s="360"/>
      <c r="G16098" s="360"/>
      <c r="H16098" s="360"/>
      <c r="I16098" s="360"/>
      <c r="J16098" s="365"/>
      <c r="K16098" s="365"/>
      <c r="L16098" s="365"/>
    </row>
    <row r="16099" spans="2:12" ht="57">
      <c r="B16099" s="367"/>
      <c r="C16099" s="359" t="s">
        <v>30348</v>
      </c>
      <c r="D16099" s="367"/>
      <c r="E16099" s="367"/>
      <c r="F16099" s="359" t="s">
        <v>14472</v>
      </c>
      <c r="G16099" s="359" t="s">
        <v>14473</v>
      </c>
      <c r="H16099" s="359" t="s">
        <v>14332</v>
      </c>
      <c r="I16099" s="359" t="s">
        <v>14473</v>
      </c>
      <c r="J16099" s="365"/>
      <c r="K16099" s="365"/>
      <c r="L16099" s="365"/>
    </row>
    <row r="16100" spans="2:12">
      <c r="B16100" s="367"/>
      <c r="C16100" s="360"/>
      <c r="D16100" s="367"/>
      <c r="E16100" s="367"/>
      <c r="F16100" s="360"/>
      <c r="G16100" s="360"/>
      <c r="H16100" s="360"/>
      <c r="I16100" s="360"/>
      <c r="J16100" s="365"/>
      <c r="K16100" s="365"/>
      <c r="L16100" s="365"/>
    </row>
    <row r="16101" spans="2:12" ht="71.25">
      <c r="B16101" s="368"/>
      <c r="C16101" s="361" t="s">
        <v>30349</v>
      </c>
      <c r="D16101" s="368"/>
      <c r="E16101" s="368"/>
      <c r="F16101" s="362"/>
      <c r="G16101" s="362"/>
      <c r="H16101" s="362"/>
      <c r="I16101" s="362"/>
      <c r="J16101" s="366"/>
      <c r="K16101" s="366"/>
      <c r="L16101" s="366"/>
    </row>
    <row r="16102" spans="2:12" ht="42.75">
      <c r="B16102" s="358" t="s">
        <v>23008</v>
      </c>
      <c r="C16102" s="358" t="s">
        <v>27804</v>
      </c>
      <c r="D16102" s="358" t="s">
        <v>23009</v>
      </c>
      <c r="E16102" s="358" t="s">
        <v>8356</v>
      </c>
      <c r="F16102" s="358" t="s">
        <v>29506</v>
      </c>
      <c r="G16102" s="358" t="s">
        <v>16363</v>
      </c>
      <c r="H16102" s="358" t="s">
        <v>14328</v>
      </c>
      <c r="I16102" s="358" t="s">
        <v>16363</v>
      </c>
      <c r="J16102" s="358"/>
      <c r="K16102" s="358"/>
      <c r="L16102" s="358"/>
    </row>
    <row r="16103" spans="2:12">
      <c r="B16103" s="367"/>
      <c r="C16103" s="367"/>
      <c r="D16103" s="367"/>
      <c r="E16103" s="367"/>
      <c r="F16103" s="367"/>
      <c r="G16103" s="360"/>
      <c r="H16103" s="360"/>
      <c r="I16103" s="360"/>
      <c r="J16103" s="365"/>
      <c r="K16103" s="365"/>
      <c r="L16103" s="365"/>
    </row>
    <row r="16104" spans="2:12">
      <c r="B16104" s="367"/>
      <c r="C16104" s="367"/>
      <c r="D16104" s="367"/>
      <c r="E16104" s="367"/>
      <c r="F16104" s="367"/>
      <c r="G16104" s="359" t="s">
        <v>14395</v>
      </c>
      <c r="H16104" s="359" t="s">
        <v>14370</v>
      </c>
      <c r="I16104" s="359" t="s">
        <v>14395</v>
      </c>
      <c r="J16104" s="365"/>
      <c r="K16104" s="365"/>
      <c r="L16104" s="365"/>
    </row>
    <row r="16105" spans="2:12">
      <c r="B16105" s="367"/>
      <c r="C16105" s="367"/>
      <c r="D16105" s="367"/>
      <c r="E16105" s="367"/>
      <c r="F16105" s="367"/>
      <c r="G16105" s="360"/>
      <c r="H16105" s="360"/>
      <c r="I16105" s="360"/>
      <c r="J16105" s="365"/>
      <c r="K16105" s="365"/>
      <c r="L16105" s="365"/>
    </row>
    <row r="16106" spans="2:12">
      <c r="B16106" s="368"/>
      <c r="C16106" s="368"/>
      <c r="D16106" s="368"/>
      <c r="E16106" s="368"/>
      <c r="F16106" s="368"/>
      <c r="G16106" s="362"/>
      <c r="H16106" s="361" t="s">
        <v>14332</v>
      </c>
      <c r="I16106" s="362"/>
      <c r="J16106" s="366"/>
      <c r="K16106" s="366"/>
      <c r="L16106" s="366"/>
    </row>
    <row r="16107" spans="2:12" ht="114">
      <c r="B16107" s="358" t="s">
        <v>23010</v>
      </c>
      <c r="C16107" s="358" t="s">
        <v>29507</v>
      </c>
      <c r="D16107" s="358" t="s">
        <v>23011</v>
      </c>
      <c r="E16107" s="358" t="s">
        <v>23012</v>
      </c>
      <c r="F16107" s="358" t="s">
        <v>14430</v>
      </c>
      <c r="G16107" s="358" t="s">
        <v>14431</v>
      </c>
      <c r="H16107" s="358" t="s">
        <v>14341</v>
      </c>
      <c r="I16107" s="358" t="s">
        <v>14431</v>
      </c>
      <c r="J16107" s="358"/>
      <c r="K16107" s="358"/>
      <c r="L16107" s="358"/>
    </row>
    <row r="16108" spans="2:12">
      <c r="B16108" s="367"/>
      <c r="C16108" s="367"/>
      <c r="D16108" s="367"/>
      <c r="E16108" s="367"/>
      <c r="F16108" s="360"/>
      <c r="G16108" s="360"/>
      <c r="H16108" s="360"/>
      <c r="I16108" s="360"/>
      <c r="J16108" s="365"/>
      <c r="K16108" s="365"/>
      <c r="L16108" s="365"/>
    </row>
    <row r="16109" spans="2:12">
      <c r="B16109" s="367"/>
      <c r="C16109" s="367"/>
      <c r="D16109" s="367"/>
      <c r="E16109" s="367"/>
      <c r="F16109" s="359" t="s">
        <v>14391</v>
      </c>
      <c r="G16109" s="359" t="s">
        <v>14392</v>
      </c>
      <c r="H16109" s="359" t="s">
        <v>14367</v>
      </c>
      <c r="I16109" s="359" t="s">
        <v>14392</v>
      </c>
      <c r="J16109" s="365"/>
      <c r="K16109" s="365"/>
      <c r="L16109" s="365"/>
    </row>
    <row r="16110" spans="2:12">
      <c r="B16110" s="367"/>
      <c r="C16110" s="367"/>
      <c r="D16110" s="367"/>
      <c r="E16110" s="367"/>
      <c r="F16110" s="360"/>
      <c r="G16110" s="360"/>
      <c r="H16110" s="360"/>
      <c r="I16110" s="360"/>
      <c r="J16110" s="365"/>
      <c r="K16110" s="365"/>
      <c r="L16110" s="365"/>
    </row>
    <row r="16111" spans="2:12" ht="28.5">
      <c r="B16111" s="368"/>
      <c r="C16111" s="368"/>
      <c r="D16111" s="368"/>
      <c r="E16111" s="368"/>
      <c r="F16111" s="361" t="s">
        <v>14472</v>
      </c>
      <c r="G16111" s="361" t="s">
        <v>14473</v>
      </c>
      <c r="H16111" s="361" t="s">
        <v>14332</v>
      </c>
      <c r="I16111" s="361" t="s">
        <v>14473</v>
      </c>
      <c r="J16111" s="366"/>
      <c r="K16111" s="366"/>
      <c r="L16111" s="366"/>
    </row>
    <row r="16112" spans="2:12">
      <c r="B16112" s="358" t="s">
        <v>23013</v>
      </c>
      <c r="C16112" s="358" t="s">
        <v>29451</v>
      </c>
      <c r="D16112" s="358" t="s">
        <v>23014</v>
      </c>
      <c r="E16112" s="358" t="s">
        <v>8356</v>
      </c>
      <c r="F16112" s="358" t="s">
        <v>14430</v>
      </c>
      <c r="G16112" s="358" t="s">
        <v>14431</v>
      </c>
      <c r="H16112" s="358" t="s">
        <v>14341</v>
      </c>
      <c r="I16112" s="358" t="s">
        <v>14431</v>
      </c>
      <c r="J16112" s="358"/>
      <c r="K16112" s="358"/>
      <c r="L16112" s="358"/>
    </row>
    <row r="16113" spans="2:12">
      <c r="B16113" s="367"/>
      <c r="C16113" s="360"/>
      <c r="D16113" s="367"/>
      <c r="E16113" s="367"/>
      <c r="F16113" s="360"/>
      <c r="G16113" s="360"/>
      <c r="H16113" s="360"/>
      <c r="I16113" s="360"/>
      <c r="J16113" s="365"/>
      <c r="K16113" s="365"/>
      <c r="L16113" s="365"/>
    </row>
    <row r="16114" spans="2:12" ht="71.25">
      <c r="B16114" s="367"/>
      <c r="C16114" s="359" t="s">
        <v>30343</v>
      </c>
      <c r="D16114" s="367"/>
      <c r="E16114" s="367"/>
      <c r="F16114" s="359" t="s">
        <v>14391</v>
      </c>
      <c r="G16114" s="359" t="s">
        <v>14392</v>
      </c>
      <c r="H16114" s="359" t="s">
        <v>14367</v>
      </c>
      <c r="I16114" s="359" t="s">
        <v>14392</v>
      </c>
      <c r="J16114" s="365"/>
      <c r="K16114" s="365"/>
      <c r="L16114" s="365"/>
    </row>
    <row r="16115" spans="2:12">
      <c r="B16115" s="367"/>
      <c r="C16115" s="360"/>
      <c r="D16115" s="367"/>
      <c r="E16115" s="367"/>
      <c r="F16115" s="360"/>
      <c r="G16115" s="360"/>
      <c r="H16115" s="360"/>
      <c r="I16115" s="360"/>
      <c r="J16115" s="365"/>
      <c r="K16115" s="365"/>
      <c r="L16115" s="365"/>
    </row>
    <row r="16116" spans="2:12" ht="128.25">
      <c r="B16116" s="367"/>
      <c r="C16116" s="359" t="s">
        <v>30350</v>
      </c>
      <c r="D16116" s="367"/>
      <c r="E16116" s="367"/>
      <c r="F16116" s="359" t="s">
        <v>14472</v>
      </c>
      <c r="G16116" s="359" t="s">
        <v>14473</v>
      </c>
      <c r="H16116" s="359" t="s">
        <v>14332</v>
      </c>
      <c r="I16116" s="359" t="s">
        <v>14473</v>
      </c>
      <c r="J16116" s="365"/>
      <c r="K16116" s="365"/>
      <c r="L16116" s="365"/>
    </row>
    <row r="16117" spans="2:12">
      <c r="B16117" s="367"/>
      <c r="C16117" s="360"/>
      <c r="D16117" s="367"/>
      <c r="E16117" s="367"/>
      <c r="F16117" s="360"/>
      <c r="G16117" s="360"/>
      <c r="H16117" s="360"/>
      <c r="I16117" s="360"/>
      <c r="J16117" s="365"/>
      <c r="K16117" s="365"/>
      <c r="L16117" s="365"/>
    </row>
    <row r="16118" spans="2:12" ht="42.75">
      <c r="B16118" s="367"/>
      <c r="C16118" s="359" t="s">
        <v>27805</v>
      </c>
      <c r="D16118" s="367"/>
      <c r="E16118" s="367"/>
      <c r="F16118" s="360"/>
      <c r="G16118" s="360"/>
      <c r="H16118" s="360"/>
      <c r="I16118" s="360"/>
      <c r="J16118" s="365"/>
      <c r="K16118" s="365"/>
      <c r="L16118" s="365"/>
    </row>
    <row r="16119" spans="2:12">
      <c r="B16119" s="367"/>
      <c r="C16119" s="360"/>
      <c r="D16119" s="367"/>
      <c r="E16119" s="367"/>
      <c r="F16119" s="360"/>
      <c r="G16119" s="360"/>
      <c r="H16119" s="360"/>
      <c r="I16119" s="360"/>
      <c r="J16119" s="365"/>
      <c r="K16119" s="365"/>
      <c r="L16119" s="365"/>
    </row>
    <row r="16120" spans="2:12" ht="57">
      <c r="B16120" s="368"/>
      <c r="C16120" s="361" t="s">
        <v>27806</v>
      </c>
      <c r="D16120" s="368"/>
      <c r="E16120" s="368"/>
      <c r="F16120" s="362"/>
      <c r="G16120" s="362"/>
      <c r="H16120" s="362"/>
      <c r="I16120" s="362"/>
      <c r="J16120" s="366"/>
      <c r="K16120" s="366"/>
      <c r="L16120" s="366"/>
    </row>
    <row r="16121" spans="2:12">
      <c r="B16121" s="358" t="s">
        <v>23015</v>
      </c>
      <c r="C16121" s="358" t="s">
        <v>29451</v>
      </c>
      <c r="D16121" s="358" t="s">
        <v>23016</v>
      </c>
      <c r="E16121" s="358" t="s">
        <v>8356</v>
      </c>
      <c r="F16121" s="358" t="s">
        <v>14430</v>
      </c>
      <c r="G16121" s="358" t="s">
        <v>14431</v>
      </c>
      <c r="H16121" s="358" t="s">
        <v>14341</v>
      </c>
      <c r="I16121" s="358" t="s">
        <v>14431</v>
      </c>
      <c r="J16121" s="358"/>
      <c r="K16121" s="358"/>
      <c r="L16121" s="358"/>
    </row>
    <row r="16122" spans="2:12">
      <c r="B16122" s="367"/>
      <c r="C16122" s="360"/>
      <c r="D16122" s="367"/>
      <c r="E16122" s="367"/>
      <c r="F16122" s="360"/>
      <c r="G16122" s="360"/>
      <c r="H16122" s="360"/>
      <c r="I16122" s="360"/>
      <c r="J16122" s="365"/>
      <c r="K16122" s="365"/>
      <c r="L16122" s="365"/>
    </row>
    <row r="16123" spans="2:12" ht="57">
      <c r="B16123" s="367"/>
      <c r="C16123" s="359" t="s">
        <v>29508</v>
      </c>
      <c r="D16123" s="367"/>
      <c r="E16123" s="367"/>
      <c r="F16123" s="359" t="s">
        <v>14391</v>
      </c>
      <c r="G16123" s="359" t="s">
        <v>14392</v>
      </c>
      <c r="H16123" s="359" t="s">
        <v>14367</v>
      </c>
      <c r="I16123" s="359" t="s">
        <v>14392</v>
      </c>
      <c r="J16123" s="365"/>
      <c r="K16123" s="365"/>
      <c r="L16123" s="365"/>
    </row>
    <row r="16124" spans="2:12">
      <c r="B16124" s="367"/>
      <c r="C16124" s="360"/>
      <c r="D16124" s="367"/>
      <c r="E16124" s="367"/>
      <c r="F16124" s="360"/>
      <c r="G16124" s="360"/>
      <c r="H16124" s="360"/>
      <c r="I16124" s="360"/>
      <c r="J16124" s="365"/>
      <c r="K16124" s="365"/>
      <c r="L16124" s="365"/>
    </row>
    <row r="16125" spans="2:12" ht="57">
      <c r="B16125" s="368"/>
      <c r="C16125" s="361" t="s">
        <v>29509</v>
      </c>
      <c r="D16125" s="368"/>
      <c r="E16125" s="368"/>
      <c r="F16125" s="362"/>
      <c r="G16125" s="362"/>
      <c r="H16125" s="361" t="s">
        <v>14332</v>
      </c>
      <c r="I16125" s="362"/>
      <c r="J16125" s="366"/>
      <c r="K16125" s="366"/>
      <c r="L16125" s="366"/>
    </row>
    <row r="16126" spans="2:12" ht="28.5">
      <c r="B16126" s="358" t="s">
        <v>23017</v>
      </c>
      <c r="C16126" s="358" t="s">
        <v>29510</v>
      </c>
      <c r="D16126" s="358" t="s">
        <v>23018</v>
      </c>
      <c r="E16126" s="358" t="s">
        <v>8356</v>
      </c>
      <c r="F16126" s="358" t="s">
        <v>14394</v>
      </c>
      <c r="G16126" s="358" t="s">
        <v>14395</v>
      </c>
      <c r="H16126" s="358" t="s">
        <v>14370</v>
      </c>
      <c r="I16126" s="358" t="s">
        <v>14395</v>
      </c>
      <c r="J16126" s="358"/>
      <c r="K16126" s="358"/>
      <c r="L16126" s="358"/>
    </row>
    <row r="16127" spans="2:12">
      <c r="B16127" s="367"/>
      <c r="C16127" s="360"/>
      <c r="D16127" s="367"/>
      <c r="E16127" s="367"/>
      <c r="F16127" s="367"/>
      <c r="G16127" s="367"/>
      <c r="H16127" s="367"/>
      <c r="I16127" s="367"/>
      <c r="J16127" s="365"/>
      <c r="K16127" s="365"/>
      <c r="L16127" s="365"/>
    </row>
    <row r="16128" spans="2:12" ht="85.5">
      <c r="B16128" s="368"/>
      <c r="C16128" s="361" t="s">
        <v>30351</v>
      </c>
      <c r="D16128" s="368"/>
      <c r="E16128" s="368"/>
      <c r="F16128" s="368"/>
      <c r="G16128" s="368"/>
      <c r="H16128" s="368"/>
      <c r="I16128" s="368"/>
      <c r="J16128" s="366"/>
      <c r="K16128" s="366"/>
      <c r="L16128" s="366"/>
    </row>
    <row r="16129" spans="2:12">
      <c r="B16129" s="358" t="s">
        <v>23019</v>
      </c>
      <c r="C16129" s="358" t="s">
        <v>23020</v>
      </c>
      <c r="D16129" s="358" t="s">
        <v>23021</v>
      </c>
      <c r="E16129" s="358" t="s">
        <v>23022</v>
      </c>
      <c r="F16129" s="358" t="s">
        <v>14326</v>
      </c>
      <c r="G16129" s="358" t="s">
        <v>14327</v>
      </c>
      <c r="H16129" s="358" t="s">
        <v>14328</v>
      </c>
      <c r="I16129" s="358" t="s">
        <v>14327</v>
      </c>
      <c r="J16129" s="358"/>
      <c r="K16129" s="358" t="s">
        <v>14929</v>
      </c>
      <c r="L16129" s="358" t="s">
        <v>16101</v>
      </c>
    </row>
    <row r="16130" spans="2:12">
      <c r="B16130" s="367"/>
      <c r="C16130" s="360"/>
      <c r="D16130" s="360"/>
      <c r="E16130" s="360"/>
      <c r="F16130" s="360"/>
      <c r="G16130" s="360"/>
      <c r="H16130" s="360"/>
      <c r="I16130" s="360"/>
      <c r="J16130" s="365"/>
      <c r="K16130" s="360"/>
      <c r="L16130" s="367"/>
    </row>
    <row r="16131" spans="2:12">
      <c r="B16131" s="367"/>
      <c r="C16131" s="359" t="s">
        <v>23023</v>
      </c>
      <c r="D16131" s="359" t="s">
        <v>23024</v>
      </c>
      <c r="E16131" s="359" t="s">
        <v>23025</v>
      </c>
      <c r="F16131" s="359" t="s">
        <v>14330</v>
      </c>
      <c r="G16131" s="359" t="s">
        <v>14459</v>
      </c>
      <c r="H16131" s="359" t="s">
        <v>14331</v>
      </c>
      <c r="I16131" s="359" t="s">
        <v>14459</v>
      </c>
      <c r="J16131" s="365"/>
      <c r="K16131" s="359" t="s">
        <v>29511</v>
      </c>
      <c r="L16131" s="367"/>
    </row>
    <row r="16132" spans="2:12">
      <c r="B16132" s="367"/>
      <c r="C16132" s="360"/>
      <c r="D16132" s="360"/>
      <c r="E16132" s="360"/>
      <c r="F16132" s="360"/>
      <c r="G16132" s="360"/>
      <c r="H16132" s="360"/>
      <c r="I16132" s="360"/>
      <c r="J16132" s="365"/>
      <c r="K16132" s="360"/>
      <c r="L16132" s="367"/>
    </row>
    <row r="16133" spans="2:12" ht="28.5">
      <c r="B16133" s="367"/>
      <c r="C16133" s="359" t="s">
        <v>23026</v>
      </c>
      <c r="D16133" s="359" t="s">
        <v>23027</v>
      </c>
      <c r="E16133" s="359" t="s">
        <v>23028</v>
      </c>
      <c r="F16133" s="359" t="s">
        <v>14420</v>
      </c>
      <c r="G16133" s="359" t="s">
        <v>14388</v>
      </c>
      <c r="H16133" s="359" t="s">
        <v>14341</v>
      </c>
      <c r="I16133" s="359" t="s">
        <v>14388</v>
      </c>
      <c r="J16133" s="365"/>
      <c r="K16133" s="359" t="s">
        <v>29512</v>
      </c>
      <c r="L16133" s="367"/>
    </row>
    <row r="16134" spans="2:12">
      <c r="B16134" s="367"/>
      <c r="C16134" s="360"/>
      <c r="D16134" s="360"/>
      <c r="E16134" s="360"/>
      <c r="F16134" s="360"/>
      <c r="G16134" s="360"/>
      <c r="H16134" s="360"/>
      <c r="I16134" s="360"/>
      <c r="J16134" s="365"/>
      <c r="K16134" s="360"/>
      <c r="L16134" s="367"/>
    </row>
    <row r="16135" spans="2:12" ht="57">
      <c r="B16135" s="367"/>
      <c r="C16135" s="360"/>
      <c r="D16135" s="360"/>
      <c r="E16135" s="360"/>
      <c r="F16135" s="359" t="s">
        <v>14368</v>
      </c>
      <c r="G16135" s="359" t="s">
        <v>14390</v>
      </c>
      <c r="H16135" s="359" t="s">
        <v>14367</v>
      </c>
      <c r="I16135" s="359" t="s">
        <v>14390</v>
      </c>
      <c r="J16135" s="365"/>
      <c r="K16135" s="359" t="s">
        <v>29513</v>
      </c>
      <c r="L16135" s="367"/>
    </row>
    <row r="16136" spans="2:12">
      <c r="B16136" s="367"/>
      <c r="C16136" s="360"/>
      <c r="D16136" s="360"/>
      <c r="E16136" s="360"/>
      <c r="F16136" s="360"/>
      <c r="G16136" s="360"/>
      <c r="H16136" s="360"/>
      <c r="I16136" s="360"/>
      <c r="J16136" s="365"/>
      <c r="K16136" s="360"/>
      <c r="L16136" s="367"/>
    </row>
    <row r="16137" spans="2:12" ht="28.5">
      <c r="B16137" s="367"/>
      <c r="C16137" s="360"/>
      <c r="D16137" s="360"/>
      <c r="E16137" s="360"/>
      <c r="F16137" s="359" t="s">
        <v>14389</v>
      </c>
      <c r="G16137" s="359" t="s">
        <v>14431</v>
      </c>
      <c r="H16137" s="359" t="s">
        <v>14332</v>
      </c>
      <c r="I16137" s="359" t="s">
        <v>14431</v>
      </c>
      <c r="J16137" s="365"/>
      <c r="K16137" s="359" t="s">
        <v>29514</v>
      </c>
      <c r="L16137" s="367"/>
    </row>
    <row r="16138" spans="2:12">
      <c r="B16138" s="367"/>
      <c r="C16138" s="360"/>
      <c r="D16138" s="360"/>
      <c r="E16138" s="360"/>
      <c r="F16138" s="360"/>
      <c r="G16138" s="360"/>
      <c r="H16138" s="360"/>
      <c r="I16138" s="360"/>
      <c r="J16138" s="365"/>
      <c r="K16138" s="360"/>
      <c r="L16138" s="367"/>
    </row>
    <row r="16139" spans="2:12">
      <c r="B16139" s="367"/>
      <c r="C16139" s="360"/>
      <c r="D16139" s="360"/>
      <c r="E16139" s="360"/>
      <c r="F16139" s="359" t="s">
        <v>14430</v>
      </c>
      <c r="G16139" s="360"/>
      <c r="H16139" s="360"/>
      <c r="I16139" s="360"/>
      <c r="J16139" s="365"/>
      <c r="K16139" s="359" t="s">
        <v>28713</v>
      </c>
      <c r="L16139" s="367"/>
    </row>
    <row r="16140" spans="2:12">
      <c r="B16140" s="367"/>
      <c r="C16140" s="360"/>
      <c r="D16140" s="360"/>
      <c r="E16140" s="360"/>
      <c r="F16140" s="360"/>
      <c r="G16140" s="360"/>
      <c r="H16140" s="360"/>
      <c r="I16140" s="360"/>
      <c r="J16140" s="365"/>
      <c r="K16140" s="360"/>
      <c r="L16140" s="367"/>
    </row>
    <row r="16141" spans="2:12" ht="42.75">
      <c r="B16141" s="368"/>
      <c r="C16141" s="362"/>
      <c r="D16141" s="362"/>
      <c r="E16141" s="362"/>
      <c r="F16141" s="362"/>
      <c r="G16141" s="362"/>
      <c r="H16141" s="362"/>
      <c r="I16141" s="362"/>
      <c r="J16141" s="366"/>
      <c r="K16141" s="361" t="s">
        <v>28582</v>
      </c>
      <c r="L16141" s="368"/>
    </row>
    <row r="16142" spans="2:12">
      <c r="B16142" s="358" t="s">
        <v>23029</v>
      </c>
      <c r="C16142" s="358" t="s">
        <v>29515</v>
      </c>
      <c r="D16142" s="358" t="s">
        <v>23021</v>
      </c>
      <c r="E16142" s="358" t="s">
        <v>23022</v>
      </c>
      <c r="F16142" s="358" t="s">
        <v>14524</v>
      </c>
      <c r="G16142" s="358" t="s">
        <v>14525</v>
      </c>
      <c r="H16142" s="358" t="s">
        <v>14328</v>
      </c>
      <c r="I16142" s="358" t="s">
        <v>14525</v>
      </c>
      <c r="J16142" s="358"/>
      <c r="K16142" s="358" t="s">
        <v>14929</v>
      </c>
      <c r="L16142" s="358" t="s">
        <v>10376</v>
      </c>
    </row>
    <row r="16143" spans="2:12">
      <c r="B16143" s="367"/>
      <c r="C16143" s="360"/>
      <c r="D16143" s="360"/>
      <c r="E16143" s="360"/>
      <c r="F16143" s="360"/>
      <c r="G16143" s="360"/>
      <c r="H16143" s="360"/>
      <c r="I16143" s="360"/>
      <c r="J16143" s="365"/>
      <c r="K16143" s="360"/>
      <c r="L16143" s="367"/>
    </row>
    <row r="16144" spans="2:12" ht="42.75">
      <c r="B16144" s="367"/>
      <c r="C16144" s="359" t="s">
        <v>29516</v>
      </c>
      <c r="D16144" s="359" t="s">
        <v>23024</v>
      </c>
      <c r="E16144" s="359" t="s">
        <v>23025</v>
      </c>
      <c r="F16144" s="359" t="s">
        <v>14420</v>
      </c>
      <c r="G16144" s="359" t="s">
        <v>14459</v>
      </c>
      <c r="H16144" s="359" t="s">
        <v>14341</v>
      </c>
      <c r="I16144" s="359" t="s">
        <v>14459</v>
      </c>
      <c r="J16144" s="365"/>
      <c r="K16144" s="359" t="s">
        <v>28582</v>
      </c>
      <c r="L16144" s="367"/>
    </row>
    <row r="16145" spans="2:12">
      <c r="B16145" s="367"/>
      <c r="C16145" s="360"/>
      <c r="D16145" s="360"/>
      <c r="E16145" s="360"/>
      <c r="F16145" s="360"/>
      <c r="G16145" s="360"/>
      <c r="H16145" s="360"/>
      <c r="I16145" s="360"/>
      <c r="J16145" s="365"/>
      <c r="K16145" s="360"/>
      <c r="L16145" s="367"/>
    </row>
    <row r="16146" spans="2:12">
      <c r="B16146" s="367"/>
      <c r="C16146" s="359" t="s">
        <v>29517</v>
      </c>
      <c r="D16146" s="359" t="s">
        <v>23027</v>
      </c>
      <c r="E16146" s="359" t="s">
        <v>23028</v>
      </c>
      <c r="F16146" s="359" t="s">
        <v>14420</v>
      </c>
      <c r="G16146" s="359" t="s">
        <v>14429</v>
      </c>
      <c r="H16146" s="359" t="s">
        <v>14367</v>
      </c>
      <c r="I16146" s="359" t="s">
        <v>14429</v>
      </c>
      <c r="J16146" s="365"/>
      <c r="K16146" s="360"/>
      <c r="L16146" s="367"/>
    </row>
    <row r="16147" spans="2:12">
      <c r="B16147" s="367"/>
      <c r="C16147" s="360"/>
      <c r="D16147" s="360"/>
      <c r="E16147" s="360"/>
      <c r="F16147" s="360"/>
      <c r="G16147" s="360"/>
      <c r="H16147" s="360"/>
      <c r="I16147" s="360"/>
      <c r="J16147" s="365"/>
      <c r="K16147" s="360"/>
      <c r="L16147" s="367"/>
    </row>
    <row r="16148" spans="2:12">
      <c r="B16148" s="368"/>
      <c r="C16148" s="362"/>
      <c r="D16148" s="362"/>
      <c r="E16148" s="362"/>
      <c r="F16148" s="361" t="s">
        <v>14356</v>
      </c>
      <c r="G16148" s="361" t="s">
        <v>14340</v>
      </c>
      <c r="H16148" s="361" t="s">
        <v>14332</v>
      </c>
      <c r="I16148" s="361" t="s">
        <v>14340</v>
      </c>
      <c r="J16148" s="366"/>
      <c r="K16148" s="362"/>
      <c r="L16148" s="368"/>
    </row>
    <row r="16149" spans="2:12">
      <c r="B16149" s="358" t="s">
        <v>23030</v>
      </c>
      <c r="C16149" s="358" t="s">
        <v>23031</v>
      </c>
      <c r="D16149" s="358" t="s">
        <v>23032</v>
      </c>
      <c r="E16149" s="358" t="s">
        <v>23033</v>
      </c>
      <c r="F16149" s="358" t="s">
        <v>14326</v>
      </c>
      <c r="G16149" s="358" t="s">
        <v>14327</v>
      </c>
      <c r="H16149" s="358" t="s">
        <v>14328</v>
      </c>
      <c r="I16149" s="358" t="s">
        <v>14327</v>
      </c>
      <c r="J16149" s="358"/>
      <c r="K16149" s="358"/>
      <c r="L16149" s="358" t="s">
        <v>14329</v>
      </c>
    </row>
    <row r="16150" spans="2:12">
      <c r="B16150" s="367"/>
      <c r="C16150" s="367"/>
      <c r="D16150" s="367"/>
      <c r="E16150" s="367"/>
      <c r="F16150" s="360"/>
      <c r="G16150" s="360"/>
      <c r="H16150" s="360"/>
      <c r="I16150" s="360"/>
      <c r="J16150" s="365"/>
      <c r="K16150" s="365"/>
      <c r="L16150" s="367"/>
    </row>
    <row r="16151" spans="2:12">
      <c r="B16151" s="367"/>
      <c r="C16151" s="367"/>
      <c r="D16151" s="367"/>
      <c r="E16151" s="367"/>
      <c r="F16151" s="359" t="s">
        <v>14330</v>
      </c>
      <c r="G16151" s="359" t="s">
        <v>14387</v>
      </c>
      <c r="H16151" s="359" t="s">
        <v>14331</v>
      </c>
      <c r="I16151" s="359" t="s">
        <v>14387</v>
      </c>
      <c r="J16151" s="365"/>
      <c r="K16151" s="365"/>
      <c r="L16151" s="367"/>
    </row>
    <row r="16152" spans="2:12">
      <c r="B16152" s="367"/>
      <c r="C16152" s="367"/>
      <c r="D16152" s="367"/>
      <c r="E16152" s="367"/>
      <c r="F16152" s="360"/>
      <c r="G16152" s="360"/>
      <c r="H16152" s="360"/>
      <c r="I16152" s="360"/>
      <c r="J16152" s="365"/>
      <c r="K16152" s="365"/>
      <c r="L16152" s="367"/>
    </row>
    <row r="16153" spans="2:12">
      <c r="B16153" s="367"/>
      <c r="C16153" s="367"/>
      <c r="D16153" s="367"/>
      <c r="E16153" s="367"/>
      <c r="F16153" s="359" t="s">
        <v>14386</v>
      </c>
      <c r="G16153" s="359" t="s">
        <v>14388</v>
      </c>
      <c r="H16153" s="359" t="s">
        <v>14367</v>
      </c>
      <c r="I16153" s="359" t="s">
        <v>14388</v>
      </c>
      <c r="J16153" s="365"/>
      <c r="K16153" s="365"/>
      <c r="L16153" s="367"/>
    </row>
    <row r="16154" spans="2:12">
      <c r="B16154" s="367"/>
      <c r="C16154" s="367"/>
      <c r="D16154" s="367"/>
      <c r="E16154" s="367"/>
      <c r="F16154" s="360"/>
      <c r="G16154" s="360"/>
      <c r="H16154" s="360"/>
      <c r="I16154" s="360"/>
      <c r="J16154" s="365"/>
      <c r="K16154" s="365"/>
      <c r="L16154" s="367"/>
    </row>
    <row r="16155" spans="2:12">
      <c r="B16155" s="368"/>
      <c r="C16155" s="368"/>
      <c r="D16155" s="368"/>
      <c r="E16155" s="368"/>
      <c r="F16155" s="361" t="s">
        <v>14368</v>
      </c>
      <c r="G16155" s="362"/>
      <c r="H16155" s="361" t="s">
        <v>14332</v>
      </c>
      <c r="I16155" s="362"/>
      <c r="J16155" s="366"/>
      <c r="K16155" s="366"/>
      <c r="L16155" s="368"/>
    </row>
    <row r="16156" spans="2:12" ht="42.75">
      <c r="B16156" s="358" t="s">
        <v>23034</v>
      </c>
      <c r="C16156" s="358" t="s">
        <v>23035</v>
      </c>
      <c r="D16156" s="358" t="s">
        <v>23036</v>
      </c>
      <c r="E16156" s="358" t="s">
        <v>621</v>
      </c>
      <c r="F16156" s="358" t="s">
        <v>14505</v>
      </c>
      <c r="G16156" s="358" t="s">
        <v>14506</v>
      </c>
      <c r="H16156" s="358" t="s">
        <v>14328</v>
      </c>
      <c r="I16156" s="358" t="s">
        <v>14506</v>
      </c>
      <c r="J16156" s="358"/>
      <c r="K16156" s="358" t="s">
        <v>28614</v>
      </c>
      <c r="L16156" s="358"/>
    </row>
    <row r="16157" spans="2:12">
      <c r="B16157" s="367"/>
      <c r="C16157" s="367"/>
      <c r="D16157" s="367"/>
      <c r="E16157" s="367"/>
      <c r="F16157" s="360"/>
      <c r="G16157" s="360"/>
      <c r="H16157" s="360"/>
      <c r="I16157" s="360"/>
      <c r="J16157" s="365"/>
      <c r="K16157" s="367"/>
      <c r="L16157" s="365"/>
    </row>
    <row r="16158" spans="2:12">
      <c r="B16158" s="367"/>
      <c r="C16158" s="367"/>
      <c r="D16158" s="367"/>
      <c r="E16158" s="367"/>
      <c r="F16158" s="359" t="s">
        <v>14420</v>
      </c>
      <c r="G16158" s="359" t="s">
        <v>14459</v>
      </c>
      <c r="H16158" s="359" t="s">
        <v>14341</v>
      </c>
      <c r="I16158" s="359" t="s">
        <v>14459</v>
      </c>
      <c r="J16158" s="365"/>
      <c r="K16158" s="367"/>
      <c r="L16158" s="365"/>
    </row>
    <row r="16159" spans="2:12">
      <c r="B16159" s="367"/>
      <c r="C16159" s="367"/>
      <c r="D16159" s="367"/>
      <c r="E16159" s="367"/>
      <c r="F16159" s="360"/>
      <c r="G16159" s="360"/>
      <c r="H16159" s="360"/>
      <c r="I16159" s="360"/>
      <c r="J16159" s="365"/>
      <c r="K16159" s="367"/>
      <c r="L16159" s="365"/>
    </row>
    <row r="16160" spans="2:12">
      <c r="B16160" s="367"/>
      <c r="C16160" s="367"/>
      <c r="D16160" s="367"/>
      <c r="E16160" s="367"/>
      <c r="F16160" s="359" t="s">
        <v>14420</v>
      </c>
      <c r="G16160" s="359" t="s">
        <v>14421</v>
      </c>
      <c r="H16160" s="359" t="s">
        <v>14367</v>
      </c>
      <c r="I16160" s="359" t="s">
        <v>14421</v>
      </c>
      <c r="J16160" s="365"/>
      <c r="K16160" s="367"/>
      <c r="L16160" s="365"/>
    </row>
    <row r="16161" spans="2:12">
      <c r="B16161" s="367"/>
      <c r="C16161" s="367"/>
      <c r="D16161" s="367"/>
      <c r="E16161" s="367"/>
      <c r="F16161" s="360"/>
      <c r="G16161" s="360"/>
      <c r="H16161" s="360"/>
      <c r="I16161" s="360"/>
      <c r="J16161" s="365"/>
      <c r="K16161" s="367"/>
      <c r="L16161" s="365"/>
    </row>
    <row r="16162" spans="2:12">
      <c r="B16162" s="367"/>
      <c r="C16162" s="367"/>
      <c r="D16162" s="367"/>
      <c r="E16162" s="367"/>
      <c r="F16162" s="359" t="s">
        <v>14420</v>
      </c>
      <c r="G16162" s="359" t="s">
        <v>14429</v>
      </c>
      <c r="H16162" s="359" t="s">
        <v>14332</v>
      </c>
      <c r="I16162" s="359" t="s">
        <v>14429</v>
      </c>
      <c r="J16162" s="365"/>
      <c r="K16162" s="367"/>
      <c r="L16162" s="365"/>
    </row>
    <row r="16163" spans="2:12">
      <c r="B16163" s="367"/>
      <c r="C16163" s="367"/>
      <c r="D16163" s="367"/>
      <c r="E16163" s="367"/>
      <c r="F16163" s="360"/>
      <c r="G16163" s="360"/>
      <c r="H16163" s="360"/>
      <c r="I16163" s="360"/>
      <c r="J16163" s="365"/>
      <c r="K16163" s="367"/>
      <c r="L16163" s="365"/>
    </row>
    <row r="16164" spans="2:12">
      <c r="B16164" s="368"/>
      <c r="C16164" s="368"/>
      <c r="D16164" s="368"/>
      <c r="E16164" s="368"/>
      <c r="F16164" s="361" t="s">
        <v>14339</v>
      </c>
      <c r="G16164" s="361" t="s">
        <v>14340</v>
      </c>
      <c r="H16164" s="362"/>
      <c r="I16164" s="361" t="s">
        <v>14340</v>
      </c>
      <c r="J16164" s="366"/>
      <c r="K16164" s="368"/>
      <c r="L16164" s="366"/>
    </row>
    <row r="16165" spans="2:12" ht="42.75">
      <c r="B16165" s="358" t="s">
        <v>23037</v>
      </c>
      <c r="C16165" s="358" t="s">
        <v>23038</v>
      </c>
      <c r="D16165" s="358" t="s">
        <v>23039</v>
      </c>
      <c r="E16165" s="358" t="s">
        <v>23040</v>
      </c>
      <c r="F16165" s="358" t="s">
        <v>14505</v>
      </c>
      <c r="G16165" s="358" t="s">
        <v>14506</v>
      </c>
      <c r="H16165" s="358" t="s">
        <v>14328</v>
      </c>
      <c r="I16165" s="358" t="s">
        <v>14506</v>
      </c>
      <c r="J16165" s="358"/>
      <c r="K16165" s="358" t="s">
        <v>28614</v>
      </c>
      <c r="L16165" s="358"/>
    </row>
    <row r="16166" spans="2:12">
      <c r="B16166" s="367"/>
      <c r="C16166" s="367"/>
      <c r="D16166" s="367"/>
      <c r="E16166" s="367"/>
      <c r="F16166" s="360"/>
      <c r="G16166" s="360"/>
      <c r="H16166" s="360"/>
      <c r="I16166" s="360"/>
      <c r="J16166" s="365"/>
      <c r="K16166" s="367"/>
      <c r="L16166" s="365"/>
    </row>
    <row r="16167" spans="2:12">
      <c r="B16167" s="367"/>
      <c r="C16167" s="367"/>
      <c r="D16167" s="367"/>
      <c r="E16167" s="367"/>
      <c r="F16167" s="359" t="s">
        <v>14420</v>
      </c>
      <c r="G16167" s="359" t="s">
        <v>14459</v>
      </c>
      <c r="H16167" s="359" t="s">
        <v>14341</v>
      </c>
      <c r="I16167" s="359" t="s">
        <v>14459</v>
      </c>
      <c r="J16167" s="365"/>
      <c r="K16167" s="367"/>
      <c r="L16167" s="365"/>
    </row>
    <row r="16168" spans="2:12">
      <c r="B16168" s="367"/>
      <c r="C16168" s="367"/>
      <c r="D16168" s="367"/>
      <c r="E16168" s="367"/>
      <c r="F16168" s="360"/>
      <c r="G16168" s="360"/>
      <c r="H16168" s="360"/>
      <c r="I16168" s="360"/>
      <c r="J16168" s="365"/>
      <c r="K16168" s="367"/>
      <c r="L16168" s="365"/>
    </row>
    <row r="16169" spans="2:12">
      <c r="B16169" s="367"/>
      <c r="C16169" s="367"/>
      <c r="D16169" s="367"/>
      <c r="E16169" s="367"/>
      <c r="F16169" s="359" t="s">
        <v>14420</v>
      </c>
      <c r="G16169" s="359" t="s">
        <v>14421</v>
      </c>
      <c r="H16169" s="359" t="s">
        <v>14367</v>
      </c>
      <c r="I16169" s="359" t="s">
        <v>14421</v>
      </c>
      <c r="J16169" s="365"/>
      <c r="K16169" s="367"/>
      <c r="L16169" s="365"/>
    </row>
    <row r="16170" spans="2:12">
      <c r="B16170" s="367"/>
      <c r="C16170" s="367"/>
      <c r="D16170" s="367"/>
      <c r="E16170" s="367"/>
      <c r="F16170" s="360"/>
      <c r="G16170" s="360"/>
      <c r="H16170" s="360"/>
      <c r="I16170" s="360"/>
      <c r="J16170" s="365"/>
      <c r="K16170" s="367"/>
      <c r="L16170" s="365"/>
    </row>
    <row r="16171" spans="2:12">
      <c r="B16171" s="367"/>
      <c r="C16171" s="367"/>
      <c r="D16171" s="367"/>
      <c r="E16171" s="367"/>
      <c r="F16171" s="359" t="s">
        <v>14420</v>
      </c>
      <c r="G16171" s="359" t="s">
        <v>14429</v>
      </c>
      <c r="H16171" s="359" t="s">
        <v>14332</v>
      </c>
      <c r="I16171" s="359" t="s">
        <v>14429</v>
      </c>
      <c r="J16171" s="365"/>
      <c r="K16171" s="367"/>
      <c r="L16171" s="365"/>
    </row>
    <row r="16172" spans="2:12">
      <c r="B16172" s="367"/>
      <c r="C16172" s="367"/>
      <c r="D16172" s="367"/>
      <c r="E16172" s="367"/>
      <c r="F16172" s="360"/>
      <c r="G16172" s="360"/>
      <c r="H16172" s="360"/>
      <c r="I16172" s="360"/>
      <c r="J16172" s="365"/>
      <c r="K16172" s="367"/>
      <c r="L16172" s="365"/>
    </row>
    <row r="16173" spans="2:12">
      <c r="B16173" s="368"/>
      <c r="C16173" s="368"/>
      <c r="D16173" s="368"/>
      <c r="E16173" s="368"/>
      <c r="F16173" s="361" t="s">
        <v>14339</v>
      </c>
      <c r="G16173" s="361" t="s">
        <v>14340</v>
      </c>
      <c r="H16173" s="362"/>
      <c r="I16173" s="361" t="s">
        <v>14340</v>
      </c>
      <c r="J16173" s="366"/>
      <c r="K16173" s="368"/>
      <c r="L16173" s="366"/>
    </row>
    <row r="16174" spans="2:12" ht="42.75">
      <c r="B16174" s="358" t="s">
        <v>23041</v>
      </c>
      <c r="C16174" s="358" t="s">
        <v>23042</v>
      </c>
      <c r="D16174" s="358" t="s">
        <v>23043</v>
      </c>
      <c r="E16174" s="358" t="s">
        <v>23044</v>
      </c>
      <c r="F16174" s="358" t="s">
        <v>14505</v>
      </c>
      <c r="G16174" s="358" t="s">
        <v>14506</v>
      </c>
      <c r="H16174" s="358" t="s">
        <v>14328</v>
      </c>
      <c r="I16174" s="358" t="s">
        <v>14506</v>
      </c>
      <c r="J16174" s="358"/>
      <c r="K16174" s="358" t="s">
        <v>28614</v>
      </c>
      <c r="L16174" s="358"/>
    </row>
    <row r="16175" spans="2:12">
      <c r="B16175" s="367"/>
      <c r="C16175" s="367"/>
      <c r="D16175" s="367"/>
      <c r="E16175" s="367"/>
      <c r="F16175" s="360"/>
      <c r="G16175" s="360"/>
      <c r="H16175" s="360"/>
      <c r="I16175" s="360"/>
      <c r="J16175" s="365"/>
      <c r="K16175" s="367"/>
      <c r="L16175" s="365"/>
    </row>
    <row r="16176" spans="2:12">
      <c r="B16176" s="367"/>
      <c r="C16176" s="367"/>
      <c r="D16176" s="367"/>
      <c r="E16176" s="367"/>
      <c r="F16176" s="359" t="s">
        <v>14420</v>
      </c>
      <c r="G16176" s="359" t="s">
        <v>14459</v>
      </c>
      <c r="H16176" s="359" t="s">
        <v>14341</v>
      </c>
      <c r="I16176" s="359" t="s">
        <v>14459</v>
      </c>
      <c r="J16176" s="365"/>
      <c r="K16176" s="367"/>
      <c r="L16176" s="365"/>
    </row>
    <row r="16177" spans="2:12">
      <c r="B16177" s="367"/>
      <c r="C16177" s="367"/>
      <c r="D16177" s="367"/>
      <c r="E16177" s="367"/>
      <c r="F16177" s="360"/>
      <c r="G16177" s="360"/>
      <c r="H16177" s="360"/>
      <c r="I16177" s="360"/>
      <c r="J16177" s="365"/>
      <c r="K16177" s="367"/>
      <c r="L16177" s="365"/>
    </row>
    <row r="16178" spans="2:12">
      <c r="B16178" s="367"/>
      <c r="C16178" s="367"/>
      <c r="D16178" s="367"/>
      <c r="E16178" s="367"/>
      <c r="F16178" s="359" t="s">
        <v>14420</v>
      </c>
      <c r="G16178" s="359" t="s">
        <v>14421</v>
      </c>
      <c r="H16178" s="359" t="s">
        <v>14367</v>
      </c>
      <c r="I16178" s="359" t="s">
        <v>14421</v>
      </c>
      <c r="J16178" s="365"/>
      <c r="K16178" s="367"/>
      <c r="L16178" s="365"/>
    </row>
    <row r="16179" spans="2:12">
      <c r="B16179" s="367"/>
      <c r="C16179" s="367"/>
      <c r="D16179" s="367"/>
      <c r="E16179" s="367"/>
      <c r="F16179" s="360"/>
      <c r="G16179" s="360"/>
      <c r="H16179" s="360"/>
      <c r="I16179" s="360"/>
      <c r="J16179" s="365"/>
      <c r="K16179" s="367"/>
      <c r="L16179" s="365"/>
    </row>
    <row r="16180" spans="2:12">
      <c r="B16180" s="367"/>
      <c r="C16180" s="367"/>
      <c r="D16180" s="367"/>
      <c r="E16180" s="367"/>
      <c r="F16180" s="359" t="s">
        <v>14420</v>
      </c>
      <c r="G16180" s="359" t="s">
        <v>14429</v>
      </c>
      <c r="H16180" s="359" t="s">
        <v>14332</v>
      </c>
      <c r="I16180" s="359" t="s">
        <v>14429</v>
      </c>
      <c r="J16180" s="365"/>
      <c r="K16180" s="367"/>
      <c r="L16180" s="365"/>
    </row>
    <row r="16181" spans="2:12">
      <c r="B16181" s="367"/>
      <c r="C16181" s="367"/>
      <c r="D16181" s="367"/>
      <c r="E16181" s="367"/>
      <c r="F16181" s="360"/>
      <c r="G16181" s="360"/>
      <c r="H16181" s="360"/>
      <c r="I16181" s="360"/>
      <c r="J16181" s="365"/>
      <c r="K16181" s="367"/>
      <c r="L16181" s="365"/>
    </row>
    <row r="16182" spans="2:12">
      <c r="B16182" s="368"/>
      <c r="C16182" s="368"/>
      <c r="D16182" s="368"/>
      <c r="E16182" s="368"/>
      <c r="F16182" s="361" t="s">
        <v>14339</v>
      </c>
      <c r="G16182" s="361" t="s">
        <v>14340</v>
      </c>
      <c r="H16182" s="362"/>
      <c r="I16182" s="361" t="s">
        <v>14340</v>
      </c>
      <c r="J16182" s="366"/>
      <c r="K16182" s="368"/>
      <c r="L16182" s="366"/>
    </row>
    <row r="16183" spans="2:12">
      <c r="B16183" s="358" t="s">
        <v>23045</v>
      </c>
      <c r="C16183" s="358" t="s">
        <v>23046</v>
      </c>
      <c r="D16183" s="358" t="s">
        <v>14110</v>
      </c>
      <c r="E16183" s="358" t="s">
        <v>14111</v>
      </c>
      <c r="F16183" s="358" t="s">
        <v>14418</v>
      </c>
      <c r="G16183" s="358" t="s">
        <v>14419</v>
      </c>
      <c r="H16183" s="358" t="s">
        <v>14328</v>
      </c>
      <c r="I16183" s="358" t="s">
        <v>14419</v>
      </c>
      <c r="J16183" s="358"/>
      <c r="K16183" s="358"/>
      <c r="L16183" s="358"/>
    </row>
    <row r="16184" spans="2:12">
      <c r="B16184" s="367"/>
      <c r="C16184" s="360"/>
      <c r="D16184" s="367"/>
      <c r="E16184" s="367"/>
      <c r="F16184" s="360"/>
      <c r="G16184" s="360"/>
      <c r="H16184" s="360"/>
      <c r="I16184" s="360"/>
      <c r="J16184" s="365"/>
      <c r="K16184" s="365"/>
      <c r="L16184" s="365"/>
    </row>
    <row r="16185" spans="2:12">
      <c r="B16185" s="367"/>
      <c r="C16185" s="359" t="s">
        <v>23047</v>
      </c>
      <c r="D16185" s="367"/>
      <c r="E16185" s="367"/>
      <c r="F16185" s="359" t="s">
        <v>14420</v>
      </c>
      <c r="G16185" s="359" t="s">
        <v>14421</v>
      </c>
      <c r="H16185" s="359" t="s">
        <v>14381</v>
      </c>
      <c r="I16185" s="359" t="s">
        <v>14421</v>
      </c>
      <c r="J16185" s="365"/>
      <c r="K16185" s="365"/>
      <c r="L16185" s="365"/>
    </row>
    <row r="16186" spans="2:12">
      <c r="B16186" s="367"/>
      <c r="C16186" s="360"/>
      <c r="D16186" s="367"/>
      <c r="E16186" s="367"/>
      <c r="F16186" s="360"/>
      <c r="G16186" s="360"/>
      <c r="H16186" s="360"/>
      <c r="I16186" s="360"/>
      <c r="J16186" s="365"/>
      <c r="K16186" s="365"/>
      <c r="L16186" s="365"/>
    </row>
    <row r="16187" spans="2:12">
      <c r="B16187" s="367"/>
      <c r="C16187" s="360"/>
      <c r="D16187" s="367"/>
      <c r="E16187" s="367"/>
      <c r="F16187" s="359" t="s">
        <v>14420</v>
      </c>
      <c r="G16187" s="359" t="s">
        <v>14429</v>
      </c>
      <c r="H16187" s="359" t="s">
        <v>14341</v>
      </c>
      <c r="I16187" s="359" t="s">
        <v>14429</v>
      </c>
      <c r="J16187" s="365"/>
      <c r="K16187" s="365"/>
      <c r="L16187" s="365"/>
    </row>
    <row r="16188" spans="2:12">
      <c r="B16188" s="367"/>
      <c r="C16188" s="360"/>
      <c r="D16188" s="367"/>
      <c r="E16188" s="367"/>
      <c r="F16188" s="360"/>
      <c r="G16188" s="360"/>
      <c r="H16188" s="360"/>
      <c r="I16188" s="360"/>
      <c r="J16188" s="365"/>
      <c r="K16188" s="365"/>
      <c r="L16188" s="365"/>
    </row>
    <row r="16189" spans="2:12">
      <c r="B16189" s="367"/>
      <c r="C16189" s="360"/>
      <c r="D16189" s="367"/>
      <c r="E16189" s="367"/>
      <c r="F16189" s="359" t="s">
        <v>14356</v>
      </c>
      <c r="G16189" s="359" t="s">
        <v>14340</v>
      </c>
      <c r="H16189" s="359" t="s">
        <v>14367</v>
      </c>
      <c r="I16189" s="359" t="s">
        <v>14340</v>
      </c>
      <c r="J16189" s="365"/>
      <c r="K16189" s="365"/>
      <c r="L16189" s="365"/>
    </row>
    <row r="16190" spans="2:12">
      <c r="B16190" s="367"/>
      <c r="C16190" s="360"/>
      <c r="D16190" s="367"/>
      <c r="E16190" s="367"/>
      <c r="F16190" s="360"/>
      <c r="G16190" s="360"/>
      <c r="H16190" s="360"/>
      <c r="I16190" s="360"/>
      <c r="J16190" s="365"/>
      <c r="K16190" s="365"/>
      <c r="L16190" s="365"/>
    </row>
    <row r="16191" spans="2:12">
      <c r="B16191" s="367"/>
      <c r="C16191" s="360"/>
      <c r="D16191" s="367"/>
      <c r="E16191" s="367"/>
      <c r="F16191" s="359" t="s">
        <v>14814</v>
      </c>
      <c r="G16191" s="359" t="s">
        <v>14815</v>
      </c>
      <c r="H16191" s="359" t="s">
        <v>14332</v>
      </c>
      <c r="I16191" s="359" t="s">
        <v>14815</v>
      </c>
      <c r="J16191" s="365"/>
      <c r="K16191" s="365"/>
      <c r="L16191" s="365"/>
    </row>
    <row r="16192" spans="2:12">
      <c r="B16192" s="367"/>
      <c r="C16192" s="360"/>
      <c r="D16192" s="367"/>
      <c r="E16192" s="367"/>
      <c r="F16192" s="360"/>
      <c r="G16192" s="360"/>
      <c r="H16192" s="360"/>
      <c r="I16192" s="360"/>
      <c r="J16192" s="365"/>
      <c r="K16192" s="365"/>
      <c r="L16192" s="365"/>
    </row>
    <row r="16193" spans="2:12">
      <c r="B16193" s="368"/>
      <c r="C16193" s="362"/>
      <c r="D16193" s="368"/>
      <c r="E16193" s="368"/>
      <c r="F16193" s="361" t="s">
        <v>14391</v>
      </c>
      <c r="G16193" s="361" t="s">
        <v>14392</v>
      </c>
      <c r="H16193" s="362"/>
      <c r="I16193" s="361" t="s">
        <v>14392</v>
      </c>
      <c r="J16193" s="366"/>
      <c r="K16193" s="366"/>
      <c r="L16193" s="366"/>
    </row>
    <row r="16194" spans="2:12">
      <c r="B16194" s="358" t="s">
        <v>23048</v>
      </c>
      <c r="C16194" s="358" t="s">
        <v>23049</v>
      </c>
      <c r="D16194" s="358" t="s">
        <v>23050</v>
      </c>
      <c r="E16194" s="358" t="s">
        <v>23051</v>
      </c>
      <c r="F16194" s="358" t="s">
        <v>14524</v>
      </c>
      <c r="G16194" s="358" t="s">
        <v>14525</v>
      </c>
      <c r="H16194" s="358" t="s">
        <v>14328</v>
      </c>
      <c r="I16194" s="358" t="s">
        <v>14525</v>
      </c>
      <c r="J16194" s="358"/>
      <c r="K16194" s="358"/>
      <c r="L16194" s="358"/>
    </row>
    <row r="16195" spans="2:12">
      <c r="B16195" s="367"/>
      <c r="C16195" s="360"/>
      <c r="D16195" s="367"/>
      <c r="E16195" s="367"/>
      <c r="F16195" s="360"/>
      <c r="G16195" s="360"/>
      <c r="H16195" s="360"/>
      <c r="I16195" s="360"/>
      <c r="J16195" s="365"/>
      <c r="K16195" s="365"/>
      <c r="L16195" s="365"/>
    </row>
    <row r="16196" spans="2:12">
      <c r="B16196" s="367"/>
      <c r="C16196" s="359" t="s">
        <v>23052</v>
      </c>
      <c r="D16196" s="367"/>
      <c r="E16196" s="367"/>
      <c r="F16196" s="359" t="s">
        <v>14386</v>
      </c>
      <c r="G16196" s="359" t="s">
        <v>14387</v>
      </c>
      <c r="H16196" s="359" t="s">
        <v>14367</v>
      </c>
      <c r="I16196" s="359" t="s">
        <v>14387</v>
      </c>
      <c r="J16196" s="365"/>
      <c r="K16196" s="365"/>
      <c r="L16196" s="365"/>
    </row>
    <row r="16197" spans="2:12">
      <c r="B16197" s="367"/>
      <c r="C16197" s="360"/>
      <c r="D16197" s="367"/>
      <c r="E16197" s="367"/>
      <c r="F16197" s="360"/>
      <c r="G16197" s="360"/>
      <c r="H16197" s="360"/>
      <c r="I16197" s="360"/>
      <c r="J16197" s="365"/>
      <c r="K16197" s="365"/>
      <c r="L16197" s="365"/>
    </row>
    <row r="16198" spans="2:12">
      <c r="B16198" s="367"/>
      <c r="C16198" s="360"/>
      <c r="D16198" s="367"/>
      <c r="E16198" s="367"/>
      <c r="F16198" s="359" t="s">
        <v>14368</v>
      </c>
      <c r="G16198" s="359" t="s">
        <v>14388</v>
      </c>
      <c r="H16198" s="359" t="s">
        <v>14332</v>
      </c>
      <c r="I16198" s="359" t="s">
        <v>14388</v>
      </c>
      <c r="J16198" s="365"/>
      <c r="K16198" s="365"/>
      <c r="L16198" s="365"/>
    </row>
    <row r="16199" spans="2:12">
      <c r="B16199" s="367"/>
      <c r="C16199" s="360"/>
      <c r="D16199" s="367"/>
      <c r="E16199" s="367"/>
      <c r="F16199" s="360"/>
      <c r="G16199" s="360"/>
      <c r="H16199" s="360"/>
      <c r="I16199" s="360"/>
      <c r="J16199" s="365"/>
      <c r="K16199" s="365"/>
      <c r="L16199" s="365"/>
    </row>
    <row r="16200" spans="2:12">
      <c r="B16200" s="368"/>
      <c r="C16200" s="362"/>
      <c r="D16200" s="368"/>
      <c r="E16200" s="368"/>
      <c r="F16200" s="361" t="s">
        <v>14389</v>
      </c>
      <c r="G16200" s="361" t="s">
        <v>14390</v>
      </c>
      <c r="H16200" s="362"/>
      <c r="I16200" s="361" t="s">
        <v>14390</v>
      </c>
      <c r="J16200" s="366"/>
      <c r="K16200" s="366"/>
      <c r="L16200" s="366"/>
    </row>
    <row r="16201" spans="2:12">
      <c r="B16201" s="358" t="s">
        <v>23053</v>
      </c>
      <c r="C16201" s="358" t="s">
        <v>29518</v>
      </c>
      <c r="D16201" s="358" t="s">
        <v>23054</v>
      </c>
      <c r="E16201" s="358" t="s">
        <v>658</v>
      </c>
      <c r="F16201" s="358" t="s">
        <v>14443</v>
      </c>
      <c r="G16201" s="358" t="s">
        <v>14444</v>
      </c>
      <c r="H16201" s="358" t="s">
        <v>14378</v>
      </c>
      <c r="I16201" s="358" t="s">
        <v>14444</v>
      </c>
      <c r="J16201" s="358"/>
      <c r="K16201" s="358" t="s">
        <v>14929</v>
      </c>
      <c r="L16201" s="358"/>
    </row>
    <row r="16202" spans="2:12">
      <c r="B16202" s="367"/>
      <c r="C16202" s="367"/>
      <c r="D16202" s="367"/>
      <c r="E16202" s="367"/>
      <c r="F16202" s="360"/>
      <c r="G16202" s="360"/>
      <c r="H16202" s="360"/>
      <c r="I16202" s="360"/>
      <c r="J16202" s="365"/>
      <c r="K16202" s="360"/>
      <c r="L16202" s="365"/>
    </row>
    <row r="16203" spans="2:12" ht="42.75">
      <c r="B16203" s="367"/>
      <c r="C16203" s="367"/>
      <c r="D16203" s="367"/>
      <c r="E16203" s="367"/>
      <c r="F16203" s="359" t="s">
        <v>14426</v>
      </c>
      <c r="G16203" s="359" t="s">
        <v>14427</v>
      </c>
      <c r="H16203" s="359" t="s">
        <v>14381</v>
      </c>
      <c r="I16203" s="359" t="s">
        <v>14427</v>
      </c>
      <c r="J16203" s="365"/>
      <c r="K16203" s="359" t="s">
        <v>28561</v>
      </c>
      <c r="L16203" s="365"/>
    </row>
    <row r="16204" spans="2:12">
      <c r="B16204" s="367"/>
      <c r="C16204" s="367"/>
      <c r="D16204" s="367"/>
      <c r="E16204" s="367"/>
      <c r="F16204" s="360"/>
      <c r="G16204" s="360"/>
      <c r="H16204" s="360"/>
      <c r="I16204" s="360"/>
      <c r="J16204" s="365"/>
      <c r="K16204" s="360"/>
      <c r="L16204" s="365"/>
    </row>
    <row r="16205" spans="2:12" ht="42.75">
      <c r="B16205" s="367"/>
      <c r="C16205" s="367"/>
      <c r="D16205" s="367"/>
      <c r="E16205" s="367"/>
      <c r="F16205" s="359" t="s">
        <v>14382</v>
      </c>
      <c r="G16205" s="359" t="s">
        <v>14483</v>
      </c>
      <c r="H16205" s="359" t="s">
        <v>14341</v>
      </c>
      <c r="I16205" s="359" t="s">
        <v>14483</v>
      </c>
      <c r="J16205" s="365"/>
      <c r="K16205" s="359" t="s">
        <v>29519</v>
      </c>
      <c r="L16205" s="365"/>
    </row>
    <row r="16206" spans="2:12">
      <c r="B16206" s="367"/>
      <c r="C16206" s="367"/>
      <c r="D16206" s="367"/>
      <c r="E16206" s="367"/>
      <c r="F16206" s="360"/>
      <c r="G16206" s="360"/>
      <c r="H16206" s="360"/>
      <c r="I16206" s="360"/>
      <c r="J16206" s="365"/>
      <c r="K16206" s="360"/>
      <c r="L16206" s="365"/>
    </row>
    <row r="16207" spans="2:12">
      <c r="B16207" s="367"/>
      <c r="C16207" s="367"/>
      <c r="D16207" s="367"/>
      <c r="E16207" s="367"/>
      <c r="F16207" s="359" t="s">
        <v>14382</v>
      </c>
      <c r="G16207" s="359" t="s">
        <v>14579</v>
      </c>
      <c r="H16207" s="359" t="s">
        <v>14370</v>
      </c>
      <c r="I16207" s="359" t="s">
        <v>14579</v>
      </c>
      <c r="J16207" s="365"/>
      <c r="K16207" s="360"/>
      <c r="L16207" s="365"/>
    </row>
    <row r="16208" spans="2:12">
      <c r="B16208" s="367"/>
      <c r="C16208" s="367"/>
      <c r="D16208" s="367"/>
      <c r="E16208" s="367"/>
      <c r="F16208" s="360"/>
      <c r="G16208" s="360"/>
      <c r="H16208" s="360"/>
      <c r="I16208" s="360"/>
      <c r="J16208" s="365"/>
      <c r="K16208" s="360"/>
      <c r="L16208" s="365"/>
    </row>
    <row r="16209" spans="2:12">
      <c r="B16209" s="367"/>
      <c r="C16209" s="367"/>
      <c r="D16209" s="367"/>
      <c r="E16209" s="367"/>
      <c r="F16209" s="359" t="s">
        <v>14382</v>
      </c>
      <c r="G16209" s="359" t="s">
        <v>14383</v>
      </c>
      <c r="H16209" s="359" t="s">
        <v>14332</v>
      </c>
      <c r="I16209" s="359" t="s">
        <v>14383</v>
      </c>
      <c r="J16209" s="365"/>
      <c r="K16209" s="360"/>
      <c r="L16209" s="365"/>
    </row>
    <row r="16210" spans="2:12">
      <c r="B16210" s="367"/>
      <c r="C16210" s="367"/>
      <c r="D16210" s="367"/>
      <c r="E16210" s="367"/>
      <c r="F16210" s="360"/>
      <c r="G16210" s="360"/>
      <c r="H16210" s="360"/>
      <c r="I16210" s="360"/>
      <c r="J16210" s="365"/>
      <c r="K16210" s="360"/>
      <c r="L16210" s="365"/>
    </row>
    <row r="16211" spans="2:12">
      <c r="B16211" s="367"/>
      <c r="C16211" s="367"/>
      <c r="D16211" s="367"/>
      <c r="E16211" s="367"/>
      <c r="F16211" s="359" t="s">
        <v>14384</v>
      </c>
      <c r="G16211" s="359" t="s">
        <v>14385</v>
      </c>
      <c r="H16211" s="360"/>
      <c r="I16211" s="359" t="s">
        <v>14385</v>
      </c>
      <c r="J16211" s="365"/>
      <c r="K16211" s="360"/>
      <c r="L16211" s="365"/>
    </row>
    <row r="16212" spans="2:12">
      <c r="B16212" s="367"/>
      <c r="C16212" s="367"/>
      <c r="D16212" s="367"/>
      <c r="E16212" s="367"/>
      <c r="F16212" s="360"/>
      <c r="G16212" s="360"/>
      <c r="H16212" s="360"/>
      <c r="I16212" s="360"/>
      <c r="J16212" s="365"/>
      <c r="K16212" s="360"/>
      <c r="L16212" s="365"/>
    </row>
    <row r="16213" spans="2:12">
      <c r="B16213" s="367"/>
      <c r="C16213" s="367"/>
      <c r="D16213" s="367"/>
      <c r="E16213" s="367"/>
      <c r="F16213" s="359" t="s">
        <v>14430</v>
      </c>
      <c r="G16213" s="359" t="s">
        <v>14431</v>
      </c>
      <c r="H16213" s="360"/>
      <c r="I16213" s="359" t="s">
        <v>14431</v>
      </c>
      <c r="J16213" s="365"/>
      <c r="K16213" s="360"/>
      <c r="L16213" s="365"/>
    </row>
    <row r="16214" spans="2:12">
      <c r="B16214" s="367"/>
      <c r="C16214" s="367"/>
      <c r="D16214" s="367"/>
      <c r="E16214" s="367"/>
      <c r="F16214" s="360"/>
      <c r="G16214" s="360"/>
      <c r="H16214" s="360"/>
      <c r="I16214" s="360"/>
      <c r="J16214" s="365"/>
      <c r="K16214" s="360"/>
      <c r="L16214" s="365"/>
    </row>
    <row r="16215" spans="2:12">
      <c r="B16215" s="367"/>
      <c r="C16215" s="367"/>
      <c r="D16215" s="367"/>
      <c r="E16215" s="367"/>
      <c r="F16215" s="359" t="s">
        <v>14391</v>
      </c>
      <c r="G16215" s="359" t="s">
        <v>14392</v>
      </c>
      <c r="H16215" s="360"/>
      <c r="I16215" s="359" t="s">
        <v>14392</v>
      </c>
      <c r="J16215" s="365"/>
      <c r="K16215" s="360"/>
      <c r="L16215" s="365"/>
    </row>
    <row r="16216" spans="2:12">
      <c r="B16216" s="367"/>
      <c r="C16216" s="367"/>
      <c r="D16216" s="367"/>
      <c r="E16216" s="367"/>
      <c r="F16216" s="360"/>
      <c r="G16216" s="360"/>
      <c r="H16216" s="360"/>
      <c r="I16216" s="360"/>
      <c r="J16216" s="365"/>
      <c r="K16216" s="360"/>
      <c r="L16216" s="365"/>
    </row>
    <row r="16217" spans="2:12">
      <c r="B16217" s="368"/>
      <c r="C16217" s="368"/>
      <c r="D16217" s="368"/>
      <c r="E16217" s="368"/>
      <c r="F16217" s="361" t="s">
        <v>14371</v>
      </c>
      <c r="G16217" s="361" t="s">
        <v>14372</v>
      </c>
      <c r="H16217" s="362"/>
      <c r="I16217" s="361" t="s">
        <v>14372</v>
      </c>
      <c r="J16217" s="366"/>
      <c r="K16217" s="362"/>
      <c r="L16217" s="366"/>
    </row>
    <row r="16218" spans="2:12">
      <c r="B16218" s="358" t="s">
        <v>23055</v>
      </c>
      <c r="C16218" s="358" t="s">
        <v>23056</v>
      </c>
      <c r="D16218" s="358" t="s">
        <v>8356</v>
      </c>
      <c r="E16218" s="358" t="s">
        <v>8356</v>
      </c>
      <c r="F16218" s="358" t="s">
        <v>14443</v>
      </c>
      <c r="G16218" s="358" t="s">
        <v>14444</v>
      </c>
      <c r="H16218" s="358" t="s">
        <v>14378</v>
      </c>
      <c r="I16218" s="358" t="s">
        <v>14444</v>
      </c>
      <c r="J16218" s="358"/>
      <c r="K16218" s="358" t="s">
        <v>14929</v>
      </c>
      <c r="L16218" s="358" t="s">
        <v>9491</v>
      </c>
    </row>
    <row r="16219" spans="2:12">
      <c r="B16219" s="367"/>
      <c r="C16219" s="367"/>
      <c r="D16219" s="367"/>
      <c r="E16219" s="367"/>
      <c r="F16219" s="360"/>
      <c r="G16219" s="360"/>
      <c r="H16219" s="360"/>
      <c r="I16219" s="360"/>
      <c r="J16219" s="365"/>
      <c r="K16219" s="360"/>
      <c r="L16219" s="367"/>
    </row>
    <row r="16220" spans="2:12" ht="57">
      <c r="B16220" s="367"/>
      <c r="C16220" s="367"/>
      <c r="D16220" s="367"/>
      <c r="E16220" s="367"/>
      <c r="F16220" s="359" t="s">
        <v>14426</v>
      </c>
      <c r="G16220" s="359" t="s">
        <v>14427</v>
      </c>
      <c r="H16220" s="359" t="s">
        <v>14381</v>
      </c>
      <c r="I16220" s="359" t="s">
        <v>14427</v>
      </c>
      <c r="J16220" s="365"/>
      <c r="K16220" s="359" t="s">
        <v>29520</v>
      </c>
      <c r="L16220" s="367"/>
    </row>
    <row r="16221" spans="2:12">
      <c r="B16221" s="367"/>
      <c r="C16221" s="367"/>
      <c r="D16221" s="367"/>
      <c r="E16221" s="367"/>
      <c r="F16221" s="360"/>
      <c r="G16221" s="360"/>
      <c r="H16221" s="360"/>
      <c r="I16221" s="360"/>
      <c r="J16221" s="365"/>
      <c r="K16221" s="360"/>
      <c r="L16221" s="367"/>
    </row>
    <row r="16222" spans="2:12" ht="28.5">
      <c r="B16222" s="367"/>
      <c r="C16222" s="367"/>
      <c r="D16222" s="367"/>
      <c r="E16222" s="367"/>
      <c r="F16222" s="359" t="s">
        <v>14382</v>
      </c>
      <c r="G16222" s="359" t="s">
        <v>14483</v>
      </c>
      <c r="H16222" s="359" t="s">
        <v>14341</v>
      </c>
      <c r="I16222" s="359" t="s">
        <v>14483</v>
      </c>
      <c r="J16222" s="365"/>
      <c r="K16222" s="359" t="s">
        <v>29521</v>
      </c>
      <c r="L16222" s="367"/>
    </row>
    <row r="16223" spans="2:12">
      <c r="B16223" s="367"/>
      <c r="C16223" s="367"/>
      <c r="D16223" s="367"/>
      <c r="E16223" s="367"/>
      <c r="F16223" s="360"/>
      <c r="G16223" s="360"/>
      <c r="H16223" s="360"/>
      <c r="I16223" s="360"/>
      <c r="J16223" s="365"/>
      <c r="K16223" s="360"/>
      <c r="L16223" s="367"/>
    </row>
    <row r="16224" spans="2:12">
      <c r="B16224" s="367"/>
      <c r="C16224" s="367"/>
      <c r="D16224" s="367"/>
      <c r="E16224" s="367"/>
      <c r="F16224" s="359" t="s">
        <v>14382</v>
      </c>
      <c r="G16224" s="359" t="s">
        <v>14579</v>
      </c>
      <c r="H16224" s="359" t="s">
        <v>14370</v>
      </c>
      <c r="I16224" s="359" t="s">
        <v>14579</v>
      </c>
      <c r="J16224" s="365"/>
      <c r="K16224" s="359" t="s">
        <v>28601</v>
      </c>
      <c r="L16224" s="367"/>
    </row>
    <row r="16225" spans="2:12">
      <c r="B16225" s="367"/>
      <c r="C16225" s="367"/>
      <c r="D16225" s="367"/>
      <c r="E16225" s="367"/>
      <c r="F16225" s="360"/>
      <c r="G16225" s="360"/>
      <c r="H16225" s="360"/>
      <c r="I16225" s="360"/>
      <c r="J16225" s="365"/>
      <c r="K16225" s="360"/>
      <c r="L16225" s="367"/>
    </row>
    <row r="16226" spans="2:12">
      <c r="B16226" s="367"/>
      <c r="C16226" s="367"/>
      <c r="D16226" s="367"/>
      <c r="E16226" s="367"/>
      <c r="F16226" s="359" t="s">
        <v>14382</v>
      </c>
      <c r="G16226" s="359" t="s">
        <v>14383</v>
      </c>
      <c r="H16226" s="359" t="s">
        <v>14332</v>
      </c>
      <c r="I16226" s="359" t="s">
        <v>14383</v>
      </c>
      <c r="J16226" s="365"/>
      <c r="K16226" s="360"/>
      <c r="L16226" s="367"/>
    </row>
    <row r="16227" spans="2:12">
      <c r="B16227" s="367"/>
      <c r="C16227" s="367"/>
      <c r="D16227" s="367"/>
      <c r="E16227" s="367"/>
      <c r="F16227" s="360"/>
      <c r="G16227" s="360"/>
      <c r="H16227" s="360"/>
      <c r="I16227" s="360"/>
      <c r="J16227" s="365"/>
      <c r="K16227" s="360"/>
      <c r="L16227" s="367"/>
    </row>
    <row r="16228" spans="2:12">
      <c r="B16228" s="367"/>
      <c r="C16228" s="367"/>
      <c r="D16228" s="367"/>
      <c r="E16228" s="367"/>
      <c r="F16228" s="359" t="s">
        <v>14384</v>
      </c>
      <c r="G16228" s="359" t="s">
        <v>14385</v>
      </c>
      <c r="H16228" s="360"/>
      <c r="I16228" s="359" t="s">
        <v>14385</v>
      </c>
      <c r="J16228" s="365"/>
      <c r="K16228" s="360"/>
      <c r="L16228" s="367"/>
    </row>
    <row r="16229" spans="2:12">
      <c r="B16229" s="367"/>
      <c r="C16229" s="367"/>
      <c r="D16229" s="367"/>
      <c r="E16229" s="367"/>
      <c r="F16229" s="360"/>
      <c r="G16229" s="360"/>
      <c r="H16229" s="360"/>
      <c r="I16229" s="360"/>
      <c r="J16229" s="365"/>
      <c r="K16229" s="360"/>
      <c r="L16229" s="367"/>
    </row>
    <row r="16230" spans="2:12">
      <c r="B16230" s="367"/>
      <c r="C16230" s="367"/>
      <c r="D16230" s="367"/>
      <c r="E16230" s="367"/>
      <c r="F16230" s="359" t="s">
        <v>14430</v>
      </c>
      <c r="G16230" s="359" t="s">
        <v>14431</v>
      </c>
      <c r="H16230" s="360"/>
      <c r="I16230" s="359" t="s">
        <v>14431</v>
      </c>
      <c r="J16230" s="365"/>
      <c r="K16230" s="360"/>
      <c r="L16230" s="367"/>
    </row>
    <row r="16231" spans="2:12">
      <c r="B16231" s="367"/>
      <c r="C16231" s="367"/>
      <c r="D16231" s="367"/>
      <c r="E16231" s="367"/>
      <c r="F16231" s="360"/>
      <c r="G16231" s="360"/>
      <c r="H16231" s="360"/>
      <c r="I16231" s="360"/>
      <c r="J16231" s="365"/>
      <c r="K16231" s="360"/>
      <c r="L16231" s="367"/>
    </row>
    <row r="16232" spans="2:12">
      <c r="B16232" s="367"/>
      <c r="C16232" s="367"/>
      <c r="D16232" s="367"/>
      <c r="E16232" s="367"/>
      <c r="F16232" s="359" t="s">
        <v>14391</v>
      </c>
      <c r="G16232" s="359" t="s">
        <v>14392</v>
      </c>
      <c r="H16232" s="360"/>
      <c r="I16232" s="359" t="s">
        <v>14392</v>
      </c>
      <c r="J16232" s="365"/>
      <c r="K16232" s="360"/>
      <c r="L16232" s="367"/>
    </row>
    <row r="16233" spans="2:12">
      <c r="B16233" s="367"/>
      <c r="C16233" s="367"/>
      <c r="D16233" s="367"/>
      <c r="E16233" s="367"/>
      <c r="F16233" s="360"/>
      <c r="G16233" s="360"/>
      <c r="H16233" s="360"/>
      <c r="I16233" s="360"/>
      <c r="J16233" s="365"/>
      <c r="K16233" s="360"/>
      <c r="L16233" s="367"/>
    </row>
    <row r="16234" spans="2:12">
      <c r="B16234" s="368"/>
      <c r="C16234" s="368"/>
      <c r="D16234" s="368"/>
      <c r="E16234" s="368"/>
      <c r="F16234" s="361" t="s">
        <v>14371</v>
      </c>
      <c r="G16234" s="361" t="s">
        <v>14372</v>
      </c>
      <c r="H16234" s="362"/>
      <c r="I16234" s="361" t="s">
        <v>14372</v>
      </c>
      <c r="J16234" s="366"/>
      <c r="K16234" s="362"/>
      <c r="L16234" s="368"/>
    </row>
    <row r="16235" spans="2:12" ht="28.5">
      <c r="B16235" s="358" t="s">
        <v>23057</v>
      </c>
      <c r="C16235" s="358" t="s">
        <v>23058</v>
      </c>
      <c r="D16235" s="358" t="s">
        <v>8356</v>
      </c>
      <c r="E16235" s="358" t="s">
        <v>8356</v>
      </c>
      <c r="F16235" s="358" t="s">
        <v>14382</v>
      </c>
      <c r="G16235" s="358" t="s">
        <v>14483</v>
      </c>
      <c r="H16235" s="358" t="s">
        <v>14378</v>
      </c>
      <c r="I16235" s="358" t="s">
        <v>14483</v>
      </c>
      <c r="J16235" s="358"/>
      <c r="K16235" s="358"/>
      <c r="L16235" s="358" t="s">
        <v>14611</v>
      </c>
    </row>
    <row r="16236" spans="2:12">
      <c r="B16236" s="367"/>
      <c r="C16236" s="367"/>
      <c r="D16236" s="367"/>
      <c r="E16236" s="367"/>
      <c r="F16236" s="360"/>
      <c r="G16236" s="360"/>
      <c r="H16236" s="360"/>
      <c r="I16236" s="360"/>
      <c r="J16236" s="365"/>
      <c r="K16236" s="365"/>
      <c r="L16236" s="367"/>
    </row>
    <row r="16237" spans="2:12">
      <c r="B16237" s="367"/>
      <c r="C16237" s="367"/>
      <c r="D16237" s="367"/>
      <c r="E16237" s="367"/>
      <c r="F16237" s="359" t="s">
        <v>14382</v>
      </c>
      <c r="G16237" s="359" t="s">
        <v>14579</v>
      </c>
      <c r="H16237" s="359" t="s">
        <v>14381</v>
      </c>
      <c r="I16237" s="359" t="s">
        <v>14579</v>
      </c>
      <c r="J16237" s="365"/>
      <c r="K16237" s="365"/>
      <c r="L16237" s="367"/>
    </row>
    <row r="16238" spans="2:12">
      <c r="B16238" s="367"/>
      <c r="C16238" s="367"/>
      <c r="D16238" s="367"/>
      <c r="E16238" s="367"/>
      <c r="F16238" s="360"/>
      <c r="G16238" s="360"/>
      <c r="H16238" s="360"/>
      <c r="I16238" s="360"/>
      <c r="J16238" s="365"/>
      <c r="K16238" s="365"/>
      <c r="L16238" s="367"/>
    </row>
    <row r="16239" spans="2:12">
      <c r="B16239" s="367"/>
      <c r="C16239" s="367"/>
      <c r="D16239" s="367"/>
      <c r="E16239" s="367"/>
      <c r="F16239" s="359" t="s">
        <v>14382</v>
      </c>
      <c r="G16239" s="359" t="s">
        <v>14383</v>
      </c>
      <c r="H16239" s="359" t="s">
        <v>14370</v>
      </c>
      <c r="I16239" s="359" t="s">
        <v>14383</v>
      </c>
      <c r="J16239" s="365"/>
      <c r="K16239" s="365"/>
      <c r="L16239" s="367"/>
    </row>
    <row r="16240" spans="2:12">
      <c r="B16240" s="367"/>
      <c r="C16240" s="367"/>
      <c r="D16240" s="367"/>
      <c r="E16240" s="367"/>
      <c r="F16240" s="360"/>
      <c r="G16240" s="360"/>
      <c r="H16240" s="360"/>
      <c r="I16240" s="360"/>
      <c r="J16240" s="365"/>
      <c r="K16240" s="365"/>
      <c r="L16240" s="367"/>
    </row>
    <row r="16241" spans="2:12">
      <c r="B16241" s="367"/>
      <c r="C16241" s="367"/>
      <c r="D16241" s="367"/>
      <c r="E16241" s="367"/>
      <c r="F16241" s="359" t="s">
        <v>14460</v>
      </c>
      <c r="G16241" s="359" t="s">
        <v>14519</v>
      </c>
      <c r="H16241" s="359" t="s">
        <v>14332</v>
      </c>
      <c r="I16241" s="359" t="s">
        <v>14519</v>
      </c>
      <c r="J16241" s="365"/>
      <c r="K16241" s="365"/>
      <c r="L16241" s="367"/>
    </row>
    <row r="16242" spans="2:12">
      <c r="B16242" s="367"/>
      <c r="C16242" s="367"/>
      <c r="D16242" s="367"/>
      <c r="E16242" s="367"/>
      <c r="F16242" s="360"/>
      <c r="G16242" s="360"/>
      <c r="H16242" s="360"/>
      <c r="I16242" s="360"/>
      <c r="J16242" s="365"/>
      <c r="K16242" s="365"/>
      <c r="L16242" s="367"/>
    </row>
    <row r="16243" spans="2:12">
      <c r="B16243" s="367"/>
      <c r="C16243" s="367"/>
      <c r="D16243" s="367"/>
      <c r="E16243" s="367"/>
      <c r="F16243" s="359" t="s">
        <v>14371</v>
      </c>
      <c r="G16243" s="359" t="s">
        <v>14372</v>
      </c>
      <c r="H16243" s="360"/>
      <c r="I16243" s="359" t="s">
        <v>14373</v>
      </c>
      <c r="J16243" s="365"/>
      <c r="K16243" s="365"/>
      <c r="L16243" s="367"/>
    </row>
    <row r="16244" spans="2:12">
      <c r="B16244" s="367"/>
      <c r="C16244" s="367"/>
      <c r="D16244" s="367"/>
      <c r="E16244" s="367"/>
      <c r="F16244" s="360"/>
      <c r="G16244" s="360"/>
      <c r="H16244" s="360"/>
      <c r="I16244" s="360"/>
      <c r="J16244" s="365"/>
      <c r="K16244" s="365"/>
      <c r="L16244" s="367"/>
    </row>
    <row r="16245" spans="2:12" ht="28.5">
      <c r="B16245" s="368"/>
      <c r="C16245" s="368"/>
      <c r="D16245" s="368"/>
      <c r="E16245" s="368"/>
      <c r="F16245" s="361" t="s">
        <v>14374</v>
      </c>
      <c r="G16245" s="361" t="s">
        <v>14373</v>
      </c>
      <c r="H16245" s="362"/>
      <c r="I16245" s="362"/>
      <c r="J16245" s="366"/>
      <c r="K16245" s="366"/>
      <c r="L16245" s="368"/>
    </row>
    <row r="16246" spans="2:12">
      <c r="B16246" s="358" t="s">
        <v>23059</v>
      </c>
      <c r="C16246" s="358" t="s">
        <v>23060</v>
      </c>
      <c r="D16246" s="358" t="s">
        <v>23061</v>
      </c>
      <c r="E16246" s="358" t="s">
        <v>23062</v>
      </c>
      <c r="F16246" s="358" t="s">
        <v>14420</v>
      </c>
      <c r="G16246" s="358" t="s">
        <v>14459</v>
      </c>
      <c r="H16246" s="358" t="s">
        <v>14367</v>
      </c>
      <c r="I16246" s="358" t="s">
        <v>14459</v>
      </c>
      <c r="J16246" s="358"/>
      <c r="K16246" s="358"/>
      <c r="L16246" s="358"/>
    </row>
    <row r="16247" spans="2:12">
      <c r="B16247" s="367"/>
      <c r="C16247" s="367"/>
      <c r="D16247" s="367"/>
      <c r="E16247" s="367"/>
      <c r="F16247" s="360"/>
      <c r="G16247" s="360"/>
      <c r="H16247" s="360"/>
      <c r="I16247" s="360"/>
      <c r="J16247" s="365"/>
      <c r="K16247" s="365"/>
      <c r="L16247" s="365"/>
    </row>
    <row r="16248" spans="2:12">
      <c r="B16248" s="367"/>
      <c r="C16248" s="367"/>
      <c r="D16248" s="367"/>
      <c r="E16248" s="367"/>
      <c r="F16248" s="359" t="s">
        <v>14420</v>
      </c>
      <c r="G16248" s="359" t="s">
        <v>14421</v>
      </c>
      <c r="H16248" s="359" t="s">
        <v>14422</v>
      </c>
      <c r="I16248" s="359" t="s">
        <v>14421</v>
      </c>
      <c r="J16248" s="365"/>
      <c r="K16248" s="365"/>
      <c r="L16248" s="365"/>
    </row>
    <row r="16249" spans="2:12">
      <c r="B16249" s="367"/>
      <c r="C16249" s="367"/>
      <c r="D16249" s="367"/>
      <c r="E16249" s="367"/>
      <c r="F16249" s="360"/>
      <c r="G16249" s="360"/>
      <c r="H16249" s="360"/>
      <c r="I16249" s="360"/>
      <c r="J16249" s="365"/>
      <c r="K16249" s="365"/>
      <c r="L16249" s="365"/>
    </row>
    <row r="16250" spans="2:12">
      <c r="B16250" s="368"/>
      <c r="C16250" s="368"/>
      <c r="D16250" s="368"/>
      <c r="E16250" s="368"/>
      <c r="F16250" s="361" t="s">
        <v>14420</v>
      </c>
      <c r="G16250" s="361" t="s">
        <v>14429</v>
      </c>
      <c r="H16250" s="362"/>
      <c r="I16250" s="361" t="s">
        <v>14429</v>
      </c>
      <c r="J16250" s="366"/>
      <c r="K16250" s="366"/>
      <c r="L16250" s="366"/>
    </row>
    <row r="16251" spans="2:12">
      <c r="B16251" s="358" t="s">
        <v>23063</v>
      </c>
      <c r="C16251" s="358" t="s">
        <v>29522</v>
      </c>
      <c r="D16251" s="358" t="s">
        <v>23064</v>
      </c>
      <c r="E16251" s="358" t="s">
        <v>23065</v>
      </c>
      <c r="F16251" s="358" t="s">
        <v>14382</v>
      </c>
      <c r="G16251" s="358" t="s">
        <v>14483</v>
      </c>
      <c r="H16251" s="358" t="s">
        <v>14378</v>
      </c>
      <c r="I16251" s="358" t="s">
        <v>14483</v>
      </c>
      <c r="J16251" s="358"/>
      <c r="K16251" s="358"/>
      <c r="L16251" s="358" t="s">
        <v>14611</v>
      </c>
    </row>
    <row r="16252" spans="2:12">
      <c r="B16252" s="367"/>
      <c r="C16252" s="367"/>
      <c r="D16252" s="360"/>
      <c r="E16252" s="360"/>
      <c r="F16252" s="360"/>
      <c r="G16252" s="360"/>
      <c r="H16252" s="360"/>
      <c r="I16252" s="360"/>
      <c r="J16252" s="365"/>
      <c r="K16252" s="365"/>
      <c r="L16252" s="367"/>
    </row>
    <row r="16253" spans="2:12">
      <c r="B16253" s="367"/>
      <c r="C16253" s="367"/>
      <c r="D16253" s="359" t="s">
        <v>23066</v>
      </c>
      <c r="E16253" s="359" t="s">
        <v>23067</v>
      </c>
      <c r="F16253" s="359" t="s">
        <v>14382</v>
      </c>
      <c r="G16253" s="359" t="s">
        <v>14579</v>
      </c>
      <c r="H16253" s="359" t="s">
        <v>14381</v>
      </c>
      <c r="I16253" s="359" t="s">
        <v>14579</v>
      </c>
      <c r="J16253" s="365"/>
      <c r="K16253" s="365"/>
      <c r="L16253" s="367"/>
    </row>
    <row r="16254" spans="2:12">
      <c r="B16254" s="367"/>
      <c r="C16254" s="367"/>
      <c r="D16254" s="360"/>
      <c r="E16254" s="360"/>
      <c r="F16254" s="360"/>
      <c r="G16254" s="360"/>
      <c r="H16254" s="360"/>
      <c r="I16254" s="360"/>
      <c r="J16254" s="365"/>
      <c r="K16254" s="365"/>
      <c r="L16254" s="367"/>
    </row>
    <row r="16255" spans="2:12">
      <c r="B16255" s="367"/>
      <c r="C16255" s="367"/>
      <c r="D16255" s="359" t="s">
        <v>23068</v>
      </c>
      <c r="E16255" s="359" t="s">
        <v>23069</v>
      </c>
      <c r="F16255" s="359" t="s">
        <v>14382</v>
      </c>
      <c r="G16255" s="359" t="s">
        <v>14383</v>
      </c>
      <c r="H16255" s="359" t="s">
        <v>14332</v>
      </c>
      <c r="I16255" s="359" t="s">
        <v>14383</v>
      </c>
      <c r="J16255" s="365"/>
      <c r="K16255" s="365"/>
      <c r="L16255" s="367"/>
    </row>
    <row r="16256" spans="2:12">
      <c r="B16256" s="367"/>
      <c r="C16256" s="367"/>
      <c r="D16256" s="360"/>
      <c r="E16256" s="360"/>
      <c r="F16256" s="360"/>
      <c r="G16256" s="360"/>
      <c r="H16256" s="360"/>
      <c r="I16256" s="360"/>
      <c r="J16256" s="365"/>
      <c r="K16256" s="365"/>
      <c r="L16256" s="367"/>
    </row>
    <row r="16257" spans="2:12">
      <c r="B16257" s="367"/>
      <c r="C16257" s="367"/>
      <c r="D16257" s="360"/>
      <c r="E16257" s="360"/>
      <c r="F16257" s="359" t="s">
        <v>14460</v>
      </c>
      <c r="G16257" s="359" t="s">
        <v>14519</v>
      </c>
      <c r="H16257" s="360"/>
      <c r="I16257" s="359" t="s">
        <v>14519</v>
      </c>
      <c r="J16257" s="365"/>
      <c r="K16257" s="365"/>
      <c r="L16257" s="367"/>
    </row>
    <row r="16258" spans="2:12">
      <c r="B16258" s="367"/>
      <c r="C16258" s="367"/>
      <c r="D16258" s="360"/>
      <c r="E16258" s="360"/>
      <c r="F16258" s="360"/>
      <c r="G16258" s="360"/>
      <c r="H16258" s="360"/>
      <c r="I16258" s="360"/>
      <c r="J16258" s="365"/>
      <c r="K16258" s="365"/>
      <c r="L16258" s="367"/>
    </row>
    <row r="16259" spans="2:12" ht="28.5">
      <c r="B16259" s="368"/>
      <c r="C16259" s="368"/>
      <c r="D16259" s="362"/>
      <c r="E16259" s="362"/>
      <c r="F16259" s="361" t="s">
        <v>14472</v>
      </c>
      <c r="G16259" s="361" t="s">
        <v>14473</v>
      </c>
      <c r="H16259" s="362"/>
      <c r="I16259" s="361" t="s">
        <v>14473</v>
      </c>
      <c r="J16259" s="366"/>
      <c r="K16259" s="366"/>
      <c r="L16259" s="368"/>
    </row>
    <row r="16260" spans="2:12">
      <c r="B16260" s="358" t="s">
        <v>23070</v>
      </c>
      <c r="C16260" s="358" t="s">
        <v>23071</v>
      </c>
      <c r="D16260" s="358" t="s">
        <v>23072</v>
      </c>
      <c r="E16260" s="358" t="s">
        <v>23073</v>
      </c>
      <c r="F16260" s="358" t="s">
        <v>14420</v>
      </c>
      <c r="G16260" s="358" t="s">
        <v>14459</v>
      </c>
      <c r="H16260" s="358" t="s">
        <v>14367</v>
      </c>
      <c r="I16260" s="358" t="s">
        <v>14459</v>
      </c>
      <c r="J16260" s="358"/>
      <c r="K16260" s="358"/>
      <c r="L16260" s="358"/>
    </row>
    <row r="16261" spans="2:12">
      <c r="B16261" s="367"/>
      <c r="C16261" s="360"/>
      <c r="D16261" s="367"/>
      <c r="E16261" s="367"/>
      <c r="F16261" s="360"/>
      <c r="G16261" s="360"/>
      <c r="H16261" s="360"/>
      <c r="I16261" s="360"/>
      <c r="J16261" s="365"/>
      <c r="K16261" s="365"/>
      <c r="L16261" s="365"/>
    </row>
    <row r="16262" spans="2:12">
      <c r="B16262" s="367"/>
      <c r="C16262" s="359" t="s">
        <v>23074</v>
      </c>
      <c r="D16262" s="367"/>
      <c r="E16262" s="367"/>
      <c r="F16262" s="359" t="s">
        <v>14420</v>
      </c>
      <c r="G16262" s="359" t="s">
        <v>14421</v>
      </c>
      <c r="H16262" s="359" t="s">
        <v>14422</v>
      </c>
      <c r="I16262" s="359" t="s">
        <v>14421</v>
      </c>
      <c r="J16262" s="365"/>
      <c r="K16262" s="365"/>
      <c r="L16262" s="365"/>
    </row>
    <row r="16263" spans="2:12">
      <c r="B16263" s="367"/>
      <c r="C16263" s="360"/>
      <c r="D16263" s="367"/>
      <c r="E16263" s="367"/>
      <c r="F16263" s="360"/>
      <c r="G16263" s="360"/>
      <c r="H16263" s="360"/>
      <c r="I16263" s="360"/>
      <c r="J16263" s="365"/>
      <c r="K16263" s="365"/>
      <c r="L16263" s="365"/>
    </row>
    <row r="16264" spans="2:12">
      <c r="B16264" s="368"/>
      <c r="C16264" s="362"/>
      <c r="D16264" s="368"/>
      <c r="E16264" s="368"/>
      <c r="F16264" s="361" t="s">
        <v>14420</v>
      </c>
      <c r="G16264" s="361" t="s">
        <v>14429</v>
      </c>
      <c r="H16264" s="362"/>
      <c r="I16264" s="361" t="s">
        <v>14429</v>
      </c>
      <c r="J16264" s="366"/>
      <c r="K16264" s="366"/>
      <c r="L16264" s="366"/>
    </row>
    <row r="16265" spans="2:12">
      <c r="B16265" s="358" t="s">
        <v>23075</v>
      </c>
      <c r="C16265" s="358" t="s">
        <v>23076</v>
      </c>
      <c r="D16265" s="358" t="s">
        <v>23077</v>
      </c>
      <c r="E16265" s="358" t="s">
        <v>23078</v>
      </c>
      <c r="F16265" s="358" t="s">
        <v>14386</v>
      </c>
      <c r="G16265" s="358" t="s">
        <v>14387</v>
      </c>
      <c r="H16265" s="358" t="s">
        <v>14367</v>
      </c>
      <c r="I16265" s="358" t="s">
        <v>14387</v>
      </c>
      <c r="J16265" s="358"/>
      <c r="K16265" s="358"/>
      <c r="L16265" s="358"/>
    </row>
    <row r="16266" spans="2:12">
      <c r="B16266" s="367"/>
      <c r="C16266" s="360"/>
      <c r="D16266" s="367"/>
      <c r="E16266" s="367"/>
      <c r="F16266" s="360"/>
      <c r="G16266" s="360"/>
      <c r="H16266" s="360"/>
      <c r="I16266" s="360"/>
      <c r="J16266" s="365"/>
      <c r="K16266" s="365"/>
      <c r="L16266" s="365"/>
    </row>
    <row r="16267" spans="2:12">
      <c r="B16267" s="367"/>
      <c r="C16267" s="359" t="s">
        <v>23079</v>
      </c>
      <c r="D16267" s="367"/>
      <c r="E16267" s="367"/>
      <c r="F16267" s="359" t="s">
        <v>14389</v>
      </c>
      <c r="G16267" s="359" t="s">
        <v>14390</v>
      </c>
      <c r="H16267" s="359" t="s">
        <v>14422</v>
      </c>
      <c r="I16267" s="359" t="s">
        <v>14390</v>
      </c>
      <c r="J16267" s="365"/>
      <c r="K16267" s="365"/>
      <c r="L16267" s="365"/>
    </row>
    <row r="16268" spans="2:12">
      <c r="B16268" s="367"/>
      <c r="C16268" s="360"/>
      <c r="D16268" s="367"/>
      <c r="E16268" s="367"/>
      <c r="F16268" s="360"/>
      <c r="G16268" s="360"/>
      <c r="H16268" s="360"/>
      <c r="I16268" s="360"/>
      <c r="J16268" s="365"/>
      <c r="K16268" s="365"/>
      <c r="L16268" s="365"/>
    </row>
    <row r="16269" spans="2:12">
      <c r="B16269" s="368"/>
      <c r="C16269" s="362"/>
      <c r="D16269" s="368"/>
      <c r="E16269" s="368"/>
      <c r="F16269" s="361" t="s">
        <v>14391</v>
      </c>
      <c r="G16269" s="361" t="s">
        <v>14392</v>
      </c>
      <c r="H16269" s="362"/>
      <c r="I16269" s="361" t="s">
        <v>14392</v>
      </c>
      <c r="J16269" s="366"/>
      <c r="K16269" s="366"/>
      <c r="L16269" s="366"/>
    </row>
    <row r="16270" spans="2:12">
      <c r="B16270" s="358" t="s">
        <v>23080</v>
      </c>
      <c r="C16270" s="358" t="s">
        <v>27807</v>
      </c>
      <c r="D16270" s="358" t="s">
        <v>23081</v>
      </c>
      <c r="E16270" s="358" t="s">
        <v>635</v>
      </c>
      <c r="F16270" s="358" t="s">
        <v>14382</v>
      </c>
      <c r="G16270" s="358" t="s">
        <v>14483</v>
      </c>
      <c r="H16270" s="358" t="s">
        <v>14378</v>
      </c>
      <c r="I16270" s="358" t="s">
        <v>14483</v>
      </c>
      <c r="J16270" s="358"/>
      <c r="K16270" s="358"/>
      <c r="L16270" s="358"/>
    </row>
    <row r="16271" spans="2:12">
      <c r="B16271" s="367"/>
      <c r="C16271" s="367"/>
      <c r="D16271" s="367"/>
      <c r="E16271" s="367"/>
      <c r="F16271" s="360"/>
      <c r="G16271" s="360"/>
      <c r="H16271" s="360"/>
      <c r="I16271" s="360"/>
      <c r="J16271" s="365"/>
      <c r="K16271" s="365"/>
      <c r="L16271" s="365"/>
    </row>
    <row r="16272" spans="2:12">
      <c r="B16272" s="367"/>
      <c r="C16272" s="367"/>
      <c r="D16272" s="367"/>
      <c r="E16272" s="367"/>
      <c r="F16272" s="359" t="s">
        <v>14382</v>
      </c>
      <c r="G16272" s="359" t="s">
        <v>14579</v>
      </c>
      <c r="H16272" s="359" t="s">
        <v>14381</v>
      </c>
      <c r="I16272" s="359" t="s">
        <v>14579</v>
      </c>
      <c r="J16272" s="365"/>
      <c r="K16272" s="365"/>
      <c r="L16272" s="365"/>
    </row>
    <row r="16273" spans="2:12">
      <c r="B16273" s="367"/>
      <c r="C16273" s="367"/>
      <c r="D16273" s="367"/>
      <c r="E16273" s="367"/>
      <c r="F16273" s="360"/>
      <c r="G16273" s="360"/>
      <c r="H16273" s="360"/>
      <c r="I16273" s="360"/>
      <c r="J16273" s="365"/>
      <c r="K16273" s="365"/>
      <c r="L16273" s="365"/>
    </row>
    <row r="16274" spans="2:12">
      <c r="B16274" s="367"/>
      <c r="C16274" s="367"/>
      <c r="D16274" s="367"/>
      <c r="E16274" s="367"/>
      <c r="F16274" s="359" t="s">
        <v>14382</v>
      </c>
      <c r="G16274" s="359" t="s">
        <v>14383</v>
      </c>
      <c r="H16274" s="359" t="s">
        <v>14370</v>
      </c>
      <c r="I16274" s="359" t="s">
        <v>14383</v>
      </c>
      <c r="J16274" s="365"/>
      <c r="K16274" s="365"/>
      <c r="L16274" s="365"/>
    </row>
    <row r="16275" spans="2:12">
      <c r="B16275" s="367"/>
      <c r="C16275" s="367"/>
      <c r="D16275" s="367"/>
      <c r="E16275" s="367"/>
      <c r="F16275" s="360"/>
      <c r="G16275" s="360"/>
      <c r="H16275" s="360"/>
      <c r="I16275" s="360"/>
      <c r="J16275" s="365"/>
      <c r="K16275" s="365"/>
      <c r="L16275" s="365"/>
    </row>
    <row r="16276" spans="2:12">
      <c r="B16276" s="367"/>
      <c r="C16276" s="367"/>
      <c r="D16276" s="367"/>
      <c r="E16276" s="367"/>
      <c r="F16276" s="359" t="s">
        <v>14460</v>
      </c>
      <c r="G16276" s="359" t="s">
        <v>14519</v>
      </c>
      <c r="H16276" s="359" t="s">
        <v>14332</v>
      </c>
      <c r="I16276" s="359" t="s">
        <v>14519</v>
      </c>
      <c r="J16276" s="365"/>
      <c r="K16276" s="365"/>
      <c r="L16276" s="365"/>
    </row>
    <row r="16277" spans="2:12">
      <c r="B16277" s="367"/>
      <c r="C16277" s="367"/>
      <c r="D16277" s="367"/>
      <c r="E16277" s="367"/>
      <c r="F16277" s="360"/>
      <c r="G16277" s="360"/>
      <c r="H16277" s="360"/>
      <c r="I16277" s="360"/>
      <c r="J16277" s="365"/>
      <c r="K16277" s="365"/>
      <c r="L16277" s="365"/>
    </row>
    <row r="16278" spans="2:12">
      <c r="B16278" s="367"/>
      <c r="C16278" s="367"/>
      <c r="D16278" s="367"/>
      <c r="E16278" s="367"/>
      <c r="F16278" s="359" t="s">
        <v>14371</v>
      </c>
      <c r="G16278" s="359" t="s">
        <v>14372</v>
      </c>
      <c r="H16278" s="360"/>
      <c r="I16278" s="359" t="s">
        <v>14373</v>
      </c>
      <c r="J16278" s="365"/>
      <c r="K16278" s="365"/>
      <c r="L16278" s="365"/>
    </row>
    <row r="16279" spans="2:12">
      <c r="B16279" s="367"/>
      <c r="C16279" s="367"/>
      <c r="D16279" s="367"/>
      <c r="E16279" s="367"/>
      <c r="F16279" s="360"/>
      <c r="G16279" s="360"/>
      <c r="H16279" s="360"/>
      <c r="I16279" s="360"/>
      <c r="J16279" s="365"/>
      <c r="K16279" s="365"/>
      <c r="L16279" s="365"/>
    </row>
    <row r="16280" spans="2:12" ht="28.5">
      <c r="B16280" s="368"/>
      <c r="C16280" s="368"/>
      <c r="D16280" s="368"/>
      <c r="E16280" s="368"/>
      <c r="F16280" s="361" t="s">
        <v>14374</v>
      </c>
      <c r="G16280" s="361" t="s">
        <v>14373</v>
      </c>
      <c r="H16280" s="362"/>
      <c r="I16280" s="362"/>
      <c r="J16280" s="366"/>
      <c r="K16280" s="366"/>
      <c r="L16280" s="366"/>
    </row>
    <row r="16281" spans="2:12">
      <c r="B16281" s="358" t="s">
        <v>23082</v>
      </c>
      <c r="C16281" s="358" t="s">
        <v>27808</v>
      </c>
      <c r="D16281" s="358" t="s">
        <v>23083</v>
      </c>
      <c r="E16281" s="358" t="s">
        <v>23084</v>
      </c>
      <c r="F16281" s="358" t="s">
        <v>14443</v>
      </c>
      <c r="G16281" s="358" t="s">
        <v>14444</v>
      </c>
      <c r="H16281" s="358" t="s">
        <v>14378</v>
      </c>
      <c r="I16281" s="358" t="s">
        <v>14444</v>
      </c>
      <c r="J16281" s="358"/>
      <c r="K16281" s="358"/>
      <c r="L16281" s="358"/>
    </row>
    <row r="16282" spans="2:12">
      <c r="B16282" s="367"/>
      <c r="C16282" s="367"/>
      <c r="D16282" s="367"/>
      <c r="E16282" s="367"/>
      <c r="F16282" s="360"/>
      <c r="G16282" s="360"/>
      <c r="H16282" s="360"/>
      <c r="I16282" s="360"/>
      <c r="J16282" s="365"/>
      <c r="K16282" s="365"/>
      <c r="L16282" s="365"/>
    </row>
    <row r="16283" spans="2:12">
      <c r="B16283" s="367"/>
      <c r="C16283" s="367"/>
      <c r="D16283" s="367"/>
      <c r="E16283" s="367"/>
      <c r="F16283" s="359" t="s">
        <v>14382</v>
      </c>
      <c r="G16283" s="359" t="s">
        <v>14483</v>
      </c>
      <c r="H16283" s="359" t="s">
        <v>14381</v>
      </c>
      <c r="I16283" s="359" t="s">
        <v>14483</v>
      </c>
      <c r="J16283" s="365"/>
      <c r="K16283" s="365"/>
      <c r="L16283" s="365"/>
    </row>
    <row r="16284" spans="2:12">
      <c r="B16284" s="367"/>
      <c r="C16284" s="367"/>
      <c r="D16284" s="367"/>
      <c r="E16284" s="367"/>
      <c r="F16284" s="360"/>
      <c r="G16284" s="360"/>
      <c r="H16284" s="360"/>
      <c r="I16284" s="360"/>
      <c r="J16284" s="365"/>
      <c r="K16284" s="365"/>
      <c r="L16284" s="365"/>
    </row>
    <row r="16285" spans="2:12">
      <c r="B16285" s="367"/>
      <c r="C16285" s="367"/>
      <c r="D16285" s="367"/>
      <c r="E16285" s="367"/>
      <c r="F16285" s="359" t="s">
        <v>14382</v>
      </c>
      <c r="G16285" s="359" t="s">
        <v>14579</v>
      </c>
      <c r="H16285" s="359" t="s">
        <v>14370</v>
      </c>
      <c r="I16285" s="359" t="s">
        <v>14579</v>
      </c>
      <c r="J16285" s="365"/>
      <c r="K16285" s="365"/>
      <c r="L16285" s="365"/>
    </row>
    <row r="16286" spans="2:12">
      <c r="B16286" s="367"/>
      <c r="C16286" s="367"/>
      <c r="D16286" s="367"/>
      <c r="E16286" s="367"/>
      <c r="F16286" s="360"/>
      <c r="G16286" s="360"/>
      <c r="H16286" s="360"/>
      <c r="I16286" s="360"/>
      <c r="J16286" s="365"/>
      <c r="K16286" s="365"/>
      <c r="L16286" s="365"/>
    </row>
    <row r="16287" spans="2:12">
      <c r="B16287" s="367"/>
      <c r="C16287" s="367"/>
      <c r="D16287" s="367"/>
      <c r="E16287" s="367"/>
      <c r="F16287" s="359" t="s">
        <v>14382</v>
      </c>
      <c r="G16287" s="359" t="s">
        <v>14383</v>
      </c>
      <c r="H16287" s="359" t="s">
        <v>14332</v>
      </c>
      <c r="I16287" s="359" t="s">
        <v>14383</v>
      </c>
      <c r="J16287" s="365"/>
      <c r="K16287" s="365"/>
      <c r="L16287" s="365"/>
    </row>
    <row r="16288" spans="2:12">
      <c r="B16288" s="367"/>
      <c r="C16288" s="367"/>
      <c r="D16288" s="367"/>
      <c r="E16288" s="367"/>
      <c r="F16288" s="360"/>
      <c r="G16288" s="360"/>
      <c r="H16288" s="360"/>
      <c r="I16288" s="360"/>
      <c r="J16288" s="365"/>
      <c r="K16288" s="365"/>
      <c r="L16288" s="365"/>
    </row>
    <row r="16289" spans="2:12" ht="28.5">
      <c r="B16289" s="368"/>
      <c r="C16289" s="368"/>
      <c r="D16289" s="368"/>
      <c r="E16289" s="368"/>
      <c r="F16289" s="361" t="s">
        <v>14394</v>
      </c>
      <c r="G16289" s="361" t="s">
        <v>14395</v>
      </c>
      <c r="H16289" s="362"/>
      <c r="I16289" s="361" t="s">
        <v>14395</v>
      </c>
      <c r="J16289" s="366"/>
      <c r="K16289" s="366"/>
      <c r="L16289" s="366"/>
    </row>
    <row r="16290" spans="2:12">
      <c r="B16290" s="358" t="s">
        <v>23085</v>
      </c>
      <c r="C16290" s="358" t="s">
        <v>30352</v>
      </c>
      <c r="D16290" s="358" t="s">
        <v>23086</v>
      </c>
      <c r="E16290" s="358" t="s">
        <v>23087</v>
      </c>
      <c r="F16290" s="358" t="s">
        <v>16426</v>
      </c>
      <c r="G16290" s="358" t="s">
        <v>15011</v>
      </c>
      <c r="H16290" s="358" t="s">
        <v>14954</v>
      </c>
      <c r="I16290" s="358" t="s">
        <v>15011</v>
      </c>
      <c r="J16290" s="358"/>
      <c r="K16290" s="358"/>
      <c r="L16290" s="358"/>
    </row>
    <row r="16291" spans="2:12">
      <c r="B16291" s="367"/>
      <c r="C16291" s="367"/>
      <c r="D16291" s="367"/>
      <c r="E16291" s="367"/>
      <c r="F16291" s="360"/>
      <c r="G16291" s="360"/>
      <c r="H16291" s="360"/>
      <c r="I16291" s="360"/>
      <c r="J16291" s="365"/>
      <c r="K16291" s="365"/>
      <c r="L16291" s="365"/>
    </row>
    <row r="16292" spans="2:12">
      <c r="B16292" s="367"/>
      <c r="C16292" s="367"/>
      <c r="D16292" s="367"/>
      <c r="E16292" s="367"/>
      <c r="F16292" s="359" t="s">
        <v>14382</v>
      </c>
      <c r="G16292" s="359" t="s">
        <v>14483</v>
      </c>
      <c r="H16292" s="359" t="s">
        <v>14378</v>
      </c>
      <c r="I16292" s="359" t="s">
        <v>14483</v>
      </c>
      <c r="J16292" s="365"/>
      <c r="K16292" s="365"/>
      <c r="L16292" s="365"/>
    </row>
    <row r="16293" spans="2:12">
      <c r="B16293" s="367"/>
      <c r="C16293" s="367"/>
      <c r="D16293" s="367"/>
      <c r="E16293" s="367"/>
      <c r="F16293" s="360"/>
      <c r="G16293" s="360"/>
      <c r="H16293" s="360"/>
      <c r="I16293" s="360"/>
      <c r="J16293" s="365"/>
      <c r="K16293" s="365"/>
      <c r="L16293" s="365"/>
    </row>
    <row r="16294" spans="2:12">
      <c r="B16294" s="367"/>
      <c r="C16294" s="367"/>
      <c r="D16294" s="367"/>
      <c r="E16294" s="367"/>
      <c r="F16294" s="359" t="s">
        <v>14382</v>
      </c>
      <c r="G16294" s="359" t="s">
        <v>14579</v>
      </c>
      <c r="H16294" s="359" t="s">
        <v>14381</v>
      </c>
      <c r="I16294" s="359" t="s">
        <v>14579</v>
      </c>
      <c r="J16294" s="365"/>
      <c r="K16294" s="365"/>
      <c r="L16294" s="365"/>
    </row>
    <row r="16295" spans="2:12">
      <c r="B16295" s="367"/>
      <c r="C16295" s="367"/>
      <c r="D16295" s="367"/>
      <c r="E16295" s="367"/>
      <c r="F16295" s="360"/>
      <c r="G16295" s="360"/>
      <c r="H16295" s="360"/>
      <c r="I16295" s="360"/>
      <c r="J16295" s="365"/>
      <c r="K16295" s="365"/>
      <c r="L16295" s="365"/>
    </row>
    <row r="16296" spans="2:12">
      <c r="B16296" s="367"/>
      <c r="C16296" s="367"/>
      <c r="D16296" s="367"/>
      <c r="E16296" s="367"/>
      <c r="F16296" s="359" t="s">
        <v>14382</v>
      </c>
      <c r="G16296" s="359" t="s">
        <v>14383</v>
      </c>
      <c r="H16296" s="359" t="s">
        <v>14332</v>
      </c>
      <c r="I16296" s="359" t="s">
        <v>14383</v>
      </c>
      <c r="J16296" s="365"/>
      <c r="K16296" s="365"/>
      <c r="L16296" s="365"/>
    </row>
    <row r="16297" spans="2:12">
      <c r="B16297" s="367"/>
      <c r="C16297" s="367"/>
      <c r="D16297" s="367"/>
      <c r="E16297" s="367"/>
      <c r="F16297" s="360"/>
      <c r="G16297" s="360"/>
      <c r="H16297" s="360"/>
      <c r="I16297" s="360"/>
      <c r="J16297" s="365"/>
      <c r="K16297" s="365"/>
      <c r="L16297" s="365"/>
    </row>
    <row r="16298" spans="2:12">
      <c r="B16298" s="368"/>
      <c r="C16298" s="368"/>
      <c r="D16298" s="368"/>
      <c r="E16298" s="368"/>
      <c r="F16298" s="361" t="s">
        <v>16919</v>
      </c>
      <c r="G16298" s="361" t="s">
        <v>14461</v>
      </c>
      <c r="H16298" s="362"/>
      <c r="I16298" s="361" t="s">
        <v>14461</v>
      </c>
      <c r="J16298" s="366"/>
      <c r="K16298" s="366"/>
      <c r="L16298" s="366"/>
    </row>
    <row r="16299" spans="2:12">
      <c r="B16299" s="358" t="s">
        <v>23088</v>
      </c>
      <c r="C16299" s="358" t="s">
        <v>23089</v>
      </c>
      <c r="D16299" s="358" t="s">
        <v>23090</v>
      </c>
      <c r="E16299" s="358" t="s">
        <v>23091</v>
      </c>
      <c r="F16299" s="358" t="s">
        <v>16426</v>
      </c>
      <c r="G16299" s="358" t="s">
        <v>15011</v>
      </c>
      <c r="H16299" s="358" t="s">
        <v>14954</v>
      </c>
      <c r="I16299" s="358" t="s">
        <v>15011</v>
      </c>
      <c r="J16299" s="358"/>
      <c r="K16299" s="358"/>
      <c r="L16299" s="358"/>
    </row>
    <row r="16300" spans="2:12">
      <c r="B16300" s="367"/>
      <c r="C16300" s="360"/>
      <c r="D16300" s="367"/>
      <c r="E16300" s="367"/>
      <c r="F16300" s="360"/>
      <c r="G16300" s="360"/>
      <c r="H16300" s="360"/>
      <c r="I16300" s="360"/>
      <c r="J16300" s="365"/>
      <c r="K16300" s="365"/>
      <c r="L16300" s="365"/>
    </row>
    <row r="16301" spans="2:12">
      <c r="B16301" s="367"/>
      <c r="C16301" s="359" t="s">
        <v>23092</v>
      </c>
      <c r="D16301" s="367"/>
      <c r="E16301" s="367"/>
      <c r="F16301" s="359" t="s">
        <v>14379</v>
      </c>
      <c r="G16301" s="359" t="s">
        <v>14380</v>
      </c>
      <c r="H16301" s="359" t="s">
        <v>14378</v>
      </c>
      <c r="I16301" s="359" t="s">
        <v>14380</v>
      </c>
      <c r="J16301" s="365"/>
      <c r="K16301" s="365"/>
      <c r="L16301" s="365"/>
    </row>
    <row r="16302" spans="2:12">
      <c r="B16302" s="367"/>
      <c r="C16302" s="360"/>
      <c r="D16302" s="367"/>
      <c r="E16302" s="367"/>
      <c r="F16302" s="360"/>
      <c r="G16302" s="360"/>
      <c r="H16302" s="360"/>
      <c r="I16302" s="360"/>
      <c r="J16302" s="365"/>
      <c r="K16302" s="365"/>
      <c r="L16302" s="365"/>
    </row>
    <row r="16303" spans="2:12">
      <c r="B16303" s="367"/>
      <c r="C16303" s="360"/>
      <c r="D16303" s="367"/>
      <c r="E16303" s="367"/>
      <c r="F16303" s="359" t="s">
        <v>14530</v>
      </c>
      <c r="G16303" s="359" t="s">
        <v>14531</v>
      </c>
      <c r="H16303" s="359" t="s">
        <v>14381</v>
      </c>
      <c r="I16303" s="359" t="s">
        <v>14531</v>
      </c>
      <c r="J16303" s="365"/>
      <c r="K16303" s="365"/>
      <c r="L16303" s="365"/>
    </row>
    <row r="16304" spans="2:12">
      <c r="B16304" s="367"/>
      <c r="C16304" s="360"/>
      <c r="D16304" s="367"/>
      <c r="E16304" s="367"/>
      <c r="F16304" s="360"/>
      <c r="G16304" s="360"/>
      <c r="H16304" s="360"/>
      <c r="I16304" s="360"/>
      <c r="J16304" s="365"/>
      <c r="K16304" s="365"/>
      <c r="L16304" s="365"/>
    </row>
    <row r="16305" spans="2:12">
      <c r="B16305" s="367"/>
      <c r="C16305" s="360"/>
      <c r="D16305" s="367"/>
      <c r="E16305" s="367"/>
      <c r="F16305" s="359" t="s">
        <v>14379</v>
      </c>
      <c r="G16305" s="359" t="s">
        <v>14405</v>
      </c>
      <c r="H16305" s="359" t="s">
        <v>14370</v>
      </c>
      <c r="I16305" s="359" t="s">
        <v>14405</v>
      </c>
      <c r="J16305" s="365"/>
      <c r="K16305" s="365"/>
      <c r="L16305" s="365"/>
    </row>
    <row r="16306" spans="2:12">
      <c r="B16306" s="367"/>
      <c r="C16306" s="360"/>
      <c r="D16306" s="367"/>
      <c r="E16306" s="367"/>
      <c r="F16306" s="360"/>
      <c r="G16306" s="360"/>
      <c r="H16306" s="360"/>
      <c r="I16306" s="360"/>
      <c r="J16306" s="365"/>
      <c r="K16306" s="365"/>
      <c r="L16306" s="365"/>
    </row>
    <row r="16307" spans="2:12">
      <c r="B16307" s="367"/>
      <c r="C16307" s="360"/>
      <c r="D16307" s="367"/>
      <c r="E16307" s="367"/>
      <c r="F16307" s="359" t="s">
        <v>16919</v>
      </c>
      <c r="G16307" s="359" t="s">
        <v>14461</v>
      </c>
      <c r="H16307" s="359" t="s">
        <v>14332</v>
      </c>
      <c r="I16307" s="359" t="s">
        <v>14461</v>
      </c>
      <c r="J16307" s="365"/>
      <c r="K16307" s="365"/>
      <c r="L16307" s="365"/>
    </row>
    <row r="16308" spans="2:12">
      <c r="B16308" s="367"/>
      <c r="C16308" s="360"/>
      <c r="D16308" s="367"/>
      <c r="E16308" s="367"/>
      <c r="F16308" s="360"/>
      <c r="G16308" s="360"/>
      <c r="H16308" s="360"/>
      <c r="I16308" s="360"/>
      <c r="J16308" s="365"/>
      <c r="K16308" s="365"/>
      <c r="L16308" s="365"/>
    </row>
    <row r="16309" spans="2:12" ht="28.5">
      <c r="B16309" s="368"/>
      <c r="C16309" s="362"/>
      <c r="D16309" s="368"/>
      <c r="E16309" s="368"/>
      <c r="F16309" s="361" t="s">
        <v>14394</v>
      </c>
      <c r="G16309" s="361" t="s">
        <v>14395</v>
      </c>
      <c r="H16309" s="362"/>
      <c r="I16309" s="361" t="s">
        <v>14395</v>
      </c>
      <c r="J16309" s="366"/>
      <c r="K16309" s="366"/>
      <c r="L16309" s="366"/>
    </row>
    <row r="16310" spans="2:12">
      <c r="B16310" s="358" t="s">
        <v>23093</v>
      </c>
      <c r="C16310" s="358" t="s">
        <v>23094</v>
      </c>
      <c r="D16310" s="358" t="s">
        <v>23095</v>
      </c>
      <c r="E16310" s="358" t="s">
        <v>23096</v>
      </c>
      <c r="F16310" s="358" t="s">
        <v>16426</v>
      </c>
      <c r="G16310" s="358" t="s">
        <v>15011</v>
      </c>
      <c r="H16310" s="358" t="s">
        <v>14954</v>
      </c>
      <c r="I16310" s="358" t="s">
        <v>15011</v>
      </c>
      <c r="J16310" s="358"/>
      <c r="K16310" s="358"/>
      <c r="L16310" s="358"/>
    </row>
    <row r="16311" spans="2:12">
      <c r="B16311" s="367"/>
      <c r="C16311" s="367"/>
      <c r="D16311" s="367"/>
      <c r="E16311" s="367"/>
      <c r="F16311" s="360"/>
      <c r="G16311" s="360"/>
      <c r="H16311" s="360"/>
      <c r="I16311" s="360"/>
      <c r="J16311" s="365"/>
      <c r="K16311" s="365"/>
      <c r="L16311" s="365"/>
    </row>
    <row r="16312" spans="2:12">
      <c r="B16312" s="367"/>
      <c r="C16312" s="367"/>
      <c r="D16312" s="367"/>
      <c r="E16312" s="367"/>
      <c r="F16312" s="359" t="s">
        <v>14379</v>
      </c>
      <c r="G16312" s="359" t="s">
        <v>14380</v>
      </c>
      <c r="H16312" s="359" t="s">
        <v>14378</v>
      </c>
      <c r="I16312" s="359" t="s">
        <v>14380</v>
      </c>
      <c r="J16312" s="365"/>
      <c r="K16312" s="365"/>
      <c r="L16312" s="365"/>
    </row>
    <row r="16313" spans="2:12">
      <c r="B16313" s="367"/>
      <c r="C16313" s="367"/>
      <c r="D16313" s="367"/>
      <c r="E16313" s="367"/>
      <c r="F16313" s="360"/>
      <c r="G16313" s="360"/>
      <c r="H16313" s="360"/>
      <c r="I16313" s="360"/>
      <c r="J16313" s="365"/>
      <c r="K16313" s="365"/>
      <c r="L16313" s="365"/>
    </row>
    <row r="16314" spans="2:12">
      <c r="B16314" s="367"/>
      <c r="C16314" s="367"/>
      <c r="D16314" s="367"/>
      <c r="E16314" s="367"/>
      <c r="F16314" s="359" t="s">
        <v>14530</v>
      </c>
      <c r="G16314" s="359" t="s">
        <v>14531</v>
      </c>
      <c r="H16314" s="359" t="s">
        <v>14381</v>
      </c>
      <c r="I16314" s="359" t="s">
        <v>14531</v>
      </c>
      <c r="J16314" s="365"/>
      <c r="K16314" s="365"/>
      <c r="L16314" s="365"/>
    </row>
    <row r="16315" spans="2:12">
      <c r="B16315" s="367"/>
      <c r="C16315" s="367"/>
      <c r="D16315" s="367"/>
      <c r="E16315" s="367"/>
      <c r="F16315" s="360"/>
      <c r="G16315" s="360"/>
      <c r="H16315" s="360"/>
      <c r="I16315" s="360"/>
      <c r="J16315" s="365"/>
      <c r="K16315" s="365"/>
      <c r="L16315" s="365"/>
    </row>
    <row r="16316" spans="2:12">
      <c r="B16316" s="367"/>
      <c r="C16316" s="367"/>
      <c r="D16316" s="367"/>
      <c r="E16316" s="367"/>
      <c r="F16316" s="359" t="s">
        <v>14379</v>
      </c>
      <c r="G16316" s="359" t="s">
        <v>14405</v>
      </c>
      <c r="H16316" s="359" t="s">
        <v>14370</v>
      </c>
      <c r="I16316" s="359" t="s">
        <v>14405</v>
      </c>
      <c r="J16316" s="365"/>
      <c r="K16316" s="365"/>
      <c r="L16316" s="365"/>
    </row>
    <row r="16317" spans="2:12">
      <c r="B16317" s="367"/>
      <c r="C16317" s="367"/>
      <c r="D16317" s="367"/>
      <c r="E16317" s="367"/>
      <c r="F16317" s="360"/>
      <c r="G16317" s="360"/>
      <c r="H16317" s="360"/>
      <c r="I16317" s="360"/>
      <c r="J16317" s="365"/>
      <c r="K16317" s="365"/>
      <c r="L16317" s="365"/>
    </row>
    <row r="16318" spans="2:12">
      <c r="B16318" s="367"/>
      <c r="C16318" s="367"/>
      <c r="D16318" s="367"/>
      <c r="E16318" s="367"/>
      <c r="F16318" s="359" t="s">
        <v>16919</v>
      </c>
      <c r="G16318" s="359" t="s">
        <v>14461</v>
      </c>
      <c r="H16318" s="359" t="s">
        <v>14332</v>
      </c>
      <c r="I16318" s="359" t="s">
        <v>14461</v>
      </c>
      <c r="J16318" s="365"/>
      <c r="K16318" s="365"/>
      <c r="L16318" s="365"/>
    </row>
    <row r="16319" spans="2:12">
      <c r="B16319" s="367"/>
      <c r="C16319" s="367"/>
      <c r="D16319" s="367"/>
      <c r="E16319" s="367"/>
      <c r="F16319" s="360"/>
      <c r="G16319" s="360"/>
      <c r="H16319" s="360"/>
      <c r="I16319" s="360"/>
      <c r="J16319" s="365"/>
      <c r="K16319" s="365"/>
      <c r="L16319" s="365"/>
    </row>
    <row r="16320" spans="2:12" ht="28.5">
      <c r="B16320" s="368"/>
      <c r="C16320" s="368"/>
      <c r="D16320" s="368"/>
      <c r="E16320" s="368"/>
      <c r="F16320" s="361" t="s">
        <v>14394</v>
      </c>
      <c r="G16320" s="361" t="s">
        <v>14395</v>
      </c>
      <c r="H16320" s="362"/>
      <c r="I16320" s="361" t="s">
        <v>14395</v>
      </c>
      <c r="J16320" s="366"/>
      <c r="K16320" s="366"/>
      <c r="L16320" s="366"/>
    </row>
    <row r="16321" spans="2:12">
      <c r="B16321" s="358" t="s">
        <v>23097</v>
      </c>
      <c r="C16321" s="358" t="s">
        <v>23098</v>
      </c>
      <c r="D16321" s="358" t="s">
        <v>23099</v>
      </c>
      <c r="E16321" s="358" t="s">
        <v>23100</v>
      </c>
      <c r="F16321" s="358" t="s">
        <v>14420</v>
      </c>
      <c r="G16321" s="358" t="s">
        <v>14429</v>
      </c>
      <c r="H16321" s="358" t="s">
        <v>14367</v>
      </c>
      <c r="I16321" s="358" t="s">
        <v>14429</v>
      </c>
      <c r="J16321" s="358"/>
      <c r="K16321" s="358"/>
      <c r="L16321" s="358"/>
    </row>
    <row r="16322" spans="2:12">
      <c r="B16322" s="367"/>
      <c r="C16322" s="367"/>
      <c r="D16322" s="367"/>
      <c r="E16322" s="367"/>
      <c r="F16322" s="360"/>
      <c r="G16322" s="360"/>
      <c r="H16322" s="360"/>
      <c r="I16322" s="360"/>
      <c r="J16322" s="365"/>
      <c r="K16322" s="365"/>
      <c r="L16322" s="365"/>
    </row>
    <row r="16323" spans="2:12" ht="28.5">
      <c r="B16323" s="367"/>
      <c r="C16323" s="367"/>
      <c r="D16323" s="367"/>
      <c r="E16323" s="367"/>
      <c r="F16323" s="359" t="s">
        <v>14394</v>
      </c>
      <c r="G16323" s="359" t="s">
        <v>14395</v>
      </c>
      <c r="H16323" s="359" t="s">
        <v>14370</v>
      </c>
      <c r="I16323" s="359" t="s">
        <v>14395</v>
      </c>
      <c r="J16323" s="365"/>
      <c r="K16323" s="365"/>
      <c r="L16323" s="365"/>
    </row>
    <row r="16324" spans="2:12">
      <c r="B16324" s="367"/>
      <c r="C16324" s="367"/>
      <c r="D16324" s="367"/>
      <c r="E16324" s="367"/>
      <c r="F16324" s="360"/>
      <c r="G16324" s="360"/>
      <c r="H16324" s="360"/>
      <c r="I16324" s="360"/>
      <c r="J16324" s="365"/>
      <c r="K16324" s="365"/>
      <c r="L16324" s="365"/>
    </row>
    <row r="16325" spans="2:12">
      <c r="B16325" s="368"/>
      <c r="C16325" s="368"/>
      <c r="D16325" s="368"/>
      <c r="E16325" s="368"/>
      <c r="F16325" s="362"/>
      <c r="G16325" s="362"/>
      <c r="H16325" s="361" t="s">
        <v>14422</v>
      </c>
      <c r="I16325" s="362"/>
      <c r="J16325" s="366"/>
      <c r="K16325" s="366"/>
      <c r="L16325" s="366"/>
    </row>
    <row r="16326" spans="2:12" ht="42.75">
      <c r="B16326" s="358" t="s">
        <v>9516</v>
      </c>
      <c r="C16326" s="358" t="s">
        <v>7177</v>
      </c>
      <c r="D16326" s="358" t="s">
        <v>9517</v>
      </c>
      <c r="E16326" s="358" t="s">
        <v>5163</v>
      </c>
      <c r="F16326" s="358" t="s">
        <v>16528</v>
      </c>
      <c r="G16326" s="358" t="s">
        <v>14669</v>
      </c>
      <c r="H16326" s="358" t="s">
        <v>14381</v>
      </c>
      <c r="I16326" s="358" t="s">
        <v>14669</v>
      </c>
      <c r="J16326" s="358"/>
      <c r="K16326" s="358" t="s">
        <v>29523</v>
      </c>
      <c r="L16326" s="358"/>
    </row>
    <row r="16327" spans="2:12">
      <c r="B16327" s="367"/>
      <c r="C16327" s="367"/>
      <c r="D16327" s="367"/>
      <c r="E16327" s="367"/>
      <c r="F16327" s="360"/>
      <c r="G16327" s="360"/>
      <c r="H16327" s="360"/>
      <c r="I16327" s="360"/>
      <c r="J16327" s="365"/>
      <c r="K16327" s="367"/>
      <c r="L16327" s="365"/>
    </row>
    <row r="16328" spans="2:12">
      <c r="B16328" s="367"/>
      <c r="C16328" s="367"/>
      <c r="D16328" s="367"/>
      <c r="E16328" s="367"/>
      <c r="F16328" s="359" t="s">
        <v>14420</v>
      </c>
      <c r="G16328" s="359" t="s">
        <v>14429</v>
      </c>
      <c r="H16328" s="359" t="s">
        <v>14367</v>
      </c>
      <c r="I16328" s="359" t="s">
        <v>14429</v>
      </c>
      <c r="J16328" s="365"/>
      <c r="K16328" s="367"/>
      <c r="L16328" s="365"/>
    </row>
    <row r="16329" spans="2:12">
      <c r="B16329" s="367"/>
      <c r="C16329" s="367"/>
      <c r="D16329" s="367"/>
      <c r="E16329" s="367"/>
      <c r="F16329" s="360"/>
      <c r="G16329" s="360"/>
      <c r="H16329" s="360"/>
      <c r="I16329" s="360"/>
      <c r="J16329" s="365"/>
      <c r="K16329" s="367"/>
      <c r="L16329" s="365"/>
    </row>
    <row r="16330" spans="2:12" ht="28.5">
      <c r="B16330" s="367"/>
      <c r="C16330" s="367"/>
      <c r="D16330" s="367"/>
      <c r="E16330" s="367"/>
      <c r="F16330" s="359" t="s">
        <v>14394</v>
      </c>
      <c r="G16330" s="359" t="s">
        <v>14395</v>
      </c>
      <c r="H16330" s="359" t="s">
        <v>14370</v>
      </c>
      <c r="I16330" s="359" t="s">
        <v>14395</v>
      </c>
      <c r="J16330" s="365"/>
      <c r="K16330" s="367"/>
      <c r="L16330" s="365"/>
    </row>
    <row r="16331" spans="2:12">
      <c r="B16331" s="367"/>
      <c r="C16331" s="367"/>
      <c r="D16331" s="367"/>
      <c r="E16331" s="367"/>
      <c r="F16331" s="360"/>
      <c r="G16331" s="360"/>
      <c r="H16331" s="360"/>
      <c r="I16331" s="360"/>
      <c r="J16331" s="365"/>
      <c r="K16331" s="367"/>
      <c r="L16331" s="365"/>
    </row>
    <row r="16332" spans="2:12">
      <c r="B16332" s="368"/>
      <c r="C16332" s="368"/>
      <c r="D16332" s="368"/>
      <c r="E16332" s="368"/>
      <c r="F16332" s="362"/>
      <c r="G16332" s="362"/>
      <c r="H16332" s="361" t="s">
        <v>14332</v>
      </c>
      <c r="I16332" s="362"/>
      <c r="J16332" s="366"/>
      <c r="K16332" s="368"/>
      <c r="L16332" s="366"/>
    </row>
    <row r="16333" spans="2:12" ht="28.5">
      <c r="B16333" s="358" t="s">
        <v>10512</v>
      </c>
      <c r="C16333" s="358" t="s">
        <v>29524</v>
      </c>
      <c r="D16333" s="358" t="s">
        <v>10513</v>
      </c>
      <c r="E16333" s="358" t="s">
        <v>10514</v>
      </c>
      <c r="F16333" s="358" t="s">
        <v>14376</v>
      </c>
      <c r="G16333" s="358" t="s">
        <v>14669</v>
      </c>
      <c r="H16333" s="358" t="s">
        <v>14378</v>
      </c>
      <c r="I16333" s="358" t="s">
        <v>14669</v>
      </c>
      <c r="J16333" s="358"/>
      <c r="K16333" s="358"/>
      <c r="L16333" s="358"/>
    </row>
    <row r="16334" spans="2:12">
      <c r="B16334" s="367"/>
      <c r="C16334" s="360"/>
      <c r="D16334" s="360"/>
      <c r="E16334" s="360"/>
      <c r="F16334" s="360"/>
      <c r="G16334" s="360"/>
      <c r="H16334" s="360"/>
      <c r="I16334" s="360"/>
      <c r="J16334" s="365"/>
      <c r="K16334" s="365"/>
      <c r="L16334" s="365"/>
    </row>
    <row r="16335" spans="2:12">
      <c r="B16335" s="367"/>
      <c r="C16335" s="359" t="s">
        <v>29525</v>
      </c>
      <c r="D16335" s="359" t="s">
        <v>10516</v>
      </c>
      <c r="E16335" s="359" t="s">
        <v>10517</v>
      </c>
      <c r="F16335" s="359" t="s">
        <v>14426</v>
      </c>
      <c r="G16335" s="359" t="s">
        <v>14427</v>
      </c>
      <c r="H16335" s="359" t="s">
        <v>14381</v>
      </c>
      <c r="I16335" s="359" t="s">
        <v>14427</v>
      </c>
      <c r="J16335" s="365"/>
      <c r="K16335" s="365"/>
      <c r="L16335" s="365"/>
    </row>
    <row r="16336" spans="2:12">
      <c r="B16336" s="367"/>
      <c r="C16336" s="360"/>
      <c r="D16336" s="360"/>
      <c r="E16336" s="360"/>
      <c r="F16336" s="360"/>
      <c r="G16336" s="360"/>
      <c r="H16336" s="360"/>
      <c r="I16336" s="360"/>
      <c r="J16336" s="365"/>
      <c r="K16336" s="365"/>
      <c r="L16336" s="365"/>
    </row>
    <row r="16337" spans="2:12" ht="28.5">
      <c r="B16337" s="367"/>
      <c r="C16337" s="359" t="s">
        <v>29526</v>
      </c>
      <c r="D16337" s="359" t="s">
        <v>10519</v>
      </c>
      <c r="E16337" s="359" t="s">
        <v>10520</v>
      </c>
      <c r="F16337" s="359" t="s">
        <v>14382</v>
      </c>
      <c r="G16337" s="359" t="s">
        <v>14483</v>
      </c>
      <c r="H16337" s="359" t="s">
        <v>14370</v>
      </c>
      <c r="I16337" s="359" t="s">
        <v>14483</v>
      </c>
      <c r="J16337" s="365"/>
      <c r="K16337" s="365"/>
      <c r="L16337" s="365"/>
    </row>
    <row r="16338" spans="2:12">
      <c r="B16338" s="367"/>
      <c r="C16338" s="360"/>
      <c r="D16338" s="360"/>
      <c r="E16338" s="360"/>
      <c r="F16338" s="360"/>
      <c r="G16338" s="360"/>
      <c r="H16338" s="360"/>
      <c r="I16338" s="360"/>
      <c r="J16338" s="365"/>
      <c r="K16338" s="365"/>
      <c r="L16338" s="365"/>
    </row>
    <row r="16339" spans="2:12" ht="28.5">
      <c r="B16339" s="367"/>
      <c r="C16339" s="360"/>
      <c r="D16339" s="359" t="s">
        <v>10522</v>
      </c>
      <c r="E16339" s="359" t="s">
        <v>10523</v>
      </c>
      <c r="F16339" s="359" t="s">
        <v>14382</v>
      </c>
      <c r="G16339" s="359" t="s">
        <v>14579</v>
      </c>
      <c r="H16339" s="359" t="s">
        <v>14332</v>
      </c>
      <c r="I16339" s="359" t="s">
        <v>14579</v>
      </c>
      <c r="J16339" s="365"/>
      <c r="K16339" s="365"/>
      <c r="L16339" s="365"/>
    </row>
    <row r="16340" spans="2:12">
      <c r="B16340" s="367"/>
      <c r="C16340" s="360"/>
      <c r="D16340" s="360"/>
      <c r="E16340" s="360"/>
      <c r="F16340" s="360"/>
      <c r="G16340" s="360"/>
      <c r="H16340" s="360"/>
      <c r="I16340" s="360"/>
      <c r="J16340" s="365"/>
      <c r="K16340" s="365"/>
      <c r="L16340" s="365"/>
    </row>
    <row r="16341" spans="2:12">
      <c r="B16341" s="367"/>
      <c r="C16341" s="360"/>
      <c r="D16341" s="360"/>
      <c r="E16341" s="360"/>
      <c r="F16341" s="359" t="s">
        <v>14382</v>
      </c>
      <c r="G16341" s="359" t="s">
        <v>14383</v>
      </c>
      <c r="H16341" s="360"/>
      <c r="I16341" s="359" t="s">
        <v>14383</v>
      </c>
      <c r="J16341" s="365"/>
      <c r="K16341" s="365"/>
      <c r="L16341" s="365"/>
    </row>
    <row r="16342" spans="2:12">
      <c r="B16342" s="367"/>
      <c r="C16342" s="360"/>
      <c r="D16342" s="360"/>
      <c r="E16342" s="360"/>
      <c r="F16342" s="360"/>
      <c r="G16342" s="360"/>
      <c r="H16342" s="360"/>
      <c r="I16342" s="360"/>
      <c r="J16342" s="365"/>
      <c r="K16342" s="365"/>
      <c r="L16342" s="365"/>
    </row>
    <row r="16343" spans="2:12">
      <c r="B16343" s="367"/>
      <c r="C16343" s="360"/>
      <c r="D16343" s="360"/>
      <c r="E16343" s="360"/>
      <c r="F16343" s="359" t="s">
        <v>14384</v>
      </c>
      <c r="G16343" s="359" t="s">
        <v>14385</v>
      </c>
      <c r="H16343" s="360"/>
      <c r="I16343" s="359" t="s">
        <v>14385</v>
      </c>
      <c r="J16343" s="365"/>
      <c r="K16343" s="365"/>
      <c r="L16343" s="365"/>
    </row>
    <row r="16344" spans="2:12">
      <c r="B16344" s="367"/>
      <c r="C16344" s="360"/>
      <c r="D16344" s="360"/>
      <c r="E16344" s="360"/>
      <c r="F16344" s="360"/>
      <c r="G16344" s="360"/>
      <c r="H16344" s="360"/>
      <c r="I16344" s="360"/>
      <c r="J16344" s="365"/>
      <c r="K16344" s="365"/>
      <c r="L16344" s="365"/>
    </row>
    <row r="16345" spans="2:12">
      <c r="B16345" s="367"/>
      <c r="C16345" s="360"/>
      <c r="D16345" s="360"/>
      <c r="E16345" s="360"/>
      <c r="F16345" s="359" t="s">
        <v>14386</v>
      </c>
      <c r="G16345" s="359" t="s">
        <v>14387</v>
      </c>
      <c r="H16345" s="360"/>
      <c r="I16345" s="359" t="s">
        <v>14387</v>
      </c>
      <c r="J16345" s="365"/>
      <c r="K16345" s="365"/>
      <c r="L16345" s="365"/>
    </row>
    <row r="16346" spans="2:12">
      <c r="B16346" s="367"/>
      <c r="C16346" s="360"/>
      <c r="D16346" s="360"/>
      <c r="E16346" s="360"/>
      <c r="F16346" s="360"/>
      <c r="G16346" s="360"/>
      <c r="H16346" s="360"/>
      <c r="I16346" s="360"/>
      <c r="J16346" s="365"/>
      <c r="K16346" s="365"/>
      <c r="L16346" s="365"/>
    </row>
    <row r="16347" spans="2:12">
      <c r="B16347" s="367"/>
      <c r="C16347" s="360"/>
      <c r="D16347" s="360"/>
      <c r="E16347" s="360"/>
      <c r="F16347" s="359" t="s">
        <v>14389</v>
      </c>
      <c r="G16347" s="359" t="s">
        <v>14390</v>
      </c>
      <c r="H16347" s="360"/>
      <c r="I16347" s="359" t="s">
        <v>14390</v>
      </c>
      <c r="J16347" s="365"/>
      <c r="K16347" s="365"/>
      <c r="L16347" s="365"/>
    </row>
    <row r="16348" spans="2:12">
      <c r="B16348" s="367"/>
      <c r="C16348" s="360"/>
      <c r="D16348" s="360"/>
      <c r="E16348" s="360"/>
      <c r="F16348" s="360"/>
      <c r="G16348" s="360"/>
      <c r="H16348" s="360"/>
      <c r="I16348" s="360"/>
      <c r="J16348" s="365"/>
      <c r="K16348" s="365"/>
      <c r="L16348" s="365"/>
    </row>
    <row r="16349" spans="2:12">
      <c r="B16349" s="367"/>
      <c r="C16349" s="360"/>
      <c r="D16349" s="360"/>
      <c r="E16349" s="360"/>
      <c r="F16349" s="359" t="s">
        <v>14391</v>
      </c>
      <c r="G16349" s="359" t="s">
        <v>14392</v>
      </c>
      <c r="H16349" s="360"/>
      <c r="I16349" s="359" t="s">
        <v>14392</v>
      </c>
      <c r="J16349" s="365"/>
      <c r="K16349" s="365"/>
      <c r="L16349" s="365"/>
    </row>
    <row r="16350" spans="2:12">
      <c r="B16350" s="367"/>
      <c r="C16350" s="360"/>
      <c r="D16350" s="360"/>
      <c r="E16350" s="360"/>
      <c r="F16350" s="360"/>
      <c r="G16350" s="360"/>
      <c r="H16350" s="360"/>
      <c r="I16350" s="360"/>
      <c r="J16350" s="365"/>
      <c r="K16350" s="365"/>
      <c r="L16350" s="365"/>
    </row>
    <row r="16351" spans="2:12">
      <c r="B16351" s="368"/>
      <c r="C16351" s="362"/>
      <c r="D16351" s="362"/>
      <c r="E16351" s="362"/>
      <c r="F16351" s="361" t="s">
        <v>14371</v>
      </c>
      <c r="G16351" s="361" t="s">
        <v>14372</v>
      </c>
      <c r="H16351" s="362"/>
      <c r="I16351" s="361" t="s">
        <v>14372</v>
      </c>
      <c r="J16351" s="366"/>
      <c r="K16351" s="366"/>
      <c r="L16351" s="366"/>
    </row>
    <row r="16352" spans="2:12">
      <c r="B16352" s="358" t="s">
        <v>23101</v>
      </c>
      <c r="C16352" s="358" t="s">
        <v>27809</v>
      </c>
      <c r="D16352" s="358" t="s">
        <v>23102</v>
      </c>
      <c r="E16352" s="358" t="s">
        <v>23103</v>
      </c>
      <c r="F16352" s="358" t="s">
        <v>14382</v>
      </c>
      <c r="G16352" s="358" t="s">
        <v>14483</v>
      </c>
      <c r="H16352" s="358" t="s">
        <v>14378</v>
      </c>
      <c r="I16352" s="358" t="s">
        <v>14483</v>
      </c>
      <c r="J16352" s="358"/>
      <c r="K16352" s="358"/>
      <c r="L16352" s="358"/>
    </row>
    <row r="16353" spans="2:12">
      <c r="B16353" s="367"/>
      <c r="C16353" s="360"/>
      <c r="D16353" s="367"/>
      <c r="E16353" s="367"/>
      <c r="F16353" s="360"/>
      <c r="G16353" s="360"/>
      <c r="H16353" s="360"/>
      <c r="I16353" s="360"/>
      <c r="J16353" s="365"/>
      <c r="K16353" s="365"/>
      <c r="L16353" s="365"/>
    </row>
    <row r="16354" spans="2:12">
      <c r="B16354" s="367"/>
      <c r="C16354" s="359" t="s">
        <v>23104</v>
      </c>
      <c r="D16354" s="367"/>
      <c r="E16354" s="367"/>
      <c r="F16354" s="359" t="s">
        <v>14382</v>
      </c>
      <c r="G16354" s="359" t="s">
        <v>14579</v>
      </c>
      <c r="H16354" s="359" t="s">
        <v>14381</v>
      </c>
      <c r="I16354" s="359" t="s">
        <v>14579</v>
      </c>
      <c r="J16354" s="365"/>
      <c r="K16354" s="365"/>
      <c r="L16354" s="365"/>
    </row>
    <row r="16355" spans="2:12">
      <c r="B16355" s="367"/>
      <c r="C16355" s="360"/>
      <c r="D16355" s="367"/>
      <c r="E16355" s="367"/>
      <c r="F16355" s="360"/>
      <c r="G16355" s="360"/>
      <c r="H16355" s="360"/>
      <c r="I16355" s="360"/>
      <c r="J16355" s="365"/>
      <c r="K16355" s="365"/>
      <c r="L16355" s="365"/>
    </row>
    <row r="16356" spans="2:12">
      <c r="B16356" s="367"/>
      <c r="C16356" s="360"/>
      <c r="D16356" s="367"/>
      <c r="E16356" s="367"/>
      <c r="F16356" s="359" t="s">
        <v>14382</v>
      </c>
      <c r="G16356" s="359" t="s">
        <v>14383</v>
      </c>
      <c r="H16356" s="359" t="s">
        <v>14370</v>
      </c>
      <c r="I16356" s="359" t="s">
        <v>14383</v>
      </c>
      <c r="J16356" s="365"/>
      <c r="K16356" s="365"/>
      <c r="L16356" s="365"/>
    </row>
    <row r="16357" spans="2:12">
      <c r="B16357" s="367"/>
      <c r="C16357" s="360"/>
      <c r="D16357" s="367"/>
      <c r="E16357" s="367"/>
      <c r="F16357" s="360"/>
      <c r="G16357" s="360"/>
      <c r="H16357" s="360"/>
      <c r="I16357" s="360"/>
      <c r="J16357" s="365"/>
      <c r="K16357" s="365"/>
      <c r="L16357" s="365"/>
    </row>
    <row r="16358" spans="2:12">
      <c r="B16358" s="367"/>
      <c r="C16358" s="360"/>
      <c r="D16358" s="367"/>
      <c r="E16358" s="367"/>
      <c r="F16358" s="359" t="s">
        <v>14460</v>
      </c>
      <c r="G16358" s="359" t="s">
        <v>14519</v>
      </c>
      <c r="H16358" s="359" t="s">
        <v>14332</v>
      </c>
      <c r="I16358" s="359" t="s">
        <v>14519</v>
      </c>
      <c r="J16358" s="365"/>
      <c r="K16358" s="365"/>
      <c r="L16358" s="365"/>
    </row>
    <row r="16359" spans="2:12">
      <c r="B16359" s="367"/>
      <c r="C16359" s="360"/>
      <c r="D16359" s="367"/>
      <c r="E16359" s="367"/>
      <c r="F16359" s="360"/>
      <c r="G16359" s="360"/>
      <c r="H16359" s="360"/>
      <c r="I16359" s="360"/>
      <c r="J16359" s="365"/>
      <c r="K16359" s="365"/>
      <c r="L16359" s="365"/>
    </row>
    <row r="16360" spans="2:12">
      <c r="B16360" s="368"/>
      <c r="C16360" s="362"/>
      <c r="D16360" s="368"/>
      <c r="E16360" s="368"/>
      <c r="F16360" s="361" t="s">
        <v>14371</v>
      </c>
      <c r="G16360" s="361" t="s">
        <v>14372</v>
      </c>
      <c r="H16360" s="362"/>
      <c r="I16360" s="361" t="s">
        <v>14372</v>
      </c>
      <c r="J16360" s="366"/>
      <c r="K16360" s="366"/>
      <c r="L16360" s="366"/>
    </row>
    <row r="16361" spans="2:12" ht="28.5">
      <c r="B16361" s="358" t="s">
        <v>23105</v>
      </c>
      <c r="C16361" s="358" t="s">
        <v>23106</v>
      </c>
      <c r="D16361" s="358" t="s">
        <v>8356</v>
      </c>
      <c r="E16361" s="358" t="s">
        <v>8356</v>
      </c>
      <c r="F16361" s="358" t="s">
        <v>14382</v>
      </c>
      <c r="G16361" s="358" t="s">
        <v>14483</v>
      </c>
      <c r="H16361" s="358" t="s">
        <v>14378</v>
      </c>
      <c r="I16361" s="358" t="s">
        <v>14483</v>
      </c>
      <c r="J16361" s="358"/>
      <c r="K16361" s="358"/>
      <c r="L16361" s="358" t="s">
        <v>14611</v>
      </c>
    </row>
    <row r="16362" spans="2:12">
      <c r="B16362" s="367"/>
      <c r="C16362" s="367"/>
      <c r="D16362" s="367"/>
      <c r="E16362" s="367"/>
      <c r="F16362" s="360"/>
      <c r="G16362" s="360"/>
      <c r="H16362" s="360"/>
      <c r="I16362" s="360"/>
      <c r="J16362" s="365"/>
      <c r="K16362" s="365"/>
      <c r="L16362" s="367"/>
    </row>
    <row r="16363" spans="2:12">
      <c r="B16363" s="367"/>
      <c r="C16363" s="367"/>
      <c r="D16363" s="367"/>
      <c r="E16363" s="367"/>
      <c r="F16363" s="359" t="s">
        <v>14382</v>
      </c>
      <c r="G16363" s="359" t="s">
        <v>14579</v>
      </c>
      <c r="H16363" s="359" t="s">
        <v>14381</v>
      </c>
      <c r="I16363" s="359" t="s">
        <v>14579</v>
      </c>
      <c r="J16363" s="365"/>
      <c r="K16363" s="365"/>
      <c r="L16363" s="367"/>
    </row>
    <row r="16364" spans="2:12">
      <c r="B16364" s="367"/>
      <c r="C16364" s="367"/>
      <c r="D16364" s="367"/>
      <c r="E16364" s="367"/>
      <c r="F16364" s="360"/>
      <c r="G16364" s="360"/>
      <c r="H16364" s="360"/>
      <c r="I16364" s="360"/>
      <c r="J16364" s="365"/>
      <c r="K16364" s="365"/>
      <c r="L16364" s="367"/>
    </row>
    <row r="16365" spans="2:12">
      <c r="B16365" s="367"/>
      <c r="C16365" s="367"/>
      <c r="D16365" s="367"/>
      <c r="E16365" s="367"/>
      <c r="F16365" s="359" t="s">
        <v>14382</v>
      </c>
      <c r="G16365" s="359" t="s">
        <v>14383</v>
      </c>
      <c r="H16365" s="359" t="s">
        <v>14370</v>
      </c>
      <c r="I16365" s="359" t="s">
        <v>14383</v>
      </c>
      <c r="J16365" s="365"/>
      <c r="K16365" s="365"/>
      <c r="L16365" s="367"/>
    </row>
    <row r="16366" spans="2:12">
      <c r="B16366" s="367"/>
      <c r="C16366" s="367"/>
      <c r="D16366" s="367"/>
      <c r="E16366" s="367"/>
      <c r="F16366" s="360"/>
      <c r="G16366" s="360"/>
      <c r="H16366" s="360"/>
      <c r="I16366" s="360"/>
      <c r="J16366" s="365"/>
      <c r="K16366" s="365"/>
      <c r="L16366" s="367"/>
    </row>
    <row r="16367" spans="2:12">
      <c r="B16367" s="367"/>
      <c r="C16367" s="367"/>
      <c r="D16367" s="367"/>
      <c r="E16367" s="367"/>
      <c r="F16367" s="359" t="s">
        <v>14460</v>
      </c>
      <c r="G16367" s="359" t="s">
        <v>14519</v>
      </c>
      <c r="H16367" s="359" t="s">
        <v>14332</v>
      </c>
      <c r="I16367" s="359" t="s">
        <v>14519</v>
      </c>
      <c r="J16367" s="365"/>
      <c r="K16367" s="365"/>
      <c r="L16367" s="367"/>
    </row>
    <row r="16368" spans="2:12">
      <c r="B16368" s="367"/>
      <c r="C16368" s="367"/>
      <c r="D16368" s="367"/>
      <c r="E16368" s="367"/>
      <c r="F16368" s="360"/>
      <c r="G16368" s="360"/>
      <c r="H16368" s="360"/>
      <c r="I16368" s="360"/>
      <c r="J16368" s="365"/>
      <c r="K16368" s="365"/>
      <c r="L16368" s="367"/>
    </row>
    <row r="16369" spans="2:12" ht="28.5">
      <c r="B16369" s="368"/>
      <c r="C16369" s="368"/>
      <c r="D16369" s="368"/>
      <c r="E16369" s="368"/>
      <c r="F16369" s="361" t="s">
        <v>14394</v>
      </c>
      <c r="G16369" s="361" t="s">
        <v>14395</v>
      </c>
      <c r="H16369" s="362"/>
      <c r="I16369" s="361" t="s">
        <v>14395</v>
      </c>
      <c r="J16369" s="366"/>
      <c r="K16369" s="366"/>
      <c r="L16369" s="368"/>
    </row>
    <row r="16370" spans="2:12">
      <c r="B16370" s="358" t="s">
        <v>23107</v>
      </c>
      <c r="C16370" s="358" t="s">
        <v>23108</v>
      </c>
      <c r="D16370" s="358" t="s">
        <v>23109</v>
      </c>
      <c r="E16370" s="358" t="s">
        <v>686</v>
      </c>
      <c r="F16370" s="358" t="s">
        <v>14382</v>
      </c>
      <c r="G16370" s="358" t="s">
        <v>14483</v>
      </c>
      <c r="H16370" s="358" t="s">
        <v>14378</v>
      </c>
      <c r="I16370" s="358" t="s">
        <v>14483</v>
      </c>
      <c r="J16370" s="358"/>
      <c r="K16370" s="358"/>
      <c r="L16370" s="358"/>
    </row>
    <row r="16371" spans="2:12">
      <c r="B16371" s="367"/>
      <c r="C16371" s="367"/>
      <c r="D16371" s="367"/>
      <c r="E16371" s="367"/>
      <c r="F16371" s="360"/>
      <c r="G16371" s="360"/>
      <c r="H16371" s="360"/>
      <c r="I16371" s="360"/>
      <c r="J16371" s="365"/>
      <c r="K16371" s="365"/>
      <c r="L16371" s="365"/>
    </row>
    <row r="16372" spans="2:12">
      <c r="B16372" s="367"/>
      <c r="C16372" s="367"/>
      <c r="D16372" s="367"/>
      <c r="E16372" s="367"/>
      <c r="F16372" s="359" t="s">
        <v>14382</v>
      </c>
      <c r="G16372" s="359" t="s">
        <v>14579</v>
      </c>
      <c r="H16372" s="359" t="s">
        <v>14381</v>
      </c>
      <c r="I16372" s="359" t="s">
        <v>14579</v>
      </c>
      <c r="J16372" s="365"/>
      <c r="K16372" s="365"/>
      <c r="L16372" s="365"/>
    </row>
    <row r="16373" spans="2:12">
      <c r="B16373" s="367"/>
      <c r="C16373" s="367"/>
      <c r="D16373" s="367"/>
      <c r="E16373" s="367"/>
      <c r="F16373" s="360"/>
      <c r="G16373" s="360"/>
      <c r="H16373" s="360"/>
      <c r="I16373" s="360"/>
      <c r="J16373" s="365"/>
      <c r="K16373" s="365"/>
      <c r="L16373" s="365"/>
    </row>
    <row r="16374" spans="2:12">
      <c r="B16374" s="367"/>
      <c r="C16374" s="367"/>
      <c r="D16374" s="367"/>
      <c r="E16374" s="367"/>
      <c r="F16374" s="359" t="s">
        <v>14382</v>
      </c>
      <c r="G16374" s="359" t="s">
        <v>14383</v>
      </c>
      <c r="H16374" s="359" t="s">
        <v>14370</v>
      </c>
      <c r="I16374" s="359" t="s">
        <v>14383</v>
      </c>
      <c r="J16374" s="365"/>
      <c r="K16374" s="365"/>
      <c r="L16374" s="365"/>
    </row>
    <row r="16375" spans="2:12">
      <c r="B16375" s="367"/>
      <c r="C16375" s="367"/>
      <c r="D16375" s="367"/>
      <c r="E16375" s="367"/>
      <c r="F16375" s="360"/>
      <c r="G16375" s="360"/>
      <c r="H16375" s="360"/>
      <c r="I16375" s="360"/>
      <c r="J16375" s="365"/>
      <c r="K16375" s="365"/>
      <c r="L16375" s="365"/>
    </row>
    <row r="16376" spans="2:12">
      <c r="B16376" s="367"/>
      <c r="C16376" s="367"/>
      <c r="D16376" s="367"/>
      <c r="E16376" s="367"/>
      <c r="F16376" s="359" t="s">
        <v>14460</v>
      </c>
      <c r="G16376" s="359" t="s">
        <v>14519</v>
      </c>
      <c r="H16376" s="359" t="s">
        <v>14332</v>
      </c>
      <c r="I16376" s="359" t="s">
        <v>14519</v>
      </c>
      <c r="J16376" s="365"/>
      <c r="K16376" s="365"/>
      <c r="L16376" s="365"/>
    </row>
    <row r="16377" spans="2:12">
      <c r="B16377" s="367"/>
      <c r="C16377" s="367"/>
      <c r="D16377" s="367"/>
      <c r="E16377" s="367"/>
      <c r="F16377" s="360"/>
      <c r="G16377" s="360"/>
      <c r="H16377" s="360"/>
      <c r="I16377" s="360"/>
      <c r="J16377" s="365"/>
      <c r="K16377" s="365"/>
      <c r="L16377" s="365"/>
    </row>
    <row r="16378" spans="2:12">
      <c r="B16378" s="367"/>
      <c r="C16378" s="367"/>
      <c r="D16378" s="367"/>
      <c r="E16378" s="367"/>
      <c r="F16378" s="359" t="s">
        <v>14371</v>
      </c>
      <c r="G16378" s="359" t="s">
        <v>14372</v>
      </c>
      <c r="H16378" s="360"/>
      <c r="I16378" s="359" t="s">
        <v>14373</v>
      </c>
      <c r="J16378" s="365"/>
      <c r="K16378" s="365"/>
      <c r="L16378" s="365"/>
    </row>
    <row r="16379" spans="2:12">
      <c r="B16379" s="367"/>
      <c r="C16379" s="367"/>
      <c r="D16379" s="367"/>
      <c r="E16379" s="367"/>
      <c r="F16379" s="360"/>
      <c r="G16379" s="360"/>
      <c r="H16379" s="360"/>
      <c r="I16379" s="360"/>
      <c r="J16379" s="365"/>
      <c r="K16379" s="365"/>
      <c r="L16379" s="365"/>
    </row>
    <row r="16380" spans="2:12" ht="28.5">
      <c r="B16380" s="368"/>
      <c r="C16380" s="368"/>
      <c r="D16380" s="368"/>
      <c r="E16380" s="368"/>
      <c r="F16380" s="361" t="s">
        <v>14374</v>
      </c>
      <c r="G16380" s="361" t="s">
        <v>14373</v>
      </c>
      <c r="H16380" s="362"/>
      <c r="I16380" s="362"/>
      <c r="J16380" s="366"/>
      <c r="K16380" s="366"/>
      <c r="L16380" s="366"/>
    </row>
    <row r="16381" spans="2:12" ht="28.5">
      <c r="B16381" s="358" t="s">
        <v>23110</v>
      </c>
      <c r="C16381" s="358" t="s">
        <v>23111</v>
      </c>
      <c r="D16381" s="358" t="s">
        <v>8356</v>
      </c>
      <c r="E16381" s="358" t="s">
        <v>8356</v>
      </c>
      <c r="F16381" s="358" t="s">
        <v>14382</v>
      </c>
      <c r="G16381" s="358" t="s">
        <v>14483</v>
      </c>
      <c r="H16381" s="358" t="s">
        <v>14378</v>
      </c>
      <c r="I16381" s="358" t="s">
        <v>14483</v>
      </c>
      <c r="J16381" s="358"/>
      <c r="K16381" s="358"/>
      <c r="L16381" s="358" t="s">
        <v>14611</v>
      </c>
    </row>
    <row r="16382" spans="2:12">
      <c r="B16382" s="367"/>
      <c r="C16382" s="360"/>
      <c r="D16382" s="367"/>
      <c r="E16382" s="367"/>
      <c r="F16382" s="360"/>
      <c r="G16382" s="360"/>
      <c r="H16382" s="360"/>
      <c r="I16382" s="360"/>
      <c r="J16382" s="365"/>
      <c r="K16382" s="365"/>
      <c r="L16382" s="367"/>
    </row>
    <row r="16383" spans="2:12" ht="28.5">
      <c r="B16383" s="367"/>
      <c r="C16383" s="359" t="s">
        <v>23112</v>
      </c>
      <c r="D16383" s="367"/>
      <c r="E16383" s="367"/>
      <c r="F16383" s="359" t="s">
        <v>14382</v>
      </c>
      <c r="G16383" s="359" t="s">
        <v>14579</v>
      </c>
      <c r="H16383" s="359" t="s">
        <v>14381</v>
      </c>
      <c r="I16383" s="359" t="s">
        <v>14579</v>
      </c>
      <c r="J16383" s="365"/>
      <c r="K16383" s="365"/>
      <c r="L16383" s="367"/>
    </row>
    <row r="16384" spans="2:12">
      <c r="B16384" s="367"/>
      <c r="C16384" s="360"/>
      <c r="D16384" s="367"/>
      <c r="E16384" s="367"/>
      <c r="F16384" s="360"/>
      <c r="G16384" s="360"/>
      <c r="H16384" s="360"/>
      <c r="I16384" s="360"/>
      <c r="J16384" s="365"/>
      <c r="K16384" s="365"/>
      <c r="L16384" s="367"/>
    </row>
    <row r="16385" spans="2:12">
      <c r="B16385" s="367"/>
      <c r="C16385" s="360"/>
      <c r="D16385" s="367"/>
      <c r="E16385" s="367"/>
      <c r="F16385" s="359" t="s">
        <v>14382</v>
      </c>
      <c r="G16385" s="359" t="s">
        <v>14383</v>
      </c>
      <c r="H16385" s="359" t="s">
        <v>14370</v>
      </c>
      <c r="I16385" s="359" t="s">
        <v>14383</v>
      </c>
      <c r="J16385" s="365"/>
      <c r="K16385" s="365"/>
      <c r="L16385" s="367"/>
    </row>
    <row r="16386" spans="2:12">
      <c r="B16386" s="367"/>
      <c r="C16386" s="360"/>
      <c r="D16386" s="367"/>
      <c r="E16386" s="367"/>
      <c r="F16386" s="360"/>
      <c r="G16386" s="360"/>
      <c r="H16386" s="360"/>
      <c r="I16386" s="360"/>
      <c r="J16386" s="365"/>
      <c r="K16386" s="365"/>
      <c r="L16386" s="367"/>
    </row>
    <row r="16387" spans="2:12">
      <c r="B16387" s="367"/>
      <c r="C16387" s="360"/>
      <c r="D16387" s="367"/>
      <c r="E16387" s="367"/>
      <c r="F16387" s="359" t="s">
        <v>14460</v>
      </c>
      <c r="G16387" s="359" t="s">
        <v>14519</v>
      </c>
      <c r="H16387" s="359" t="s">
        <v>14332</v>
      </c>
      <c r="I16387" s="359" t="s">
        <v>14519</v>
      </c>
      <c r="J16387" s="365"/>
      <c r="K16387" s="365"/>
      <c r="L16387" s="367"/>
    </row>
    <row r="16388" spans="2:12">
      <c r="B16388" s="367"/>
      <c r="C16388" s="360"/>
      <c r="D16388" s="367"/>
      <c r="E16388" s="367"/>
      <c r="F16388" s="360"/>
      <c r="G16388" s="360"/>
      <c r="H16388" s="360"/>
      <c r="I16388" s="360"/>
      <c r="J16388" s="365"/>
      <c r="K16388" s="365"/>
      <c r="L16388" s="367"/>
    </row>
    <row r="16389" spans="2:12" ht="28.5">
      <c r="B16389" s="368"/>
      <c r="C16389" s="362"/>
      <c r="D16389" s="368"/>
      <c r="E16389" s="368"/>
      <c r="F16389" s="361" t="s">
        <v>14394</v>
      </c>
      <c r="G16389" s="361" t="s">
        <v>14395</v>
      </c>
      <c r="H16389" s="362"/>
      <c r="I16389" s="361" t="s">
        <v>14395</v>
      </c>
      <c r="J16389" s="366"/>
      <c r="K16389" s="366"/>
      <c r="L16389" s="368"/>
    </row>
    <row r="16390" spans="2:12">
      <c r="B16390" s="358" t="s">
        <v>23113</v>
      </c>
      <c r="C16390" s="358" t="s">
        <v>27810</v>
      </c>
      <c r="D16390" s="358" t="s">
        <v>23114</v>
      </c>
      <c r="E16390" s="358" t="s">
        <v>6168</v>
      </c>
      <c r="F16390" s="358" t="s">
        <v>14382</v>
      </c>
      <c r="G16390" s="358" t="s">
        <v>14483</v>
      </c>
      <c r="H16390" s="358" t="s">
        <v>14378</v>
      </c>
      <c r="I16390" s="358" t="s">
        <v>14483</v>
      </c>
      <c r="J16390" s="358"/>
      <c r="K16390" s="358"/>
      <c r="L16390" s="358"/>
    </row>
    <row r="16391" spans="2:12">
      <c r="B16391" s="367"/>
      <c r="C16391" s="367"/>
      <c r="D16391" s="367"/>
      <c r="E16391" s="367"/>
      <c r="F16391" s="360"/>
      <c r="G16391" s="360"/>
      <c r="H16391" s="360"/>
      <c r="I16391" s="360"/>
      <c r="J16391" s="365"/>
      <c r="K16391" s="365"/>
      <c r="L16391" s="365"/>
    </row>
    <row r="16392" spans="2:12">
      <c r="B16392" s="367"/>
      <c r="C16392" s="367"/>
      <c r="D16392" s="367"/>
      <c r="E16392" s="367"/>
      <c r="F16392" s="359" t="s">
        <v>14382</v>
      </c>
      <c r="G16392" s="359" t="s">
        <v>14579</v>
      </c>
      <c r="H16392" s="359" t="s">
        <v>14370</v>
      </c>
      <c r="I16392" s="359" t="s">
        <v>14579</v>
      </c>
      <c r="J16392" s="365"/>
      <c r="K16392" s="365"/>
      <c r="L16392" s="365"/>
    </row>
    <row r="16393" spans="2:12">
      <c r="B16393" s="367"/>
      <c r="C16393" s="367"/>
      <c r="D16393" s="367"/>
      <c r="E16393" s="367"/>
      <c r="F16393" s="360"/>
      <c r="G16393" s="360"/>
      <c r="H16393" s="360"/>
      <c r="I16393" s="360"/>
      <c r="J16393" s="365"/>
      <c r="K16393" s="365"/>
      <c r="L16393" s="365"/>
    </row>
    <row r="16394" spans="2:12">
      <c r="B16394" s="367"/>
      <c r="C16394" s="367"/>
      <c r="D16394" s="367"/>
      <c r="E16394" s="367"/>
      <c r="F16394" s="359" t="s">
        <v>14382</v>
      </c>
      <c r="G16394" s="359" t="s">
        <v>14383</v>
      </c>
      <c r="H16394" s="359" t="s">
        <v>14332</v>
      </c>
      <c r="I16394" s="359" t="s">
        <v>14383</v>
      </c>
      <c r="J16394" s="365"/>
      <c r="K16394" s="365"/>
      <c r="L16394" s="365"/>
    </row>
    <row r="16395" spans="2:12">
      <c r="B16395" s="367"/>
      <c r="C16395" s="367"/>
      <c r="D16395" s="367"/>
      <c r="E16395" s="367"/>
      <c r="F16395" s="360"/>
      <c r="G16395" s="360"/>
      <c r="H16395" s="360"/>
      <c r="I16395" s="360"/>
      <c r="J16395" s="365"/>
      <c r="K16395" s="365"/>
      <c r="L16395" s="365"/>
    </row>
    <row r="16396" spans="2:12">
      <c r="B16396" s="367"/>
      <c r="C16396" s="367"/>
      <c r="D16396" s="367"/>
      <c r="E16396" s="367"/>
      <c r="F16396" s="359" t="s">
        <v>14386</v>
      </c>
      <c r="G16396" s="359" t="s">
        <v>14387</v>
      </c>
      <c r="H16396" s="360"/>
      <c r="I16396" s="359" t="s">
        <v>14387</v>
      </c>
      <c r="J16396" s="365"/>
      <c r="K16396" s="365"/>
      <c r="L16396" s="365"/>
    </row>
    <row r="16397" spans="2:12">
      <c r="B16397" s="367"/>
      <c r="C16397" s="367"/>
      <c r="D16397" s="367"/>
      <c r="E16397" s="367"/>
      <c r="F16397" s="360"/>
      <c r="G16397" s="360"/>
      <c r="H16397" s="360"/>
      <c r="I16397" s="360"/>
      <c r="J16397" s="365"/>
      <c r="K16397" s="365"/>
      <c r="L16397" s="365"/>
    </row>
    <row r="16398" spans="2:12">
      <c r="B16398" s="367"/>
      <c r="C16398" s="367"/>
      <c r="D16398" s="367"/>
      <c r="E16398" s="367"/>
      <c r="F16398" s="359" t="s">
        <v>14391</v>
      </c>
      <c r="G16398" s="359" t="s">
        <v>14392</v>
      </c>
      <c r="H16398" s="360"/>
      <c r="I16398" s="359" t="s">
        <v>14392</v>
      </c>
      <c r="J16398" s="365"/>
      <c r="K16398" s="365"/>
      <c r="L16398" s="365"/>
    </row>
    <row r="16399" spans="2:12">
      <c r="B16399" s="367"/>
      <c r="C16399" s="367"/>
      <c r="D16399" s="367"/>
      <c r="E16399" s="367"/>
      <c r="F16399" s="360"/>
      <c r="G16399" s="360"/>
      <c r="H16399" s="360"/>
      <c r="I16399" s="360"/>
      <c r="J16399" s="365"/>
      <c r="K16399" s="365"/>
      <c r="L16399" s="365"/>
    </row>
    <row r="16400" spans="2:12">
      <c r="B16400" s="367"/>
      <c r="C16400" s="367"/>
      <c r="D16400" s="367"/>
      <c r="E16400" s="367"/>
      <c r="F16400" s="359" t="s">
        <v>14371</v>
      </c>
      <c r="G16400" s="359" t="s">
        <v>14372</v>
      </c>
      <c r="H16400" s="360"/>
      <c r="I16400" s="359" t="s">
        <v>14373</v>
      </c>
      <c r="J16400" s="365"/>
      <c r="K16400" s="365"/>
      <c r="L16400" s="365"/>
    </row>
    <row r="16401" spans="2:12">
      <c r="B16401" s="367"/>
      <c r="C16401" s="367"/>
      <c r="D16401" s="367"/>
      <c r="E16401" s="367"/>
      <c r="F16401" s="360"/>
      <c r="G16401" s="360"/>
      <c r="H16401" s="360"/>
      <c r="I16401" s="360"/>
      <c r="J16401" s="365"/>
      <c r="K16401" s="365"/>
      <c r="L16401" s="365"/>
    </row>
    <row r="16402" spans="2:12" ht="28.5">
      <c r="B16402" s="368"/>
      <c r="C16402" s="368"/>
      <c r="D16402" s="368"/>
      <c r="E16402" s="368"/>
      <c r="F16402" s="361" t="s">
        <v>14374</v>
      </c>
      <c r="G16402" s="361" t="s">
        <v>14373</v>
      </c>
      <c r="H16402" s="362"/>
      <c r="I16402" s="362"/>
      <c r="J16402" s="366"/>
      <c r="K16402" s="366"/>
      <c r="L16402" s="366"/>
    </row>
    <row r="16403" spans="2:12">
      <c r="B16403" s="358" t="s">
        <v>23115</v>
      </c>
      <c r="C16403" s="358" t="s">
        <v>23116</v>
      </c>
      <c r="D16403" s="358" t="s">
        <v>23117</v>
      </c>
      <c r="E16403" s="358" t="s">
        <v>6170</v>
      </c>
      <c r="F16403" s="358" t="s">
        <v>14382</v>
      </c>
      <c r="G16403" s="358" t="s">
        <v>14483</v>
      </c>
      <c r="H16403" s="358" t="s">
        <v>14378</v>
      </c>
      <c r="I16403" s="358" t="s">
        <v>14483</v>
      </c>
      <c r="J16403" s="358"/>
      <c r="K16403" s="358"/>
      <c r="L16403" s="358"/>
    </row>
    <row r="16404" spans="2:12">
      <c r="B16404" s="367"/>
      <c r="C16404" s="360"/>
      <c r="D16404" s="367"/>
      <c r="E16404" s="367"/>
      <c r="F16404" s="360"/>
      <c r="G16404" s="360"/>
      <c r="H16404" s="360"/>
      <c r="I16404" s="360"/>
      <c r="J16404" s="365"/>
      <c r="K16404" s="365"/>
      <c r="L16404" s="365"/>
    </row>
    <row r="16405" spans="2:12">
      <c r="B16405" s="367"/>
      <c r="C16405" s="359" t="s">
        <v>27811</v>
      </c>
      <c r="D16405" s="367"/>
      <c r="E16405" s="367"/>
      <c r="F16405" s="359" t="s">
        <v>14382</v>
      </c>
      <c r="G16405" s="359" t="s">
        <v>14579</v>
      </c>
      <c r="H16405" s="359" t="s">
        <v>14370</v>
      </c>
      <c r="I16405" s="359" t="s">
        <v>14579</v>
      </c>
      <c r="J16405" s="365"/>
      <c r="K16405" s="365"/>
      <c r="L16405" s="365"/>
    </row>
    <row r="16406" spans="2:12">
      <c r="B16406" s="367"/>
      <c r="C16406" s="360"/>
      <c r="D16406" s="367"/>
      <c r="E16406" s="367"/>
      <c r="F16406" s="360"/>
      <c r="G16406" s="360"/>
      <c r="H16406" s="360"/>
      <c r="I16406" s="360"/>
      <c r="J16406" s="365"/>
      <c r="K16406" s="365"/>
      <c r="L16406" s="365"/>
    </row>
    <row r="16407" spans="2:12">
      <c r="B16407" s="367"/>
      <c r="C16407" s="360"/>
      <c r="D16407" s="367"/>
      <c r="E16407" s="367"/>
      <c r="F16407" s="359" t="s">
        <v>14382</v>
      </c>
      <c r="G16407" s="359" t="s">
        <v>14383</v>
      </c>
      <c r="H16407" s="359" t="s">
        <v>14332</v>
      </c>
      <c r="I16407" s="359" t="s">
        <v>14383</v>
      </c>
      <c r="J16407" s="365"/>
      <c r="K16407" s="365"/>
      <c r="L16407" s="365"/>
    </row>
    <row r="16408" spans="2:12">
      <c r="B16408" s="367"/>
      <c r="C16408" s="360"/>
      <c r="D16408" s="367"/>
      <c r="E16408" s="367"/>
      <c r="F16408" s="360"/>
      <c r="G16408" s="360"/>
      <c r="H16408" s="360"/>
      <c r="I16408" s="360"/>
      <c r="J16408" s="365"/>
      <c r="K16408" s="365"/>
      <c r="L16408" s="365"/>
    </row>
    <row r="16409" spans="2:12">
      <c r="B16409" s="367"/>
      <c r="C16409" s="360"/>
      <c r="D16409" s="367"/>
      <c r="E16409" s="367"/>
      <c r="F16409" s="359" t="s">
        <v>14386</v>
      </c>
      <c r="G16409" s="359" t="s">
        <v>14387</v>
      </c>
      <c r="H16409" s="360"/>
      <c r="I16409" s="359" t="s">
        <v>14387</v>
      </c>
      <c r="J16409" s="365"/>
      <c r="K16409" s="365"/>
      <c r="L16409" s="365"/>
    </row>
    <row r="16410" spans="2:12">
      <c r="B16410" s="367"/>
      <c r="C16410" s="360"/>
      <c r="D16410" s="367"/>
      <c r="E16410" s="367"/>
      <c r="F16410" s="360"/>
      <c r="G16410" s="360"/>
      <c r="H16410" s="360"/>
      <c r="I16410" s="360"/>
      <c r="J16410" s="365"/>
      <c r="K16410" s="365"/>
      <c r="L16410" s="365"/>
    </row>
    <row r="16411" spans="2:12">
      <c r="B16411" s="367"/>
      <c r="C16411" s="360"/>
      <c r="D16411" s="367"/>
      <c r="E16411" s="367"/>
      <c r="F16411" s="359" t="s">
        <v>14391</v>
      </c>
      <c r="G16411" s="359" t="s">
        <v>14392</v>
      </c>
      <c r="H16411" s="360"/>
      <c r="I16411" s="359" t="s">
        <v>14392</v>
      </c>
      <c r="J16411" s="365"/>
      <c r="K16411" s="365"/>
      <c r="L16411" s="365"/>
    </row>
    <row r="16412" spans="2:12">
      <c r="B16412" s="367"/>
      <c r="C16412" s="360"/>
      <c r="D16412" s="367"/>
      <c r="E16412" s="367"/>
      <c r="F16412" s="360"/>
      <c r="G16412" s="360"/>
      <c r="H16412" s="360"/>
      <c r="I16412" s="360"/>
      <c r="J16412" s="365"/>
      <c r="K16412" s="365"/>
      <c r="L16412" s="365"/>
    </row>
    <row r="16413" spans="2:12">
      <c r="B16413" s="367"/>
      <c r="C16413" s="360"/>
      <c r="D16413" s="367"/>
      <c r="E16413" s="367"/>
      <c r="F16413" s="359" t="s">
        <v>14371</v>
      </c>
      <c r="G16413" s="359" t="s">
        <v>14372</v>
      </c>
      <c r="H16413" s="360"/>
      <c r="I16413" s="359" t="s">
        <v>14373</v>
      </c>
      <c r="J16413" s="365"/>
      <c r="K16413" s="365"/>
      <c r="L16413" s="365"/>
    </row>
    <row r="16414" spans="2:12">
      <c r="B16414" s="367"/>
      <c r="C16414" s="360"/>
      <c r="D16414" s="367"/>
      <c r="E16414" s="367"/>
      <c r="F16414" s="360"/>
      <c r="G16414" s="360"/>
      <c r="H16414" s="360"/>
      <c r="I16414" s="360"/>
      <c r="J16414" s="365"/>
      <c r="K16414" s="365"/>
      <c r="L16414" s="365"/>
    </row>
    <row r="16415" spans="2:12" ht="28.5">
      <c r="B16415" s="368"/>
      <c r="C16415" s="362"/>
      <c r="D16415" s="368"/>
      <c r="E16415" s="368"/>
      <c r="F16415" s="361" t="s">
        <v>14374</v>
      </c>
      <c r="G16415" s="361" t="s">
        <v>14373</v>
      </c>
      <c r="H16415" s="362"/>
      <c r="I16415" s="362"/>
      <c r="J16415" s="366"/>
      <c r="K16415" s="366"/>
      <c r="L16415" s="366"/>
    </row>
    <row r="16416" spans="2:12">
      <c r="B16416" s="358" t="s">
        <v>23118</v>
      </c>
      <c r="C16416" s="358" t="s">
        <v>27812</v>
      </c>
      <c r="D16416" s="358" t="s">
        <v>23119</v>
      </c>
      <c r="E16416" s="358" t="s">
        <v>23120</v>
      </c>
      <c r="F16416" s="358" t="s">
        <v>14382</v>
      </c>
      <c r="G16416" s="358" t="s">
        <v>14383</v>
      </c>
      <c r="H16416" s="358" t="s">
        <v>14378</v>
      </c>
      <c r="I16416" s="358" t="s">
        <v>14383</v>
      </c>
      <c r="J16416" s="358"/>
      <c r="K16416" s="358"/>
      <c r="L16416" s="358"/>
    </row>
    <row r="16417" spans="2:12">
      <c r="B16417" s="367"/>
      <c r="C16417" s="367"/>
      <c r="D16417" s="360"/>
      <c r="E16417" s="360"/>
      <c r="F16417" s="360"/>
      <c r="G16417" s="360"/>
      <c r="H16417" s="360"/>
      <c r="I16417" s="360"/>
      <c r="J16417" s="365"/>
      <c r="K16417" s="365"/>
      <c r="L16417" s="365"/>
    </row>
    <row r="16418" spans="2:12" ht="28.5">
      <c r="B16418" s="367"/>
      <c r="C16418" s="367"/>
      <c r="D16418" s="359" t="s">
        <v>23121</v>
      </c>
      <c r="E16418" s="359" t="s">
        <v>23122</v>
      </c>
      <c r="F16418" s="359" t="s">
        <v>14420</v>
      </c>
      <c r="G16418" s="359" t="s">
        <v>14459</v>
      </c>
      <c r="H16418" s="359" t="s">
        <v>14370</v>
      </c>
      <c r="I16418" s="359" t="s">
        <v>14459</v>
      </c>
      <c r="J16418" s="365"/>
      <c r="K16418" s="365"/>
      <c r="L16418" s="365"/>
    </row>
    <row r="16419" spans="2:12">
      <c r="B16419" s="367"/>
      <c r="C16419" s="367"/>
      <c r="D16419" s="360"/>
      <c r="E16419" s="360"/>
      <c r="F16419" s="360"/>
      <c r="G16419" s="360"/>
      <c r="H16419" s="360"/>
      <c r="I16419" s="360"/>
      <c r="J16419" s="365"/>
      <c r="K16419" s="365"/>
      <c r="L16419" s="365"/>
    </row>
    <row r="16420" spans="2:12">
      <c r="B16420" s="367"/>
      <c r="C16420" s="367"/>
      <c r="D16420" s="360"/>
      <c r="E16420" s="360"/>
      <c r="F16420" s="359" t="s">
        <v>14420</v>
      </c>
      <c r="G16420" s="359" t="s">
        <v>14421</v>
      </c>
      <c r="H16420" s="359" t="s">
        <v>14332</v>
      </c>
      <c r="I16420" s="359" t="s">
        <v>14421</v>
      </c>
      <c r="J16420" s="365"/>
      <c r="K16420" s="365"/>
      <c r="L16420" s="365"/>
    </row>
    <row r="16421" spans="2:12">
      <c r="B16421" s="367"/>
      <c r="C16421" s="367"/>
      <c r="D16421" s="360"/>
      <c r="E16421" s="360"/>
      <c r="F16421" s="360"/>
      <c r="G16421" s="360"/>
      <c r="H16421" s="360"/>
      <c r="I16421" s="360"/>
      <c r="J16421" s="365"/>
      <c r="K16421" s="365"/>
      <c r="L16421" s="365"/>
    </row>
    <row r="16422" spans="2:12">
      <c r="B16422" s="367"/>
      <c r="C16422" s="367"/>
      <c r="D16422" s="360"/>
      <c r="E16422" s="360"/>
      <c r="F16422" s="359" t="s">
        <v>14391</v>
      </c>
      <c r="G16422" s="359" t="s">
        <v>14392</v>
      </c>
      <c r="H16422" s="360"/>
      <c r="I16422" s="359" t="s">
        <v>14392</v>
      </c>
      <c r="J16422" s="365"/>
      <c r="K16422" s="365"/>
      <c r="L16422" s="365"/>
    </row>
    <row r="16423" spans="2:12">
      <c r="B16423" s="367"/>
      <c r="C16423" s="367"/>
      <c r="D16423" s="360"/>
      <c r="E16423" s="360"/>
      <c r="F16423" s="360"/>
      <c r="G16423" s="360"/>
      <c r="H16423" s="360"/>
      <c r="I16423" s="360"/>
      <c r="J16423" s="365"/>
      <c r="K16423" s="365"/>
      <c r="L16423" s="365"/>
    </row>
    <row r="16424" spans="2:12" ht="28.5">
      <c r="B16424" s="368"/>
      <c r="C16424" s="368"/>
      <c r="D16424" s="362"/>
      <c r="E16424" s="362"/>
      <c r="F16424" s="361" t="s">
        <v>14394</v>
      </c>
      <c r="G16424" s="361" t="s">
        <v>14395</v>
      </c>
      <c r="H16424" s="362"/>
      <c r="I16424" s="361" t="s">
        <v>14395</v>
      </c>
      <c r="J16424" s="366"/>
      <c r="K16424" s="366"/>
      <c r="L16424" s="366"/>
    </row>
    <row r="16425" spans="2:12" ht="28.5">
      <c r="B16425" s="358" t="s">
        <v>23123</v>
      </c>
      <c r="C16425" s="358" t="s">
        <v>27813</v>
      </c>
      <c r="D16425" s="358" t="s">
        <v>23124</v>
      </c>
      <c r="E16425" s="358" t="s">
        <v>23125</v>
      </c>
      <c r="F16425" s="358" t="s">
        <v>14382</v>
      </c>
      <c r="G16425" s="358" t="s">
        <v>14483</v>
      </c>
      <c r="H16425" s="358" t="s">
        <v>14378</v>
      </c>
      <c r="I16425" s="358" t="s">
        <v>14483</v>
      </c>
      <c r="J16425" s="358"/>
      <c r="K16425" s="358"/>
      <c r="L16425" s="358" t="s">
        <v>14611</v>
      </c>
    </row>
    <row r="16426" spans="2:12">
      <c r="B16426" s="367"/>
      <c r="C16426" s="360"/>
      <c r="D16426" s="360"/>
      <c r="E16426" s="360"/>
      <c r="F16426" s="360"/>
      <c r="G16426" s="360"/>
      <c r="H16426" s="360"/>
      <c r="I16426" s="360"/>
      <c r="J16426" s="365"/>
      <c r="K16426" s="365"/>
      <c r="L16426" s="367"/>
    </row>
    <row r="16427" spans="2:12">
      <c r="B16427" s="367"/>
      <c r="C16427" s="359" t="s">
        <v>27814</v>
      </c>
      <c r="D16427" s="359" t="s">
        <v>23126</v>
      </c>
      <c r="E16427" s="359" t="s">
        <v>23127</v>
      </c>
      <c r="F16427" s="359" t="s">
        <v>14382</v>
      </c>
      <c r="G16427" s="359" t="s">
        <v>14579</v>
      </c>
      <c r="H16427" s="359" t="s">
        <v>14332</v>
      </c>
      <c r="I16427" s="359" t="s">
        <v>14579</v>
      </c>
      <c r="J16427" s="365"/>
      <c r="K16427" s="365"/>
      <c r="L16427" s="367"/>
    </row>
    <row r="16428" spans="2:12">
      <c r="B16428" s="367"/>
      <c r="C16428" s="360"/>
      <c r="D16428" s="360"/>
      <c r="E16428" s="360"/>
      <c r="F16428" s="360"/>
      <c r="G16428" s="360"/>
      <c r="H16428" s="360"/>
      <c r="I16428" s="360"/>
      <c r="J16428" s="365"/>
      <c r="K16428" s="365"/>
      <c r="L16428" s="367"/>
    </row>
    <row r="16429" spans="2:12">
      <c r="B16429" s="368"/>
      <c r="C16429" s="361" t="s">
        <v>27815</v>
      </c>
      <c r="D16429" s="362"/>
      <c r="E16429" s="362"/>
      <c r="F16429" s="361" t="s">
        <v>14382</v>
      </c>
      <c r="G16429" s="361" t="s">
        <v>14383</v>
      </c>
      <c r="H16429" s="362"/>
      <c r="I16429" s="361" t="s">
        <v>14383</v>
      </c>
      <c r="J16429" s="366"/>
      <c r="K16429" s="366"/>
      <c r="L16429" s="368"/>
    </row>
    <row r="16430" spans="2:12">
      <c r="B16430" s="358" t="s">
        <v>23128</v>
      </c>
      <c r="C16430" s="358" t="s">
        <v>30353</v>
      </c>
      <c r="D16430" s="358" t="s">
        <v>23129</v>
      </c>
      <c r="E16430" s="358" t="s">
        <v>23130</v>
      </c>
      <c r="F16430" s="358" t="s">
        <v>14420</v>
      </c>
      <c r="G16430" s="358" t="s">
        <v>14459</v>
      </c>
      <c r="H16430" s="358" t="s">
        <v>14367</v>
      </c>
      <c r="I16430" s="358" t="s">
        <v>14459</v>
      </c>
      <c r="J16430" s="358"/>
      <c r="K16430" s="358"/>
      <c r="L16430" s="358"/>
    </row>
    <row r="16431" spans="2:12">
      <c r="B16431" s="367"/>
      <c r="C16431" s="367"/>
      <c r="D16431" s="367"/>
      <c r="E16431" s="367"/>
      <c r="F16431" s="360"/>
      <c r="G16431" s="360"/>
      <c r="H16431" s="360"/>
      <c r="I16431" s="360"/>
      <c r="J16431" s="365"/>
      <c r="K16431" s="365"/>
      <c r="L16431" s="365"/>
    </row>
    <row r="16432" spans="2:12">
      <c r="B16432" s="367"/>
      <c r="C16432" s="367"/>
      <c r="D16432" s="367"/>
      <c r="E16432" s="367"/>
      <c r="F16432" s="359" t="s">
        <v>14420</v>
      </c>
      <c r="G16432" s="359" t="s">
        <v>14421</v>
      </c>
      <c r="H16432" s="359" t="s">
        <v>14422</v>
      </c>
      <c r="I16432" s="359" t="s">
        <v>14421</v>
      </c>
      <c r="J16432" s="365"/>
      <c r="K16432" s="365"/>
      <c r="L16432" s="365"/>
    </row>
    <row r="16433" spans="2:12">
      <c r="B16433" s="367"/>
      <c r="C16433" s="367"/>
      <c r="D16433" s="367"/>
      <c r="E16433" s="367"/>
      <c r="F16433" s="360"/>
      <c r="G16433" s="360"/>
      <c r="H16433" s="360"/>
      <c r="I16433" s="360"/>
      <c r="J16433" s="365"/>
      <c r="K16433" s="365"/>
      <c r="L16433" s="365"/>
    </row>
    <row r="16434" spans="2:12">
      <c r="B16434" s="368"/>
      <c r="C16434" s="368"/>
      <c r="D16434" s="368"/>
      <c r="E16434" s="368"/>
      <c r="F16434" s="361" t="s">
        <v>14420</v>
      </c>
      <c r="G16434" s="361" t="s">
        <v>14429</v>
      </c>
      <c r="H16434" s="362"/>
      <c r="I16434" s="361" t="s">
        <v>14429</v>
      </c>
      <c r="J16434" s="366"/>
      <c r="K16434" s="366"/>
      <c r="L16434" s="366"/>
    </row>
    <row r="16435" spans="2:12">
      <c r="B16435" s="358" t="s">
        <v>23131</v>
      </c>
      <c r="C16435" s="358" t="s">
        <v>23132</v>
      </c>
      <c r="D16435" s="358" t="s">
        <v>23133</v>
      </c>
      <c r="E16435" s="358" t="s">
        <v>23134</v>
      </c>
      <c r="F16435" s="358" t="s">
        <v>14426</v>
      </c>
      <c r="G16435" s="358" t="s">
        <v>14427</v>
      </c>
      <c r="H16435" s="358" t="s">
        <v>14381</v>
      </c>
      <c r="I16435" s="358" t="s">
        <v>14427</v>
      </c>
      <c r="J16435" s="358"/>
      <c r="K16435" s="358"/>
      <c r="L16435" s="358"/>
    </row>
    <row r="16436" spans="2:12">
      <c r="B16436" s="367"/>
      <c r="C16436" s="367"/>
      <c r="D16436" s="367"/>
      <c r="E16436" s="367"/>
      <c r="F16436" s="360"/>
      <c r="G16436" s="360"/>
      <c r="H16436" s="360"/>
      <c r="I16436" s="360"/>
      <c r="J16436" s="365"/>
      <c r="K16436" s="365"/>
      <c r="L16436" s="365"/>
    </row>
    <row r="16437" spans="2:12">
      <c r="B16437" s="367"/>
      <c r="C16437" s="367"/>
      <c r="D16437" s="367"/>
      <c r="E16437" s="367"/>
      <c r="F16437" s="359" t="s">
        <v>14420</v>
      </c>
      <c r="G16437" s="359" t="s">
        <v>14459</v>
      </c>
      <c r="H16437" s="359" t="s">
        <v>14367</v>
      </c>
      <c r="I16437" s="359" t="s">
        <v>14459</v>
      </c>
      <c r="J16437" s="365"/>
      <c r="K16437" s="365"/>
      <c r="L16437" s="365"/>
    </row>
    <row r="16438" spans="2:12">
      <c r="B16438" s="367"/>
      <c r="C16438" s="367"/>
      <c r="D16438" s="367"/>
      <c r="E16438" s="367"/>
      <c r="F16438" s="360"/>
      <c r="G16438" s="360"/>
      <c r="H16438" s="360"/>
      <c r="I16438" s="360"/>
      <c r="J16438" s="365"/>
      <c r="K16438" s="365"/>
      <c r="L16438" s="365"/>
    </row>
    <row r="16439" spans="2:12">
      <c r="B16439" s="368"/>
      <c r="C16439" s="368"/>
      <c r="D16439" s="368"/>
      <c r="E16439" s="368"/>
      <c r="F16439" s="361" t="s">
        <v>14420</v>
      </c>
      <c r="G16439" s="361" t="s">
        <v>14429</v>
      </c>
      <c r="H16439" s="361" t="s">
        <v>14422</v>
      </c>
      <c r="I16439" s="361" t="s">
        <v>14429</v>
      </c>
      <c r="J16439" s="366"/>
      <c r="K16439" s="366"/>
      <c r="L16439" s="366"/>
    </row>
    <row r="16440" spans="2:12">
      <c r="B16440" s="358" t="s">
        <v>23135</v>
      </c>
      <c r="C16440" s="358" t="s">
        <v>23136</v>
      </c>
      <c r="D16440" s="358" t="s">
        <v>23137</v>
      </c>
      <c r="E16440" s="358" t="s">
        <v>23138</v>
      </c>
      <c r="F16440" s="358" t="s">
        <v>16426</v>
      </c>
      <c r="G16440" s="358" t="s">
        <v>15011</v>
      </c>
      <c r="H16440" s="358" t="s">
        <v>14954</v>
      </c>
      <c r="I16440" s="358" t="s">
        <v>15011</v>
      </c>
      <c r="J16440" s="358"/>
      <c r="K16440" s="358"/>
      <c r="L16440" s="358"/>
    </row>
    <row r="16441" spans="2:12">
      <c r="B16441" s="367"/>
      <c r="C16441" s="360"/>
      <c r="D16441" s="367"/>
      <c r="E16441" s="367"/>
      <c r="F16441" s="360"/>
      <c r="G16441" s="360"/>
      <c r="H16441" s="360"/>
      <c r="I16441" s="360"/>
      <c r="J16441" s="365"/>
      <c r="K16441" s="365"/>
      <c r="L16441" s="365"/>
    </row>
    <row r="16442" spans="2:12">
      <c r="B16442" s="367"/>
      <c r="C16442" s="359" t="s">
        <v>23139</v>
      </c>
      <c r="D16442" s="367"/>
      <c r="E16442" s="367"/>
      <c r="F16442" s="359" t="s">
        <v>14420</v>
      </c>
      <c r="G16442" s="359" t="s">
        <v>14459</v>
      </c>
      <c r="H16442" s="359" t="s">
        <v>14367</v>
      </c>
      <c r="I16442" s="359" t="s">
        <v>14459</v>
      </c>
      <c r="J16442" s="365"/>
      <c r="K16442" s="365"/>
      <c r="L16442" s="365"/>
    </row>
    <row r="16443" spans="2:12">
      <c r="B16443" s="367"/>
      <c r="C16443" s="360"/>
      <c r="D16443" s="367"/>
      <c r="E16443" s="367"/>
      <c r="F16443" s="360"/>
      <c r="G16443" s="360"/>
      <c r="H16443" s="360"/>
      <c r="I16443" s="360"/>
      <c r="J16443" s="365"/>
      <c r="K16443" s="365"/>
      <c r="L16443" s="365"/>
    </row>
    <row r="16444" spans="2:12">
      <c r="B16444" s="367"/>
      <c r="C16444" s="360"/>
      <c r="D16444" s="367"/>
      <c r="E16444" s="367"/>
      <c r="F16444" s="359" t="s">
        <v>14420</v>
      </c>
      <c r="G16444" s="359" t="s">
        <v>14421</v>
      </c>
      <c r="H16444" s="359" t="s">
        <v>14332</v>
      </c>
      <c r="I16444" s="359" t="s">
        <v>14421</v>
      </c>
      <c r="J16444" s="365"/>
      <c r="K16444" s="365"/>
      <c r="L16444" s="365"/>
    </row>
    <row r="16445" spans="2:12">
      <c r="B16445" s="367"/>
      <c r="C16445" s="360"/>
      <c r="D16445" s="367"/>
      <c r="E16445" s="367"/>
      <c r="F16445" s="360"/>
      <c r="G16445" s="360"/>
      <c r="H16445" s="360"/>
      <c r="I16445" s="360"/>
      <c r="J16445" s="365"/>
      <c r="K16445" s="365"/>
      <c r="L16445" s="365"/>
    </row>
    <row r="16446" spans="2:12">
      <c r="B16446" s="367"/>
      <c r="C16446" s="360"/>
      <c r="D16446" s="367"/>
      <c r="E16446" s="367"/>
      <c r="F16446" s="359" t="s">
        <v>14420</v>
      </c>
      <c r="G16446" s="359" t="s">
        <v>14429</v>
      </c>
      <c r="H16446" s="360"/>
      <c r="I16446" s="359" t="s">
        <v>14429</v>
      </c>
      <c r="J16446" s="365"/>
      <c r="K16446" s="365"/>
      <c r="L16446" s="365"/>
    </row>
    <row r="16447" spans="2:12">
      <c r="B16447" s="367"/>
      <c r="C16447" s="360"/>
      <c r="D16447" s="367"/>
      <c r="E16447" s="367"/>
      <c r="F16447" s="360"/>
      <c r="G16447" s="360"/>
      <c r="H16447" s="360"/>
      <c r="I16447" s="360"/>
      <c r="J16447" s="365"/>
      <c r="K16447" s="365"/>
      <c r="L16447" s="365"/>
    </row>
    <row r="16448" spans="2:12" ht="28.5">
      <c r="B16448" s="368"/>
      <c r="C16448" s="362"/>
      <c r="D16448" s="368"/>
      <c r="E16448" s="368"/>
      <c r="F16448" s="361" t="s">
        <v>14472</v>
      </c>
      <c r="G16448" s="361" t="s">
        <v>14473</v>
      </c>
      <c r="H16448" s="362"/>
      <c r="I16448" s="361" t="s">
        <v>14473</v>
      </c>
      <c r="J16448" s="366"/>
      <c r="K16448" s="366"/>
      <c r="L16448" s="366"/>
    </row>
    <row r="16449" spans="2:12">
      <c r="B16449" s="358" t="s">
        <v>23140</v>
      </c>
      <c r="C16449" s="358" t="s">
        <v>23136</v>
      </c>
      <c r="D16449" s="358" t="s">
        <v>23137</v>
      </c>
      <c r="E16449" s="358" t="s">
        <v>23138</v>
      </c>
      <c r="F16449" s="358" t="s">
        <v>14420</v>
      </c>
      <c r="G16449" s="358" t="s">
        <v>14459</v>
      </c>
      <c r="H16449" s="358" t="s">
        <v>14367</v>
      </c>
      <c r="I16449" s="358" t="s">
        <v>14459</v>
      </c>
      <c r="J16449" s="358"/>
      <c r="K16449" s="358"/>
      <c r="L16449" s="358" t="s">
        <v>16789</v>
      </c>
    </row>
    <row r="16450" spans="2:12">
      <c r="B16450" s="367"/>
      <c r="C16450" s="360"/>
      <c r="D16450" s="367"/>
      <c r="E16450" s="367"/>
      <c r="F16450" s="360"/>
      <c r="G16450" s="360"/>
      <c r="H16450" s="360"/>
      <c r="I16450" s="360"/>
      <c r="J16450" s="365"/>
      <c r="K16450" s="365"/>
      <c r="L16450" s="367"/>
    </row>
    <row r="16451" spans="2:12">
      <c r="B16451" s="367"/>
      <c r="C16451" s="359" t="s">
        <v>29527</v>
      </c>
      <c r="D16451" s="367"/>
      <c r="E16451" s="367"/>
      <c r="F16451" s="359" t="s">
        <v>14420</v>
      </c>
      <c r="G16451" s="359" t="s">
        <v>14421</v>
      </c>
      <c r="H16451" s="359" t="s">
        <v>14422</v>
      </c>
      <c r="I16451" s="359" t="s">
        <v>14421</v>
      </c>
      <c r="J16451" s="365"/>
      <c r="K16451" s="365"/>
      <c r="L16451" s="367"/>
    </row>
    <row r="16452" spans="2:12">
      <c r="B16452" s="367"/>
      <c r="C16452" s="360"/>
      <c r="D16452" s="367"/>
      <c r="E16452" s="367"/>
      <c r="F16452" s="360"/>
      <c r="G16452" s="360"/>
      <c r="H16452" s="360"/>
      <c r="I16452" s="360"/>
      <c r="J16452" s="365"/>
      <c r="K16452" s="365"/>
      <c r="L16452" s="367"/>
    </row>
    <row r="16453" spans="2:12">
      <c r="B16453" s="367"/>
      <c r="C16453" s="360"/>
      <c r="D16453" s="367"/>
      <c r="E16453" s="367"/>
      <c r="F16453" s="359" t="s">
        <v>14420</v>
      </c>
      <c r="G16453" s="359" t="s">
        <v>14429</v>
      </c>
      <c r="H16453" s="360"/>
      <c r="I16453" s="359" t="s">
        <v>14429</v>
      </c>
      <c r="J16453" s="365"/>
      <c r="K16453" s="365"/>
      <c r="L16453" s="367"/>
    </row>
    <row r="16454" spans="2:12">
      <c r="B16454" s="367"/>
      <c r="C16454" s="360"/>
      <c r="D16454" s="367"/>
      <c r="E16454" s="367"/>
      <c r="F16454" s="360"/>
      <c r="G16454" s="360"/>
      <c r="H16454" s="360"/>
      <c r="I16454" s="360"/>
      <c r="J16454" s="365"/>
      <c r="K16454" s="365"/>
      <c r="L16454" s="367"/>
    </row>
    <row r="16455" spans="2:12" ht="28.5">
      <c r="B16455" s="368"/>
      <c r="C16455" s="362"/>
      <c r="D16455" s="368"/>
      <c r="E16455" s="368"/>
      <c r="F16455" s="361" t="s">
        <v>14472</v>
      </c>
      <c r="G16455" s="361" t="s">
        <v>14473</v>
      </c>
      <c r="H16455" s="362"/>
      <c r="I16455" s="361" t="s">
        <v>14473</v>
      </c>
      <c r="J16455" s="366"/>
      <c r="K16455" s="366"/>
      <c r="L16455" s="368"/>
    </row>
    <row r="16456" spans="2:12">
      <c r="B16456" s="358" t="s">
        <v>10525</v>
      </c>
      <c r="C16456" s="358" t="s">
        <v>23141</v>
      </c>
      <c r="D16456" s="358" t="s">
        <v>372</v>
      </c>
      <c r="E16456" s="358" t="s">
        <v>373</v>
      </c>
      <c r="F16456" s="358" t="s">
        <v>28860</v>
      </c>
      <c r="G16456" s="358" t="s">
        <v>14669</v>
      </c>
      <c r="H16456" s="358" t="s">
        <v>14378</v>
      </c>
      <c r="I16456" s="358" t="s">
        <v>14669</v>
      </c>
      <c r="J16456" s="358"/>
      <c r="K16456" s="358"/>
      <c r="L16456" s="358"/>
    </row>
    <row r="16457" spans="2:12">
      <c r="B16457" s="367"/>
      <c r="C16457" s="360"/>
      <c r="D16457" s="367"/>
      <c r="E16457" s="367"/>
      <c r="F16457" s="360"/>
      <c r="G16457" s="360"/>
      <c r="H16457" s="360"/>
      <c r="I16457" s="360"/>
      <c r="J16457" s="365"/>
      <c r="K16457" s="365"/>
      <c r="L16457" s="365"/>
    </row>
    <row r="16458" spans="2:12">
      <c r="B16458" s="367"/>
      <c r="C16458" s="359" t="s">
        <v>7214</v>
      </c>
      <c r="D16458" s="367"/>
      <c r="E16458" s="367"/>
      <c r="F16458" s="359" t="s">
        <v>14382</v>
      </c>
      <c r="G16458" s="359" t="s">
        <v>14427</v>
      </c>
      <c r="H16458" s="359" t="s">
        <v>14381</v>
      </c>
      <c r="I16458" s="359" t="s">
        <v>14427</v>
      </c>
      <c r="J16458" s="365"/>
      <c r="K16458" s="365"/>
      <c r="L16458" s="365"/>
    </row>
    <row r="16459" spans="2:12">
      <c r="B16459" s="367"/>
      <c r="C16459" s="360"/>
      <c r="D16459" s="367"/>
      <c r="E16459" s="367"/>
      <c r="F16459" s="360"/>
      <c r="G16459" s="360"/>
      <c r="H16459" s="360"/>
      <c r="I16459" s="360"/>
      <c r="J16459" s="365"/>
      <c r="K16459" s="365"/>
      <c r="L16459" s="365"/>
    </row>
    <row r="16460" spans="2:12">
      <c r="B16460" s="367"/>
      <c r="C16460" s="360"/>
      <c r="D16460" s="367"/>
      <c r="E16460" s="367"/>
      <c r="F16460" s="359" t="s">
        <v>14382</v>
      </c>
      <c r="G16460" s="359" t="s">
        <v>14483</v>
      </c>
      <c r="H16460" s="359" t="s">
        <v>14332</v>
      </c>
      <c r="I16460" s="359" t="s">
        <v>14483</v>
      </c>
      <c r="J16460" s="365"/>
      <c r="K16460" s="365"/>
      <c r="L16460" s="365"/>
    </row>
    <row r="16461" spans="2:12">
      <c r="B16461" s="367"/>
      <c r="C16461" s="360"/>
      <c r="D16461" s="367"/>
      <c r="E16461" s="367"/>
      <c r="F16461" s="360"/>
      <c r="G16461" s="360"/>
      <c r="H16461" s="360"/>
      <c r="I16461" s="360"/>
      <c r="J16461" s="365"/>
      <c r="K16461" s="365"/>
      <c r="L16461" s="365"/>
    </row>
    <row r="16462" spans="2:12">
      <c r="B16462" s="367"/>
      <c r="C16462" s="360"/>
      <c r="D16462" s="367"/>
      <c r="E16462" s="367"/>
      <c r="F16462" s="359" t="s">
        <v>14382</v>
      </c>
      <c r="G16462" s="359" t="s">
        <v>14579</v>
      </c>
      <c r="H16462" s="360"/>
      <c r="I16462" s="359" t="s">
        <v>14579</v>
      </c>
      <c r="J16462" s="365"/>
      <c r="K16462" s="365"/>
      <c r="L16462" s="365"/>
    </row>
    <row r="16463" spans="2:12">
      <c r="B16463" s="367"/>
      <c r="C16463" s="360"/>
      <c r="D16463" s="367"/>
      <c r="E16463" s="367"/>
      <c r="F16463" s="360"/>
      <c r="G16463" s="360"/>
      <c r="H16463" s="360"/>
      <c r="I16463" s="360"/>
      <c r="J16463" s="365"/>
      <c r="K16463" s="365"/>
      <c r="L16463" s="365"/>
    </row>
    <row r="16464" spans="2:12">
      <c r="B16464" s="368"/>
      <c r="C16464" s="362"/>
      <c r="D16464" s="368"/>
      <c r="E16464" s="368"/>
      <c r="F16464" s="362"/>
      <c r="G16464" s="361" t="s">
        <v>14383</v>
      </c>
      <c r="H16464" s="362"/>
      <c r="I16464" s="361" t="s">
        <v>14383</v>
      </c>
      <c r="J16464" s="366"/>
      <c r="K16464" s="366"/>
      <c r="L16464" s="366"/>
    </row>
    <row r="16465" spans="2:12">
      <c r="B16465" s="358" t="s">
        <v>10526</v>
      </c>
      <c r="C16465" s="358" t="s">
        <v>23142</v>
      </c>
      <c r="D16465" s="358" t="s">
        <v>10527</v>
      </c>
      <c r="E16465" s="358" t="s">
        <v>1464</v>
      </c>
      <c r="F16465" s="358" t="s">
        <v>14376</v>
      </c>
      <c r="G16465" s="358" t="s">
        <v>14669</v>
      </c>
      <c r="H16465" s="358" t="s">
        <v>14381</v>
      </c>
      <c r="I16465" s="358" t="s">
        <v>14669</v>
      </c>
      <c r="J16465" s="358"/>
      <c r="K16465" s="358"/>
      <c r="L16465" s="358"/>
    </row>
    <row r="16466" spans="2:12">
      <c r="B16466" s="367"/>
      <c r="C16466" s="360"/>
      <c r="D16466" s="367"/>
      <c r="E16466" s="367"/>
      <c r="F16466" s="360"/>
      <c r="G16466" s="360"/>
      <c r="H16466" s="360"/>
      <c r="I16466" s="360"/>
      <c r="J16466" s="365"/>
      <c r="K16466" s="365"/>
      <c r="L16466" s="365"/>
    </row>
    <row r="16467" spans="2:12">
      <c r="B16467" s="367"/>
      <c r="C16467" s="359" t="s">
        <v>13269</v>
      </c>
      <c r="D16467" s="367"/>
      <c r="E16467" s="367"/>
      <c r="F16467" s="359" t="s">
        <v>14420</v>
      </c>
      <c r="G16467" s="359" t="s">
        <v>14429</v>
      </c>
      <c r="H16467" s="359" t="s">
        <v>14367</v>
      </c>
      <c r="I16467" s="359" t="s">
        <v>14429</v>
      </c>
      <c r="J16467" s="365"/>
      <c r="K16467" s="365"/>
      <c r="L16467" s="365"/>
    </row>
    <row r="16468" spans="2:12">
      <c r="B16468" s="367"/>
      <c r="C16468" s="360"/>
      <c r="D16468" s="367"/>
      <c r="E16468" s="367"/>
      <c r="F16468" s="360"/>
      <c r="G16468" s="360"/>
      <c r="H16468" s="360"/>
      <c r="I16468" s="360"/>
      <c r="J16468" s="365"/>
      <c r="K16468" s="365"/>
      <c r="L16468" s="365"/>
    </row>
    <row r="16469" spans="2:12">
      <c r="B16469" s="368"/>
      <c r="C16469" s="362"/>
      <c r="D16469" s="368"/>
      <c r="E16469" s="368"/>
      <c r="F16469" s="362"/>
      <c r="G16469" s="362"/>
      <c r="H16469" s="361" t="s">
        <v>14332</v>
      </c>
      <c r="I16469" s="362"/>
      <c r="J16469" s="366"/>
      <c r="K16469" s="366"/>
      <c r="L16469" s="366"/>
    </row>
    <row r="16470" spans="2:12">
      <c r="B16470" s="358" t="s">
        <v>10528</v>
      </c>
      <c r="C16470" s="358" t="s">
        <v>30354</v>
      </c>
      <c r="D16470" s="358" t="s">
        <v>8356</v>
      </c>
      <c r="E16470" s="358" t="s">
        <v>8356</v>
      </c>
      <c r="F16470" s="358" t="s">
        <v>14376</v>
      </c>
      <c r="G16470" s="358" t="s">
        <v>14669</v>
      </c>
      <c r="H16470" s="358" t="s">
        <v>14381</v>
      </c>
      <c r="I16470" s="358" t="s">
        <v>14669</v>
      </c>
      <c r="J16470" s="358"/>
      <c r="K16470" s="358"/>
      <c r="L16470" s="358" t="s">
        <v>9491</v>
      </c>
    </row>
    <row r="16471" spans="2:12">
      <c r="B16471" s="367"/>
      <c r="C16471" s="367"/>
      <c r="D16471" s="367"/>
      <c r="E16471" s="367"/>
      <c r="F16471" s="360"/>
      <c r="G16471" s="360"/>
      <c r="H16471" s="360"/>
      <c r="I16471" s="360"/>
      <c r="J16471" s="365"/>
      <c r="K16471" s="365"/>
      <c r="L16471" s="367"/>
    </row>
    <row r="16472" spans="2:12">
      <c r="B16472" s="367"/>
      <c r="C16472" s="367"/>
      <c r="D16472" s="367"/>
      <c r="E16472" s="367"/>
      <c r="F16472" s="359" t="s">
        <v>14420</v>
      </c>
      <c r="G16472" s="359" t="s">
        <v>14429</v>
      </c>
      <c r="H16472" s="359" t="s">
        <v>14367</v>
      </c>
      <c r="I16472" s="359" t="s">
        <v>14429</v>
      </c>
      <c r="J16472" s="365"/>
      <c r="K16472" s="365"/>
      <c r="L16472" s="367"/>
    </row>
    <row r="16473" spans="2:12">
      <c r="B16473" s="367"/>
      <c r="C16473" s="367"/>
      <c r="D16473" s="367"/>
      <c r="E16473" s="367"/>
      <c r="F16473" s="360"/>
      <c r="G16473" s="360"/>
      <c r="H16473" s="360"/>
      <c r="I16473" s="360"/>
      <c r="J16473" s="365"/>
      <c r="K16473" s="365"/>
      <c r="L16473" s="367"/>
    </row>
    <row r="16474" spans="2:12">
      <c r="B16474" s="368"/>
      <c r="C16474" s="368"/>
      <c r="D16474" s="368"/>
      <c r="E16474" s="368"/>
      <c r="F16474" s="362"/>
      <c r="G16474" s="362"/>
      <c r="H16474" s="361" t="s">
        <v>14332</v>
      </c>
      <c r="I16474" s="362"/>
      <c r="J16474" s="366"/>
      <c r="K16474" s="366"/>
      <c r="L16474" s="368"/>
    </row>
    <row r="16475" spans="2:12">
      <c r="B16475" s="358" t="s">
        <v>23143</v>
      </c>
      <c r="C16475" s="358" t="s">
        <v>27816</v>
      </c>
      <c r="D16475" s="358" t="s">
        <v>23144</v>
      </c>
      <c r="E16475" s="358" t="s">
        <v>23145</v>
      </c>
      <c r="F16475" s="358" t="s">
        <v>14379</v>
      </c>
      <c r="G16475" s="358" t="s">
        <v>14380</v>
      </c>
      <c r="H16475" s="358" t="s">
        <v>14378</v>
      </c>
      <c r="I16475" s="358" t="s">
        <v>14380</v>
      </c>
      <c r="J16475" s="358"/>
      <c r="K16475" s="358"/>
      <c r="L16475" s="358"/>
    </row>
    <row r="16476" spans="2:12">
      <c r="B16476" s="367"/>
      <c r="C16476" s="360"/>
      <c r="D16476" s="367"/>
      <c r="E16476" s="367"/>
      <c r="F16476" s="360"/>
      <c r="G16476" s="360"/>
      <c r="H16476" s="360"/>
      <c r="I16476" s="360"/>
      <c r="J16476" s="365"/>
      <c r="K16476" s="365"/>
      <c r="L16476" s="365"/>
    </row>
    <row r="16477" spans="2:12">
      <c r="B16477" s="367"/>
      <c r="C16477" s="359" t="s">
        <v>23146</v>
      </c>
      <c r="D16477" s="367"/>
      <c r="E16477" s="367"/>
      <c r="F16477" s="359" t="s">
        <v>14530</v>
      </c>
      <c r="G16477" s="359" t="s">
        <v>14531</v>
      </c>
      <c r="H16477" s="359" t="s">
        <v>14381</v>
      </c>
      <c r="I16477" s="359" t="s">
        <v>14531</v>
      </c>
      <c r="J16477" s="365"/>
      <c r="K16477" s="365"/>
      <c r="L16477" s="365"/>
    </row>
    <row r="16478" spans="2:12">
      <c r="B16478" s="367"/>
      <c r="C16478" s="360"/>
      <c r="D16478" s="367"/>
      <c r="E16478" s="367"/>
      <c r="F16478" s="360"/>
      <c r="G16478" s="360"/>
      <c r="H16478" s="360"/>
      <c r="I16478" s="360"/>
      <c r="J16478" s="365"/>
      <c r="K16478" s="365"/>
      <c r="L16478" s="365"/>
    </row>
    <row r="16479" spans="2:12">
      <c r="B16479" s="367"/>
      <c r="C16479" s="360"/>
      <c r="D16479" s="367"/>
      <c r="E16479" s="367"/>
      <c r="F16479" s="359" t="s">
        <v>14379</v>
      </c>
      <c r="G16479" s="359" t="s">
        <v>14405</v>
      </c>
      <c r="H16479" s="359" t="s">
        <v>14332</v>
      </c>
      <c r="I16479" s="359" t="s">
        <v>14405</v>
      </c>
      <c r="J16479" s="365"/>
      <c r="K16479" s="365"/>
      <c r="L16479" s="365"/>
    </row>
    <row r="16480" spans="2:12">
      <c r="B16480" s="367"/>
      <c r="C16480" s="360"/>
      <c r="D16480" s="367"/>
      <c r="E16480" s="367"/>
      <c r="F16480" s="360"/>
      <c r="G16480" s="360"/>
      <c r="H16480" s="360"/>
      <c r="I16480" s="360"/>
      <c r="J16480" s="365"/>
      <c r="K16480" s="365"/>
      <c r="L16480" s="365"/>
    </row>
    <row r="16481" spans="2:12">
      <c r="B16481" s="367"/>
      <c r="C16481" s="360"/>
      <c r="D16481" s="367"/>
      <c r="E16481" s="367"/>
      <c r="F16481" s="359" t="s">
        <v>14460</v>
      </c>
      <c r="G16481" s="359" t="s">
        <v>14519</v>
      </c>
      <c r="H16481" s="360"/>
      <c r="I16481" s="359" t="s">
        <v>14519</v>
      </c>
      <c r="J16481" s="365"/>
      <c r="K16481" s="365"/>
      <c r="L16481" s="365"/>
    </row>
    <row r="16482" spans="2:12">
      <c r="B16482" s="367"/>
      <c r="C16482" s="360"/>
      <c r="D16482" s="367"/>
      <c r="E16482" s="367"/>
      <c r="F16482" s="360"/>
      <c r="G16482" s="360"/>
      <c r="H16482" s="360"/>
      <c r="I16482" s="360"/>
      <c r="J16482" s="365"/>
      <c r="K16482" s="365"/>
      <c r="L16482" s="365"/>
    </row>
    <row r="16483" spans="2:12" ht="28.5">
      <c r="B16483" s="368"/>
      <c r="C16483" s="362"/>
      <c r="D16483" s="368"/>
      <c r="E16483" s="368"/>
      <c r="F16483" s="361" t="s">
        <v>14472</v>
      </c>
      <c r="G16483" s="361" t="s">
        <v>14473</v>
      </c>
      <c r="H16483" s="362"/>
      <c r="I16483" s="361" t="s">
        <v>14473</v>
      </c>
      <c r="J16483" s="366"/>
      <c r="K16483" s="366"/>
      <c r="L16483" s="366"/>
    </row>
    <row r="16484" spans="2:12">
      <c r="B16484" s="358" t="s">
        <v>23147</v>
      </c>
      <c r="C16484" s="358" t="s">
        <v>23148</v>
      </c>
      <c r="D16484" s="358" t="s">
        <v>23149</v>
      </c>
      <c r="E16484" s="358" t="s">
        <v>23150</v>
      </c>
      <c r="F16484" s="358" t="s">
        <v>14382</v>
      </c>
      <c r="G16484" s="358" t="s">
        <v>14483</v>
      </c>
      <c r="H16484" s="358" t="s">
        <v>14378</v>
      </c>
      <c r="I16484" s="358" t="s">
        <v>14483</v>
      </c>
      <c r="J16484" s="358"/>
      <c r="K16484" s="358"/>
      <c r="L16484" s="358"/>
    </row>
    <row r="16485" spans="2:12">
      <c r="B16485" s="367"/>
      <c r="C16485" s="360"/>
      <c r="D16485" s="367"/>
      <c r="E16485" s="367"/>
      <c r="F16485" s="360"/>
      <c r="G16485" s="360"/>
      <c r="H16485" s="360"/>
      <c r="I16485" s="360"/>
      <c r="J16485" s="365"/>
      <c r="K16485" s="365"/>
      <c r="L16485" s="365"/>
    </row>
    <row r="16486" spans="2:12">
      <c r="B16486" s="367"/>
      <c r="C16486" s="359" t="s">
        <v>27817</v>
      </c>
      <c r="D16486" s="367"/>
      <c r="E16486" s="367"/>
      <c r="F16486" s="359" t="s">
        <v>14382</v>
      </c>
      <c r="G16486" s="359" t="s">
        <v>14579</v>
      </c>
      <c r="H16486" s="359" t="s">
        <v>14381</v>
      </c>
      <c r="I16486" s="359" t="s">
        <v>14579</v>
      </c>
      <c r="J16486" s="365"/>
      <c r="K16486" s="365"/>
      <c r="L16486" s="365"/>
    </row>
    <row r="16487" spans="2:12">
      <c r="B16487" s="367"/>
      <c r="C16487" s="360"/>
      <c r="D16487" s="367"/>
      <c r="E16487" s="367"/>
      <c r="F16487" s="360"/>
      <c r="G16487" s="360"/>
      <c r="H16487" s="360"/>
      <c r="I16487" s="360"/>
      <c r="J16487" s="365"/>
      <c r="K16487" s="365"/>
      <c r="L16487" s="365"/>
    </row>
    <row r="16488" spans="2:12">
      <c r="B16488" s="367"/>
      <c r="C16488" s="360"/>
      <c r="D16488" s="367"/>
      <c r="E16488" s="367"/>
      <c r="F16488" s="359" t="s">
        <v>14382</v>
      </c>
      <c r="G16488" s="359" t="s">
        <v>14383</v>
      </c>
      <c r="H16488" s="359" t="s">
        <v>14332</v>
      </c>
      <c r="I16488" s="359" t="s">
        <v>14383</v>
      </c>
      <c r="J16488" s="365"/>
      <c r="K16488" s="365"/>
      <c r="L16488" s="365"/>
    </row>
    <row r="16489" spans="2:12">
      <c r="B16489" s="367"/>
      <c r="C16489" s="360"/>
      <c r="D16489" s="367"/>
      <c r="E16489" s="367"/>
      <c r="F16489" s="360"/>
      <c r="G16489" s="360"/>
      <c r="H16489" s="360"/>
      <c r="I16489" s="360"/>
      <c r="J16489" s="365"/>
      <c r="K16489" s="365"/>
      <c r="L16489" s="365"/>
    </row>
    <row r="16490" spans="2:12">
      <c r="B16490" s="368"/>
      <c r="C16490" s="362"/>
      <c r="D16490" s="368"/>
      <c r="E16490" s="368"/>
      <c r="F16490" s="361" t="s">
        <v>14460</v>
      </c>
      <c r="G16490" s="361" t="s">
        <v>14519</v>
      </c>
      <c r="H16490" s="362"/>
      <c r="I16490" s="361" t="s">
        <v>14519</v>
      </c>
      <c r="J16490" s="366"/>
      <c r="K16490" s="366"/>
      <c r="L16490" s="366"/>
    </row>
    <row r="16491" spans="2:12">
      <c r="B16491" s="358" t="s">
        <v>23151</v>
      </c>
      <c r="C16491" s="358" t="s">
        <v>23152</v>
      </c>
      <c r="D16491" s="358" t="s">
        <v>23153</v>
      </c>
      <c r="E16491" s="358" t="s">
        <v>23154</v>
      </c>
      <c r="F16491" s="358" t="s">
        <v>14379</v>
      </c>
      <c r="G16491" s="358" t="s">
        <v>14380</v>
      </c>
      <c r="H16491" s="358" t="s">
        <v>14378</v>
      </c>
      <c r="I16491" s="358" t="s">
        <v>14380</v>
      </c>
      <c r="J16491" s="358"/>
      <c r="K16491" s="358"/>
      <c r="L16491" s="358"/>
    </row>
    <row r="16492" spans="2:12">
      <c r="B16492" s="367"/>
      <c r="C16492" s="367"/>
      <c r="D16492" s="367"/>
      <c r="E16492" s="367"/>
      <c r="F16492" s="360"/>
      <c r="G16492" s="360"/>
      <c r="H16492" s="360"/>
      <c r="I16492" s="360"/>
      <c r="J16492" s="365"/>
      <c r="K16492" s="365"/>
      <c r="L16492" s="365"/>
    </row>
    <row r="16493" spans="2:12">
      <c r="B16493" s="367"/>
      <c r="C16493" s="367"/>
      <c r="D16493" s="367"/>
      <c r="E16493" s="367"/>
      <c r="F16493" s="359" t="s">
        <v>14530</v>
      </c>
      <c r="G16493" s="359" t="s">
        <v>14531</v>
      </c>
      <c r="H16493" s="359" t="s">
        <v>14381</v>
      </c>
      <c r="I16493" s="359" t="s">
        <v>14531</v>
      </c>
      <c r="J16493" s="365"/>
      <c r="K16493" s="365"/>
      <c r="L16493" s="365"/>
    </row>
    <row r="16494" spans="2:12">
      <c r="B16494" s="367"/>
      <c r="C16494" s="367"/>
      <c r="D16494" s="367"/>
      <c r="E16494" s="367"/>
      <c r="F16494" s="360"/>
      <c r="G16494" s="360"/>
      <c r="H16494" s="360"/>
      <c r="I16494" s="360"/>
      <c r="J16494" s="365"/>
      <c r="K16494" s="365"/>
      <c r="L16494" s="365"/>
    </row>
    <row r="16495" spans="2:12">
      <c r="B16495" s="367"/>
      <c r="C16495" s="367"/>
      <c r="D16495" s="367"/>
      <c r="E16495" s="367"/>
      <c r="F16495" s="359" t="s">
        <v>14379</v>
      </c>
      <c r="G16495" s="359" t="s">
        <v>14405</v>
      </c>
      <c r="H16495" s="359" t="s">
        <v>14370</v>
      </c>
      <c r="I16495" s="359" t="s">
        <v>14405</v>
      </c>
      <c r="J16495" s="365"/>
      <c r="K16495" s="365"/>
      <c r="L16495" s="365"/>
    </row>
    <row r="16496" spans="2:12">
      <c r="B16496" s="367"/>
      <c r="C16496" s="367"/>
      <c r="D16496" s="367"/>
      <c r="E16496" s="367"/>
      <c r="F16496" s="360"/>
      <c r="G16496" s="360"/>
      <c r="H16496" s="360"/>
      <c r="I16496" s="360"/>
      <c r="J16496" s="365"/>
      <c r="K16496" s="365"/>
      <c r="L16496" s="365"/>
    </row>
    <row r="16497" spans="2:12">
      <c r="B16497" s="367"/>
      <c r="C16497" s="367"/>
      <c r="D16497" s="367"/>
      <c r="E16497" s="367"/>
      <c r="F16497" s="359" t="s">
        <v>14460</v>
      </c>
      <c r="G16497" s="359" t="s">
        <v>14519</v>
      </c>
      <c r="H16497" s="359" t="s">
        <v>14332</v>
      </c>
      <c r="I16497" s="359" t="s">
        <v>14519</v>
      </c>
      <c r="J16497" s="365"/>
      <c r="K16497" s="365"/>
      <c r="L16497" s="365"/>
    </row>
    <row r="16498" spans="2:12">
      <c r="B16498" s="367"/>
      <c r="C16498" s="367"/>
      <c r="D16498" s="367"/>
      <c r="E16498" s="367"/>
      <c r="F16498" s="360"/>
      <c r="G16498" s="360"/>
      <c r="H16498" s="360"/>
      <c r="I16498" s="360"/>
      <c r="J16498" s="365"/>
      <c r="K16498" s="365"/>
      <c r="L16498" s="365"/>
    </row>
    <row r="16499" spans="2:12" ht="28.5">
      <c r="B16499" s="368"/>
      <c r="C16499" s="368"/>
      <c r="D16499" s="368"/>
      <c r="E16499" s="368"/>
      <c r="F16499" s="361" t="s">
        <v>14394</v>
      </c>
      <c r="G16499" s="361" t="s">
        <v>14395</v>
      </c>
      <c r="H16499" s="362"/>
      <c r="I16499" s="361" t="s">
        <v>14395</v>
      </c>
      <c r="J16499" s="366"/>
      <c r="K16499" s="366"/>
      <c r="L16499" s="366"/>
    </row>
    <row r="16500" spans="2:12">
      <c r="B16500" s="358" t="s">
        <v>10529</v>
      </c>
      <c r="C16500" s="358" t="s">
        <v>13270</v>
      </c>
      <c r="D16500" s="358" t="s">
        <v>10530</v>
      </c>
      <c r="E16500" s="358" t="s">
        <v>1466</v>
      </c>
      <c r="F16500" s="358" t="s">
        <v>14376</v>
      </c>
      <c r="G16500" s="358" t="s">
        <v>14669</v>
      </c>
      <c r="H16500" s="358" t="s">
        <v>14381</v>
      </c>
      <c r="I16500" s="358" t="s">
        <v>14669</v>
      </c>
      <c r="J16500" s="358"/>
      <c r="K16500" s="358"/>
      <c r="L16500" s="358"/>
    </row>
    <row r="16501" spans="2:12">
      <c r="B16501" s="367"/>
      <c r="C16501" s="367"/>
      <c r="D16501" s="367"/>
      <c r="E16501" s="367"/>
      <c r="F16501" s="360"/>
      <c r="G16501" s="360"/>
      <c r="H16501" s="360"/>
      <c r="I16501" s="360"/>
      <c r="J16501" s="365"/>
      <c r="K16501" s="365"/>
      <c r="L16501" s="365"/>
    </row>
    <row r="16502" spans="2:12">
      <c r="B16502" s="367"/>
      <c r="C16502" s="367"/>
      <c r="D16502" s="367"/>
      <c r="E16502" s="367"/>
      <c r="F16502" s="359" t="s">
        <v>14420</v>
      </c>
      <c r="G16502" s="359" t="s">
        <v>14429</v>
      </c>
      <c r="H16502" s="359" t="s">
        <v>14367</v>
      </c>
      <c r="I16502" s="359" t="s">
        <v>14429</v>
      </c>
      <c r="J16502" s="365"/>
      <c r="K16502" s="365"/>
      <c r="L16502" s="365"/>
    </row>
    <row r="16503" spans="2:12">
      <c r="B16503" s="367"/>
      <c r="C16503" s="367"/>
      <c r="D16503" s="367"/>
      <c r="E16503" s="367"/>
      <c r="F16503" s="360"/>
      <c r="G16503" s="360"/>
      <c r="H16503" s="360"/>
      <c r="I16503" s="360"/>
      <c r="J16503" s="365"/>
      <c r="K16503" s="365"/>
      <c r="L16503" s="365"/>
    </row>
    <row r="16504" spans="2:12" ht="28.5">
      <c r="B16504" s="367"/>
      <c r="C16504" s="367"/>
      <c r="D16504" s="367"/>
      <c r="E16504" s="367"/>
      <c r="F16504" s="359" t="s">
        <v>14394</v>
      </c>
      <c r="G16504" s="359" t="s">
        <v>14395</v>
      </c>
      <c r="H16504" s="359" t="s">
        <v>14370</v>
      </c>
      <c r="I16504" s="359" t="s">
        <v>14395</v>
      </c>
      <c r="J16504" s="365"/>
      <c r="K16504" s="365"/>
      <c r="L16504" s="365"/>
    </row>
    <row r="16505" spans="2:12">
      <c r="B16505" s="367"/>
      <c r="C16505" s="367"/>
      <c r="D16505" s="367"/>
      <c r="E16505" s="367"/>
      <c r="F16505" s="360"/>
      <c r="G16505" s="360"/>
      <c r="H16505" s="360"/>
      <c r="I16505" s="360"/>
      <c r="J16505" s="365"/>
      <c r="K16505" s="365"/>
      <c r="L16505" s="365"/>
    </row>
    <row r="16506" spans="2:12">
      <c r="B16506" s="368"/>
      <c r="C16506" s="368"/>
      <c r="D16506" s="368"/>
      <c r="E16506" s="368"/>
      <c r="F16506" s="362"/>
      <c r="G16506" s="362"/>
      <c r="H16506" s="361" t="s">
        <v>14332</v>
      </c>
      <c r="I16506" s="362"/>
      <c r="J16506" s="366"/>
      <c r="K16506" s="366"/>
      <c r="L16506" s="366"/>
    </row>
    <row r="16507" spans="2:12" ht="42.75">
      <c r="B16507" s="358" t="s">
        <v>9518</v>
      </c>
      <c r="C16507" s="358" t="s">
        <v>23155</v>
      </c>
      <c r="D16507" s="358" t="s">
        <v>9519</v>
      </c>
      <c r="E16507" s="358" t="s">
        <v>1413</v>
      </c>
      <c r="F16507" s="358" t="s">
        <v>16528</v>
      </c>
      <c r="G16507" s="358" t="s">
        <v>14669</v>
      </c>
      <c r="H16507" s="358" t="s">
        <v>14381</v>
      </c>
      <c r="I16507" s="358" t="s">
        <v>14669</v>
      </c>
      <c r="J16507" s="358"/>
      <c r="K16507" s="358" t="s">
        <v>29523</v>
      </c>
      <c r="L16507" s="358"/>
    </row>
    <row r="16508" spans="2:12">
      <c r="B16508" s="367"/>
      <c r="C16508" s="360"/>
      <c r="D16508" s="367"/>
      <c r="E16508" s="367"/>
      <c r="F16508" s="360"/>
      <c r="G16508" s="360"/>
      <c r="H16508" s="360"/>
      <c r="I16508" s="360"/>
      <c r="J16508" s="365"/>
      <c r="K16508" s="367"/>
      <c r="L16508" s="365"/>
    </row>
    <row r="16509" spans="2:12">
      <c r="B16509" s="367"/>
      <c r="C16509" s="359" t="s">
        <v>23156</v>
      </c>
      <c r="D16509" s="367"/>
      <c r="E16509" s="367"/>
      <c r="F16509" s="359" t="s">
        <v>14420</v>
      </c>
      <c r="G16509" s="359" t="s">
        <v>14429</v>
      </c>
      <c r="H16509" s="359" t="s">
        <v>14367</v>
      </c>
      <c r="I16509" s="359" t="s">
        <v>14429</v>
      </c>
      <c r="J16509" s="365"/>
      <c r="K16509" s="367"/>
      <c r="L16509" s="365"/>
    </row>
    <row r="16510" spans="2:12">
      <c r="B16510" s="367"/>
      <c r="C16510" s="360"/>
      <c r="D16510" s="367"/>
      <c r="E16510" s="367"/>
      <c r="F16510" s="360"/>
      <c r="G16510" s="360"/>
      <c r="H16510" s="360"/>
      <c r="I16510" s="360"/>
      <c r="J16510" s="365"/>
      <c r="K16510" s="367"/>
      <c r="L16510" s="365"/>
    </row>
    <row r="16511" spans="2:12">
      <c r="B16511" s="367"/>
      <c r="C16511" s="359" t="s">
        <v>23157</v>
      </c>
      <c r="D16511" s="367"/>
      <c r="E16511" s="367"/>
      <c r="F16511" s="359" t="s">
        <v>14371</v>
      </c>
      <c r="G16511" s="359" t="s">
        <v>14372</v>
      </c>
      <c r="H16511" s="359" t="s">
        <v>14370</v>
      </c>
      <c r="I16511" s="359" t="s">
        <v>14373</v>
      </c>
      <c r="J16511" s="365"/>
      <c r="K16511" s="367"/>
      <c r="L16511" s="365"/>
    </row>
    <row r="16512" spans="2:12">
      <c r="B16512" s="367"/>
      <c r="C16512" s="360"/>
      <c r="D16512" s="367"/>
      <c r="E16512" s="367"/>
      <c r="F16512" s="360"/>
      <c r="G16512" s="360"/>
      <c r="H16512" s="360"/>
      <c r="I16512" s="360"/>
      <c r="J16512" s="365"/>
      <c r="K16512" s="367"/>
      <c r="L16512" s="365"/>
    </row>
    <row r="16513" spans="2:12" ht="28.5">
      <c r="B16513" s="368"/>
      <c r="C16513" s="361" t="s">
        <v>23158</v>
      </c>
      <c r="D16513" s="368"/>
      <c r="E16513" s="368"/>
      <c r="F16513" s="361" t="s">
        <v>14374</v>
      </c>
      <c r="G16513" s="361" t="s">
        <v>14373</v>
      </c>
      <c r="H16513" s="361" t="s">
        <v>14332</v>
      </c>
      <c r="I16513" s="362"/>
      <c r="J16513" s="366"/>
      <c r="K16513" s="368"/>
      <c r="L16513" s="366"/>
    </row>
    <row r="16514" spans="2:12">
      <c r="B16514" s="358" t="s">
        <v>23159</v>
      </c>
      <c r="C16514" s="358" t="s">
        <v>27818</v>
      </c>
      <c r="D16514" s="358" t="s">
        <v>8356</v>
      </c>
      <c r="E16514" s="358" t="s">
        <v>23160</v>
      </c>
      <c r="F16514" s="358" t="s">
        <v>14420</v>
      </c>
      <c r="G16514" s="358" t="s">
        <v>14459</v>
      </c>
      <c r="H16514" s="358" t="s">
        <v>14367</v>
      </c>
      <c r="I16514" s="358" t="s">
        <v>14459</v>
      </c>
      <c r="J16514" s="358"/>
      <c r="K16514" s="358"/>
      <c r="L16514" s="358"/>
    </row>
    <row r="16515" spans="2:12">
      <c r="B16515" s="367"/>
      <c r="C16515" s="367"/>
      <c r="D16515" s="367"/>
      <c r="E16515" s="367"/>
      <c r="F16515" s="360"/>
      <c r="G16515" s="360"/>
      <c r="H16515" s="360"/>
      <c r="I16515" s="360"/>
      <c r="J16515" s="365"/>
      <c r="K16515" s="365"/>
      <c r="L16515" s="365"/>
    </row>
    <row r="16516" spans="2:12">
      <c r="B16516" s="367"/>
      <c r="C16516" s="367"/>
      <c r="D16516" s="367"/>
      <c r="E16516" s="367"/>
      <c r="F16516" s="359" t="s">
        <v>14420</v>
      </c>
      <c r="G16516" s="359" t="s">
        <v>14421</v>
      </c>
      <c r="H16516" s="359" t="s">
        <v>14422</v>
      </c>
      <c r="I16516" s="359" t="s">
        <v>14421</v>
      </c>
      <c r="J16516" s="365"/>
      <c r="K16516" s="365"/>
      <c r="L16516" s="365"/>
    </row>
    <row r="16517" spans="2:12">
      <c r="B16517" s="367"/>
      <c r="C16517" s="367"/>
      <c r="D16517" s="367"/>
      <c r="E16517" s="367"/>
      <c r="F16517" s="360"/>
      <c r="G16517" s="360"/>
      <c r="H16517" s="360"/>
      <c r="I16517" s="360"/>
      <c r="J16517" s="365"/>
      <c r="K16517" s="365"/>
      <c r="L16517" s="365"/>
    </row>
    <row r="16518" spans="2:12">
      <c r="B16518" s="368"/>
      <c r="C16518" s="368"/>
      <c r="D16518" s="368"/>
      <c r="E16518" s="368"/>
      <c r="F16518" s="361" t="s">
        <v>14420</v>
      </c>
      <c r="G16518" s="361" t="s">
        <v>14429</v>
      </c>
      <c r="H16518" s="362"/>
      <c r="I16518" s="361" t="s">
        <v>14429</v>
      </c>
      <c r="J16518" s="366"/>
      <c r="K16518" s="366"/>
      <c r="L16518" s="366"/>
    </row>
    <row r="16519" spans="2:12">
      <c r="B16519" s="358" t="s">
        <v>10531</v>
      </c>
      <c r="C16519" s="358" t="s">
        <v>27819</v>
      </c>
      <c r="D16519" s="358" t="s">
        <v>10532</v>
      </c>
      <c r="E16519" s="358" t="s">
        <v>10533</v>
      </c>
      <c r="F16519" s="358" t="s">
        <v>28860</v>
      </c>
      <c r="G16519" s="358" t="s">
        <v>14669</v>
      </c>
      <c r="H16519" s="358" t="s">
        <v>14381</v>
      </c>
      <c r="I16519" s="358" t="s">
        <v>14669</v>
      </c>
      <c r="J16519" s="358"/>
      <c r="K16519" s="358"/>
      <c r="L16519" s="358"/>
    </row>
    <row r="16520" spans="2:12">
      <c r="B16520" s="367"/>
      <c r="C16520" s="367"/>
      <c r="D16520" s="367"/>
      <c r="E16520" s="367"/>
      <c r="F16520" s="360"/>
      <c r="G16520" s="360"/>
      <c r="H16520" s="360"/>
      <c r="I16520" s="360"/>
      <c r="J16520" s="365"/>
      <c r="K16520" s="365"/>
      <c r="L16520" s="365"/>
    </row>
    <row r="16521" spans="2:12">
      <c r="B16521" s="367"/>
      <c r="C16521" s="367"/>
      <c r="D16521" s="367"/>
      <c r="E16521" s="367"/>
      <c r="F16521" s="359" t="s">
        <v>14420</v>
      </c>
      <c r="G16521" s="359" t="s">
        <v>14427</v>
      </c>
      <c r="H16521" s="359" t="s">
        <v>14367</v>
      </c>
      <c r="I16521" s="359" t="s">
        <v>14427</v>
      </c>
      <c r="J16521" s="365"/>
      <c r="K16521" s="365"/>
      <c r="L16521" s="365"/>
    </row>
    <row r="16522" spans="2:12">
      <c r="B16522" s="367"/>
      <c r="C16522" s="367"/>
      <c r="D16522" s="367"/>
      <c r="E16522" s="367"/>
      <c r="F16522" s="360"/>
      <c r="G16522" s="360"/>
      <c r="H16522" s="360"/>
      <c r="I16522" s="360"/>
      <c r="J16522" s="365"/>
      <c r="K16522" s="365"/>
      <c r="L16522" s="365"/>
    </row>
    <row r="16523" spans="2:12">
      <c r="B16523" s="367"/>
      <c r="C16523" s="367"/>
      <c r="D16523" s="367"/>
      <c r="E16523" s="367"/>
      <c r="F16523" s="359" t="s">
        <v>14420</v>
      </c>
      <c r="G16523" s="359" t="s">
        <v>14459</v>
      </c>
      <c r="H16523" s="359" t="s">
        <v>14332</v>
      </c>
      <c r="I16523" s="359" t="s">
        <v>14459</v>
      </c>
      <c r="J16523" s="365"/>
      <c r="K16523" s="365"/>
      <c r="L16523" s="365"/>
    </row>
    <row r="16524" spans="2:12">
      <c r="B16524" s="367"/>
      <c r="C16524" s="367"/>
      <c r="D16524" s="367"/>
      <c r="E16524" s="367"/>
      <c r="F16524" s="360"/>
      <c r="G16524" s="360"/>
      <c r="H16524" s="360"/>
      <c r="I16524" s="360"/>
      <c r="J16524" s="365"/>
      <c r="K16524" s="365"/>
      <c r="L16524" s="365"/>
    </row>
    <row r="16525" spans="2:12">
      <c r="B16525" s="367"/>
      <c r="C16525" s="367"/>
      <c r="D16525" s="367"/>
      <c r="E16525" s="367"/>
      <c r="F16525" s="359" t="s">
        <v>14420</v>
      </c>
      <c r="G16525" s="359" t="s">
        <v>14421</v>
      </c>
      <c r="H16525" s="360"/>
      <c r="I16525" s="359" t="s">
        <v>14421</v>
      </c>
      <c r="J16525" s="365"/>
      <c r="K16525" s="365"/>
      <c r="L16525" s="365"/>
    </row>
    <row r="16526" spans="2:12">
      <c r="B16526" s="367"/>
      <c r="C16526" s="367"/>
      <c r="D16526" s="367"/>
      <c r="E16526" s="367"/>
      <c r="F16526" s="360"/>
      <c r="G16526" s="360"/>
      <c r="H16526" s="360"/>
      <c r="I16526" s="360"/>
      <c r="J16526" s="365"/>
      <c r="K16526" s="365"/>
      <c r="L16526" s="365"/>
    </row>
    <row r="16527" spans="2:12">
      <c r="B16527" s="368"/>
      <c r="C16527" s="368"/>
      <c r="D16527" s="368"/>
      <c r="E16527" s="368"/>
      <c r="F16527" s="362"/>
      <c r="G16527" s="361" t="s">
        <v>14429</v>
      </c>
      <c r="H16527" s="362"/>
      <c r="I16527" s="361" t="s">
        <v>14429</v>
      </c>
      <c r="J16527" s="366"/>
      <c r="K16527" s="366"/>
      <c r="L16527" s="366"/>
    </row>
    <row r="16528" spans="2:12">
      <c r="B16528" s="358" t="s">
        <v>23161</v>
      </c>
      <c r="C16528" s="358" t="s">
        <v>23162</v>
      </c>
      <c r="D16528" s="358" t="s">
        <v>23163</v>
      </c>
      <c r="E16528" s="358" t="s">
        <v>23164</v>
      </c>
      <c r="F16528" s="358" t="s">
        <v>14505</v>
      </c>
      <c r="G16528" s="358" t="s">
        <v>14506</v>
      </c>
      <c r="H16528" s="358" t="s">
        <v>14328</v>
      </c>
      <c r="I16528" s="358" t="s">
        <v>14506</v>
      </c>
      <c r="J16528" s="358"/>
      <c r="K16528" s="358"/>
      <c r="L16528" s="358"/>
    </row>
    <row r="16529" spans="2:12">
      <c r="B16529" s="367"/>
      <c r="C16529" s="367"/>
      <c r="D16529" s="367"/>
      <c r="E16529" s="367"/>
      <c r="F16529" s="360"/>
      <c r="G16529" s="360"/>
      <c r="H16529" s="360"/>
      <c r="I16529" s="360"/>
      <c r="J16529" s="365"/>
      <c r="K16529" s="365"/>
      <c r="L16529" s="365"/>
    </row>
    <row r="16530" spans="2:12">
      <c r="B16530" s="367"/>
      <c r="C16530" s="367"/>
      <c r="D16530" s="367"/>
      <c r="E16530" s="367"/>
      <c r="F16530" s="359" t="s">
        <v>14382</v>
      </c>
      <c r="G16530" s="359" t="s">
        <v>14483</v>
      </c>
      <c r="H16530" s="359" t="s">
        <v>14378</v>
      </c>
      <c r="I16530" s="359" t="s">
        <v>14483</v>
      </c>
      <c r="J16530" s="365"/>
      <c r="K16530" s="365"/>
      <c r="L16530" s="365"/>
    </row>
    <row r="16531" spans="2:12">
      <c r="B16531" s="367"/>
      <c r="C16531" s="367"/>
      <c r="D16531" s="367"/>
      <c r="E16531" s="367"/>
      <c r="F16531" s="360"/>
      <c r="G16531" s="360"/>
      <c r="H16531" s="360"/>
      <c r="I16531" s="360"/>
      <c r="J16531" s="365"/>
      <c r="K16531" s="365"/>
      <c r="L16531" s="365"/>
    </row>
    <row r="16532" spans="2:12">
      <c r="B16532" s="367"/>
      <c r="C16532" s="367"/>
      <c r="D16532" s="367"/>
      <c r="E16532" s="367"/>
      <c r="F16532" s="359" t="s">
        <v>14382</v>
      </c>
      <c r="G16532" s="359" t="s">
        <v>14579</v>
      </c>
      <c r="H16532" s="359" t="s">
        <v>14370</v>
      </c>
      <c r="I16532" s="359" t="s">
        <v>14579</v>
      </c>
      <c r="J16532" s="365"/>
      <c r="K16532" s="365"/>
      <c r="L16532" s="365"/>
    </row>
    <row r="16533" spans="2:12">
      <c r="B16533" s="367"/>
      <c r="C16533" s="367"/>
      <c r="D16533" s="367"/>
      <c r="E16533" s="367"/>
      <c r="F16533" s="360"/>
      <c r="G16533" s="360"/>
      <c r="H16533" s="360"/>
      <c r="I16533" s="360"/>
      <c r="J16533" s="365"/>
      <c r="K16533" s="365"/>
      <c r="L16533" s="365"/>
    </row>
    <row r="16534" spans="2:12">
      <c r="B16534" s="367"/>
      <c r="C16534" s="367"/>
      <c r="D16534" s="367"/>
      <c r="E16534" s="367"/>
      <c r="F16534" s="359" t="s">
        <v>14382</v>
      </c>
      <c r="G16534" s="359" t="s">
        <v>14383</v>
      </c>
      <c r="H16534" s="359" t="s">
        <v>14332</v>
      </c>
      <c r="I16534" s="359" t="s">
        <v>14383</v>
      </c>
      <c r="J16534" s="365"/>
      <c r="K16534" s="365"/>
      <c r="L16534" s="365"/>
    </row>
    <row r="16535" spans="2:12">
      <c r="B16535" s="367"/>
      <c r="C16535" s="367"/>
      <c r="D16535" s="367"/>
      <c r="E16535" s="367"/>
      <c r="F16535" s="360"/>
      <c r="G16535" s="360"/>
      <c r="H16535" s="360"/>
      <c r="I16535" s="360"/>
      <c r="J16535" s="365"/>
      <c r="K16535" s="365"/>
      <c r="L16535" s="365"/>
    </row>
    <row r="16536" spans="2:12" ht="28.5">
      <c r="B16536" s="368"/>
      <c r="C16536" s="368"/>
      <c r="D16536" s="368"/>
      <c r="E16536" s="368"/>
      <c r="F16536" s="361" t="s">
        <v>14394</v>
      </c>
      <c r="G16536" s="361" t="s">
        <v>14395</v>
      </c>
      <c r="H16536" s="362"/>
      <c r="I16536" s="361" t="s">
        <v>14395</v>
      </c>
      <c r="J16536" s="366"/>
      <c r="K16536" s="366"/>
      <c r="L16536" s="366"/>
    </row>
    <row r="16537" spans="2:12">
      <c r="B16537" s="358" t="s">
        <v>23165</v>
      </c>
      <c r="C16537" s="358" t="s">
        <v>23166</v>
      </c>
      <c r="D16537" s="358" t="s">
        <v>23167</v>
      </c>
      <c r="E16537" s="358" t="s">
        <v>23168</v>
      </c>
      <c r="F16537" s="358" t="s">
        <v>14420</v>
      </c>
      <c r="G16537" s="358" t="s">
        <v>14421</v>
      </c>
      <c r="H16537" s="358" t="s">
        <v>14341</v>
      </c>
      <c r="I16537" s="358" t="s">
        <v>14421</v>
      </c>
      <c r="J16537" s="358"/>
      <c r="K16537" s="358"/>
      <c r="L16537" s="358"/>
    </row>
    <row r="16538" spans="2:12">
      <c r="B16538" s="367"/>
      <c r="C16538" s="367"/>
      <c r="D16538" s="367"/>
      <c r="E16538" s="367"/>
      <c r="F16538" s="360"/>
      <c r="G16538" s="360"/>
      <c r="H16538" s="360"/>
      <c r="I16538" s="360"/>
      <c r="J16538" s="365"/>
      <c r="K16538" s="365"/>
      <c r="L16538" s="365"/>
    </row>
    <row r="16539" spans="2:12">
      <c r="B16539" s="367"/>
      <c r="C16539" s="367"/>
      <c r="D16539" s="367"/>
      <c r="E16539" s="367"/>
      <c r="F16539" s="359" t="s">
        <v>14420</v>
      </c>
      <c r="G16539" s="359" t="s">
        <v>14429</v>
      </c>
      <c r="H16539" s="359" t="s">
        <v>14367</v>
      </c>
      <c r="I16539" s="359" t="s">
        <v>14429</v>
      </c>
      <c r="J16539" s="365"/>
      <c r="K16539" s="365"/>
      <c r="L16539" s="365"/>
    </row>
    <row r="16540" spans="2:12">
      <c r="B16540" s="367"/>
      <c r="C16540" s="367"/>
      <c r="D16540" s="367"/>
      <c r="E16540" s="367"/>
      <c r="F16540" s="360"/>
      <c r="G16540" s="360"/>
      <c r="H16540" s="360"/>
      <c r="I16540" s="360"/>
      <c r="J16540" s="365"/>
      <c r="K16540" s="365"/>
      <c r="L16540" s="365"/>
    </row>
    <row r="16541" spans="2:12">
      <c r="B16541" s="368"/>
      <c r="C16541" s="368"/>
      <c r="D16541" s="368"/>
      <c r="E16541" s="368"/>
      <c r="F16541" s="361" t="s">
        <v>14356</v>
      </c>
      <c r="G16541" s="361" t="s">
        <v>14340</v>
      </c>
      <c r="H16541" s="361" t="s">
        <v>14332</v>
      </c>
      <c r="I16541" s="361" t="s">
        <v>14340</v>
      </c>
      <c r="J16541" s="366"/>
      <c r="K16541" s="366"/>
      <c r="L16541" s="366"/>
    </row>
    <row r="16542" spans="2:12" ht="42.75">
      <c r="B16542" s="358" t="s">
        <v>23169</v>
      </c>
      <c r="C16542" s="358" t="s">
        <v>23170</v>
      </c>
      <c r="D16542" s="358" t="s">
        <v>23171</v>
      </c>
      <c r="E16542" s="358" t="s">
        <v>627</v>
      </c>
      <c r="F16542" s="358" t="s">
        <v>14505</v>
      </c>
      <c r="G16542" s="358" t="s">
        <v>14506</v>
      </c>
      <c r="H16542" s="358" t="s">
        <v>14328</v>
      </c>
      <c r="I16542" s="358" t="s">
        <v>14506</v>
      </c>
      <c r="J16542" s="358"/>
      <c r="K16542" s="358" t="s">
        <v>28614</v>
      </c>
      <c r="L16542" s="358"/>
    </row>
    <row r="16543" spans="2:12">
      <c r="B16543" s="367"/>
      <c r="C16543" s="367"/>
      <c r="D16543" s="367"/>
      <c r="E16543" s="367"/>
      <c r="F16543" s="360"/>
      <c r="G16543" s="360"/>
      <c r="H16543" s="360"/>
      <c r="I16543" s="360"/>
      <c r="J16543" s="365"/>
      <c r="K16543" s="367"/>
      <c r="L16543" s="365"/>
    </row>
    <row r="16544" spans="2:12">
      <c r="B16544" s="367"/>
      <c r="C16544" s="367"/>
      <c r="D16544" s="367"/>
      <c r="E16544" s="367"/>
      <c r="F16544" s="359" t="s">
        <v>14420</v>
      </c>
      <c r="G16544" s="359" t="s">
        <v>14459</v>
      </c>
      <c r="H16544" s="359" t="s">
        <v>14341</v>
      </c>
      <c r="I16544" s="359" t="s">
        <v>14459</v>
      </c>
      <c r="J16544" s="365"/>
      <c r="K16544" s="367"/>
      <c r="L16544" s="365"/>
    </row>
    <row r="16545" spans="2:12">
      <c r="B16545" s="367"/>
      <c r="C16545" s="367"/>
      <c r="D16545" s="367"/>
      <c r="E16545" s="367"/>
      <c r="F16545" s="360"/>
      <c r="G16545" s="360"/>
      <c r="H16545" s="360"/>
      <c r="I16545" s="360"/>
      <c r="J16545" s="365"/>
      <c r="K16545" s="367"/>
      <c r="L16545" s="365"/>
    </row>
    <row r="16546" spans="2:12">
      <c r="B16546" s="367"/>
      <c r="C16546" s="367"/>
      <c r="D16546" s="367"/>
      <c r="E16546" s="367"/>
      <c r="F16546" s="359" t="s">
        <v>14420</v>
      </c>
      <c r="G16546" s="359" t="s">
        <v>14421</v>
      </c>
      <c r="H16546" s="359" t="s">
        <v>14367</v>
      </c>
      <c r="I16546" s="359" t="s">
        <v>14421</v>
      </c>
      <c r="J16546" s="365"/>
      <c r="K16546" s="367"/>
      <c r="L16546" s="365"/>
    </row>
    <row r="16547" spans="2:12">
      <c r="B16547" s="367"/>
      <c r="C16547" s="367"/>
      <c r="D16547" s="367"/>
      <c r="E16547" s="367"/>
      <c r="F16547" s="360"/>
      <c r="G16547" s="360"/>
      <c r="H16547" s="360"/>
      <c r="I16547" s="360"/>
      <c r="J16547" s="365"/>
      <c r="K16547" s="367"/>
      <c r="L16547" s="365"/>
    </row>
    <row r="16548" spans="2:12">
      <c r="B16548" s="367"/>
      <c r="C16548" s="367"/>
      <c r="D16548" s="367"/>
      <c r="E16548" s="367"/>
      <c r="F16548" s="359" t="s">
        <v>14420</v>
      </c>
      <c r="G16548" s="359" t="s">
        <v>14429</v>
      </c>
      <c r="H16548" s="359" t="s">
        <v>14332</v>
      </c>
      <c r="I16548" s="359" t="s">
        <v>14429</v>
      </c>
      <c r="J16548" s="365"/>
      <c r="K16548" s="367"/>
      <c r="L16548" s="365"/>
    </row>
    <row r="16549" spans="2:12">
      <c r="B16549" s="367"/>
      <c r="C16549" s="367"/>
      <c r="D16549" s="367"/>
      <c r="E16549" s="367"/>
      <c r="F16549" s="360"/>
      <c r="G16549" s="360"/>
      <c r="H16549" s="360"/>
      <c r="I16549" s="360"/>
      <c r="J16549" s="365"/>
      <c r="K16549" s="367"/>
      <c r="L16549" s="365"/>
    </row>
    <row r="16550" spans="2:12">
      <c r="B16550" s="368"/>
      <c r="C16550" s="368"/>
      <c r="D16550" s="368"/>
      <c r="E16550" s="368"/>
      <c r="F16550" s="361" t="s">
        <v>14339</v>
      </c>
      <c r="G16550" s="361" t="s">
        <v>14340</v>
      </c>
      <c r="H16550" s="362"/>
      <c r="I16550" s="361" t="s">
        <v>14340</v>
      </c>
      <c r="J16550" s="366"/>
      <c r="K16550" s="368"/>
      <c r="L16550" s="366"/>
    </row>
    <row r="16551" spans="2:12">
      <c r="B16551" s="358" t="s">
        <v>23172</v>
      </c>
      <c r="C16551" s="358" t="s">
        <v>27820</v>
      </c>
      <c r="D16551" s="358" t="s">
        <v>23173</v>
      </c>
      <c r="E16551" s="358" t="s">
        <v>23174</v>
      </c>
      <c r="F16551" s="358" t="s">
        <v>14418</v>
      </c>
      <c r="G16551" s="358" t="s">
        <v>14419</v>
      </c>
      <c r="H16551" s="358" t="s">
        <v>14328</v>
      </c>
      <c r="I16551" s="358" t="s">
        <v>14419</v>
      </c>
      <c r="J16551" s="358"/>
      <c r="K16551" s="358"/>
      <c r="L16551" s="358"/>
    </row>
    <row r="16552" spans="2:12">
      <c r="B16552" s="367"/>
      <c r="C16552" s="360"/>
      <c r="D16552" s="360"/>
      <c r="E16552" s="360"/>
      <c r="F16552" s="360"/>
      <c r="G16552" s="360"/>
      <c r="H16552" s="360"/>
      <c r="I16552" s="360"/>
      <c r="J16552" s="365"/>
      <c r="K16552" s="365"/>
      <c r="L16552" s="365"/>
    </row>
    <row r="16553" spans="2:12">
      <c r="B16553" s="367"/>
      <c r="C16553" s="359" t="s">
        <v>27821</v>
      </c>
      <c r="D16553" s="359" t="s">
        <v>23175</v>
      </c>
      <c r="E16553" s="359" t="s">
        <v>23176</v>
      </c>
      <c r="F16553" s="359" t="s">
        <v>14420</v>
      </c>
      <c r="G16553" s="359" t="s">
        <v>14459</v>
      </c>
      <c r="H16553" s="359" t="s">
        <v>14367</v>
      </c>
      <c r="I16553" s="359" t="s">
        <v>14459</v>
      </c>
      <c r="J16553" s="365"/>
      <c r="K16553" s="365"/>
      <c r="L16553" s="365"/>
    </row>
    <row r="16554" spans="2:12">
      <c r="B16554" s="367"/>
      <c r="C16554" s="360"/>
      <c r="D16554" s="360"/>
      <c r="E16554" s="360"/>
      <c r="F16554" s="360"/>
      <c r="G16554" s="360"/>
      <c r="H16554" s="360"/>
      <c r="I16554" s="360"/>
      <c r="J16554" s="365"/>
      <c r="K16554" s="365"/>
      <c r="L16554" s="365"/>
    </row>
    <row r="16555" spans="2:12">
      <c r="B16555" s="367"/>
      <c r="C16555" s="360"/>
      <c r="D16555" s="360"/>
      <c r="E16555" s="360"/>
      <c r="F16555" s="359" t="s">
        <v>14420</v>
      </c>
      <c r="G16555" s="359" t="s">
        <v>14421</v>
      </c>
      <c r="H16555" s="359" t="s">
        <v>14422</v>
      </c>
      <c r="I16555" s="359" t="s">
        <v>14421</v>
      </c>
      <c r="J16555" s="365"/>
      <c r="K16555" s="365"/>
      <c r="L16555" s="365"/>
    </row>
    <row r="16556" spans="2:12">
      <c r="B16556" s="367"/>
      <c r="C16556" s="360"/>
      <c r="D16556" s="360"/>
      <c r="E16556" s="360"/>
      <c r="F16556" s="360"/>
      <c r="G16556" s="360"/>
      <c r="H16556" s="360"/>
      <c r="I16556" s="360"/>
      <c r="J16556" s="365"/>
      <c r="K16556" s="365"/>
      <c r="L16556" s="365"/>
    </row>
    <row r="16557" spans="2:12">
      <c r="B16557" s="368"/>
      <c r="C16557" s="362"/>
      <c r="D16557" s="362"/>
      <c r="E16557" s="362"/>
      <c r="F16557" s="361" t="s">
        <v>14420</v>
      </c>
      <c r="G16557" s="361" t="s">
        <v>14429</v>
      </c>
      <c r="H16557" s="362"/>
      <c r="I16557" s="361" t="s">
        <v>14429</v>
      </c>
      <c r="J16557" s="366"/>
      <c r="K16557" s="366"/>
      <c r="L16557" s="366"/>
    </row>
    <row r="16558" spans="2:12">
      <c r="B16558" s="358" t="s">
        <v>23177</v>
      </c>
      <c r="C16558" s="358" t="s">
        <v>23178</v>
      </c>
      <c r="D16558" s="358" t="s">
        <v>23179</v>
      </c>
      <c r="E16558" s="358" t="s">
        <v>23180</v>
      </c>
      <c r="F16558" s="358" t="s">
        <v>14418</v>
      </c>
      <c r="G16558" s="358" t="s">
        <v>14419</v>
      </c>
      <c r="H16558" s="358" t="s">
        <v>14328</v>
      </c>
      <c r="I16558" s="358" t="s">
        <v>14419</v>
      </c>
      <c r="J16558" s="358"/>
      <c r="K16558" s="358"/>
      <c r="L16558" s="358"/>
    </row>
    <row r="16559" spans="2:12">
      <c r="B16559" s="367"/>
      <c r="C16559" s="367"/>
      <c r="D16559" s="367"/>
      <c r="E16559" s="367"/>
      <c r="F16559" s="360"/>
      <c r="G16559" s="360"/>
      <c r="H16559" s="360"/>
      <c r="I16559" s="360"/>
      <c r="J16559" s="365"/>
      <c r="K16559" s="365"/>
      <c r="L16559" s="365"/>
    </row>
    <row r="16560" spans="2:12">
      <c r="B16560" s="367"/>
      <c r="C16560" s="367"/>
      <c r="D16560" s="367"/>
      <c r="E16560" s="367"/>
      <c r="F16560" s="359" t="s">
        <v>14507</v>
      </c>
      <c r="G16560" s="359" t="s">
        <v>14873</v>
      </c>
      <c r="H16560" s="359" t="s">
        <v>14341</v>
      </c>
      <c r="I16560" s="359" t="s">
        <v>14873</v>
      </c>
      <c r="J16560" s="365"/>
      <c r="K16560" s="365"/>
      <c r="L16560" s="365"/>
    </row>
    <row r="16561" spans="2:12">
      <c r="B16561" s="367"/>
      <c r="C16561" s="367"/>
      <c r="D16561" s="367"/>
      <c r="E16561" s="367"/>
      <c r="F16561" s="360"/>
      <c r="G16561" s="360"/>
      <c r="H16561" s="360"/>
      <c r="I16561" s="360"/>
      <c r="J16561" s="365"/>
      <c r="K16561" s="365"/>
      <c r="L16561" s="365"/>
    </row>
    <row r="16562" spans="2:12">
      <c r="B16562" s="367"/>
      <c r="C16562" s="367"/>
      <c r="D16562" s="367"/>
      <c r="E16562" s="367"/>
      <c r="F16562" s="359" t="s">
        <v>14420</v>
      </c>
      <c r="G16562" s="359" t="s">
        <v>14421</v>
      </c>
      <c r="H16562" s="359" t="s">
        <v>14381</v>
      </c>
      <c r="I16562" s="359" t="s">
        <v>14421</v>
      </c>
      <c r="J16562" s="365"/>
      <c r="K16562" s="365"/>
      <c r="L16562" s="365"/>
    </row>
    <row r="16563" spans="2:12">
      <c r="B16563" s="367"/>
      <c r="C16563" s="367"/>
      <c r="D16563" s="367"/>
      <c r="E16563" s="367"/>
      <c r="F16563" s="360"/>
      <c r="G16563" s="360"/>
      <c r="H16563" s="360"/>
      <c r="I16563" s="360"/>
      <c r="J16563" s="365"/>
      <c r="K16563" s="365"/>
      <c r="L16563" s="365"/>
    </row>
    <row r="16564" spans="2:12">
      <c r="B16564" s="367"/>
      <c r="C16564" s="367"/>
      <c r="D16564" s="367"/>
      <c r="E16564" s="367"/>
      <c r="F16564" s="359" t="s">
        <v>14420</v>
      </c>
      <c r="G16564" s="359" t="s">
        <v>14429</v>
      </c>
      <c r="H16564" s="359" t="s">
        <v>14367</v>
      </c>
      <c r="I16564" s="359" t="s">
        <v>14429</v>
      </c>
      <c r="J16564" s="365"/>
      <c r="K16564" s="365"/>
      <c r="L16564" s="365"/>
    </row>
    <row r="16565" spans="2:12">
      <c r="B16565" s="367"/>
      <c r="C16565" s="367"/>
      <c r="D16565" s="367"/>
      <c r="E16565" s="367"/>
      <c r="F16565" s="360"/>
      <c r="G16565" s="360"/>
      <c r="H16565" s="360"/>
      <c r="I16565" s="360"/>
      <c r="J16565" s="365"/>
      <c r="K16565" s="365"/>
      <c r="L16565" s="365"/>
    </row>
    <row r="16566" spans="2:12">
      <c r="B16566" s="368"/>
      <c r="C16566" s="368"/>
      <c r="D16566" s="368"/>
      <c r="E16566" s="368"/>
      <c r="F16566" s="361" t="s">
        <v>14356</v>
      </c>
      <c r="G16566" s="361" t="s">
        <v>14340</v>
      </c>
      <c r="H16566" s="361" t="s">
        <v>14332</v>
      </c>
      <c r="I16566" s="361" t="s">
        <v>14340</v>
      </c>
      <c r="J16566" s="366"/>
      <c r="K16566" s="366"/>
      <c r="L16566" s="366"/>
    </row>
    <row r="16567" spans="2:12">
      <c r="B16567" s="358" t="s">
        <v>10534</v>
      </c>
      <c r="C16567" s="358" t="s">
        <v>23181</v>
      </c>
      <c r="D16567" s="358" t="s">
        <v>528</v>
      </c>
      <c r="E16567" s="358" t="s">
        <v>529</v>
      </c>
      <c r="F16567" s="358" t="s">
        <v>14376</v>
      </c>
      <c r="G16567" s="358" t="s">
        <v>14669</v>
      </c>
      <c r="H16567" s="358" t="s">
        <v>14381</v>
      </c>
      <c r="I16567" s="358" t="s">
        <v>14669</v>
      </c>
      <c r="J16567" s="358"/>
      <c r="K16567" s="358"/>
      <c r="L16567" s="358"/>
    </row>
    <row r="16568" spans="2:12">
      <c r="B16568" s="367"/>
      <c r="C16568" s="360"/>
      <c r="D16568" s="367"/>
      <c r="E16568" s="367"/>
      <c r="F16568" s="360"/>
      <c r="G16568" s="360"/>
      <c r="H16568" s="360"/>
      <c r="I16568" s="360"/>
      <c r="J16568" s="365"/>
      <c r="K16568" s="365"/>
      <c r="L16568" s="365"/>
    </row>
    <row r="16569" spans="2:12">
      <c r="B16569" s="367"/>
      <c r="C16569" s="359" t="s">
        <v>7189</v>
      </c>
      <c r="D16569" s="367"/>
      <c r="E16569" s="367"/>
      <c r="F16569" s="359" t="s">
        <v>14426</v>
      </c>
      <c r="G16569" s="359" t="s">
        <v>14427</v>
      </c>
      <c r="H16569" s="359" t="s">
        <v>14367</v>
      </c>
      <c r="I16569" s="359" t="s">
        <v>14427</v>
      </c>
      <c r="J16569" s="365"/>
      <c r="K16569" s="365"/>
      <c r="L16569" s="365"/>
    </row>
    <row r="16570" spans="2:12">
      <c r="B16570" s="367"/>
      <c r="C16570" s="360"/>
      <c r="D16570" s="367"/>
      <c r="E16570" s="367"/>
      <c r="F16570" s="360"/>
      <c r="G16570" s="360"/>
      <c r="H16570" s="360"/>
      <c r="I16570" s="360"/>
      <c r="J16570" s="365"/>
      <c r="K16570" s="365"/>
      <c r="L16570" s="365"/>
    </row>
    <row r="16571" spans="2:12">
      <c r="B16571" s="367"/>
      <c r="C16571" s="360"/>
      <c r="D16571" s="367"/>
      <c r="E16571" s="367"/>
      <c r="F16571" s="359" t="s">
        <v>15246</v>
      </c>
      <c r="G16571" s="359" t="s">
        <v>15247</v>
      </c>
      <c r="H16571" s="359" t="s">
        <v>14370</v>
      </c>
      <c r="I16571" s="359" t="s">
        <v>15247</v>
      </c>
      <c r="J16571" s="365"/>
      <c r="K16571" s="365"/>
      <c r="L16571" s="365"/>
    </row>
    <row r="16572" spans="2:12">
      <c r="B16572" s="367"/>
      <c r="C16572" s="360"/>
      <c r="D16572" s="367"/>
      <c r="E16572" s="367"/>
      <c r="F16572" s="360"/>
      <c r="G16572" s="360"/>
      <c r="H16572" s="360"/>
      <c r="I16572" s="360"/>
      <c r="J16572" s="365"/>
      <c r="K16572" s="365"/>
      <c r="L16572" s="365"/>
    </row>
    <row r="16573" spans="2:12">
      <c r="B16573" s="367"/>
      <c r="C16573" s="360"/>
      <c r="D16573" s="367"/>
      <c r="E16573" s="367"/>
      <c r="F16573" s="359" t="s">
        <v>14460</v>
      </c>
      <c r="G16573" s="359" t="s">
        <v>14519</v>
      </c>
      <c r="H16573" s="359" t="s">
        <v>14332</v>
      </c>
      <c r="I16573" s="359" t="s">
        <v>14519</v>
      </c>
      <c r="J16573" s="365"/>
      <c r="K16573" s="365"/>
      <c r="L16573" s="365"/>
    </row>
    <row r="16574" spans="2:12">
      <c r="B16574" s="367"/>
      <c r="C16574" s="360"/>
      <c r="D16574" s="367"/>
      <c r="E16574" s="367"/>
      <c r="F16574" s="360"/>
      <c r="G16574" s="360"/>
      <c r="H16574" s="360"/>
      <c r="I16574" s="360"/>
      <c r="J16574" s="365"/>
      <c r="K16574" s="365"/>
      <c r="L16574" s="365"/>
    </row>
    <row r="16575" spans="2:12">
      <c r="B16575" s="367"/>
      <c r="C16575" s="360"/>
      <c r="D16575" s="367"/>
      <c r="E16575" s="367"/>
      <c r="F16575" s="359" t="s">
        <v>14391</v>
      </c>
      <c r="G16575" s="359" t="s">
        <v>14392</v>
      </c>
      <c r="H16575" s="360"/>
      <c r="I16575" s="359" t="s">
        <v>14392</v>
      </c>
      <c r="J16575" s="365"/>
      <c r="K16575" s="365"/>
      <c r="L16575" s="365"/>
    </row>
    <row r="16576" spans="2:12">
      <c r="B16576" s="367"/>
      <c r="C16576" s="360"/>
      <c r="D16576" s="367"/>
      <c r="E16576" s="367"/>
      <c r="F16576" s="360"/>
      <c r="G16576" s="360"/>
      <c r="H16576" s="360"/>
      <c r="I16576" s="360"/>
      <c r="J16576" s="365"/>
      <c r="K16576" s="365"/>
      <c r="L16576" s="365"/>
    </row>
    <row r="16577" spans="2:12" ht="28.5">
      <c r="B16577" s="368"/>
      <c r="C16577" s="362"/>
      <c r="D16577" s="368"/>
      <c r="E16577" s="368"/>
      <c r="F16577" s="361" t="s">
        <v>14394</v>
      </c>
      <c r="G16577" s="361" t="s">
        <v>14395</v>
      </c>
      <c r="H16577" s="362"/>
      <c r="I16577" s="361" t="s">
        <v>14395</v>
      </c>
      <c r="J16577" s="366"/>
      <c r="K16577" s="366"/>
      <c r="L16577" s="366"/>
    </row>
    <row r="16578" spans="2:12">
      <c r="B16578" s="358" t="s">
        <v>23182</v>
      </c>
      <c r="C16578" s="358" t="s">
        <v>27822</v>
      </c>
      <c r="D16578" s="358" t="s">
        <v>23183</v>
      </c>
      <c r="E16578" s="358" t="s">
        <v>23184</v>
      </c>
      <c r="F16578" s="358" t="s">
        <v>14505</v>
      </c>
      <c r="G16578" s="358" t="s">
        <v>14506</v>
      </c>
      <c r="H16578" s="358" t="s">
        <v>14328</v>
      </c>
      <c r="I16578" s="358" t="s">
        <v>14506</v>
      </c>
      <c r="J16578" s="358"/>
      <c r="K16578" s="358"/>
      <c r="L16578" s="358" t="s">
        <v>14611</v>
      </c>
    </row>
    <row r="16579" spans="2:12">
      <c r="B16579" s="367"/>
      <c r="C16579" s="360"/>
      <c r="D16579" s="360"/>
      <c r="E16579" s="360"/>
      <c r="F16579" s="360"/>
      <c r="G16579" s="360"/>
      <c r="H16579" s="360"/>
      <c r="I16579" s="360"/>
      <c r="J16579" s="365"/>
      <c r="K16579" s="365"/>
      <c r="L16579" s="367"/>
    </row>
    <row r="16580" spans="2:12" ht="28.5">
      <c r="B16580" s="367"/>
      <c r="C16580" s="359" t="s">
        <v>30355</v>
      </c>
      <c r="D16580" s="359" t="s">
        <v>23185</v>
      </c>
      <c r="E16580" s="359" t="s">
        <v>23186</v>
      </c>
      <c r="F16580" s="359" t="s">
        <v>14420</v>
      </c>
      <c r="G16580" s="359" t="s">
        <v>14459</v>
      </c>
      <c r="H16580" s="359" t="s">
        <v>14341</v>
      </c>
      <c r="I16580" s="359" t="s">
        <v>14459</v>
      </c>
      <c r="J16580" s="365"/>
      <c r="K16580" s="365"/>
      <c r="L16580" s="367"/>
    </row>
    <row r="16581" spans="2:12">
      <c r="B16581" s="367"/>
      <c r="C16581" s="360"/>
      <c r="D16581" s="360"/>
      <c r="E16581" s="360"/>
      <c r="F16581" s="360"/>
      <c r="G16581" s="360"/>
      <c r="H16581" s="360"/>
      <c r="I16581" s="360"/>
      <c r="J16581" s="365"/>
      <c r="K16581" s="365"/>
      <c r="L16581" s="367"/>
    </row>
    <row r="16582" spans="2:12" ht="28.5">
      <c r="B16582" s="367"/>
      <c r="C16582" s="359" t="s">
        <v>27823</v>
      </c>
      <c r="D16582" s="359" t="s">
        <v>23187</v>
      </c>
      <c r="E16582" s="359" t="s">
        <v>23188</v>
      </c>
      <c r="F16582" s="359" t="s">
        <v>14420</v>
      </c>
      <c r="G16582" s="359" t="s">
        <v>14429</v>
      </c>
      <c r="H16582" s="359" t="s">
        <v>14367</v>
      </c>
      <c r="I16582" s="359" t="s">
        <v>14429</v>
      </c>
      <c r="J16582" s="365"/>
      <c r="K16582" s="365"/>
      <c r="L16582" s="367"/>
    </row>
    <row r="16583" spans="2:12">
      <c r="B16583" s="367"/>
      <c r="C16583" s="360"/>
      <c r="D16583" s="360"/>
      <c r="E16583" s="360"/>
      <c r="F16583" s="360"/>
      <c r="G16583" s="360"/>
      <c r="H16583" s="360"/>
      <c r="I16583" s="360"/>
      <c r="J16583" s="365"/>
      <c r="K16583" s="365"/>
      <c r="L16583" s="367"/>
    </row>
    <row r="16584" spans="2:12">
      <c r="B16584" s="367"/>
      <c r="C16584" s="359" t="s">
        <v>27824</v>
      </c>
      <c r="D16584" s="360"/>
      <c r="E16584" s="360"/>
      <c r="F16584" s="359" t="s">
        <v>14339</v>
      </c>
      <c r="G16584" s="359" t="s">
        <v>14340</v>
      </c>
      <c r="H16584" s="359" t="s">
        <v>14370</v>
      </c>
      <c r="I16584" s="359" t="s">
        <v>14340</v>
      </c>
      <c r="J16584" s="365"/>
      <c r="K16584" s="365"/>
      <c r="L16584" s="367"/>
    </row>
    <row r="16585" spans="2:12">
      <c r="B16585" s="367"/>
      <c r="C16585" s="360"/>
      <c r="D16585" s="360"/>
      <c r="E16585" s="360"/>
      <c r="F16585" s="360"/>
      <c r="G16585" s="360"/>
      <c r="H16585" s="360"/>
      <c r="I16585" s="360"/>
      <c r="J16585" s="365"/>
      <c r="K16585" s="365"/>
      <c r="L16585" s="367"/>
    </row>
    <row r="16586" spans="2:12">
      <c r="B16586" s="368"/>
      <c r="C16586" s="361" t="s">
        <v>23189</v>
      </c>
      <c r="D16586" s="362"/>
      <c r="E16586" s="362"/>
      <c r="F16586" s="361" t="s">
        <v>14371</v>
      </c>
      <c r="G16586" s="361" t="s">
        <v>14372</v>
      </c>
      <c r="H16586" s="361" t="s">
        <v>14332</v>
      </c>
      <c r="I16586" s="361" t="s">
        <v>14372</v>
      </c>
      <c r="J16586" s="366"/>
      <c r="K16586" s="366"/>
      <c r="L16586" s="368"/>
    </row>
    <row r="16587" spans="2:12">
      <c r="B16587" s="358" t="s">
        <v>23190</v>
      </c>
      <c r="C16587" s="358" t="s">
        <v>27825</v>
      </c>
      <c r="D16587" s="358" t="s">
        <v>23191</v>
      </c>
      <c r="E16587" s="358" t="s">
        <v>631</v>
      </c>
      <c r="F16587" s="358" t="s">
        <v>14382</v>
      </c>
      <c r="G16587" s="358" t="s">
        <v>14483</v>
      </c>
      <c r="H16587" s="358" t="s">
        <v>14378</v>
      </c>
      <c r="I16587" s="358" t="s">
        <v>14483</v>
      </c>
      <c r="J16587" s="358"/>
      <c r="K16587" s="358"/>
      <c r="L16587" s="358"/>
    </row>
    <row r="16588" spans="2:12">
      <c r="B16588" s="367"/>
      <c r="C16588" s="367"/>
      <c r="D16588" s="367"/>
      <c r="E16588" s="367"/>
      <c r="F16588" s="360"/>
      <c r="G16588" s="360"/>
      <c r="H16588" s="360"/>
      <c r="I16588" s="360"/>
      <c r="J16588" s="365"/>
      <c r="K16588" s="365"/>
      <c r="L16588" s="365"/>
    </row>
    <row r="16589" spans="2:12">
      <c r="B16589" s="367"/>
      <c r="C16589" s="367"/>
      <c r="D16589" s="367"/>
      <c r="E16589" s="367"/>
      <c r="F16589" s="359" t="s">
        <v>14382</v>
      </c>
      <c r="G16589" s="359" t="s">
        <v>14579</v>
      </c>
      <c r="H16589" s="359" t="s">
        <v>14381</v>
      </c>
      <c r="I16589" s="359" t="s">
        <v>14579</v>
      </c>
      <c r="J16589" s="365"/>
      <c r="K16589" s="365"/>
      <c r="L16589" s="365"/>
    </row>
    <row r="16590" spans="2:12">
      <c r="B16590" s="367"/>
      <c r="C16590" s="367"/>
      <c r="D16590" s="367"/>
      <c r="E16590" s="367"/>
      <c r="F16590" s="360"/>
      <c r="G16590" s="360"/>
      <c r="H16590" s="360"/>
      <c r="I16590" s="360"/>
      <c r="J16590" s="365"/>
      <c r="K16590" s="365"/>
      <c r="L16590" s="365"/>
    </row>
    <row r="16591" spans="2:12">
      <c r="B16591" s="367"/>
      <c r="C16591" s="367"/>
      <c r="D16591" s="367"/>
      <c r="E16591" s="367"/>
      <c r="F16591" s="359" t="s">
        <v>14382</v>
      </c>
      <c r="G16591" s="359" t="s">
        <v>14383</v>
      </c>
      <c r="H16591" s="359" t="s">
        <v>14332</v>
      </c>
      <c r="I16591" s="359" t="s">
        <v>14383</v>
      </c>
      <c r="J16591" s="365"/>
      <c r="K16591" s="365"/>
      <c r="L16591" s="365"/>
    </row>
    <row r="16592" spans="2:12">
      <c r="B16592" s="367"/>
      <c r="C16592" s="367"/>
      <c r="D16592" s="367"/>
      <c r="E16592" s="367"/>
      <c r="F16592" s="360"/>
      <c r="G16592" s="360"/>
      <c r="H16592" s="360"/>
      <c r="I16592" s="360"/>
      <c r="J16592" s="365"/>
      <c r="K16592" s="365"/>
      <c r="L16592" s="365"/>
    </row>
    <row r="16593" spans="2:12">
      <c r="B16593" s="368"/>
      <c r="C16593" s="368"/>
      <c r="D16593" s="368"/>
      <c r="E16593" s="368"/>
      <c r="F16593" s="361" t="s">
        <v>14460</v>
      </c>
      <c r="G16593" s="361" t="s">
        <v>14519</v>
      </c>
      <c r="H16593" s="362"/>
      <c r="I16593" s="361" t="s">
        <v>14519</v>
      </c>
      <c r="J16593" s="366"/>
      <c r="K16593" s="366"/>
      <c r="L16593" s="366"/>
    </row>
    <row r="16594" spans="2:12">
      <c r="B16594" s="358" t="s">
        <v>23192</v>
      </c>
      <c r="C16594" s="358" t="s">
        <v>27826</v>
      </c>
      <c r="D16594" s="358" t="s">
        <v>23193</v>
      </c>
      <c r="E16594" s="358" t="s">
        <v>23194</v>
      </c>
      <c r="F16594" s="358" t="s">
        <v>14382</v>
      </c>
      <c r="G16594" s="358" t="s">
        <v>14483</v>
      </c>
      <c r="H16594" s="358" t="s">
        <v>14378</v>
      </c>
      <c r="I16594" s="358" t="s">
        <v>14483</v>
      </c>
      <c r="J16594" s="358"/>
      <c r="K16594" s="358" t="s">
        <v>14929</v>
      </c>
      <c r="L16594" s="358"/>
    </row>
    <row r="16595" spans="2:12">
      <c r="B16595" s="367"/>
      <c r="C16595" s="367"/>
      <c r="D16595" s="367"/>
      <c r="E16595" s="367"/>
      <c r="F16595" s="360"/>
      <c r="G16595" s="360"/>
      <c r="H16595" s="360"/>
      <c r="I16595" s="360"/>
      <c r="J16595" s="365"/>
      <c r="K16595" s="367"/>
      <c r="L16595" s="365"/>
    </row>
    <row r="16596" spans="2:12">
      <c r="B16596" s="367"/>
      <c r="C16596" s="367"/>
      <c r="D16596" s="367"/>
      <c r="E16596" s="367"/>
      <c r="F16596" s="359" t="s">
        <v>14382</v>
      </c>
      <c r="G16596" s="359" t="s">
        <v>14579</v>
      </c>
      <c r="H16596" s="359" t="s">
        <v>14381</v>
      </c>
      <c r="I16596" s="359" t="s">
        <v>14579</v>
      </c>
      <c r="J16596" s="365"/>
      <c r="K16596" s="367"/>
      <c r="L16596" s="365"/>
    </row>
    <row r="16597" spans="2:12">
      <c r="B16597" s="367"/>
      <c r="C16597" s="367"/>
      <c r="D16597" s="367"/>
      <c r="E16597" s="367"/>
      <c r="F16597" s="360"/>
      <c r="G16597" s="360"/>
      <c r="H16597" s="360"/>
      <c r="I16597" s="360"/>
      <c r="J16597" s="365"/>
      <c r="K16597" s="367"/>
      <c r="L16597" s="365"/>
    </row>
    <row r="16598" spans="2:12">
      <c r="B16598" s="367"/>
      <c r="C16598" s="367"/>
      <c r="D16598" s="367"/>
      <c r="E16598" s="367"/>
      <c r="F16598" s="359" t="s">
        <v>14382</v>
      </c>
      <c r="G16598" s="359" t="s">
        <v>14383</v>
      </c>
      <c r="H16598" s="359" t="s">
        <v>14370</v>
      </c>
      <c r="I16598" s="359" t="s">
        <v>14383</v>
      </c>
      <c r="J16598" s="365"/>
      <c r="K16598" s="367"/>
      <c r="L16598" s="365"/>
    </row>
    <row r="16599" spans="2:12">
      <c r="B16599" s="367"/>
      <c r="C16599" s="367"/>
      <c r="D16599" s="367"/>
      <c r="E16599" s="367"/>
      <c r="F16599" s="360"/>
      <c r="G16599" s="360"/>
      <c r="H16599" s="360"/>
      <c r="I16599" s="360"/>
      <c r="J16599" s="365"/>
      <c r="K16599" s="367"/>
      <c r="L16599" s="365"/>
    </row>
    <row r="16600" spans="2:12">
      <c r="B16600" s="367"/>
      <c r="C16600" s="367"/>
      <c r="D16600" s="367"/>
      <c r="E16600" s="367"/>
      <c r="F16600" s="359" t="s">
        <v>14460</v>
      </c>
      <c r="G16600" s="359" t="s">
        <v>14519</v>
      </c>
      <c r="H16600" s="359" t="s">
        <v>14332</v>
      </c>
      <c r="I16600" s="359" t="s">
        <v>14519</v>
      </c>
      <c r="J16600" s="365"/>
      <c r="K16600" s="367"/>
      <c r="L16600" s="365"/>
    </row>
    <row r="16601" spans="2:12">
      <c r="B16601" s="367"/>
      <c r="C16601" s="367"/>
      <c r="D16601" s="367"/>
      <c r="E16601" s="367"/>
      <c r="F16601" s="360"/>
      <c r="G16601" s="360"/>
      <c r="H16601" s="360"/>
      <c r="I16601" s="360"/>
      <c r="J16601" s="365"/>
      <c r="K16601" s="367"/>
      <c r="L16601" s="365"/>
    </row>
    <row r="16602" spans="2:12" ht="28.5">
      <c r="B16602" s="368"/>
      <c r="C16602" s="368"/>
      <c r="D16602" s="368"/>
      <c r="E16602" s="368"/>
      <c r="F16602" s="361" t="s">
        <v>14394</v>
      </c>
      <c r="G16602" s="361" t="s">
        <v>14395</v>
      </c>
      <c r="H16602" s="362"/>
      <c r="I16602" s="361" t="s">
        <v>14395</v>
      </c>
      <c r="J16602" s="366"/>
      <c r="K16602" s="368"/>
      <c r="L16602" s="366"/>
    </row>
    <row r="16603" spans="2:12" ht="28.5">
      <c r="B16603" s="358" t="s">
        <v>23195</v>
      </c>
      <c r="C16603" s="358" t="s">
        <v>30356</v>
      </c>
      <c r="D16603" s="358" t="s">
        <v>23196</v>
      </c>
      <c r="E16603" s="358" t="s">
        <v>23197</v>
      </c>
      <c r="F16603" s="358" t="s">
        <v>14382</v>
      </c>
      <c r="G16603" s="358" t="s">
        <v>14483</v>
      </c>
      <c r="H16603" s="358" t="s">
        <v>14378</v>
      </c>
      <c r="I16603" s="358" t="s">
        <v>14483</v>
      </c>
      <c r="J16603" s="358"/>
      <c r="K16603" s="358"/>
      <c r="L16603" s="358" t="s">
        <v>14611</v>
      </c>
    </row>
    <row r="16604" spans="2:12">
      <c r="B16604" s="367"/>
      <c r="C16604" s="367"/>
      <c r="D16604" s="360"/>
      <c r="E16604" s="360"/>
      <c r="F16604" s="360"/>
      <c r="G16604" s="360"/>
      <c r="H16604" s="360"/>
      <c r="I16604" s="360"/>
      <c r="J16604" s="365"/>
      <c r="K16604" s="365"/>
      <c r="L16604" s="367"/>
    </row>
    <row r="16605" spans="2:12">
      <c r="B16605" s="367"/>
      <c r="C16605" s="367"/>
      <c r="D16605" s="359" t="s">
        <v>23198</v>
      </c>
      <c r="E16605" s="359" t="s">
        <v>23199</v>
      </c>
      <c r="F16605" s="359" t="s">
        <v>14382</v>
      </c>
      <c r="G16605" s="359" t="s">
        <v>14579</v>
      </c>
      <c r="H16605" s="359" t="s">
        <v>14381</v>
      </c>
      <c r="I16605" s="359" t="s">
        <v>14579</v>
      </c>
      <c r="J16605" s="365"/>
      <c r="K16605" s="365"/>
      <c r="L16605" s="367"/>
    </row>
    <row r="16606" spans="2:12">
      <c r="B16606" s="367"/>
      <c r="C16606" s="367"/>
      <c r="D16606" s="360"/>
      <c r="E16606" s="360"/>
      <c r="F16606" s="360"/>
      <c r="G16606" s="360"/>
      <c r="H16606" s="360"/>
      <c r="I16606" s="360"/>
      <c r="J16606" s="365"/>
      <c r="K16606" s="365"/>
      <c r="L16606" s="367"/>
    </row>
    <row r="16607" spans="2:12">
      <c r="B16607" s="367"/>
      <c r="C16607" s="367"/>
      <c r="D16607" s="359" t="s">
        <v>23200</v>
      </c>
      <c r="E16607" s="359" t="s">
        <v>23201</v>
      </c>
      <c r="F16607" s="359" t="s">
        <v>14382</v>
      </c>
      <c r="G16607" s="359" t="s">
        <v>14383</v>
      </c>
      <c r="H16607" s="359" t="s">
        <v>14332</v>
      </c>
      <c r="I16607" s="359" t="s">
        <v>14383</v>
      </c>
      <c r="J16607" s="365"/>
      <c r="K16607" s="365"/>
      <c r="L16607" s="367"/>
    </row>
    <row r="16608" spans="2:12">
      <c r="B16608" s="367"/>
      <c r="C16608" s="367"/>
      <c r="D16608" s="360"/>
      <c r="E16608" s="360"/>
      <c r="F16608" s="360"/>
      <c r="G16608" s="360"/>
      <c r="H16608" s="360"/>
      <c r="I16608" s="360"/>
      <c r="J16608" s="365"/>
      <c r="K16608" s="365"/>
      <c r="L16608" s="367"/>
    </row>
    <row r="16609" spans="2:12">
      <c r="B16609" s="367"/>
      <c r="C16609" s="367"/>
      <c r="D16609" s="360"/>
      <c r="E16609" s="360"/>
      <c r="F16609" s="359" t="s">
        <v>14460</v>
      </c>
      <c r="G16609" s="359" t="s">
        <v>14519</v>
      </c>
      <c r="H16609" s="360"/>
      <c r="I16609" s="359" t="s">
        <v>14519</v>
      </c>
      <c r="J16609" s="365"/>
      <c r="K16609" s="365"/>
      <c r="L16609" s="367"/>
    </row>
    <row r="16610" spans="2:12">
      <c r="B16610" s="367"/>
      <c r="C16610" s="367"/>
      <c r="D16610" s="360"/>
      <c r="E16610" s="360"/>
      <c r="F16610" s="360"/>
      <c r="G16610" s="360"/>
      <c r="H16610" s="360"/>
      <c r="I16610" s="360"/>
      <c r="J16610" s="365"/>
      <c r="K16610" s="365"/>
      <c r="L16610" s="367"/>
    </row>
    <row r="16611" spans="2:12" ht="28.5">
      <c r="B16611" s="368"/>
      <c r="C16611" s="368"/>
      <c r="D16611" s="362"/>
      <c r="E16611" s="362"/>
      <c r="F16611" s="361" t="s">
        <v>14472</v>
      </c>
      <c r="G16611" s="361" t="s">
        <v>14473</v>
      </c>
      <c r="H16611" s="362"/>
      <c r="I16611" s="361" t="s">
        <v>14473</v>
      </c>
      <c r="J16611" s="366"/>
      <c r="K16611" s="366"/>
      <c r="L16611" s="368"/>
    </row>
    <row r="16612" spans="2:12" ht="28.5">
      <c r="B16612" s="358" t="s">
        <v>23202</v>
      </c>
      <c r="C16612" s="358" t="s">
        <v>30357</v>
      </c>
      <c r="D16612" s="358" t="s">
        <v>23203</v>
      </c>
      <c r="E16612" s="358" t="s">
        <v>23204</v>
      </c>
      <c r="F16612" s="358" t="s">
        <v>14382</v>
      </c>
      <c r="G16612" s="358" t="s">
        <v>14483</v>
      </c>
      <c r="H16612" s="358" t="s">
        <v>14378</v>
      </c>
      <c r="I16612" s="358" t="s">
        <v>14483</v>
      </c>
      <c r="J16612" s="358"/>
      <c r="K16612" s="358" t="s">
        <v>14929</v>
      </c>
      <c r="L16612" s="358" t="s">
        <v>14611</v>
      </c>
    </row>
    <row r="16613" spans="2:12">
      <c r="B16613" s="367"/>
      <c r="C16613" s="367"/>
      <c r="D16613" s="360"/>
      <c r="E16613" s="360"/>
      <c r="F16613" s="360"/>
      <c r="G16613" s="360"/>
      <c r="H16613" s="360"/>
      <c r="I16613" s="360"/>
      <c r="J16613" s="365"/>
      <c r="K16613" s="367"/>
      <c r="L16613" s="367"/>
    </row>
    <row r="16614" spans="2:12">
      <c r="B16614" s="367"/>
      <c r="C16614" s="367"/>
      <c r="D16614" s="359" t="s">
        <v>23205</v>
      </c>
      <c r="E16614" s="359" t="s">
        <v>23206</v>
      </c>
      <c r="F16614" s="359" t="s">
        <v>14382</v>
      </c>
      <c r="G16614" s="359" t="s">
        <v>14579</v>
      </c>
      <c r="H16614" s="359" t="s">
        <v>14381</v>
      </c>
      <c r="I16614" s="359" t="s">
        <v>14579</v>
      </c>
      <c r="J16614" s="365"/>
      <c r="K16614" s="367"/>
      <c r="L16614" s="367"/>
    </row>
    <row r="16615" spans="2:12">
      <c r="B16615" s="367"/>
      <c r="C16615" s="367"/>
      <c r="D16615" s="360"/>
      <c r="E16615" s="360"/>
      <c r="F16615" s="360"/>
      <c r="G16615" s="360"/>
      <c r="H16615" s="360"/>
      <c r="I16615" s="360"/>
      <c r="J16615" s="365"/>
      <c r="K16615" s="367"/>
      <c r="L16615" s="367"/>
    </row>
    <row r="16616" spans="2:12">
      <c r="B16616" s="367"/>
      <c r="C16616" s="367"/>
      <c r="D16616" s="359" t="s">
        <v>23207</v>
      </c>
      <c r="E16616" s="359" t="s">
        <v>23208</v>
      </c>
      <c r="F16616" s="359" t="s">
        <v>14382</v>
      </c>
      <c r="G16616" s="359" t="s">
        <v>14383</v>
      </c>
      <c r="H16616" s="359" t="s">
        <v>14332</v>
      </c>
      <c r="I16616" s="359" t="s">
        <v>14383</v>
      </c>
      <c r="J16616" s="365"/>
      <c r="K16616" s="367"/>
      <c r="L16616" s="367"/>
    </row>
    <row r="16617" spans="2:12">
      <c r="B16617" s="367"/>
      <c r="C16617" s="367"/>
      <c r="D16617" s="360"/>
      <c r="E16617" s="360"/>
      <c r="F16617" s="360"/>
      <c r="G16617" s="360"/>
      <c r="H16617" s="360"/>
      <c r="I16617" s="360"/>
      <c r="J16617" s="365"/>
      <c r="K16617" s="367"/>
      <c r="L16617" s="367"/>
    </row>
    <row r="16618" spans="2:12">
      <c r="B16618" s="367"/>
      <c r="C16618" s="367"/>
      <c r="D16618" s="360"/>
      <c r="E16618" s="360"/>
      <c r="F16618" s="359" t="s">
        <v>14460</v>
      </c>
      <c r="G16618" s="359" t="s">
        <v>14519</v>
      </c>
      <c r="H16618" s="360"/>
      <c r="I16618" s="359" t="s">
        <v>14519</v>
      </c>
      <c r="J16618" s="365"/>
      <c r="K16618" s="367"/>
      <c r="L16618" s="367"/>
    </row>
    <row r="16619" spans="2:12">
      <c r="B16619" s="367"/>
      <c r="C16619" s="367"/>
      <c r="D16619" s="360"/>
      <c r="E16619" s="360"/>
      <c r="F16619" s="360"/>
      <c r="G16619" s="360"/>
      <c r="H16619" s="360"/>
      <c r="I16619" s="360"/>
      <c r="J16619" s="365"/>
      <c r="K16619" s="367"/>
      <c r="L16619" s="367"/>
    </row>
    <row r="16620" spans="2:12" ht="28.5">
      <c r="B16620" s="368"/>
      <c r="C16620" s="368"/>
      <c r="D16620" s="362"/>
      <c r="E16620" s="362"/>
      <c r="F16620" s="361" t="s">
        <v>14472</v>
      </c>
      <c r="G16620" s="361" t="s">
        <v>14473</v>
      </c>
      <c r="H16620" s="362"/>
      <c r="I16620" s="361" t="s">
        <v>14473</v>
      </c>
      <c r="J16620" s="366"/>
      <c r="K16620" s="368"/>
      <c r="L16620" s="368"/>
    </row>
    <row r="16621" spans="2:12">
      <c r="B16621" s="358" t="s">
        <v>23209</v>
      </c>
      <c r="C16621" s="358" t="s">
        <v>29528</v>
      </c>
      <c r="D16621" s="358" t="s">
        <v>23210</v>
      </c>
      <c r="E16621" s="358" t="s">
        <v>23211</v>
      </c>
      <c r="F16621" s="358" t="s">
        <v>14507</v>
      </c>
      <c r="G16621" s="358" t="s">
        <v>14508</v>
      </c>
      <c r="H16621" s="358" t="s">
        <v>14341</v>
      </c>
      <c r="I16621" s="358" t="s">
        <v>14508</v>
      </c>
      <c r="J16621" s="358"/>
      <c r="K16621" s="358"/>
      <c r="L16621" s="358"/>
    </row>
    <row r="16622" spans="2:12">
      <c r="B16622" s="367"/>
      <c r="C16622" s="367"/>
      <c r="D16622" s="367"/>
      <c r="E16622" s="367"/>
      <c r="F16622" s="360"/>
      <c r="G16622" s="360"/>
      <c r="H16622" s="360"/>
      <c r="I16622" s="360"/>
      <c r="J16622" s="365"/>
      <c r="K16622" s="365"/>
      <c r="L16622" s="365"/>
    </row>
    <row r="16623" spans="2:12">
      <c r="B16623" s="367"/>
      <c r="C16623" s="367"/>
      <c r="D16623" s="367"/>
      <c r="E16623" s="367"/>
      <c r="F16623" s="359" t="s">
        <v>14356</v>
      </c>
      <c r="G16623" s="359" t="s">
        <v>14340</v>
      </c>
      <c r="H16623" s="359" t="s">
        <v>14381</v>
      </c>
      <c r="I16623" s="359" t="s">
        <v>14340</v>
      </c>
      <c r="J16623" s="365"/>
      <c r="K16623" s="365"/>
      <c r="L16623" s="365"/>
    </row>
    <row r="16624" spans="2:12">
      <c r="B16624" s="367"/>
      <c r="C16624" s="367"/>
      <c r="D16624" s="367"/>
      <c r="E16624" s="367"/>
      <c r="F16624" s="360"/>
      <c r="G16624" s="360"/>
      <c r="H16624" s="360"/>
      <c r="I16624" s="360"/>
      <c r="J16624" s="365"/>
      <c r="K16624" s="365"/>
      <c r="L16624" s="365"/>
    </row>
    <row r="16625" spans="2:12">
      <c r="B16625" s="367"/>
      <c r="C16625" s="367"/>
      <c r="D16625" s="367"/>
      <c r="E16625" s="367"/>
      <c r="F16625" s="359" t="s">
        <v>14814</v>
      </c>
      <c r="G16625" s="359" t="s">
        <v>14815</v>
      </c>
      <c r="H16625" s="359" t="s">
        <v>14332</v>
      </c>
      <c r="I16625" s="359" t="s">
        <v>14815</v>
      </c>
      <c r="J16625" s="365"/>
      <c r="K16625" s="365"/>
      <c r="L16625" s="365"/>
    </row>
    <row r="16626" spans="2:12">
      <c r="B16626" s="367"/>
      <c r="C16626" s="367"/>
      <c r="D16626" s="367"/>
      <c r="E16626" s="367"/>
      <c r="F16626" s="360"/>
      <c r="G16626" s="360"/>
      <c r="H16626" s="360"/>
      <c r="I16626" s="360"/>
      <c r="J16626" s="365"/>
      <c r="K16626" s="365"/>
      <c r="L16626" s="365"/>
    </row>
    <row r="16627" spans="2:12">
      <c r="B16627" s="368"/>
      <c r="C16627" s="368"/>
      <c r="D16627" s="368"/>
      <c r="E16627" s="368"/>
      <c r="F16627" s="361" t="s">
        <v>14391</v>
      </c>
      <c r="G16627" s="361" t="s">
        <v>14392</v>
      </c>
      <c r="H16627" s="362"/>
      <c r="I16627" s="361" t="s">
        <v>14392</v>
      </c>
      <c r="J16627" s="366"/>
      <c r="K16627" s="366"/>
      <c r="L16627" s="366"/>
    </row>
    <row r="16628" spans="2:12">
      <c r="B16628" s="358" t="s">
        <v>23212</v>
      </c>
      <c r="C16628" s="358" t="s">
        <v>29529</v>
      </c>
      <c r="D16628" s="358" t="s">
        <v>23210</v>
      </c>
      <c r="E16628" s="358" t="s">
        <v>23211</v>
      </c>
      <c r="F16628" s="358" t="s">
        <v>14507</v>
      </c>
      <c r="G16628" s="358" t="s">
        <v>14508</v>
      </c>
      <c r="H16628" s="358" t="s">
        <v>14341</v>
      </c>
      <c r="I16628" s="358" t="s">
        <v>14508</v>
      </c>
      <c r="J16628" s="358"/>
      <c r="K16628" s="358"/>
      <c r="L16628" s="358"/>
    </row>
    <row r="16629" spans="2:12">
      <c r="B16629" s="367"/>
      <c r="C16629" s="367"/>
      <c r="D16629" s="367"/>
      <c r="E16629" s="367"/>
      <c r="F16629" s="360"/>
      <c r="G16629" s="360"/>
      <c r="H16629" s="360"/>
      <c r="I16629" s="360"/>
      <c r="J16629" s="365"/>
      <c r="K16629" s="365"/>
      <c r="L16629" s="365"/>
    </row>
    <row r="16630" spans="2:12">
      <c r="B16630" s="367"/>
      <c r="C16630" s="367"/>
      <c r="D16630" s="367"/>
      <c r="E16630" s="367"/>
      <c r="F16630" s="359" t="s">
        <v>14356</v>
      </c>
      <c r="G16630" s="359" t="s">
        <v>14340</v>
      </c>
      <c r="H16630" s="359" t="s">
        <v>14381</v>
      </c>
      <c r="I16630" s="359" t="s">
        <v>14340</v>
      </c>
      <c r="J16630" s="365"/>
      <c r="K16630" s="365"/>
      <c r="L16630" s="365"/>
    </row>
    <row r="16631" spans="2:12">
      <c r="B16631" s="367"/>
      <c r="C16631" s="367"/>
      <c r="D16631" s="367"/>
      <c r="E16631" s="367"/>
      <c r="F16631" s="360"/>
      <c r="G16631" s="360"/>
      <c r="H16631" s="360"/>
      <c r="I16631" s="360"/>
      <c r="J16631" s="365"/>
      <c r="K16631" s="365"/>
      <c r="L16631" s="365"/>
    </row>
    <row r="16632" spans="2:12">
      <c r="B16632" s="367"/>
      <c r="C16632" s="367"/>
      <c r="D16632" s="367"/>
      <c r="E16632" s="367"/>
      <c r="F16632" s="359" t="s">
        <v>14814</v>
      </c>
      <c r="G16632" s="359" t="s">
        <v>14815</v>
      </c>
      <c r="H16632" s="359" t="s">
        <v>14332</v>
      </c>
      <c r="I16632" s="359" t="s">
        <v>14815</v>
      </c>
      <c r="J16632" s="365"/>
      <c r="K16632" s="365"/>
      <c r="L16632" s="365"/>
    </row>
    <row r="16633" spans="2:12">
      <c r="B16633" s="367"/>
      <c r="C16633" s="367"/>
      <c r="D16633" s="367"/>
      <c r="E16633" s="367"/>
      <c r="F16633" s="360"/>
      <c r="G16633" s="360"/>
      <c r="H16633" s="360"/>
      <c r="I16633" s="360"/>
      <c r="J16633" s="365"/>
      <c r="K16633" s="365"/>
      <c r="L16633" s="365"/>
    </row>
    <row r="16634" spans="2:12">
      <c r="B16634" s="368"/>
      <c r="C16634" s="368"/>
      <c r="D16634" s="368"/>
      <c r="E16634" s="368"/>
      <c r="F16634" s="361" t="s">
        <v>14391</v>
      </c>
      <c r="G16634" s="361" t="s">
        <v>14392</v>
      </c>
      <c r="H16634" s="362"/>
      <c r="I16634" s="361" t="s">
        <v>14392</v>
      </c>
      <c r="J16634" s="366"/>
      <c r="K16634" s="366"/>
      <c r="L16634" s="366"/>
    </row>
    <row r="16635" spans="2:12">
      <c r="B16635" s="358" t="s">
        <v>23213</v>
      </c>
      <c r="C16635" s="358" t="s">
        <v>23214</v>
      </c>
      <c r="D16635" s="358" t="s">
        <v>23215</v>
      </c>
      <c r="E16635" s="358" t="s">
        <v>23216</v>
      </c>
      <c r="F16635" s="358" t="s">
        <v>14420</v>
      </c>
      <c r="G16635" s="358" t="s">
        <v>14421</v>
      </c>
      <c r="H16635" s="358" t="s">
        <v>14341</v>
      </c>
      <c r="I16635" s="358" t="s">
        <v>14421</v>
      </c>
      <c r="J16635" s="358"/>
      <c r="K16635" s="358"/>
      <c r="L16635" s="358"/>
    </row>
    <row r="16636" spans="2:12">
      <c r="B16636" s="367"/>
      <c r="C16636" s="360"/>
      <c r="D16636" s="367"/>
      <c r="E16636" s="367"/>
      <c r="F16636" s="360"/>
      <c r="G16636" s="360"/>
      <c r="H16636" s="360"/>
      <c r="I16636" s="360"/>
      <c r="J16636" s="365"/>
      <c r="K16636" s="365"/>
      <c r="L16636" s="365"/>
    </row>
    <row r="16637" spans="2:12">
      <c r="B16637" s="367"/>
      <c r="C16637" s="359" t="s">
        <v>23217</v>
      </c>
      <c r="D16637" s="367"/>
      <c r="E16637" s="367"/>
      <c r="F16637" s="359" t="s">
        <v>14420</v>
      </c>
      <c r="G16637" s="359" t="s">
        <v>14429</v>
      </c>
      <c r="H16637" s="359" t="s">
        <v>14367</v>
      </c>
      <c r="I16637" s="359" t="s">
        <v>14429</v>
      </c>
      <c r="J16637" s="365"/>
      <c r="K16637" s="365"/>
      <c r="L16637" s="365"/>
    </row>
    <row r="16638" spans="2:12">
      <c r="B16638" s="367"/>
      <c r="C16638" s="360"/>
      <c r="D16638" s="367"/>
      <c r="E16638" s="367"/>
      <c r="F16638" s="360"/>
      <c r="G16638" s="360"/>
      <c r="H16638" s="360"/>
      <c r="I16638" s="360"/>
      <c r="J16638" s="365"/>
      <c r="K16638" s="365"/>
      <c r="L16638" s="365"/>
    </row>
    <row r="16639" spans="2:12">
      <c r="B16639" s="367"/>
      <c r="C16639" s="360"/>
      <c r="D16639" s="367"/>
      <c r="E16639" s="367"/>
      <c r="F16639" s="359" t="s">
        <v>14356</v>
      </c>
      <c r="G16639" s="359" t="s">
        <v>14340</v>
      </c>
      <c r="H16639" s="359" t="s">
        <v>14332</v>
      </c>
      <c r="I16639" s="359" t="s">
        <v>14340</v>
      </c>
      <c r="J16639" s="365"/>
      <c r="K16639" s="365"/>
      <c r="L16639" s="365"/>
    </row>
    <row r="16640" spans="2:12">
      <c r="B16640" s="367"/>
      <c r="C16640" s="360"/>
      <c r="D16640" s="367"/>
      <c r="E16640" s="367"/>
      <c r="F16640" s="360"/>
      <c r="G16640" s="360"/>
      <c r="H16640" s="360"/>
      <c r="I16640" s="360"/>
      <c r="J16640" s="365"/>
      <c r="K16640" s="365"/>
      <c r="L16640" s="365"/>
    </row>
    <row r="16641" spans="2:12">
      <c r="B16641" s="368"/>
      <c r="C16641" s="362"/>
      <c r="D16641" s="368"/>
      <c r="E16641" s="368"/>
      <c r="F16641" s="361" t="s">
        <v>14391</v>
      </c>
      <c r="G16641" s="361" t="s">
        <v>14392</v>
      </c>
      <c r="H16641" s="362"/>
      <c r="I16641" s="361" t="s">
        <v>14392</v>
      </c>
      <c r="J16641" s="366"/>
      <c r="K16641" s="366"/>
      <c r="L16641" s="366"/>
    </row>
    <row r="16642" spans="2:12">
      <c r="B16642" s="358" t="s">
        <v>23218</v>
      </c>
      <c r="C16642" s="358" t="s">
        <v>23219</v>
      </c>
      <c r="D16642" s="358" t="s">
        <v>23220</v>
      </c>
      <c r="E16642" s="358" t="s">
        <v>23221</v>
      </c>
      <c r="F16642" s="358" t="s">
        <v>14420</v>
      </c>
      <c r="G16642" s="358" t="s">
        <v>14421</v>
      </c>
      <c r="H16642" s="358" t="s">
        <v>14341</v>
      </c>
      <c r="I16642" s="358" t="s">
        <v>14421</v>
      </c>
      <c r="J16642" s="358"/>
      <c r="K16642" s="358"/>
      <c r="L16642" s="358"/>
    </row>
    <row r="16643" spans="2:12">
      <c r="B16643" s="367"/>
      <c r="C16643" s="360"/>
      <c r="D16643" s="367"/>
      <c r="E16643" s="367"/>
      <c r="F16643" s="360"/>
      <c r="G16643" s="360"/>
      <c r="H16643" s="360"/>
      <c r="I16643" s="360"/>
      <c r="J16643" s="365"/>
      <c r="K16643" s="365"/>
      <c r="L16643" s="365"/>
    </row>
    <row r="16644" spans="2:12">
      <c r="B16644" s="367"/>
      <c r="C16644" s="359" t="s">
        <v>23222</v>
      </c>
      <c r="D16644" s="367"/>
      <c r="E16644" s="367"/>
      <c r="F16644" s="359" t="s">
        <v>14356</v>
      </c>
      <c r="G16644" s="359" t="s">
        <v>14340</v>
      </c>
      <c r="H16644" s="359" t="s">
        <v>14367</v>
      </c>
      <c r="I16644" s="359" t="s">
        <v>14340</v>
      </c>
      <c r="J16644" s="365"/>
      <c r="K16644" s="365"/>
      <c r="L16644" s="365"/>
    </row>
    <row r="16645" spans="2:12">
      <c r="B16645" s="367"/>
      <c r="C16645" s="360"/>
      <c r="D16645" s="367"/>
      <c r="E16645" s="367"/>
      <c r="F16645" s="360"/>
      <c r="G16645" s="360"/>
      <c r="H16645" s="360"/>
      <c r="I16645" s="360"/>
      <c r="J16645" s="365"/>
      <c r="K16645" s="365"/>
      <c r="L16645" s="365"/>
    </row>
    <row r="16646" spans="2:12">
      <c r="B16646" s="367"/>
      <c r="C16646" s="360"/>
      <c r="D16646" s="367"/>
      <c r="E16646" s="367"/>
      <c r="F16646" s="359" t="s">
        <v>14391</v>
      </c>
      <c r="G16646" s="359" t="s">
        <v>14392</v>
      </c>
      <c r="H16646" s="359" t="s">
        <v>14332</v>
      </c>
      <c r="I16646" s="359" t="s">
        <v>14392</v>
      </c>
      <c r="J16646" s="365"/>
      <c r="K16646" s="365"/>
      <c r="L16646" s="365"/>
    </row>
    <row r="16647" spans="2:12">
      <c r="B16647" s="367"/>
      <c r="C16647" s="360"/>
      <c r="D16647" s="367"/>
      <c r="E16647" s="367"/>
      <c r="F16647" s="360"/>
      <c r="G16647" s="360"/>
      <c r="H16647" s="360"/>
      <c r="I16647" s="360"/>
      <c r="J16647" s="365"/>
      <c r="K16647" s="365"/>
      <c r="L16647" s="365"/>
    </row>
    <row r="16648" spans="2:12" ht="28.5">
      <c r="B16648" s="368"/>
      <c r="C16648" s="362"/>
      <c r="D16648" s="368"/>
      <c r="E16648" s="368"/>
      <c r="F16648" s="361" t="s">
        <v>14472</v>
      </c>
      <c r="G16648" s="361" t="s">
        <v>14473</v>
      </c>
      <c r="H16648" s="362"/>
      <c r="I16648" s="361" t="s">
        <v>14473</v>
      </c>
      <c r="J16648" s="366"/>
      <c r="K16648" s="366"/>
      <c r="L16648" s="366"/>
    </row>
    <row r="16649" spans="2:12" ht="28.5">
      <c r="B16649" s="358" t="s">
        <v>23223</v>
      </c>
      <c r="C16649" s="358" t="s">
        <v>29530</v>
      </c>
      <c r="D16649" s="358" t="s">
        <v>23224</v>
      </c>
      <c r="E16649" s="358" t="s">
        <v>23225</v>
      </c>
      <c r="F16649" s="358" t="s">
        <v>14420</v>
      </c>
      <c r="G16649" s="358" t="s">
        <v>14421</v>
      </c>
      <c r="H16649" s="358" t="s">
        <v>14341</v>
      </c>
      <c r="I16649" s="358" t="s">
        <v>14421</v>
      </c>
      <c r="J16649" s="358"/>
      <c r="K16649" s="358"/>
      <c r="L16649" s="358"/>
    </row>
    <row r="16650" spans="2:12">
      <c r="B16650" s="367"/>
      <c r="C16650" s="367"/>
      <c r="D16650" s="367"/>
      <c r="E16650" s="367"/>
      <c r="F16650" s="360"/>
      <c r="G16650" s="360"/>
      <c r="H16650" s="360"/>
      <c r="I16650" s="360"/>
      <c r="J16650" s="365"/>
      <c r="K16650" s="365"/>
      <c r="L16650" s="365"/>
    </row>
    <row r="16651" spans="2:12">
      <c r="B16651" s="367"/>
      <c r="C16651" s="367"/>
      <c r="D16651" s="367"/>
      <c r="E16651" s="367"/>
      <c r="F16651" s="359" t="s">
        <v>14420</v>
      </c>
      <c r="G16651" s="359" t="s">
        <v>14429</v>
      </c>
      <c r="H16651" s="359" t="s">
        <v>14367</v>
      </c>
      <c r="I16651" s="359" t="s">
        <v>14429</v>
      </c>
      <c r="J16651" s="365"/>
      <c r="K16651" s="365"/>
      <c r="L16651" s="365"/>
    </row>
    <row r="16652" spans="2:12">
      <c r="B16652" s="367"/>
      <c r="C16652" s="367"/>
      <c r="D16652" s="367"/>
      <c r="E16652" s="367"/>
      <c r="F16652" s="360"/>
      <c r="G16652" s="360"/>
      <c r="H16652" s="360"/>
      <c r="I16652" s="360"/>
      <c r="J16652" s="365"/>
      <c r="K16652" s="365"/>
      <c r="L16652" s="365"/>
    </row>
    <row r="16653" spans="2:12">
      <c r="B16653" s="367"/>
      <c r="C16653" s="367"/>
      <c r="D16653" s="367"/>
      <c r="E16653" s="367"/>
      <c r="F16653" s="359" t="s">
        <v>14356</v>
      </c>
      <c r="G16653" s="359" t="s">
        <v>14340</v>
      </c>
      <c r="H16653" s="359" t="s">
        <v>14370</v>
      </c>
      <c r="I16653" s="359" t="s">
        <v>14340</v>
      </c>
      <c r="J16653" s="365"/>
      <c r="K16653" s="365"/>
      <c r="L16653" s="365"/>
    </row>
    <row r="16654" spans="2:12">
      <c r="B16654" s="367"/>
      <c r="C16654" s="367"/>
      <c r="D16654" s="367"/>
      <c r="E16654" s="367"/>
      <c r="F16654" s="360"/>
      <c r="G16654" s="360"/>
      <c r="H16654" s="360"/>
      <c r="I16654" s="360"/>
      <c r="J16654" s="365"/>
      <c r="K16654" s="365"/>
      <c r="L16654" s="365"/>
    </row>
    <row r="16655" spans="2:12">
      <c r="B16655" s="367"/>
      <c r="C16655" s="367"/>
      <c r="D16655" s="367"/>
      <c r="E16655" s="367"/>
      <c r="F16655" s="359" t="s">
        <v>14391</v>
      </c>
      <c r="G16655" s="359" t="s">
        <v>14392</v>
      </c>
      <c r="H16655" s="359" t="s">
        <v>14332</v>
      </c>
      <c r="I16655" s="359" t="s">
        <v>14392</v>
      </c>
      <c r="J16655" s="365"/>
      <c r="K16655" s="365"/>
      <c r="L16655" s="365"/>
    </row>
    <row r="16656" spans="2:12">
      <c r="B16656" s="367"/>
      <c r="C16656" s="367"/>
      <c r="D16656" s="367"/>
      <c r="E16656" s="367"/>
      <c r="F16656" s="360"/>
      <c r="G16656" s="360"/>
      <c r="H16656" s="360"/>
      <c r="I16656" s="360"/>
      <c r="J16656" s="365"/>
      <c r="K16656" s="365"/>
      <c r="L16656" s="365"/>
    </row>
    <row r="16657" spans="2:12" ht="28.5">
      <c r="B16657" s="368"/>
      <c r="C16657" s="368"/>
      <c r="D16657" s="368"/>
      <c r="E16657" s="368"/>
      <c r="F16657" s="361" t="s">
        <v>14394</v>
      </c>
      <c r="G16657" s="361" t="s">
        <v>14395</v>
      </c>
      <c r="H16657" s="362"/>
      <c r="I16657" s="361" t="s">
        <v>14395</v>
      </c>
      <c r="J16657" s="366"/>
      <c r="K16657" s="366"/>
      <c r="L16657" s="366"/>
    </row>
    <row r="16658" spans="2:12" ht="28.5">
      <c r="B16658" s="358" t="s">
        <v>23226</v>
      </c>
      <c r="C16658" s="358" t="s">
        <v>30358</v>
      </c>
      <c r="D16658" s="358" t="s">
        <v>23227</v>
      </c>
      <c r="E16658" s="358" t="s">
        <v>23228</v>
      </c>
      <c r="F16658" s="358" t="s">
        <v>14418</v>
      </c>
      <c r="G16658" s="358" t="s">
        <v>14419</v>
      </c>
      <c r="H16658" s="358" t="s">
        <v>14328</v>
      </c>
      <c r="I16658" s="358" t="s">
        <v>14419</v>
      </c>
      <c r="J16658" s="358"/>
      <c r="K16658" s="358"/>
      <c r="L16658" s="358"/>
    </row>
    <row r="16659" spans="2:12">
      <c r="B16659" s="367"/>
      <c r="C16659" s="367"/>
      <c r="D16659" s="367"/>
      <c r="E16659" s="367"/>
      <c r="F16659" s="360"/>
      <c r="G16659" s="360"/>
      <c r="H16659" s="360"/>
      <c r="I16659" s="360"/>
      <c r="J16659" s="365"/>
      <c r="K16659" s="365"/>
      <c r="L16659" s="365"/>
    </row>
    <row r="16660" spans="2:12">
      <c r="B16660" s="367"/>
      <c r="C16660" s="367"/>
      <c r="D16660" s="367"/>
      <c r="E16660" s="367"/>
      <c r="F16660" s="359" t="s">
        <v>14420</v>
      </c>
      <c r="G16660" s="359" t="s">
        <v>14429</v>
      </c>
      <c r="H16660" s="359" t="s">
        <v>14341</v>
      </c>
      <c r="I16660" s="359" t="s">
        <v>14429</v>
      </c>
      <c r="J16660" s="365"/>
      <c r="K16660" s="365"/>
      <c r="L16660" s="365"/>
    </row>
    <row r="16661" spans="2:12">
      <c r="B16661" s="367"/>
      <c r="C16661" s="367"/>
      <c r="D16661" s="367"/>
      <c r="E16661" s="367"/>
      <c r="F16661" s="360"/>
      <c r="G16661" s="360"/>
      <c r="H16661" s="360"/>
      <c r="I16661" s="360"/>
      <c r="J16661" s="365"/>
      <c r="K16661" s="365"/>
      <c r="L16661" s="365"/>
    </row>
    <row r="16662" spans="2:12">
      <c r="B16662" s="367"/>
      <c r="C16662" s="367"/>
      <c r="D16662" s="367"/>
      <c r="E16662" s="367"/>
      <c r="F16662" s="359" t="s">
        <v>14356</v>
      </c>
      <c r="G16662" s="359" t="s">
        <v>14340</v>
      </c>
      <c r="H16662" s="359" t="s">
        <v>14367</v>
      </c>
      <c r="I16662" s="359" t="s">
        <v>14340</v>
      </c>
      <c r="J16662" s="365"/>
      <c r="K16662" s="365"/>
      <c r="L16662" s="365"/>
    </row>
    <row r="16663" spans="2:12">
      <c r="B16663" s="367"/>
      <c r="C16663" s="367"/>
      <c r="D16663" s="367"/>
      <c r="E16663" s="367"/>
      <c r="F16663" s="360"/>
      <c r="G16663" s="360"/>
      <c r="H16663" s="360"/>
      <c r="I16663" s="360"/>
      <c r="J16663" s="365"/>
      <c r="K16663" s="365"/>
      <c r="L16663" s="365"/>
    </row>
    <row r="16664" spans="2:12">
      <c r="B16664" s="368"/>
      <c r="C16664" s="368"/>
      <c r="D16664" s="368"/>
      <c r="E16664" s="368"/>
      <c r="F16664" s="361" t="s">
        <v>14391</v>
      </c>
      <c r="G16664" s="361" t="s">
        <v>14392</v>
      </c>
      <c r="H16664" s="361" t="s">
        <v>14332</v>
      </c>
      <c r="I16664" s="361" t="s">
        <v>14392</v>
      </c>
      <c r="J16664" s="366"/>
      <c r="K16664" s="366"/>
      <c r="L16664" s="366"/>
    </row>
    <row r="16665" spans="2:12">
      <c r="B16665" s="358" t="s">
        <v>23229</v>
      </c>
      <c r="C16665" s="358" t="s">
        <v>23230</v>
      </c>
      <c r="D16665" s="358" t="s">
        <v>23231</v>
      </c>
      <c r="E16665" s="358" t="s">
        <v>23232</v>
      </c>
      <c r="F16665" s="358" t="s">
        <v>14418</v>
      </c>
      <c r="G16665" s="358" t="s">
        <v>14419</v>
      </c>
      <c r="H16665" s="358" t="s">
        <v>14328</v>
      </c>
      <c r="I16665" s="358" t="s">
        <v>14419</v>
      </c>
      <c r="J16665" s="358"/>
      <c r="K16665" s="358"/>
      <c r="L16665" s="358"/>
    </row>
    <row r="16666" spans="2:12">
      <c r="B16666" s="367"/>
      <c r="C16666" s="360"/>
      <c r="D16666" s="367"/>
      <c r="E16666" s="367"/>
      <c r="F16666" s="360"/>
      <c r="G16666" s="360"/>
      <c r="H16666" s="360"/>
      <c r="I16666" s="360"/>
      <c r="J16666" s="365"/>
      <c r="K16666" s="365"/>
      <c r="L16666" s="365"/>
    </row>
    <row r="16667" spans="2:12">
      <c r="B16667" s="367"/>
      <c r="C16667" s="359" t="s">
        <v>27827</v>
      </c>
      <c r="D16667" s="367"/>
      <c r="E16667" s="367"/>
      <c r="F16667" s="359" t="s">
        <v>14420</v>
      </c>
      <c r="G16667" s="359" t="s">
        <v>14421</v>
      </c>
      <c r="H16667" s="359" t="s">
        <v>14341</v>
      </c>
      <c r="I16667" s="359" t="s">
        <v>14421</v>
      </c>
      <c r="J16667" s="365"/>
      <c r="K16667" s="365"/>
      <c r="L16667" s="365"/>
    </row>
    <row r="16668" spans="2:12">
      <c r="B16668" s="367"/>
      <c r="C16668" s="360"/>
      <c r="D16668" s="367"/>
      <c r="E16668" s="367"/>
      <c r="F16668" s="360"/>
      <c r="G16668" s="360"/>
      <c r="H16668" s="360"/>
      <c r="I16668" s="360"/>
      <c r="J16668" s="365"/>
      <c r="K16668" s="365"/>
      <c r="L16668" s="365"/>
    </row>
    <row r="16669" spans="2:12">
      <c r="B16669" s="367"/>
      <c r="C16669" s="360"/>
      <c r="D16669" s="367"/>
      <c r="E16669" s="367"/>
      <c r="F16669" s="359" t="s">
        <v>14420</v>
      </c>
      <c r="G16669" s="359" t="s">
        <v>14429</v>
      </c>
      <c r="H16669" s="359" t="s">
        <v>14367</v>
      </c>
      <c r="I16669" s="359" t="s">
        <v>14429</v>
      </c>
      <c r="J16669" s="365"/>
      <c r="K16669" s="365"/>
      <c r="L16669" s="365"/>
    </row>
    <row r="16670" spans="2:12">
      <c r="B16670" s="367"/>
      <c r="C16670" s="360"/>
      <c r="D16670" s="367"/>
      <c r="E16670" s="367"/>
      <c r="F16670" s="360"/>
      <c r="G16670" s="360"/>
      <c r="H16670" s="360"/>
      <c r="I16670" s="360"/>
      <c r="J16670" s="365"/>
      <c r="K16670" s="365"/>
      <c r="L16670" s="365"/>
    </row>
    <row r="16671" spans="2:12">
      <c r="B16671" s="367"/>
      <c r="C16671" s="360"/>
      <c r="D16671" s="367"/>
      <c r="E16671" s="367"/>
      <c r="F16671" s="359" t="s">
        <v>14356</v>
      </c>
      <c r="G16671" s="359" t="s">
        <v>14340</v>
      </c>
      <c r="H16671" s="359" t="s">
        <v>14332</v>
      </c>
      <c r="I16671" s="359" t="s">
        <v>14340</v>
      </c>
      <c r="J16671" s="365"/>
      <c r="K16671" s="365"/>
      <c r="L16671" s="365"/>
    </row>
    <row r="16672" spans="2:12">
      <c r="B16672" s="367"/>
      <c r="C16672" s="360"/>
      <c r="D16672" s="367"/>
      <c r="E16672" s="367"/>
      <c r="F16672" s="360"/>
      <c r="G16672" s="360"/>
      <c r="H16672" s="360"/>
      <c r="I16672" s="360"/>
      <c r="J16672" s="365"/>
      <c r="K16672" s="365"/>
      <c r="L16672" s="365"/>
    </row>
    <row r="16673" spans="2:12">
      <c r="B16673" s="368"/>
      <c r="C16673" s="362"/>
      <c r="D16673" s="368"/>
      <c r="E16673" s="368"/>
      <c r="F16673" s="361" t="s">
        <v>14391</v>
      </c>
      <c r="G16673" s="361" t="s">
        <v>14392</v>
      </c>
      <c r="H16673" s="362"/>
      <c r="I16673" s="361" t="s">
        <v>14392</v>
      </c>
      <c r="J16673" s="366"/>
      <c r="K16673" s="366"/>
      <c r="L16673" s="366"/>
    </row>
    <row r="16674" spans="2:12">
      <c r="B16674" s="358" t="s">
        <v>23233</v>
      </c>
      <c r="C16674" s="358" t="s">
        <v>23234</v>
      </c>
      <c r="D16674" s="358" t="s">
        <v>23235</v>
      </c>
      <c r="E16674" s="358" t="s">
        <v>23236</v>
      </c>
      <c r="F16674" s="358" t="s">
        <v>14379</v>
      </c>
      <c r="G16674" s="358" t="s">
        <v>14380</v>
      </c>
      <c r="H16674" s="358" t="s">
        <v>14378</v>
      </c>
      <c r="I16674" s="358" t="s">
        <v>14380</v>
      </c>
      <c r="J16674" s="358"/>
      <c r="K16674" s="358"/>
      <c r="L16674" s="358"/>
    </row>
    <row r="16675" spans="2:12">
      <c r="B16675" s="367"/>
      <c r="C16675" s="360"/>
      <c r="D16675" s="367"/>
      <c r="E16675" s="367"/>
      <c r="F16675" s="360"/>
      <c r="G16675" s="360"/>
      <c r="H16675" s="360"/>
      <c r="I16675" s="360"/>
      <c r="J16675" s="365"/>
      <c r="K16675" s="365"/>
      <c r="L16675" s="365"/>
    </row>
    <row r="16676" spans="2:12">
      <c r="B16676" s="367"/>
      <c r="C16676" s="359" t="s">
        <v>23237</v>
      </c>
      <c r="D16676" s="367"/>
      <c r="E16676" s="367"/>
      <c r="F16676" s="359" t="s">
        <v>14382</v>
      </c>
      <c r="G16676" s="359" t="s">
        <v>14579</v>
      </c>
      <c r="H16676" s="359" t="s">
        <v>14341</v>
      </c>
      <c r="I16676" s="359" t="s">
        <v>14579</v>
      </c>
      <c r="J16676" s="365"/>
      <c r="K16676" s="365"/>
      <c r="L16676" s="365"/>
    </row>
    <row r="16677" spans="2:12">
      <c r="B16677" s="367"/>
      <c r="C16677" s="360"/>
      <c r="D16677" s="367"/>
      <c r="E16677" s="367"/>
      <c r="F16677" s="360"/>
      <c r="G16677" s="360"/>
      <c r="H16677" s="360"/>
      <c r="I16677" s="360"/>
      <c r="J16677" s="365"/>
      <c r="K16677" s="365"/>
      <c r="L16677" s="365"/>
    </row>
    <row r="16678" spans="2:12">
      <c r="B16678" s="367"/>
      <c r="C16678" s="360"/>
      <c r="D16678" s="367"/>
      <c r="E16678" s="367"/>
      <c r="F16678" s="359" t="s">
        <v>14420</v>
      </c>
      <c r="G16678" s="359" t="s">
        <v>14429</v>
      </c>
      <c r="H16678" s="359" t="s">
        <v>14332</v>
      </c>
      <c r="I16678" s="359" t="s">
        <v>14429</v>
      </c>
      <c r="J16678" s="365"/>
      <c r="K16678" s="365"/>
      <c r="L16678" s="365"/>
    </row>
    <row r="16679" spans="2:12">
      <c r="B16679" s="367"/>
      <c r="C16679" s="360"/>
      <c r="D16679" s="367"/>
      <c r="E16679" s="367"/>
      <c r="F16679" s="360"/>
      <c r="G16679" s="360"/>
      <c r="H16679" s="360"/>
      <c r="I16679" s="360"/>
      <c r="J16679" s="365"/>
      <c r="K16679" s="365"/>
      <c r="L16679" s="365"/>
    </row>
    <row r="16680" spans="2:12">
      <c r="B16680" s="367"/>
      <c r="C16680" s="360"/>
      <c r="D16680" s="367"/>
      <c r="E16680" s="367"/>
      <c r="F16680" s="359" t="s">
        <v>14339</v>
      </c>
      <c r="G16680" s="359" t="s">
        <v>14340</v>
      </c>
      <c r="H16680" s="360"/>
      <c r="I16680" s="359" t="s">
        <v>14340</v>
      </c>
      <c r="J16680" s="365"/>
      <c r="K16680" s="365"/>
      <c r="L16680" s="365"/>
    </row>
    <row r="16681" spans="2:12">
      <c r="B16681" s="367"/>
      <c r="C16681" s="360"/>
      <c r="D16681" s="367"/>
      <c r="E16681" s="367"/>
      <c r="F16681" s="360"/>
      <c r="G16681" s="360"/>
      <c r="H16681" s="360"/>
      <c r="I16681" s="360"/>
      <c r="J16681" s="365"/>
      <c r="K16681" s="365"/>
      <c r="L16681" s="365"/>
    </row>
    <row r="16682" spans="2:12">
      <c r="B16682" s="368"/>
      <c r="C16682" s="362"/>
      <c r="D16682" s="368"/>
      <c r="E16682" s="368"/>
      <c r="F16682" s="361" t="s">
        <v>14391</v>
      </c>
      <c r="G16682" s="361" t="s">
        <v>14392</v>
      </c>
      <c r="H16682" s="362"/>
      <c r="I16682" s="361" t="s">
        <v>14392</v>
      </c>
      <c r="J16682" s="366"/>
      <c r="K16682" s="366"/>
      <c r="L16682" s="366"/>
    </row>
    <row r="16683" spans="2:12" ht="28.5">
      <c r="B16683" s="358" t="s">
        <v>23238</v>
      </c>
      <c r="C16683" s="358" t="s">
        <v>29531</v>
      </c>
      <c r="D16683" s="358" t="s">
        <v>23239</v>
      </c>
      <c r="E16683" s="358" t="s">
        <v>6246</v>
      </c>
      <c r="F16683" s="358" t="s">
        <v>14356</v>
      </c>
      <c r="G16683" s="358" t="s">
        <v>14340</v>
      </c>
      <c r="H16683" s="358" t="s">
        <v>14341</v>
      </c>
      <c r="I16683" s="358" t="s">
        <v>14340</v>
      </c>
      <c r="J16683" s="358"/>
      <c r="K16683" s="358"/>
      <c r="L16683" s="358"/>
    </row>
    <row r="16684" spans="2:12">
      <c r="B16684" s="367"/>
      <c r="C16684" s="367"/>
      <c r="D16684" s="367"/>
      <c r="E16684" s="367"/>
      <c r="F16684" s="360"/>
      <c r="G16684" s="360"/>
      <c r="H16684" s="360"/>
      <c r="I16684" s="360"/>
      <c r="J16684" s="365"/>
      <c r="K16684" s="365"/>
      <c r="L16684" s="365"/>
    </row>
    <row r="16685" spans="2:12">
      <c r="B16685" s="367"/>
      <c r="C16685" s="367"/>
      <c r="D16685" s="367"/>
      <c r="E16685" s="367"/>
      <c r="F16685" s="359" t="s">
        <v>14391</v>
      </c>
      <c r="G16685" s="359" t="s">
        <v>14392</v>
      </c>
      <c r="H16685" s="359" t="s">
        <v>14367</v>
      </c>
      <c r="I16685" s="359" t="s">
        <v>14392</v>
      </c>
      <c r="J16685" s="365"/>
      <c r="K16685" s="365"/>
      <c r="L16685" s="365"/>
    </row>
    <row r="16686" spans="2:12">
      <c r="B16686" s="367"/>
      <c r="C16686" s="367"/>
      <c r="D16686" s="367"/>
      <c r="E16686" s="367"/>
      <c r="F16686" s="360"/>
      <c r="G16686" s="360"/>
      <c r="H16686" s="360"/>
      <c r="I16686" s="360"/>
      <c r="J16686" s="365"/>
      <c r="K16686" s="365"/>
      <c r="L16686" s="365"/>
    </row>
    <row r="16687" spans="2:12">
      <c r="B16687" s="367"/>
      <c r="C16687" s="367"/>
      <c r="D16687" s="367"/>
      <c r="E16687" s="367"/>
      <c r="F16687" s="359" t="s">
        <v>14371</v>
      </c>
      <c r="G16687" s="359" t="s">
        <v>14372</v>
      </c>
      <c r="H16687" s="359" t="s">
        <v>14370</v>
      </c>
      <c r="I16687" s="359" t="s">
        <v>14373</v>
      </c>
      <c r="J16687" s="365"/>
      <c r="K16687" s="365"/>
      <c r="L16687" s="365"/>
    </row>
    <row r="16688" spans="2:12">
      <c r="B16688" s="367"/>
      <c r="C16688" s="367"/>
      <c r="D16688" s="367"/>
      <c r="E16688" s="367"/>
      <c r="F16688" s="360"/>
      <c r="G16688" s="360"/>
      <c r="H16688" s="360"/>
      <c r="I16688" s="360"/>
      <c r="J16688" s="365"/>
      <c r="K16688" s="365"/>
      <c r="L16688" s="365"/>
    </row>
    <row r="16689" spans="2:12" ht="28.5">
      <c r="B16689" s="368"/>
      <c r="C16689" s="368"/>
      <c r="D16689" s="368"/>
      <c r="E16689" s="368"/>
      <c r="F16689" s="361" t="s">
        <v>14374</v>
      </c>
      <c r="G16689" s="361" t="s">
        <v>14373</v>
      </c>
      <c r="H16689" s="361" t="s">
        <v>14332</v>
      </c>
      <c r="I16689" s="362"/>
      <c r="J16689" s="366"/>
      <c r="K16689" s="366"/>
      <c r="L16689" s="366"/>
    </row>
    <row r="16690" spans="2:12" ht="28.5">
      <c r="B16690" s="358" t="s">
        <v>23240</v>
      </c>
      <c r="C16690" s="358" t="s">
        <v>23241</v>
      </c>
      <c r="D16690" s="358" t="s">
        <v>8356</v>
      </c>
      <c r="E16690" s="358" t="s">
        <v>8356</v>
      </c>
      <c r="F16690" s="358" t="s">
        <v>14420</v>
      </c>
      <c r="G16690" s="358" t="s">
        <v>14421</v>
      </c>
      <c r="H16690" s="358" t="s">
        <v>14341</v>
      </c>
      <c r="I16690" s="358" t="s">
        <v>14421</v>
      </c>
      <c r="J16690" s="358"/>
      <c r="K16690" s="358"/>
      <c r="L16690" s="358"/>
    </row>
    <row r="16691" spans="2:12">
      <c r="B16691" s="367"/>
      <c r="C16691" s="367"/>
      <c r="D16691" s="367"/>
      <c r="E16691" s="367"/>
      <c r="F16691" s="360"/>
      <c r="G16691" s="360"/>
      <c r="H16691" s="360"/>
      <c r="I16691" s="360"/>
      <c r="J16691" s="365"/>
      <c r="K16691" s="365"/>
      <c r="L16691" s="365"/>
    </row>
    <row r="16692" spans="2:12">
      <c r="B16692" s="367"/>
      <c r="C16692" s="367"/>
      <c r="D16692" s="367"/>
      <c r="E16692" s="367"/>
      <c r="F16692" s="359" t="s">
        <v>14420</v>
      </c>
      <c r="G16692" s="359" t="s">
        <v>14429</v>
      </c>
      <c r="H16692" s="359" t="s">
        <v>14367</v>
      </c>
      <c r="I16692" s="359" t="s">
        <v>14429</v>
      </c>
      <c r="J16692" s="365"/>
      <c r="K16692" s="365"/>
      <c r="L16692" s="365"/>
    </row>
    <row r="16693" spans="2:12">
      <c r="B16693" s="367"/>
      <c r="C16693" s="367"/>
      <c r="D16693" s="367"/>
      <c r="E16693" s="367"/>
      <c r="F16693" s="360"/>
      <c r="G16693" s="360"/>
      <c r="H16693" s="360"/>
      <c r="I16693" s="360"/>
      <c r="J16693" s="365"/>
      <c r="K16693" s="365"/>
      <c r="L16693" s="365"/>
    </row>
    <row r="16694" spans="2:12">
      <c r="B16694" s="367"/>
      <c r="C16694" s="367"/>
      <c r="D16694" s="367"/>
      <c r="E16694" s="367"/>
      <c r="F16694" s="359" t="s">
        <v>14356</v>
      </c>
      <c r="G16694" s="359" t="s">
        <v>14340</v>
      </c>
      <c r="H16694" s="359" t="s">
        <v>14370</v>
      </c>
      <c r="I16694" s="359" t="s">
        <v>14340</v>
      </c>
      <c r="J16694" s="365"/>
      <c r="K16694" s="365"/>
      <c r="L16694" s="365"/>
    </row>
    <row r="16695" spans="2:12">
      <c r="B16695" s="367"/>
      <c r="C16695" s="367"/>
      <c r="D16695" s="367"/>
      <c r="E16695" s="367"/>
      <c r="F16695" s="360"/>
      <c r="G16695" s="360"/>
      <c r="H16695" s="360"/>
      <c r="I16695" s="360"/>
      <c r="J16695" s="365"/>
      <c r="K16695" s="365"/>
      <c r="L16695" s="365"/>
    </row>
    <row r="16696" spans="2:12">
      <c r="B16696" s="367"/>
      <c r="C16696" s="367"/>
      <c r="D16696" s="367"/>
      <c r="E16696" s="367"/>
      <c r="F16696" s="359" t="s">
        <v>14391</v>
      </c>
      <c r="G16696" s="359" t="s">
        <v>14392</v>
      </c>
      <c r="H16696" s="359" t="s">
        <v>14332</v>
      </c>
      <c r="I16696" s="359" t="s">
        <v>14392</v>
      </c>
      <c r="J16696" s="365"/>
      <c r="K16696" s="365"/>
      <c r="L16696" s="365"/>
    </row>
    <row r="16697" spans="2:12">
      <c r="B16697" s="367"/>
      <c r="C16697" s="367"/>
      <c r="D16697" s="367"/>
      <c r="E16697" s="367"/>
      <c r="F16697" s="360"/>
      <c r="G16697" s="360"/>
      <c r="H16697" s="360"/>
      <c r="I16697" s="360"/>
      <c r="J16697" s="365"/>
      <c r="K16697" s="365"/>
      <c r="L16697" s="365"/>
    </row>
    <row r="16698" spans="2:12">
      <c r="B16698" s="367"/>
      <c r="C16698" s="367"/>
      <c r="D16698" s="367"/>
      <c r="E16698" s="367"/>
      <c r="F16698" s="359" t="s">
        <v>14371</v>
      </c>
      <c r="G16698" s="359" t="s">
        <v>14372</v>
      </c>
      <c r="H16698" s="360"/>
      <c r="I16698" s="359" t="s">
        <v>14373</v>
      </c>
      <c r="J16698" s="365"/>
      <c r="K16698" s="365"/>
      <c r="L16698" s="365"/>
    </row>
    <row r="16699" spans="2:12">
      <c r="B16699" s="367"/>
      <c r="C16699" s="367"/>
      <c r="D16699" s="367"/>
      <c r="E16699" s="367"/>
      <c r="F16699" s="360"/>
      <c r="G16699" s="360"/>
      <c r="H16699" s="360"/>
      <c r="I16699" s="360"/>
      <c r="J16699" s="365"/>
      <c r="K16699" s="365"/>
      <c r="L16699" s="365"/>
    </row>
    <row r="16700" spans="2:12" ht="28.5">
      <c r="B16700" s="368"/>
      <c r="C16700" s="368"/>
      <c r="D16700" s="368"/>
      <c r="E16700" s="368"/>
      <c r="F16700" s="361" t="s">
        <v>14374</v>
      </c>
      <c r="G16700" s="361" t="s">
        <v>14373</v>
      </c>
      <c r="H16700" s="362"/>
      <c r="I16700" s="362"/>
      <c r="J16700" s="366"/>
      <c r="K16700" s="366"/>
      <c r="L16700" s="366"/>
    </row>
    <row r="16701" spans="2:12">
      <c r="B16701" s="358" t="s">
        <v>23242</v>
      </c>
      <c r="C16701" s="358" t="s">
        <v>23243</v>
      </c>
      <c r="D16701" s="358" t="s">
        <v>23244</v>
      </c>
      <c r="E16701" s="358" t="s">
        <v>23245</v>
      </c>
      <c r="F16701" s="358" t="s">
        <v>14420</v>
      </c>
      <c r="G16701" s="358" t="s">
        <v>14429</v>
      </c>
      <c r="H16701" s="358" t="s">
        <v>14341</v>
      </c>
      <c r="I16701" s="358" t="s">
        <v>14429</v>
      </c>
      <c r="J16701" s="358"/>
      <c r="K16701" s="358"/>
      <c r="L16701" s="358"/>
    </row>
    <row r="16702" spans="2:12">
      <c r="B16702" s="367"/>
      <c r="C16702" s="367"/>
      <c r="D16702" s="367"/>
      <c r="E16702" s="367"/>
      <c r="F16702" s="360"/>
      <c r="G16702" s="360"/>
      <c r="H16702" s="360"/>
      <c r="I16702" s="360"/>
      <c r="J16702" s="365"/>
      <c r="K16702" s="365"/>
      <c r="L16702" s="365"/>
    </row>
    <row r="16703" spans="2:12">
      <c r="B16703" s="367"/>
      <c r="C16703" s="367"/>
      <c r="D16703" s="367"/>
      <c r="E16703" s="367"/>
      <c r="F16703" s="359" t="s">
        <v>14356</v>
      </c>
      <c r="G16703" s="359" t="s">
        <v>14340</v>
      </c>
      <c r="H16703" s="359" t="s">
        <v>14367</v>
      </c>
      <c r="I16703" s="359" t="s">
        <v>14340</v>
      </c>
      <c r="J16703" s="365"/>
      <c r="K16703" s="365"/>
      <c r="L16703" s="365"/>
    </row>
    <row r="16704" spans="2:12">
      <c r="B16704" s="367"/>
      <c r="C16704" s="367"/>
      <c r="D16704" s="367"/>
      <c r="E16704" s="367"/>
      <c r="F16704" s="360"/>
      <c r="G16704" s="360"/>
      <c r="H16704" s="360"/>
      <c r="I16704" s="360"/>
      <c r="J16704" s="365"/>
      <c r="K16704" s="365"/>
      <c r="L16704" s="365"/>
    </row>
    <row r="16705" spans="2:12">
      <c r="B16705" s="367"/>
      <c r="C16705" s="367"/>
      <c r="D16705" s="367"/>
      <c r="E16705" s="367"/>
      <c r="F16705" s="359" t="s">
        <v>14371</v>
      </c>
      <c r="G16705" s="359" t="s">
        <v>14372</v>
      </c>
      <c r="H16705" s="359" t="s">
        <v>14370</v>
      </c>
      <c r="I16705" s="359" t="s">
        <v>14373</v>
      </c>
      <c r="J16705" s="365"/>
      <c r="K16705" s="365"/>
      <c r="L16705" s="365"/>
    </row>
    <row r="16706" spans="2:12">
      <c r="B16706" s="367"/>
      <c r="C16706" s="367"/>
      <c r="D16706" s="367"/>
      <c r="E16706" s="367"/>
      <c r="F16706" s="360"/>
      <c r="G16706" s="360"/>
      <c r="H16706" s="360"/>
      <c r="I16706" s="360"/>
      <c r="J16706" s="365"/>
      <c r="K16706" s="365"/>
      <c r="L16706" s="365"/>
    </row>
    <row r="16707" spans="2:12" ht="28.5">
      <c r="B16707" s="368"/>
      <c r="C16707" s="368"/>
      <c r="D16707" s="368"/>
      <c r="E16707" s="368"/>
      <c r="F16707" s="361" t="s">
        <v>14374</v>
      </c>
      <c r="G16707" s="361" t="s">
        <v>14373</v>
      </c>
      <c r="H16707" s="361" t="s">
        <v>14332</v>
      </c>
      <c r="I16707" s="362"/>
      <c r="J16707" s="366"/>
      <c r="K16707" s="366"/>
      <c r="L16707" s="366"/>
    </row>
    <row r="16708" spans="2:12">
      <c r="B16708" s="358" t="s">
        <v>23246</v>
      </c>
      <c r="C16708" s="358" t="s">
        <v>23247</v>
      </c>
      <c r="D16708" s="358" t="s">
        <v>23248</v>
      </c>
      <c r="E16708" s="358" t="s">
        <v>23249</v>
      </c>
      <c r="F16708" s="358" t="s">
        <v>14420</v>
      </c>
      <c r="G16708" s="358" t="s">
        <v>14421</v>
      </c>
      <c r="H16708" s="358" t="s">
        <v>14341</v>
      </c>
      <c r="I16708" s="358" t="s">
        <v>14421</v>
      </c>
      <c r="J16708" s="358"/>
      <c r="K16708" s="358"/>
      <c r="L16708" s="358"/>
    </row>
    <row r="16709" spans="2:12">
      <c r="B16709" s="367"/>
      <c r="C16709" s="367"/>
      <c r="D16709" s="367"/>
      <c r="E16709" s="367"/>
      <c r="F16709" s="360"/>
      <c r="G16709" s="360"/>
      <c r="H16709" s="360"/>
      <c r="I16709" s="360"/>
      <c r="J16709" s="365"/>
      <c r="K16709" s="365"/>
      <c r="L16709" s="365"/>
    </row>
    <row r="16710" spans="2:12">
      <c r="B16710" s="367"/>
      <c r="C16710" s="367"/>
      <c r="D16710" s="367"/>
      <c r="E16710" s="367"/>
      <c r="F16710" s="359" t="s">
        <v>14420</v>
      </c>
      <c r="G16710" s="359" t="s">
        <v>14429</v>
      </c>
      <c r="H16710" s="359" t="s">
        <v>14367</v>
      </c>
      <c r="I16710" s="359" t="s">
        <v>14429</v>
      </c>
      <c r="J16710" s="365"/>
      <c r="K16710" s="365"/>
      <c r="L16710" s="365"/>
    </row>
    <row r="16711" spans="2:12">
      <c r="B16711" s="367"/>
      <c r="C16711" s="367"/>
      <c r="D16711" s="367"/>
      <c r="E16711" s="367"/>
      <c r="F16711" s="360"/>
      <c r="G16711" s="360"/>
      <c r="H16711" s="360"/>
      <c r="I16711" s="360"/>
      <c r="J16711" s="365"/>
      <c r="K16711" s="365"/>
      <c r="L16711" s="365"/>
    </row>
    <row r="16712" spans="2:12">
      <c r="B16712" s="367"/>
      <c r="C16712" s="367"/>
      <c r="D16712" s="367"/>
      <c r="E16712" s="367"/>
      <c r="F16712" s="359" t="s">
        <v>14356</v>
      </c>
      <c r="G16712" s="359" t="s">
        <v>14340</v>
      </c>
      <c r="H16712" s="359" t="s">
        <v>14332</v>
      </c>
      <c r="I16712" s="359" t="s">
        <v>14340</v>
      </c>
      <c r="J16712" s="365"/>
      <c r="K16712" s="365"/>
      <c r="L16712" s="365"/>
    </row>
    <row r="16713" spans="2:12">
      <c r="B16713" s="367"/>
      <c r="C16713" s="367"/>
      <c r="D16713" s="367"/>
      <c r="E16713" s="367"/>
      <c r="F16713" s="360"/>
      <c r="G16713" s="360"/>
      <c r="H16713" s="360"/>
      <c r="I16713" s="360"/>
      <c r="J16713" s="365"/>
      <c r="K16713" s="365"/>
      <c r="L16713" s="365"/>
    </row>
    <row r="16714" spans="2:12">
      <c r="B16714" s="367"/>
      <c r="C16714" s="367"/>
      <c r="D16714" s="367"/>
      <c r="E16714" s="367"/>
      <c r="F16714" s="359" t="s">
        <v>14391</v>
      </c>
      <c r="G16714" s="359" t="s">
        <v>14392</v>
      </c>
      <c r="H16714" s="360"/>
      <c r="I16714" s="359" t="s">
        <v>14392</v>
      </c>
      <c r="J16714" s="365"/>
      <c r="K16714" s="365"/>
      <c r="L16714" s="365"/>
    </row>
    <row r="16715" spans="2:12">
      <c r="B16715" s="367"/>
      <c r="C16715" s="367"/>
      <c r="D16715" s="367"/>
      <c r="E16715" s="367"/>
      <c r="F16715" s="360"/>
      <c r="G16715" s="360"/>
      <c r="H16715" s="360"/>
      <c r="I16715" s="360"/>
      <c r="J16715" s="365"/>
      <c r="K16715" s="365"/>
      <c r="L16715" s="365"/>
    </row>
    <row r="16716" spans="2:12" ht="28.5">
      <c r="B16716" s="368"/>
      <c r="C16716" s="368"/>
      <c r="D16716" s="368"/>
      <c r="E16716" s="368"/>
      <c r="F16716" s="361" t="s">
        <v>14472</v>
      </c>
      <c r="G16716" s="361" t="s">
        <v>14473</v>
      </c>
      <c r="H16716" s="362"/>
      <c r="I16716" s="361" t="s">
        <v>14473</v>
      </c>
      <c r="J16716" s="366"/>
      <c r="K16716" s="366"/>
      <c r="L16716" s="366"/>
    </row>
    <row r="16717" spans="2:12">
      <c r="B16717" s="358" t="s">
        <v>10535</v>
      </c>
      <c r="C16717" s="358" t="s">
        <v>23250</v>
      </c>
      <c r="D16717" s="358" t="s">
        <v>10536</v>
      </c>
      <c r="E16717" s="358" t="s">
        <v>1462</v>
      </c>
      <c r="F16717" s="358" t="s">
        <v>14376</v>
      </c>
      <c r="G16717" s="358" t="s">
        <v>14669</v>
      </c>
      <c r="H16717" s="358" t="s">
        <v>14381</v>
      </c>
      <c r="I16717" s="358" t="s">
        <v>14669</v>
      </c>
      <c r="J16717" s="358"/>
      <c r="K16717" s="358"/>
      <c r="L16717" s="358"/>
    </row>
    <row r="16718" spans="2:12">
      <c r="B16718" s="367"/>
      <c r="C16718" s="360"/>
      <c r="D16718" s="367"/>
      <c r="E16718" s="367"/>
      <c r="F16718" s="360"/>
      <c r="G16718" s="360"/>
      <c r="H16718" s="360"/>
      <c r="I16718" s="360"/>
      <c r="J16718" s="365"/>
      <c r="K16718" s="365"/>
      <c r="L16718" s="365"/>
    </row>
    <row r="16719" spans="2:12">
      <c r="B16719" s="367"/>
      <c r="C16719" s="359" t="s">
        <v>13268</v>
      </c>
      <c r="D16719" s="367"/>
      <c r="E16719" s="367"/>
      <c r="F16719" s="359" t="s">
        <v>14420</v>
      </c>
      <c r="G16719" s="359" t="s">
        <v>14421</v>
      </c>
      <c r="H16719" s="359" t="s">
        <v>14367</v>
      </c>
      <c r="I16719" s="359" t="s">
        <v>14421</v>
      </c>
      <c r="J16719" s="365"/>
      <c r="K16719" s="365"/>
      <c r="L16719" s="365"/>
    </row>
    <row r="16720" spans="2:12">
      <c r="B16720" s="367"/>
      <c r="C16720" s="360"/>
      <c r="D16720" s="367"/>
      <c r="E16720" s="367"/>
      <c r="F16720" s="360"/>
      <c r="G16720" s="360"/>
      <c r="H16720" s="360"/>
      <c r="I16720" s="360"/>
      <c r="J16720" s="365"/>
      <c r="K16720" s="365"/>
      <c r="L16720" s="365"/>
    </row>
    <row r="16721" spans="2:12">
      <c r="B16721" s="367"/>
      <c r="C16721" s="360"/>
      <c r="D16721" s="367"/>
      <c r="E16721" s="367"/>
      <c r="F16721" s="359" t="s">
        <v>14391</v>
      </c>
      <c r="G16721" s="359" t="s">
        <v>14392</v>
      </c>
      <c r="H16721" s="359" t="s">
        <v>14370</v>
      </c>
      <c r="I16721" s="359" t="s">
        <v>14392</v>
      </c>
      <c r="J16721" s="365"/>
      <c r="K16721" s="365"/>
      <c r="L16721" s="365"/>
    </row>
    <row r="16722" spans="2:12">
      <c r="B16722" s="367"/>
      <c r="C16722" s="360"/>
      <c r="D16722" s="367"/>
      <c r="E16722" s="367"/>
      <c r="F16722" s="360"/>
      <c r="G16722" s="360"/>
      <c r="H16722" s="360"/>
      <c r="I16722" s="360"/>
      <c r="J16722" s="365"/>
      <c r="K16722" s="365"/>
      <c r="L16722" s="365"/>
    </row>
    <row r="16723" spans="2:12">
      <c r="B16723" s="367"/>
      <c r="C16723" s="360"/>
      <c r="D16723" s="367"/>
      <c r="E16723" s="367"/>
      <c r="F16723" s="359" t="s">
        <v>14371</v>
      </c>
      <c r="G16723" s="359" t="s">
        <v>14372</v>
      </c>
      <c r="H16723" s="359" t="s">
        <v>14332</v>
      </c>
      <c r="I16723" s="359" t="s">
        <v>14373</v>
      </c>
      <c r="J16723" s="365"/>
      <c r="K16723" s="365"/>
      <c r="L16723" s="365"/>
    </row>
    <row r="16724" spans="2:12">
      <c r="B16724" s="367"/>
      <c r="C16724" s="360"/>
      <c r="D16724" s="367"/>
      <c r="E16724" s="367"/>
      <c r="F16724" s="360"/>
      <c r="G16724" s="360"/>
      <c r="H16724" s="360"/>
      <c r="I16724" s="360"/>
      <c r="J16724" s="365"/>
      <c r="K16724" s="365"/>
      <c r="L16724" s="365"/>
    </row>
    <row r="16725" spans="2:12" ht="28.5">
      <c r="B16725" s="368"/>
      <c r="C16725" s="362"/>
      <c r="D16725" s="368"/>
      <c r="E16725" s="368"/>
      <c r="F16725" s="361" t="s">
        <v>14374</v>
      </c>
      <c r="G16725" s="361" t="s">
        <v>14373</v>
      </c>
      <c r="H16725" s="362"/>
      <c r="I16725" s="362"/>
      <c r="J16725" s="366"/>
      <c r="K16725" s="366"/>
      <c r="L16725" s="366"/>
    </row>
    <row r="16726" spans="2:12">
      <c r="B16726" s="358" t="s">
        <v>10537</v>
      </c>
      <c r="C16726" s="358" t="s">
        <v>23251</v>
      </c>
      <c r="D16726" s="358" t="s">
        <v>8356</v>
      </c>
      <c r="E16726" s="358" t="s">
        <v>8356</v>
      </c>
      <c r="F16726" s="358" t="s">
        <v>14376</v>
      </c>
      <c r="G16726" s="358" t="s">
        <v>14669</v>
      </c>
      <c r="H16726" s="358" t="s">
        <v>14381</v>
      </c>
      <c r="I16726" s="358" t="s">
        <v>14669</v>
      </c>
      <c r="J16726" s="358"/>
      <c r="K16726" s="358"/>
      <c r="L16726" s="358" t="s">
        <v>9491</v>
      </c>
    </row>
    <row r="16727" spans="2:12">
      <c r="B16727" s="367"/>
      <c r="C16727" s="360"/>
      <c r="D16727" s="367"/>
      <c r="E16727" s="367"/>
      <c r="F16727" s="360"/>
      <c r="G16727" s="360"/>
      <c r="H16727" s="360"/>
      <c r="I16727" s="360"/>
      <c r="J16727" s="365"/>
      <c r="K16727" s="365"/>
      <c r="L16727" s="367"/>
    </row>
    <row r="16728" spans="2:12">
      <c r="B16728" s="367"/>
      <c r="C16728" s="359" t="s">
        <v>23252</v>
      </c>
      <c r="D16728" s="367"/>
      <c r="E16728" s="367"/>
      <c r="F16728" s="359" t="s">
        <v>14420</v>
      </c>
      <c r="G16728" s="359" t="s">
        <v>14421</v>
      </c>
      <c r="H16728" s="359" t="s">
        <v>14367</v>
      </c>
      <c r="I16728" s="359" t="s">
        <v>14421</v>
      </c>
      <c r="J16728" s="365"/>
      <c r="K16728" s="365"/>
      <c r="L16728" s="367"/>
    </row>
    <row r="16729" spans="2:12">
      <c r="B16729" s="367"/>
      <c r="C16729" s="360"/>
      <c r="D16729" s="367"/>
      <c r="E16729" s="367"/>
      <c r="F16729" s="360"/>
      <c r="G16729" s="360"/>
      <c r="H16729" s="360"/>
      <c r="I16729" s="360"/>
      <c r="J16729" s="365"/>
      <c r="K16729" s="365"/>
      <c r="L16729" s="367"/>
    </row>
    <row r="16730" spans="2:12">
      <c r="B16730" s="367"/>
      <c r="C16730" s="360"/>
      <c r="D16730" s="367"/>
      <c r="E16730" s="367"/>
      <c r="F16730" s="359" t="s">
        <v>14391</v>
      </c>
      <c r="G16730" s="359" t="s">
        <v>14392</v>
      </c>
      <c r="H16730" s="359" t="s">
        <v>14370</v>
      </c>
      <c r="I16730" s="359" t="s">
        <v>14392</v>
      </c>
      <c r="J16730" s="365"/>
      <c r="K16730" s="365"/>
      <c r="L16730" s="367"/>
    </row>
    <row r="16731" spans="2:12">
      <c r="B16731" s="367"/>
      <c r="C16731" s="360"/>
      <c r="D16731" s="367"/>
      <c r="E16731" s="367"/>
      <c r="F16731" s="360"/>
      <c r="G16731" s="360"/>
      <c r="H16731" s="360"/>
      <c r="I16731" s="360"/>
      <c r="J16731" s="365"/>
      <c r="K16731" s="365"/>
      <c r="L16731" s="367"/>
    </row>
    <row r="16732" spans="2:12">
      <c r="B16732" s="367"/>
      <c r="C16732" s="360"/>
      <c r="D16732" s="367"/>
      <c r="E16732" s="367"/>
      <c r="F16732" s="359" t="s">
        <v>14371</v>
      </c>
      <c r="G16732" s="359" t="s">
        <v>14372</v>
      </c>
      <c r="H16732" s="359" t="s">
        <v>14332</v>
      </c>
      <c r="I16732" s="359" t="s">
        <v>14373</v>
      </c>
      <c r="J16732" s="365"/>
      <c r="K16732" s="365"/>
      <c r="L16732" s="367"/>
    </row>
    <row r="16733" spans="2:12">
      <c r="B16733" s="367"/>
      <c r="C16733" s="360"/>
      <c r="D16733" s="367"/>
      <c r="E16733" s="367"/>
      <c r="F16733" s="360"/>
      <c r="G16733" s="360"/>
      <c r="H16733" s="360"/>
      <c r="I16733" s="360"/>
      <c r="J16733" s="365"/>
      <c r="K16733" s="365"/>
      <c r="L16733" s="367"/>
    </row>
    <row r="16734" spans="2:12" ht="28.5">
      <c r="B16734" s="368"/>
      <c r="C16734" s="362"/>
      <c r="D16734" s="368"/>
      <c r="E16734" s="368"/>
      <c r="F16734" s="361" t="s">
        <v>14374</v>
      </c>
      <c r="G16734" s="361" t="s">
        <v>14373</v>
      </c>
      <c r="H16734" s="362"/>
      <c r="I16734" s="362"/>
      <c r="J16734" s="366"/>
      <c r="K16734" s="366"/>
      <c r="L16734" s="368"/>
    </row>
    <row r="16735" spans="2:12">
      <c r="B16735" s="358" t="s">
        <v>9521</v>
      </c>
      <c r="C16735" s="358" t="s">
        <v>23253</v>
      </c>
      <c r="D16735" s="358" t="s">
        <v>23254</v>
      </c>
      <c r="E16735" s="358" t="s">
        <v>1426</v>
      </c>
      <c r="F16735" s="358" t="s">
        <v>16528</v>
      </c>
      <c r="G16735" s="358" t="s">
        <v>14669</v>
      </c>
      <c r="H16735" s="358" t="s">
        <v>14381</v>
      </c>
      <c r="I16735" s="358" t="s">
        <v>14669</v>
      </c>
      <c r="J16735" s="358"/>
      <c r="K16735" s="358"/>
      <c r="L16735" s="358" t="s">
        <v>9491</v>
      </c>
    </row>
    <row r="16736" spans="2:12">
      <c r="B16736" s="367"/>
      <c r="C16736" s="367"/>
      <c r="D16736" s="360"/>
      <c r="E16736" s="360"/>
      <c r="F16736" s="360"/>
      <c r="G16736" s="360"/>
      <c r="H16736" s="360"/>
      <c r="I16736" s="360"/>
      <c r="J16736" s="365"/>
      <c r="K16736" s="365"/>
      <c r="L16736" s="367"/>
    </row>
    <row r="16737" spans="2:12">
      <c r="B16737" s="367"/>
      <c r="C16737" s="367"/>
      <c r="D16737" s="359" t="s">
        <v>23255</v>
      </c>
      <c r="E16737" s="359" t="s">
        <v>1420</v>
      </c>
      <c r="F16737" s="359" t="s">
        <v>14420</v>
      </c>
      <c r="G16737" s="359" t="s">
        <v>14429</v>
      </c>
      <c r="H16737" s="359" t="s">
        <v>14367</v>
      </c>
      <c r="I16737" s="359" t="s">
        <v>14429</v>
      </c>
      <c r="J16737" s="365"/>
      <c r="K16737" s="365"/>
      <c r="L16737" s="367"/>
    </row>
    <row r="16738" spans="2:12">
      <c r="B16738" s="367"/>
      <c r="C16738" s="367"/>
      <c r="D16738" s="360"/>
      <c r="E16738" s="360"/>
      <c r="F16738" s="360"/>
      <c r="G16738" s="360"/>
      <c r="H16738" s="360"/>
      <c r="I16738" s="360"/>
      <c r="J16738" s="365"/>
      <c r="K16738" s="365"/>
      <c r="L16738" s="367"/>
    </row>
    <row r="16739" spans="2:12">
      <c r="B16739" s="367"/>
      <c r="C16739" s="367"/>
      <c r="D16739" s="359" t="s">
        <v>23256</v>
      </c>
      <c r="E16739" s="359" t="s">
        <v>1422</v>
      </c>
      <c r="F16739" s="359" t="s">
        <v>14371</v>
      </c>
      <c r="G16739" s="359" t="s">
        <v>14372</v>
      </c>
      <c r="H16739" s="359" t="s">
        <v>14370</v>
      </c>
      <c r="I16739" s="359" t="s">
        <v>14373</v>
      </c>
      <c r="J16739" s="365"/>
      <c r="K16739" s="365"/>
      <c r="L16739" s="367"/>
    </row>
    <row r="16740" spans="2:12">
      <c r="B16740" s="367"/>
      <c r="C16740" s="367"/>
      <c r="D16740" s="360"/>
      <c r="E16740" s="360"/>
      <c r="F16740" s="360"/>
      <c r="G16740" s="360"/>
      <c r="H16740" s="360"/>
      <c r="I16740" s="360"/>
      <c r="J16740" s="365"/>
      <c r="K16740" s="365"/>
      <c r="L16740" s="367"/>
    </row>
    <row r="16741" spans="2:12" ht="28.5">
      <c r="B16741" s="368"/>
      <c r="C16741" s="368"/>
      <c r="D16741" s="361" t="s">
        <v>23257</v>
      </c>
      <c r="E16741" s="361" t="s">
        <v>1418</v>
      </c>
      <c r="F16741" s="361" t="s">
        <v>14374</v>
      </c>
      <c r="G16741" s="361" t="s">
        <v>14373</v>
      </c>
      <c r="H16741" s="361" t="s">
        <v>14332</v>
      </c>
      <c r="I16741" s="362"/>
      <c r="J16741" s="366"/>
      <c r="K16741" s="366"/>
      <c r="L16741" s="368"/>
    </row>
    <row r="16742" spans="2:12">
      <c r="B16742" s="358" t="s">
        <v>9523</v>
      </c>
      <c r="C16742" s="358" t="s">
        <v>23258</v>
      </c>
      <c r="D16742" s="358" t="s">
        <v>14202</v>
      </c>
      <c r="E16742" s="358" t="s">
        <v>5165</v>
      </c>
      <c r="F16742" s="358" t="s">
        <v>16528</v>
      </c>
      <c r="G16742" s="358" t="s">
        <v>14669</v>
      </c>
      <c r="H16742" s="358" t="s">
        <v>14381</v>
      </c>
      <c r="I16742" s="358" t="s">
        <v>14669</v>
      </c>
      <c r="J16742" s="358"/>
      <c r="K16742" s="358"/>
      <c r="L16742" s="358" t="s">
        <v>9491</v>
      </c>
    </row>
    <row r="16743" spans="2:12">
      <c r="B16743" s="367"/>
      <c r="C16743" s="367"/>
      <c r="D16743" s="360"/>
      <c r="E16743" s="360"/>
      <c r="F16743" s="360"/>
      <c r="G16743" s="360"/>
      <c r="H16743" s="360"/>
      <c r="I16743" s="360"/>
      <c r="J16743" s="365"/>
      <c r="K16743" s="365"/>
      <c r="L16743" s="367"/>
    </row>
    <row r="16744" spans="2:12">
      <c r="B16744" s="367"/>
      <c r="C16744" s="367"/>
      <c r="D16744" s="359" t="s">
        <v>23259</v>
      </c>
      <c r="E16744" s="359" t="s">
        <v>23260</v>
      </c>
      <c r="F16744" s="359" t="s">
        <v>14420</v>
      </c>
      <c r="G16744" s="359" t="s">
        <v>14429</v>
      </c>
      <c r="H16744" s="359" t="s">
        <v>14367</v>
      </c>
      <c r="I16744" s="359" t="s">
        <v>14429</v>
      </c>
      <c r="J16744" s="365"/>
      <c r="K16744" s="365"/>
      <c r="L16744" s="367"/>
    </row>
    <row r="16745" spans="2:12">
      <c r="B16745" s="367"/>
      <c r="C16745" s="367"/>
      <c r="D16745" s="360"/>
      <c r="E16745" s="360"/>
      <c r="F16745" s="360"/>
      <c r="G16745" s="360"/>
      <c r="H16745" s="360"/>
      <c r="I16745" s="360"/>
      <c r="J16745" s="365"/>
      <c r="K16745" s="365"/>
      <c r="L16745" s="367"/>
    </row>
    <row r="16746" spans="2:12" ht="28.5">
      <c r="B16746" s="367"/>
      <c r="C16746" s="367"/>
      <c r="D16746" s="360"/>
      <c r="E16746" s="360"/>
      <c r="F16746" s="359" t="s">
        <v>14394</v>
      </c>
      <c r="G16746" s="359" t="s">
        <v>14395</v>
      </c>
      <c r="H16746" s="359" t="s">
        <v>14370</v>
      </c>
      <c r="I16746" s="359" t="s">
        <v>14395</v>
      </c>
      <c r="J16746" s="365"/>
      <c r="K16746" s="365"/>
      <c r="L16746" s="367"/>
    </row>
    <row r="16747" spans="2:12">
      <c r="B16747" s="367"/>
      <c r="C16747" s="367"/>
      <c r="D16747" s="360"/>
      <c r="E16747" s="360"/>
      <c r="F16747" s="360"/>
      <c r="G16747" s="360"/>
      <c r="H16747" s="360"/>
      <c r="I16747" s="360"/>
      <c r="J16747" s="365"/>
      <c r="K16747" s="365"/>
      <c r="L16747" s="367"/>
    </row>
    <row r="16748" spans="2:12">
      <c r="B16748" s="368"/>
      <c r="C16748" s="368"/>
      <c r="D16748" s="362"/>
      <c r="E16748" s="362"/>
      <c r="F16748" s="362"/>
      <c r="G16748" s="362"/>
      <c r="H16748" s="361" t="s">
        <v>14332</v>
      </c>
      <c r="I16748" s="362"/>
      <c r="J16748" s="366"/>
      <c r="K16748" s="366"/>
      <c r="L16748" s="368"/>
    </row>
    <row r="16749" spans="2:12">
      <c r="B16749" s="358" t="s">
        <v>9529</v>
      </c>
      <c r="C16749" s="358" t="s">
        <v>23261</v>
      </c>
      <c r="D16749" s="358" t="s">
        <v>208</v>
      </c>
      <c r="E16749" s="358" t="s">
        <v>209</v>
      </c>
      <c r="F16749" s="358" t="s">
        <v>16528</v>
      </c>
      <c r="G16749" s="358" t="s">
        <v>14669</v>
      </c>
      <c r="H16749" s="358" t="s">
        <v>14381</v>
      </c>
      <c r="I16749" s="358" t="s">
        <v>14669</v>
      </c>
      <c r="J16749" s="358"/>
      <c r="K16749" s="358"/>
      <c r="L16749" s="358"/>
    </row>
    <row r="16750" spans="2:12">
      <c r="B16750" s="367"/>
      <c r="C16750" s="360"/>
      <c r="D16750" s="367"/>
      <c r="E16750" s="367"/>
      <c r="F16750" s="360"/>
      <c r="G16750" s="360"/>
      <c r="H16750" s="360"/>
      <c r="I16750" s="360"/>
      <c r="J16750" s="365"/>
      <c r="K16750" s="365"/>
      <c r="L16750" s="365"/>
    </row>
    <row r="16751" spans="2:12">
      <c r="B16751" s="367"/>
      <c r="C16751" s="359" t="s">
        <v>23262</v>
      </c>
      <c r="D16751" s="367"/>
      <c r="E16751" s="367"/>
      <c r="F16751" s="359" t="s">
        <v>14420</v>
      </c>
      <c r="G16751" s="359" t="s">
        <v>14429</v>
      </c>
      <c r="H16751" s="359" t="s">
        <v>14367</v>
      </c>
      <c r="I16751" s="359" t="s">
        <v>14429</v>
      </c>
      <c r="J16751" s="365"/>
      <c r="K16751" s="365"/>
      <c r="L16751" s="365"/>
    </row>
    <row r="16752" spans="2:12">
      <c r="B16752" s="367"/>
      <c r="C16752" s="360"/>
      <c r="D16752" s="367"/>
      <c r="E16752" s="367"/>
      <c r="F16752" s="360"/>
      <c r="G16752" s="360"/>
      <c r="H16752" s="360"/>
      <c r="I16752" s="360"/>
      <c r="J16752" s="365"/>
      <c r="K16752" s="365"/>
      <c r="L16752" s="365"/>
    </row>
    <row r="16753" spans="2:12">
      <c r="B16753" s="368"/>
      <c r="C16753" s="361" t="s">
        <v>23263</v>
      </c>
      <c r="D16753" s="368"/>
      <c r="E16753" s="368"/>
      <c r="F16753" s="362"/>
      <c r="G16753" s="362"/>
      <c r="H16753" s="361" t="s">
        <v>14332</v>
      </c>
      <c r="I16753" s="362"/>
      <c r="J16753" s="366"/>
      <c r="K16753" s="366"/>
      <c r="L16753" s="366"/>
    </row>
    <row r="16754" spans="2:12">
      <c r="B16754" s="358" t="s">
        <v>9531</v>
      </c>
      <c r="C16754" s="358" t="s">
        <v>23264</v>
      </c>
      <c r="D16754" s="358" t="s">
        <v>8356</v>
      </c>
      <c r="E16754" s="358" t="s">
        <v>8356</v>
      </c>
      <c r="F16754" s="358" t="s">
        <v>16528</v>
      </c>
      <c r="G16754" s="358" t="s">
        <v>14669</v>
      </c>
      <c r="H16754" s="358" t="s">
        <v>14381</v>
      </c>
      <c r="I16754" s="358" t="s">
        <v>14669</v>
      </c>
      <c r="J16754" s="358"/>
      <c r="K16754" s="358"/>
      <c r="L16754" s="358" t="s">
        <v>9491</v>
      </c>
    </row>
    <row r="16755" spans="2:12">
      <c r="B16755" s="367"/>
      <c r="C16755" s="360"/>
      <c r="D16755" s="367"/>
      <c r="E16755" s="367"/>
      <c r="F16755" s="360"/>
      <c r="G16755" s="360"/>
      <c r="H16755" s="360"/>
      <c r="I16755" s="360"/>
      <c r="J16755" s="365"/>
      <c r="K16755" s="365"/>
      <c r="L16755" s="367"/>
    </row>
    <row r="16756" spans="2:12">
      <c r="B16756" s="367"/>
      <c r="C16756" s="359" t="s">
        <v>23265</v>
      </c>
      <c r="D16756" s="367"/>
      <c r="E16756" s="367"/>
      <c r="F16756" s="359" t="s">
        <v>14420</v>
      </c>
      <c r="G16756" s="359" t="s">
        <v>14429</v>
      </c>
      <c r="H16756" s="359" t="s">
        <v>14367</v>
      </c>
      <c r="I16756" s="359" t="s">
        <v>14429</v>
      </c>
      <c r="J16756" s="365"/>
      <c r="K16756" s="365"/>
      <c r="L16756" s="367"/>
    </row>
    <row r="16757" spans="2:12">
      <c r="B16757" s="367"/>
      <c r="C16757" s="360"/>
      <c r="D16757" s="367"/>
      <c r="E16757" s="367"/>
      <c r="F16757" s="360"/>
      <c r="G16757" s="360"/>
      <c r="H16757" s="360"/>
      <c r="I16757" s="360"/>
      <c r="J16757" s="365"/>
      <c r="K16757" s="365"/>
      <c r="L16757" s="367"/>
    </row>
    <row r="16758" spans="2:12">
      <c r="B16758" s="368"/>
      <c r="C16758" s="361" t="s">
        <v>23266</v>
      </c>
      <c r="D16758" s="368"/>
      <c r="E16758" s="368"/>
      <c r="F16758" s="362"/>
      <c r="G16758" s="362"/>
      <c r="H16758" s="361" t="s">
        <v>14332</v>
      </c>
      <c r="I16758" s="362"/>
      <c r="J16758" s="366"/>
      <c r="K16758" s="366"/>
      <c r="L16758" s="368"/>
    </row>
    <row r="16759" spans="2:12">
      <c r="B16759" s="358" t="s">
        <v>23267</v>
      </c>
      <c r="C16759" s="358" t="s">
        <v>23268</v>
      </c>
      <c r="D16759" s="358" t="s">
        <v>23269</v>
      </c>
      <c r="E16759" s="358" t="s">
        <v>23270</v>
      </c>
      <c r="F16759" s="358" t="s">
        <v>14418</v>
      </c>
      <c r="G16759" s="358" t="s">
        <v>14419</v>
      </c>
      <c r="H16759" s="358" t="s">
        <v>14328</v>
      </c>
      <c r="I16759" s="358" t="s">
        <v>14419</v>
      </c>
      <c r="J16759" s="358"/>
      <c r="K16759" s="358"/>
      <c r="L16759" s="358"/>
    </row>
    <row r="16760" spans="2:12">
      <c r="B16760" s="367"/>
      <c r="C16760" s="367"/>
      <c r="D16760" s="367"/>
      <c r="E16760" s="367"/>
      <c r="F16760" s="360"/>
      <c r="G16760" s="360"/>
      <c r="H16760" s="360"/>
      <c r="I16760" s="360"/>
      <c r="J16760" s="365"/>
      <c r="K16760" s="365"/>
      <c r="L16760" s="365"/>
    </row>
    <row r="16761" spans="2:12">
      <c r="B16761" s="367"/>
      <c r="C16761" s="367"/>
      <c r="D16761" s="367"/>
      <c r="E16761" s="367"/>
      <c r="F16761" s="359" t="s">
        <v>14420</v>
      </c>
      <c r="G16761" s="359" t="s">
        <v>14459</v>
      </c>
      <c r="H16761" s="359" t="s">
        <v>14341</v>
      </c>
      <c r="I16761" s="359" t="s">
        <v>14459</v>
      </c>
      <c r="J16761" s="365"/>
      <c r="K16761" s="365"/>
      <c r="L16761" s="365"/>
    </row>
    <row r="16762" spans="2:12">
      <c r="B16762" s="367"/>
      <c r="C16762" s="367"/>
      <c r="D16762" s="367"/>
      <c r="E16762" s="367"/>
      <c r="F16762" s="360"/>
      <c r="G16762" s="360"/>
      <c r="H16762" s="360"/>
      <c r="I16762" s="360"/>
      <c r="J16762" s="365"/>
      <c r="K16762" s="365"/>
      <c r="L16762" s="365"/>
    </row>
    <row r="16763" spans="2:12">
      <c r="B16763" s="367"/>
      <c r="C16763" s="367"/>
      <c r="D16763" s="367"/>
      <c r="E16763" s="367"/>
      <c r="F16763" s="359" t="s">
        <v>14420</v>
      </c>
      <c r="G16763" s="359" t="s">
        <v>14421</v>
      </c>
      <c r="H16763" s="359" t="s">
        <v>14367</v>
      </c>
      <c r="I16763" s="359" t="s">
        <v>14421</v>
      </c>
      <c r="J16763" s="365"/>
      <c r="K16763" s="365"/>
      <c r="L16763" s="365"/>
    </row>
    <row r="16764" spans="2:12">
      <c r="B16764" s="367"/>
      <c r="C16764" s="367"/>
      <c r="D16764" s="367"/>
      <c r="E16764" s="367"/>
      <c r="F16764" s="360"/>
      <c r="G16764" s="360"/>
      <c r="H16764" s="360"/>
      <c r="I16764" s="360"/>
      <c r="J16764" s="365"/>
      <c r="K16764" s="365"/>
      <c r="L16764" s="365"/>
    </row>
    <row r="16765" spans="2:12">
      <c r="B16765" s="367"/>
      <c r="C16765" s="367"/>
      <c r="D16765" s="367"/>
      <c r="E16765" s="367"/>
      <c r="F16765" s="359" t="s">
        <v>14420</v>
      </c>
      <c r="G16765" s="359" t="s">
        <v>14429</v>
      </c>
      <c r="H16765" s="359" t="s">
        <v>14332</v>
      </c>
      <c r="I16765" s="359" t="s">
        <v>14429</v>
      </c>
      <c r="J16765" s="365"/>
      <c r="K16765" s="365"/>
      <c r="L16765" s="365"/>
    </row>
    <row r="16766" spans="2:12">
      <c r="B16766" s="367"/>
      <c r="C16766" s="367"/>
      <c r="D16766" s="367"/>
      <c r="E16766" s="367"/>
      <c r="F16766" s="360"/>
      <c r="G16766" s="360"/>
      <c r="H16766" s="360"/>
      <c r="I16766" s="360"/>
      <c r="J16766" s="365"/>
      <c r="K16766" s="365"/>
      <c r="L16766" s="365"/>
    </row>
    <row r="16767" spans="2:12">
      <c r="B16767" s="367"/>
      <c r="C16767" s="367"/>
      <c r="D16767" s="367"/>
      <c r="E16767" s="367"/>
      <c r="F16767" s="359" t="s">
        <v>14356</v>
      </c>
      <c r="G16767" s="359" t="s">
        <v>14340</v>
      </c>
      <c r="H16767" s="360"/>
      <c r="I16767" s="359" t="s">
        <v>14340</v>
      </c>
      <c r="J16767" s="365"/>
      <c r="K16767" s="365"/>
      <c r="L16767" s="365"/>
    </row>
    <row r="16768" spans="2:12">
      <c r="B16768" s="367"/>
      <c r="C16768" s="367"/>
      <c r="D16768" s="367"/>
      <c r="E16768" s="367"/>
      <c r="F16768" s="360"/>
      <c r="G16768" s="360"/>
      <c r="H16768" s="360"/>
      <c r="I16768" s="360"/>
      <c r="J16768" s="365"/>
      <c r="K16768" s="365"/>
      <c r="L16768" s="365"/>
    </row>
    <row r="16769" spans="2:12" ht="28.5">
      <c r="B16769" s="368"/>
      <c r="C16769" s="368"/>
      <c r="D16769" s="368"/>
      <c r="E16769" s="368"/>
      <c r="F16769" s="361" t="s">
        <v>14472</v>
      </c>
      <c r="G16769" s="361" t="s">
        <v>14473</v>
      </c>
      <c r="H16769" s="362"/>
      <c r="I16769" s="361" t="s">
        <v>14473</v>
      </c>
      <c r="J16769" s="366"/>
      <c r="K16769" s="366"/>
      <c r="L16769" s="366"/>
    </row>
    <row r="16770" spans="2:12">
      <c r="B16770" s="358" t="s">
        <v>23271</v>
      </c>
      <c r="C16770" s="358" t="s">
        <v>23272</v>
      </c>
      <c r="D16770" s="358" t="s">
        <v>23273</v>
      </c>
      <c r="E16770" s="358" t="s">
        <v>23274</v>
      </c>
      <c r="F16770" s="358" t="s">
        <v>14505</v>
      </c>
      <c r="G16770" s="358" t="s">
        <v>14506</v>
      </c>
      <c r="H16770" s="358" t="s">
        <v>14328</v>
      </c>
      <c r="I16770" s="358" t="s">
        <v>14506</v>
      </c>
      <c r="J16770" s="358"/>
      <c r="K16770" s="358"/>
      <c r="L16770" s="358"/>
    </row>
    <row r="16771" spans="2:12">
      <c r="B16771" s="367"/>
      <c r="C16771" s="360"/>
      <c r="D16771" s="367"/>
      <c r="E16771" s="367"/>
      <c r="F16771" s="360"/>
      <c r="G16771" s="360"/>
      <c r="H16771" s="360"/>
      <c r="I16771" s="360"/>
      <c r="J16771" s="365"/>
      <c r="K16771" s="365"/>
      <c r="L16771" s="365"/>
    </row>
    <row r="16772" spans="2:12">
      <c r="B16772" s="367"/>
      <c r="C16772" s="359" t="s">
        <v>23275</v>
      </c>
      <c r="D16772" s="367"/>
      <c r="E16772" s="367"/>
      <c r="F16772" s="359" t="s">
        <v>14420</v>
      </c>
      <c r="G16772" s="359" t="s">
        <v>14421</v>
      </c>
      <c r="H16772" s="359" t="s">
        <v>14341</v>
      </c>
      <c r="I16772" s="359" t="s">
        <v>14421</v>
      </c>
      <c r="J16772" s="365"/>
      <c r="K16772" s="365"/>
      <c r="L16772" s="365"/>
    </row>
    <row r="16773" spans="2:12">
      <c r="B16773" s="367"/>
      <c r="C16773" s="360"/>
      <c r="D16773" s="367"/>
      <c r="E16773" s="367"/>
      <c r="F16773" s="360"/>
      <c r="G16773" s="360"/>
      <c r="H16773" s="360"/>
      <c r="I16773" s="360"/>
      <c r="J16773" s="365"/>
      <c r="K16773" s="365"/>
      <c r="L16773" s="365"/>
    </row>
    <row r="16774" spans="2:12">
      <c r="B16774" s="367"/>
      <c r="C16774" s="360"/>
      <c r="D16774" s="367"/>
      <c r="E16774" s="367"/>
      <c r="F16774" s="359" t="s">
        <v>14420</v>
      </c>
      <c r="G16774" s="359" t="s">
        <v>14429</v>
      </c>
      <c r="H16774" s="359" t="s">
        <v>14367</v>
      </c>
      <c r="I16774" s="359" t="s">
        <v>14429</v>
      </c>
      <c r="J16774" s="365"/>
      <c r="K16774" s="365"/>
      <c r="L16774" s="365"/>
    </row>
    <row r="16775" spans="2:12">
      <c r="B16775" s="367"/>
      <c r="C16775" s="360"/>
      <c r="D16775" s="367"/>
      <c r="E16775" s="367"/>
      <c r="F16775" s="360"/>
      <c r="G16775" s="360"/>
      <c r="H16775" s="360"/>
      <c r="I16775" s="360"/>
      <c r="J16775" s="365"/>
      <c r="K16775" s="365"/>
      <c r="L16775" s="365"/>
    </row>
    <row r="16776" spans="2:12">
      <c r="B16776" s="368"/>
      <c r="C16776" s="362"/>
      <c r="D16776" s="368"/>
      <c r="E16776" s="368"/>
      <c r="F16776" s="361" t="s">
        <v>14339</v>
      </c>
      <c r="G16776" s="361" t="s">
        <v>14340</v>
      </c>
      <c r="H16776" s="361" t="s">
        <v>14332</v>
      </c>
      <c r="I16776" s="361" t="s">
        <v>14340</v>
      </c>
      <c r="J16776" s="366"/>
      <c r="K16776" s="366"/>
      <c r="L16776" s="366"/>
    </row>
    <row r="16777" spans="2:12">
      <c r="B16777" s="358" t="s">
        <v>23276</v>
      </c>
      <c r="C16777" s="358" t="s">
        <v>23277</v>
      </c>
      <c r="D16777" s="358" t="s">
        <v>23278</v>
      </c>
      <c r="E16777" s="358" t="s">
        <v>23279</v>
      </c>
      <c r="F16777" s="358" t="s">
        <v>14505</v>
      </c>
      <c r="G16777" s="358" t="s">
        <v>14506</v>
      </c>
      <c r="H16777" s="358" t="s">
        <v>14328</v>
      </c>
      <c r="I16777" s="358" t="s">
        <v>14506</v>
      </c>
      <c r="J16777" s="358"/>
      <c r="K16777" s="358"/>
      <c r="L16777" s="358"/>
    </row>
    <row r="16778" spans="2:12">
      <c r="B16778" s="367"/>
      <c r="C16778" s="367"/>
      <c r="D16778" s="367"/>
      <c r="E16778" s="367"/>
      <c r="F16778" s="360"/>
      <c r="G16778" s="360"/>
      <c r="H16778" s="360"/>
      <c r="I16778" s="360"/>
      <c r="J16778" s="365"/>
      <c r="K16778" s="365"/>
      <c r="L16778" s="365"/>
    </row>
    <row r="16779" spans="2:12">
      <c r="B16779" s="367"/>
      <c r="C16779" s="367"/>
      <c r="D16779" s="367"/>
      <c r="E16779" s="367"/>
      <c r="F16779" s="359" t="s">
        <v>14420</v>
      </c>
      <c r="G16779" s="359" t="s">
        <v>14459</v>
      </c>
      <c r="H16779" s="359" t="s">
        <v>14341</v>
      </c>
      <c r="I16779" s="359" t="s">
        <v>14459</v>
      </c>
      <c r="J16779" s="365"/>
      <c r="K16779" s="365"/>
      <c r="L16779" s="365"/>
    </row>
    <row r="16780" spans="2:12">
      <c r="B16780" s="367"/>
      <c r="C16780" s="367"/>
      <c r="D16780" s="367"/>
      <c r="E16780" s="367"/>
      <c r="F16780" s="360"/>
      <c r="G16780" s="360"/>
      <c r="H16780" s="360"/>
      <c r="I16780" s="360"/>
      <c r="J16780" s="365"/>
      <c r="K16780" s="365"/>
      <c r="L16780" s="365"/>
    </row>
    <row r="16781" spans="2:12">
      <c r="B16781" s="367"/>
      <c r="C16781" s="367"/>
      <c r="D16781" s="367"/>
      <c r="E16781" s="367"/>
      <c r="F16781" s="359" t="s">
        <v>14420</v>
      </c>
      <c r="G16781" s="359" t="s">
        <v>14429</v>
      </c>
      <c r="H16781" s="359" t="s">
        <v>14367</v>
      </c>
      <c r="I16781" s="359" t="s">
        <v>14429</v>
      </c>
      <c r="J16781" s="365"/>
      <c r="K16781" s="365"/>
      <c r="L16781" s="365"/>
    </row>
    <row r="16782" spans="2:12">
      <c r="B16782" s="367"/>
      <c r="C16782" s="367"/>
      <c r="D16782" s="367"/>
      <c r="E16782" s="367"/>
      <c r="F16782" s="360"/>
      <c r="G16782" s="360"/>
      <c r="H16782" s="360"/>
      <c r="I16782" s="360"/>
      <c r="J16782" s="365"/>
      <c r="K16782" s="365"/>
      <c r="L16782" s="365"/>
    </row>
    <row r="16783" spans="2:12">
      <c r="B16783" s="368"/>
      <c r="C16783" s="368"/>
      <c r="D16783" s="368"/>
      <c r="E16783" s="368"/>
      <c r="F16783" s="361" t="s">
        <v>14356</v>
      </c>
      <c r="G16783" s="361" t="s">
        <v>14340</v>
      </c>
      <c r="H16783" s="361" t="s">
        <v>14332</v>
      </c>
      <c r="I16783" s="361" t="s">
        <v>14340</v>
      </c>
      <c r="J16783" s="366"/>
      <c r="K16783" s="366"/>
      <c r="L16783" s="366"/>
    </row>
    <row r="16784" spans="2:12" ht="42.75">
      <c r="B16784" s="358" t="s">
        <v>10545</v>
      </c>
      <c r="C16784" s="358" t="s">
        <v>23280</v>
      </c>
      <c r="D16784" s="358" t="s">
        <v>10546</v>
      </c>
      <c r="E16784" s="358" t="s">
        <v>5822</v>
      </c>
      <c r="F16784" s="358" t="s">
        <v>14376</v>
      </c>
      <c r="G16784" s="358" t="s">
        <v>14669</v>
      </c>
      <c r="H16784" s="358" t="s">
        <v>14378</v>
      </c>
      <c r="I16784" s="358" t="s">
        <v>14669</v>
      </c>
      <c r="J16784" s="358"/>
      <c r="K16784" s="358" t="s">
        <v>29532</v>
      </c>
      <c r="L16784" s="358"/>
    </row>
    <row r="16785" spans="2:12">
      <c r="B16785" s="367"/>
      <c r="C16785" s="360"/>
      <c r="D16785" s="367"/>
      <c r="E16785" s="367"/>
      <c r="F16785" s="360"/>
      <c r="G16785" s="360"/>
      <c r="H16785" s="360"/>
      <c r="I16785" s="360"/>
      <c r="J16785" s="365"/>
      <c r="K16785" s="367"/>
      <c r="L16785" s="365"/>
    </row>
    <row r="16786" spans="2:12">
      <c r="B16786" s="367"/>
      <c r="C16786" s="359" t="s">
        <v>27828</v>
      </c>
      <c r="D16786" s="367"/>
      <c r="E16786" s="367"/>
      <c r="F16786" s="359" t="s">
        <v>14379</v>
      </c>
      <c r="G16786" s="359" t="s">
        <v>14380</v>
      </c>
      <c r="H16786" s="359" t="s">
        <v>14381</v>
      </c>
      <c r="I16786" s="359" t="s">
        <v>14380</v>
      </c>
      <c r="J16786" s="365"/>
      <c r="K16786" s="367"/>
      <c r="L16786" s="365"/>
    </row>
    <row r="16787" spans="2:12">
      <c r="B16787" s="367"/>
      <c r="C16787" s="360"/>
      <c r="D16787" s="367"/>
      <c r="E16787" s="367"/>
      <c r="F16787" s="360"/>
      <c r="G16787" s="360"/>
      <c r="H16787" s="360"/>
      <c r="I16787" s="360"/>
      <c r="J16787" s="365"/>
      <c r="K16787" s="367"/>
      <c r="L16787" s="365"/>
    </row>
    <row r="16788" spans="2:12">
      <c r="B16788" s="367"/>
      <c r="C16788" s="360"/>
      <c r="D16788" s="367"/>
      <c r="E16788" s="367"/>
      <c r="F16788" s="359" t="s">
        <v>14382</v>
      </c>
      <c r="G16788" s="359" t="s">
        <v>14383</v>
      </c>
      <c r="H16788" s="359" t="s">
        <v>14370</v>
      </c>
      <c r="I16788" s="359" t="s">
        <v>14383</v>
      </c>
      <c r="J16788" s="365"/>
      <c r="K16788" s="367"/>
      <c r="L16788" s="365"/>
    </row>
    <row r="16789" spans="2:12">
      <c r="B16789" s="367"/>
      <c r="C16789" s="360"/>
      <c r="D16789" s="367"/>
      <c r="E16789" s="367"/>
      <c r="F16789" s="360"/>
      <c r="G16789" s="360"/>
      <c r="H16789" s="360"/>
      <c r="I16789" s="360"/>
      <c r="J16789" s="365"/>
      <c r="K16789" s="367"/>
      <c r="L16789" s="365"/>
    </row>
    <row r="16790" spans="2:12">
      <c r="B16790" s="367"/>
      <c r="C16790" s="360"/>
      <c r="D16790" s="367"/>
      <c r="E16790" s="367"/>
      <c r="F16790" s="359" t="s">
        <v>14384</v>
      </c>
      <c r="G16790" s="359" t="s">
        <v>14385</v>
      </c>
      <c r="H16790" s="359" t="s">
        <v>14332</v>
      </c>
      <c r="I16790" s="359" t="s">
        <v>14385</v>
      </c>
      <c r="J16790" s="365"/>
      <c r="K16790" s="367"/>
      <c r="L16790" s="365"/>
    </row>
    <row r="16791" spans="2:12">
      <c r="B16791" s="367"/>
      <c r="C16791" s="360"/>
      <c r="D16791" s="367"/>
      <c r="E16791" s="367"/>
      <c r="F16791" s="360"/>
      <c r="G16791" s="360"/>
      <c r="H16791" s="360"/>
      <c r="I16791" s="360"/>
      <c r="J16791" s="365"/>
      <c r="K16791" s="367"/>
      <c r="L16791" s="365"/>
    </row>
    <row r="16792" spans="2:12" ht="28.5">
      <c r="B16792" s="368"/>
      <c r="C16792" s="362"/>
      <c r="D16792" s="368"/>
      <c r="E16792" s="368"/>
      <c r="F16792" s="361" t="s">
        <v>14394</v>
      </c>
      <c r="G16792" s="361" t="s">
        <v>14395</v>
      </c>
      <c r="H16792" s="362"/>
      <c r="I16792" s="361" t="s">
        <v>14395</v>
      </c>
      <c r="J16792" s="366"/>
      <c r="K16792" s="368"/>
      <c r="L16792" s="366"/>
    </row>
    <row r="16793" spans="2:12">
      <c r="B16793" s="358" t="s">
        <v>10547</v>
      </c>
      <c r="C16793" s="358" t="s">
        <v>23281</v>
      </c>
      <c r="D16793" s="358" t="s">
        <v>369</v>
      </c>
      <c r="E16793" s="358" t="s">
        <v>370</v>
      </c>
      <c r="F16793" s="358" t="s">
        <v>14376</v>
      </c>
      <c r="G16793" s="358" t="s">
        <v>14669</v>
      </c>
      <c r="H16793" s="358" t="s">
        <v>14381</v>
      </c>
      <c r="I16793" s="358" t="s">
        <v>14669</v>
      </c>
      <c r="J16793" s="358"/>
      <c r="K16793" s="358"/>
      <c r="L16793" s="358"/>
    </row>
    <row r="16794" spans="2:12">
      <c r="B16794" s="367"/>
      <c r="C16794" s="360"/>
      <c r="D16794" s="367"/>
      <c r="E16794" s="367"/>
      <c r="F16794" s="360"/>
      <c r="G16794" s="360"/>
      <c r="H16794" s="360"/>
      <c r="I16794" s="360"/>
      <c r="J16794" s="365"/>
      <c r="K16794" s="365"/>
      <c r="L16794" s="365"/>
    </row>
    <row r="16795" spans="2:12">
      <c r="B16795" s="367"/>
      <c r="C16795" s="359" t="s">
        <v>23282</v>
      </c>
      <c r="D16795" s="367"/>
      <c r="E16795" s="367"/>
      <c r="F16795" s="359" t="s">
        <v>14420</v>
      </c>
      <c r="G16795" s="359" t="s">
        <v>14429</v>
      </c>
      <c r="H16795" s="359" t="s">
        <v>14367</v>
      </c>
      <c r="I16795" s="359" t="s">
        <v>14429</v>
      </c>
      <c r="J16795" s="365"/>
      <c r="K16795" s="365"/>
      <c r="L16795" s="365"/>
    </row>
    <row r="16796" spans="2:12">
      <c r="B16796" s="367"/>
      <c r="C16796" s="360"/>
      <c r="D16796" s="367"/>
      <c r="E16796" s="367"/>
      <c r="F16796" s="360"/>
      <c r="G16796" s="360"/>
      <c r="H16796" s="360"/>
      <c r="I16796" s="360"/>
      <c r="J16796" s="365"/>
      <c r="K16796" s="365"/>
      <c r="L16796" s="365"/>
    </row>
    <row r="16797" spans="2:12">
      <c r="B16797" s="367"/>
      <c r="C16797" s="360"/>
      <c r="D16797" s="367"/>
      <c r="E16797" s="367"/>
      <c r="F16797" s="359" t="s">
        <v>14371</v>
      </c>
      <c r="G16797" s="359" t="s">
        <v>14372</v>
      </c>
      <c r="H16797" s="359" t="s">
        <v>14370</v>
      </c>
      <c r="I16797" s="359" t="s">
        <v>14373</v>
      </c>
      <c r="J16797" s="365"/>
      <c r="K16797" s="365"/>
      <c r="L16797" s="365"/>
    </row>
    <row r="16798" spans="2:12">
      <c r="B16798" s="367"/>
      <c r="C16798" s="360"/>
      <c r="D16798" s="367"/>
      <c r="E16798" s="367"/>
      <c r="F16798" s="360"/>
      <c r="G16798" s="360"/>
      <c r="H16798" s="360"/>
      <c r="I16798" s="360"/>
      <c r="J16798" s="365"/>
      <c r="K16798" s="365"/>
      <c r="L16798" s="365"/>
    </row>
    <row r="16799" spans="2:12" ht="28.5">
      <c r="B16799" s="368"/>
      <c r="C16799" s="362"/>
      <c r="D16799" s="368"/>
      <c r="E16799" s="368"/>
      <c r="F16799" s="361" t="s">
        <v>14374</v>
      </c>
      <c r="G16799" s="361" t="s">
        <v>14373</v>
      </c>
      <c r="H16799" s="361" t="s">
        <v>14332</v>
      </c>
      <c r="I16799" s="362"/>
      <c r="J16799" s="366"/>
      <c r="K16799" s="366"/>
      <c r="L16799" s="366"/>
    </row>
    <row r="16800" spans="2:12">
      <c r="B16800" s="358" t="s">
        <v>10548</v>
      </c>
      <c r="C16800" s="358" t="s">
        <v>23283</v>
      </c>
      <c r="D16800" s="358" t="s">
        <v>8356</v>
      </c>
      <c r="E16800" s="358" t="s">
        <v>8356</v>
      </c>
      <c r="F16800" s="358" t="s">
        <v>14376</v>
      </c>
      <c r="G16800" s="358" t="s">
        <v>14669</v>
      </c>
      <c r="H16800" s="358" t="s">
        <v>14381</v>
      </c>
      <c r="I16800" s="358" t="s">
        <v>14669</v>
      </c>
      <c r="J16800" s="358"/>
      <c r="K16800" s="358"/>
      <c r="L16800" s="358" t="s">
        <v>9491</v>
      </c>
    </row>
    <row r="16801" spans="2:12">
      <c r="B16801" s="367"/>
      <c r="C16801" s="360"/>
      <c r="D16801" s="367"/>
      <c r="E16801" s="367"/>
      <c r="F16801" s="360"/>
      <c r="G16801" s="360"/>
      <c r="H16801" s="360"/>
      <c r="I16801" s="360"/>
      <c r="J16801" s="365"/>
      <c r="K16801" s="365"/>
      <c r="L16801" s="367"/>
    </row>
    <row r="16802" spans="2:12">
      <c r="B16802" s="367"/>
      <c r="C16802" s="359" t="s">
        <v>23284</v>
      </c>
      <c r="D16802" s="367"/>
      <c r="E16802" s="367"/>
      <c r="F16802" s="359" t="s">
        <v>14420</v>
      </c>
      <c r="G16802" s="359" t="s">
        <v>14429</v>
      </c>
      <c r="H16802" s="359" t="s">
        <v>14367</v>
      </c>
      <c r="I16802" s="359" t="s">
        <v>14429</v>
      </c>
      <c r="J16802" s="365"/>
      <c r="K16802" s="365"/>
      <c r="L16802" s="367"/>
    </row>
    <row r="16803" spans="2:12">
      <c r="B16803" s="367"/>
      <c r="C16803" s="360"/>
      <c r="D16803" s="367"/>
      <c r="E16803" s="367"/>
      <c r="F16803" s="360"/>
      <c r="G16803" s="360"/>
      <c r="H16803" s="360"/>
      <c r="I16803" s="360"/>
      <c r="J16803" s="365"/>
      <c r="K16803" s="365"/>
      <c r="L16803" s="367"/>
    </row>
    <row r="16804" spans="2:12">
      <c r="B16804" s="367"/>
      <c r="C16804" s="360"/>
      <c r="D16804" s="367"/>
      <c r="E16804" s="367"/>
      <c r="F16804" s="359" t="s">
        <v>14371</v>
      </c>
      <c r="G16804" s="359" t="s">
        <v>14372</v>
      </c>
      <c r="H16804" s="359" t="s">
        <v>14370</v>
      </c>
      <c r="I16804" s="359" t="s">
        <v>14373</v>
      </c>
      <c r="J16804" s="365"/>
      <c r="K16804" s="365"/>
      <c r="L16804" s="367"/>
    </row>
    <row r="16805" spans="2:12">
      <c r="B16805" s="367"/>
      <c r="C16805" s="360"/>
      <c r="D16805" s="367"/>
      <c r="E16805" s="367"/>
      <c r="F16805" s="360"/>
      <c r="G16805" s="360"/>
      <c r="H16805" s="360"/>
      <c r="I16805" s="360"/>
      <c r="J16805" s="365"/>
      <c r="K16805" s="365"/>
      <c r="L16805" s="367"/>
    </row>
    <row r="16806" spans="2:12" ht="28.5">
      <c r="B16806" s="368"/>
      <c r="C16806" s="362"/>
      <c r="D16806" s="368"/>
      <c r="E16806" s="368"/>
      <c r="F16806" s="361" t="s">
        <v>14374</v>
      </c>
      <c r="G16806" s="361" t="s">
        <v>14373</v>
      </c>
      <c r="H16806" s="361" t="s">
        <v>14332</v>
      </c>
      <c r="I16806" s="362"/>
      <c r="J16806" s="366"/>
      <c r="K16806" s="366"/>
      <c r="L16806" s="368"/>
    </row>
    <row r="16807" spans="2:12">
      <c r="B16807" s="358" t="s">
        <v>23285</v>
      </c>
      <c r="C16807" s="358" t="s">
        <v>27829</v>
      </c>
      <c r="D16807" s="358" t="s">
        <v>23286</v>
      </c>
      <c r="E16807" s="358" t="s">
        <v>23287</v>
      </c>
      <c r="F16807" s="358" t="s">
        <v>14382</v>
      </c>
      <c r="G16807" s="358" t="s">
        <v>14383</v>
      </c>
      <c r="H16807" s="358" t="s">
        <v>14378</v>
      </c>
      <c r="I16807" s="358" t="s">
        <v>14383</v>
      </c>
      <c r="J16807" s="358"/>
      <c r="K16807" s="358"/>
      <c r="L16807" s="358"/>
    </row>
    <row r="16808" spans="2:12">
      <c r="B16808" s="367"/>
      <c r="C16808" s="360"/>
      <c r="D16808" s="367"/>
      <c r="E16808" s="367"/>
      <c r="F16808" s="360"/>
      <c r="G16808" s="360"/>
      <c r="H16808" s="360"/>
      <c r="I16808" s="360"/>
      <c r="J16808" s="365"/>
      <c r="K16808" s="365"/>
      <c r="L16808" s="365"/>
    </row>
    <row r="16809" spans="2:12">
      <c r="B16809" s="367"/>
      <c r="C16809" s="359" t="s">
        <v>27830</v>
      </c>
      <c r="D16809" s="367"/>
      <c r="E16809" s="367"/>
      <c r="F16809" s="359" t="s">
        <v>14356</v>
      </c>
      <c r="G16809" s="359" t="s">
        <v>14340</v>
      </c>
      <c r="H16809" s="359" t="s">
        <v>14341</v>
      </c>
      <c r="I16809" s="359" t="s">
        <v>14340</v>
      </c>
      <c r="J16809" s="365"/>
      <c r="K16809" s="365"/>
      <c r="L16809" s="365"/>
    </row>
    <row r="16810" spans="2:12">
      <c r="B16810" s="367"/>
      <c r="C16810" s="360"/>
      <c r="D16810" s="367"/>
      <c r="E16810" s="367"/>
      <c r="F16810" s="360"/>
      <c r="G16810" s="360"/>
      <c r="H16810" s="360"/>
      <c r="I16810" s="360"/>
      <c r="J16810" s="365"/>
      <c r="K16810" s="365"/>
      <c r="L16810" s="365"/>
    </row>
    <row r="16811" spans="2:12">
      <c r="B16811" s="368"/>
      <c r="C16811" s="362"/>
      <c r="D16811" s="368"/>
      <c r="E16811" s="368"/>
      <c r="F16811" s="362"/>
      <c r="G16811" s="362"/>
      <c r="H16811" s="361" t="s">
        <v>14332</v>
      </c>
      <c r="I16811" s="362"/>
      <c r="J16811" s="366"/>
      <c r="K16811" s="366"/>
      <c r="L16811" s="366"/>
    </row>
    <row r="16812" spans="2:12">
      <c r="B16812" s="358" t="s">
        <v>10549</v>
      </c>
      <c r="C16812" s="358" t="s">
        <v>27831</v>
      </c>
      <c r="D16812" s="358" t="s">
        <v>23288</v>
      </c>
      <c r="E16812" s="358" t="s">
        <v>1432</v>
      </c>
      <c r="F16812" s="358" t="s">
        <v>14376</v>
      </c>
      <c r="G16812" s="358" t="s">
        <v>14669</v>
      </c>
      <c r="H16812" s="358" t="s">
        <v>14381</v>
      </c>
      <c r="I16812" s="358" t="s">
        <v>14669</v>
      </c>
      <c r="J16812" s="358"/>
      <c r="K16812" s="358"/>
      <c r="L16812" s="358" t="s">
        <v>9491</v>
      </c>
    </row>
    <row r="16813" spans="2:12">
      <c r="B16813" s="367"/>
      <c r="C16813" s="360"/>
      <c r="D16813" s="360"/>
      <c r="E16813" s="360"/>
      <c r="F16813" s="360"/>
      <c r="G16813" s="360"/>
      <c r="H16813" s="360"/>
      <c r="I16813" s="360"/>
      <c r="J16813" s="365"/>
      <c r="K16813" s="365"/>
      <c r="L16813" s="367"/>
    </row>
    <row r="16814" spans="2:12">
      <c r="B16814" s="367"/>
      <c r="C16814" s="359" t="s">
        <v>23289</v>
      </c>
      <c r="D16814" s="359" t="s">
        <v>23290</v>
      </c>
      <c r="E16814" s="359" t="s">
        <v>23291</v>
      </c>
      <c r="F16814" s="359" t="s">
        <v>14420</v>
      </c>
      <c r="G16814" s="359" t="s">
        <v>14429</v>
      </c>
      <c r="H16814" s="359" t="s">
        <v>14367</v>
      </c>
      <c r="I16814" s="359" t="s">
        <v>14429</v>
      </c>
      <c r="J16814" s="365"/>
      <c r="K16814" s="365"/>
      <c r="L16814" s="367"/>
    </row>
    <row r="16815" spans="2:12">
      <c r="B16815" s="367"/>
      <c r="C16815" s="360"/>
      <c r="D16815" s="360"/>
      <c r="E16815" s="360"/>
      <c r="F16815" s="360"/>
      <c r="G16815" s="360"/>
      <c r="H16815" s="360"/>
      <c r="I16815" s="360"/>
      <c r="J16815" s="365"/>
      <c r="K16815" s="365"/>
      <c r="L16815" s="367"/>
    </row>
    <row r="16816" spans="2:12" ht="28.5">
      <c r="B16816" s="367"/>
      <c r="C16816" s="359" t="s">
        <v>27832</v>
      </c>
      <c r="D16816" s="359" t="s">
        <v>23292</v>
      </c>
      <c r="E16816" s="359" t="s">
        <v>23293</v>
      </c>
      <c r="F16816" s="359" t="s">
        <v>14394</v>
      </c>
      <c r="G16816" s="359" t="s">
        <v>14395</v>
      </c>
      <c r="H16816" s="359" t="s">
        <v>14370</v>
      </c>
      <c r="I16816" s="359" t="s">
        <v>14395</v>
      </c>
      <c r="J16816" s="365"/>
      <c r="K16816" s="365"/>
      <c r="L16816" s="367"/>
    </row>
    <row r="16817" spans="2:12">
      <c r="B16817" s="367"/>
      <c r="C16817" s="360"/>
      <c r="D16817" s="360"/>
      <c r="E16817" s="360"/>
      <c r="F16817" s="360"/>
      <c r="G16817" s="360"/>
      <c r="H16817" s="360"/>
      <c r="I16817" s="360"/>
      <c r="J16817" s="365"/>
      <c r="K16817" s="365"/>
      <c r="L16817" s="367"/>
    </row>
    <row r="16818" spans="2:12">
      <c r="B16818" s="368"/>
      <c r="C16818" s="362"/>
      <c r="D16818" s="362"/>
      <c r="E16818" s="362"/>
      <c r="F16818" s="362"/>
      <c r="G16818" s="362"/>
      <c r="H16818" s="361" t="s">
        <v>14332</v>
      </c>
      <c r="I16818" s="362"/>
      <c r="J16818" s="366"/>
      <c r="K16818" s="366"/>
      <c r="L16818" s="368"/>
    </row>
    <row r="16819" spans="2:12">
      <c r="B16819" s="358" t="s">
        <v>23294</v>
      </c>
      <c r="C16819" s="358" t="s">
        <v>23295</v>
      </c>
      <c r="D16819" s="358" t="s">
        <v>23296</v>
      </c>
      <c r="E16819" s="358" t="s">
        <v>23297</v>
      </c>
      <c r="F16819" s="358" t="s">
        <v>14443</v>
      </c>
      <c r="G16819" s="358" t="s">
        <v>14444</v>
      </c>
      <c r="H16819" s="358" t="s">
        <v>14381</v>
      </c>
      <c r="I16819" s="358" t="s">
        <v>14444</v>
      </c>
      <c r="J16819" s="358"/>
      <c r="K16819" s="358"/>
      <c r="L16819" s="358"/>
    </row>
    <row r="16820" spans="2:12">
      <c r="B16820" s="367"/>
      <c r="C16820" s="360"/>
      <c r="D16820" s="367"/>
      <c r="E16820" s="367"/>
      <c r="F16820" s="360"/>
      <c r="G16820" s="360"/>
      <c r="H16820" s="360"/>
      <c r="I16820" s="360"/>
      <c r="J16820" s="365"/>
      <c r="K16820" s="365"/>
      <c r="L16820" s="365"/>
    </row>
    <row r="16821" spans="2:12" ht="28.5">
      <c r="B16821" s="367"/>
      <c r="C16821" s="359" t="s">
        <v>23298</v>
      </c>
      <c r="D16821" s="367"/>
      <c r="E16821" s="367"/>
      <c r="F16821" s="359" t="s">
        <v>14507</v>
      </c>
      <c r="G16821" s="359" t="s">
        <v>28907</v>
      </c>
      <c r="H16821" s="359" t="s">
        <v>14367</v>
      </c>
      <c r="I16821" s="359" t="s">
        <v>28907</v>
      </c>
      <c r="J16821" s="365"/>
      <c r="K16821" s="365"/>
      <c r="L16821" s="365"/>
    </row>
    <row r="16822" spans="2:12">
      <c r="B16822" s="367"/>
      <c r="C16822" s="360"/>
      <c r="D16822" s="367"/>
      <c r="E16822" s="367"/>
      <c r="F16822" s="360"/>
      <c r="G16822" s="360"/>
      <c r="H16822" s="360"/>
      <c r="I16822" s="360"/>
      <c r="J16822" s="365"/>
      <c r="K16822" s="365"/>
      <c r="L16822" s="365"/>
    </row>
    <row r="16823" spans="2:12">
      <c r="B16823" s="367"/>
      <c r="C16823" s="360"/>
      <c r="D16823" s="367"/>
      <c r="E16823" s="367"/>
      <c r="F16823" s="359" t="s">
        <v>14420</v>
      </c>
      <c r="G16823" s="359" t="s">
        <v>14395</v>
      </c>
      <c r="H16823" s="359" t="s">
        <v>14370</v>
      </c>
      <c r="I16823" s="359" t="s">
        <v>14395</v>
      </c>
      <c r="J16823" s="365"/>
      <c r="K16823" s="365"/>
      <c r="L16823" s="365"/>
    </row>
    <row r="16824" spans="2:12">
      <c r="B16824" s="367"/>
      <c r="C16824" s="360"/>
      <c r="D16824" s="367"/>
      <c r="E16824" s="367"/>
      <c r="F16824" s="360"/>
      <c r="G16824" s="360"/>
      <c r="H16824" s="360"/>
      <c r="I16824" s="360"/>
      <c r="J16824" s="365"/>
      <c r="K16824" s="365"/>
      <c r="L16824" s="365"/>
    </row>
    <row r="16825" spans="2:12" ht="28.5">
      <c r="B16825" s="368"/>
      <c r="C16825" s="362"/>
      <c r="D16825" s="368"/>
      <c r="E16825" s="368"/>
      <c r="F16825" s="361" t="s">
        <v>14394</v>
      </c>
      <c r="G16825" s="362"/>
      <c r="H16825" s="361" t="s">
        <v>14422</v>
      </c>
      <c r="I16825" s="362"/>
      <c r="J16825" s="366"/>
      <c r="K16825" s="366"/>
      <c r="L16825" s="366"/>
    </row>
    <row r="16826" spans="2:12" ht="42.75">
      <c r="B16826" s="358" t="s">
        <v>10557</v>
      </c>
      <c r="C16826" s="358" t="s">
        <v>23299</v>
      </c>
      <c r="D16826" s="358" t="s">
        <v>10558</v>
      </c>
      <c r="E16826" s="358" t="s">
        <v>10559</v>
      </c>
      <c r="F16826" s="358" t="s">
        <v>14376</v>
      </c>
      <c r="G16826" s="358" t="s">
        <v>14669</v>
      </c>
      <c r="H16826" s="358" t="s">
        <v>14381</v>
      </c>
      <c r="I16826" s="358" t="s">
        <v>14669</v>
      </c>
      <c r="J16826" s="358"/>
      <c r="K16826" s="358" t="s">
        <v>28590</v>
      </c>
      <c r="L16826" s="358"/>
    </row>
    <row r="16827" spans="2:12">
      <c r="B16827" s="367"/>
      <c r="C16827" s="367"/>
      <c r="D16827" s="367"/>
      <c r="E16827" s="367"/>
      <c r="F16827" s="360"/>
      <c r="G16827" s="360"/>
      <c r="H16827" s="360"/>
      <c r="I16827" s="360"/>
      <c r="J16827" s="365"/>
      <c r="K16827" s="367"/>
      <c r="L16827" s="365"/>
    </row>
    <row r="16828" spans="2:12">
      <c r="B16828" s="367"/>
      <c r="C16828" s="367"/>
      <c r="D16828" s="367"/>
      <c r="E16828" s="367"/>
      <c r="F16828" s="359" t="s">
        <v>14420</v>
      </c>
      <c r="G16828" s="359" t="s">
        <v>14459</v>
      </c>
      <c r="H16828" s="359" t="s">
        <v>14367</v>
      </c>
      <c r="I16828" s="359" t="s">
        <v>14459</v>
      </c>
      <c r="J16828" s="365"/>
      <c r="K16828" s="367"/>
      <c r="L16828" s="365"/>
    </row>
    <row r="16829" spans="2:12">
      <c r="B16829" s="367"/>
      <c r="C16829" s="367"/>
      <c r="D16829" s="367"/>
      <c r="E16829" s="367"/>
      <c r="F16829" s="360"/>
      <c r="G16829" s="360"/>
      <c r="H16829" s="360"/>
      <c r="I16829" s="360"/>
      <c r="J16829" s="365"/>
      <c r="K16829" s="367"/>
      <c r="L16829" s="365"/>
    </row>
    <row r="16830" spans="2:12">
      <c r="B16830" s="367"/>
      <c r="C16830" s="367"/>
      <c r="D16830" s="367"/>
      <c r="E16830" s="367"/>
      <c r="F16830" s="359" t="s">
        <v>14386</v>
      </c>
      <c r="G16830" s="359" t="s">
        <v>14387</v>
      </c>
      <c r="H16830" s="359" t="s">
        <v>14370</v>
      </c>
      <c r="I16830" s="359" t="s">
        <v>14387</v>
      </c>
      <c r="J16830" s="365"/>
      <c r="K16830" s="367"/>
      <c r="L16830" s="365"/>
    </row>
    <row r="16831" spans="2:12">
      <c r="B16831" s="367"/>
      <c r="C16831" s="367"/>
      <c r="D16831" s="367"/>
      <c r="E16831" s="367"/>
      <c r="F16831" s="360"/>
      <c r="G16831" s="360"/>
      <c r="H16831" s="360"/>
      <c r="I16831" s="360"/>
      <c r="J16831" s="365"/>
      <c r="K16831" s="367"/>
      <c r="L16831" s="365"/>
    </row>
    <row r="16832" spans="2:12">
      <c r="B16832" s="367"/>
      <c r="C16832" s="367"/>
      <c r="D16832" s="367"/>
      <c r="E16832" s="367"/>
      <c r="F16832" s="359" t="s">
        <v>14389</v>
      </c>
      <c r="G16832" s="359" t="s">
        <v>14390</v>
      </c>
      <c r="H16832" s="359" t="s">
        <v>14332</v>
      </c>
      <c r="I16832" s="359" t="s">
        <v>14390</v>
      </c>
      <c r="J16832" s="365"/>
      <c r="K16832" s="367"/>
      <c r="L16832" s="365"/>
    </row>
    <row r="16833" spans="2:12">
      <c r="B16833" s="367"/>
      <c r="C16833" s="367"/>
      <c r="D16833" s="367"/>
      <c r="E16833" s="367"/>
      <c r="F16833" s="360"/>
      <c r="G16833" s="360"/>
      <c r="H16833" s="360"/>
      <c r="I16833" s="360"/>
      <c r="J16833" s="365"/>
      <c r="K16833" s="367"/>
      <c r="L16833" s="365"/>
    </row>
    <row r="16834" spans="2:12" ht="28.5">
      <c r="B16834" s="368"/>
      <c r="C16834" s="368"/>
      <c r="D16834" s="368"/>
      <c r="E16834" s="368"/>
      <c r="F16834" s="361" t="s">
        <v>14394</v>
      </c>
      <c r="G16834" s="361" t="s">
        <v>14395</v>
      </c>
      <c r="H16834" s="362"/>
      <c r="I16834" s="361" t="s">
        <v>14395</v>
      </c>
      <c r="J16834" s="366"/>
      <c r="K16834" s="368"/>
      <c r="L16834" s="366"/>
    </row>
    <row r="16835" spans="2:12">
      <c r="B16835" s="358" t="s">
        <v>23300</v>
      </c>
      <c r="C16835" s="358" t="s">
        <v>23301</v>
      </c>
      <c r="D16835" s="358" t="s">
        <v>23302</v>
      </c>
      <c r="E16835" s="358" t="s">
        <v>23303</v>
      </c>
      <c r="F16835" s="358" t="s">
        <v>14420</v>
      </c>
      <c r="G16835" s="358" t="s">
        <v>14429</v>
      </c>
      <c r="H16835" s="358" t="s">
        <v>14367</v>
      </c>
      <c r="I16835" s="358" t="s">
        <v>14429</v>
      </c>
      <c r="J16835" s="358"/>
      <c r="K16835" s="358"/>
      <c r="L16835" s="358"/>
    </row>
    <row r="16836" spans="2:12">
      <c r="B16836" s="367"/>
      <c r="C16836" s="360"/>
      <c r="D16836" s="367"/>
      <c r="E16836" s="367"/>
      <c r="F16836" s="367"/>
      <c r="G16836" s="367"/>
      <c r="H16836" s="360"/>
      <c r="I16836" s="367"/>
      <c r="J16836" s="365"/>
      <c r="K16836" s="365"/>
      <c r="L16836" s="365"/>
    </row>
    <row r="16837" spans="2:12">
      <c r="B16837" s="368"/>
      <c r="C16837" s="361" t="s">
        <v>23304</v>
      </c>
      <c r="D16837" s="368"/>
      <c r="E16837" s="368"/>
      <c r="F16837" s="368"/>
      <c r="G16837" s="368"/>
      <c r="H16837" s="361" t="s">
        <v>14422</v>
      </c>
      <c r="I16837" s="368"/>
      <c r="J16837" s="366"/>
      <c r="K16837" s="366"/>
      <c r="L16837" s="366"/>
    </row>
    <row r="16838" spans="2:12">
      <c r="B16838" s="358" t="s">
        <v>10560</v>
      </c>
      <c r="C16838" s="358" t="s">
        <v>185</v>
      </c>
      <c r="D16838" s="358" t="s">
        <v>186</v>
      </c>
      <c r="E16838" s="358" t="s">
        <v>187</v>
      </c>
      <c r="F16838" s="358" t="s">
        <v>14376</v>
      </c>
      <c r="G16838" s="358" t="s">
        <v>14669</v>
      </c>
      <c r="H16838" s="358" t="s">
        <v>14381</v>
      </c>
      <c r="I16838" s="358" t="s">
        <v>14669</v>
      </c>
      <c r="J16838" s="358"/>
      <c r="K16838" s="358"/>
      <c r="L16838" s="358"/>
    </row>
    <row r="16839" spans="2:12">
      <c r="B16839" s="367"/>
      <c r="C16839" s="367"/>
      <c r="D16839" s="367"/>
      <c r="E16839" s="367"/>
      <c r="F16839" s="360"/>
      <c r="G16839" s="360"/>
      <c r="H16839" s="360"/>
      <c r="I16839" s="360"/>
      <c r="J16839" s="365"/>
      <c r="K16839" s="365"/>
      <c r="L16839" s="365"/>
    </row>
    <row r="16840" spans="2:12">
      <c r="B16840" s="367"/>
      <c r="C16840" s="367"/>
      <c r="D16840" s="367"/>
      <c r="E16840" s="367"/>
      <c r="F16840" s="359" t="s">
        <v>14420</v>
      </c>
      <c r="G16840" s="359" t="s">
        <v>14429</v>
      </c>
      <c r="H16840" s="359" t="s">
        <v>14367</v>
      </c>
      <c r="I16840" s="359" t="s">
        <v>14429</v>
      </c>
      <c r="J16840" s="365"/>
      <c r="K16840" s="365"/>
      <c r="L16840" s="365"/>
    </row>
    <row r="16841" spans="2:12">
      <c r="B16841" s="367"/>
      <c r="C16841" s="367"/>
      <c r="D16841" s="367"/>
      <c r="E16841" s="367"/>
      <c r="F16841" s="360"/>
      <c r="G16841" s="360"/>
      <c r="H16841" s="360"/>
      <c r="I16841" s="360"/>
      <c r="J16841" s="365"/>
      <c r="K16841" s="365"/>
      <c r="L16841" s="365"/>
    </row>
    <row r="16842" spans="2:12">
      <c r="B16842" s="367"/>
      <c r="C16842" s="367"/>
      <c r="D16842" s="367"/>
      <c r="E16842" s="367"/>
      <c r="F16842" s="359" t="s">
        <v>14391</v>
      </c>
      <c r="G16842" s="359" t="s">
        <v>14392</v>
      </c>
      <c r="H16842" s="359" t="s">
        <v>14370</v>
      </c>
      <c r="I16842" s="359" t="s">
        <v>14392</v>
      </c>
      <c r="J16842" s="365"/>
      <c r="K16842" s="365"/>
      <c r="L16842" s="365"/>
    </row>
    <row r="16843" spans="2:12">
      <c r="B16843" s="367"/>
      <c r="C16843" s="367"/>
      <c r="D16843" s="367"/>
      <c r="E16843" s="367"/>
      <c r="F16843" s="360"/>
      <c r="G16843" s="360"/>
      <c r="H16843" s="360"/>
      <c r="I16843" s="360"/>
      <c r="J16843" s="365"/>
      <c r="K16843" s="365"/>
      <c r="L16843" s="365"/>
    </row>
    <row r="16844" spans="2:12">
      <c r="B16844" s="367"/>
      <c r="C16844" s="367"/>
      <c r="D16844" s="367"/>
      <c r="E16844" s="367"/>
      <c r="F16844" s="359" t="s">
        <v>14371</v>
      </c>
      <c r="G16844" s="359" t="s">
        <v>14372</v>
      </c>
      <c r="H16844" s="359" t="s">
        <v>14332</v>
      </c>
      <c r="I16844" s="359" t="s">
        <v>14373</v>
      </c>
      <c r="J16844" s="365"/>
      <c r="K16844" s="365"/>
      <c r="L16844" s="365"/>
    </row>
    <row r="16845" spans="2:12">
      <c r="B16845" s="367"/>
      <c r="C16845" s="367"/>
      <c r="D16845" s="367"/>
      <c r="E16845" s="367"/>
      <c r="F16845" s="360"/>
      <c r="G16845" s="360"/>
      <c r="H16845" s="360"/>
      <c r="I16845" s="360"/>
      <c r="J16845" s="365"/>
      <c r="K16845" s="365"/>
      <c r="L16845" s="365"/>
    </row>
    <row r="16846" spans="2:12" ht="28.5">
      <c r="B16846" s="368"/>
      <c r="C16846" s="368"/>
      <c r="D16846" s="368"/>
      <c r="E16846" s="368"/>
      <c r="F16846" s="361" t="s">
        <v>14374</v>
      </c>
      <c r="G16846" s="361" t="s">
        <v>14373</v>
      </c>
      <c r="H16846" s="362"/>
      <c r="I16846" s="362"/>
      <c r="J16846" s="366"/>
      <c r="K16846" s="366"/>
      <c r="L16846" s="366"/>
    </row>
    <row r="16847" spans="2:12">
      <c r="B16847" s="358" t="s">
        <v>23305</v>
      </c>
      <c r="C16847" s="358" t="s">
        <v>23306</v>
      </c>
      <c r="D16847" s="358" t="s">
        <v>23307</v>
      </c>
      <c r="E16847" s="358" t="s">
        <v>23308</v>
      </c>
      <c r="F16847" s="358" t="s">
        <v>14420</v>
      </c>
      <c r="G16847" s="358" t="s">
        <v>14429</v>
      </c>
      <c r="H16847" s="358" t="s">
        <v>14381</v>
      </c>
      <c r="I16847" s="358" t="s">
        <v>14429</v>
      </c>
      <c r="J16847" s="358"/>
      <c r="K16847" s="358" t="s">
        <v>14517</v>
      </c>
      <c r="L16847" s="358"/>
    </row>
    <row r="16848" spans="2:12">
      <c r="B16848" s="367"/>
      <c r="C16848" s="360"/>
      <c r="D16848" s="367"/>
      <c r="E16848" s="367"/>
      <c r="F16848" s="360"/>
      <c r="G16848" s="360"/>
      <c r="H16848" s="360"/>
      <c r="I16848" s="360"/>
      <c r="J16848" s="365"/>
      <c r="K16848" s="367"/>
      <c r="L16848" s="365"/>
    </row>
    <row r="16849" spans="2:12" ht="28.5">
      <c r="B16849" s="367"/>
      <c r="C16849" s="359" t="s">
        <v>30359</v>
      </c>
      <c r="D16849" s="367"/>
      <c r="E16849" s="367"/>
      <c r="F16849" s="359" t="s">
        <v>14460</v>
      </c>
      <c r="G16849" s="359" t="s">
        <v>14519</v>
      </c>
      <c r="H16849" s="359" t="s">
        <v>14367</v>
      </c>
      <c r="I16849" s="359" t="s">
        <v>28895</v>
      </c>
      <c r="J16849" s="365"/>
      <c r="K16849" s="367"/>
      <c r="L16849" s="365"/>
    </row>
    <row r="16850" spans="2:12">
      <c r="B16850" s="367"/>
      <c r="C16850" s="360"/>
      <c r="D16850" s="367"/>
      <c r="E16850" s="367"/>
      <c r="F16850" s="360"/>
      <c r="G16850" s="360"/>
      <c r="H16850" s="360"/>
      <c r="I16850" s="360"/>
      <c r="J16850" s="365"/>
      <c r="K16850" s="367"/>
      <c r="L16850" s="365"/>
    </row>
    <row r="16851" spans="2:12">
      <c r="B16851" s="367"/>
      <c r="C16851" s="359" t="s">
        <v>29533</v>
      </c>
      <c r="D16851" s="367"/>
      <c r="E16851" s="367"/>
      <c r="F16851" s="359" t="s">
        <v>14391</v>
      </c>
      <c r="G16851" s="359" t="s">
        <v>14392</v>
      </c>
      <c r="H16851" s="359" t="s">
        <v>14370</v>
      </c>
      <c r="I16851" s="359" t="s">
        <v>14373</v>
      </c>
      <c r="J16851" s="365"/>
      <c r="K16851" s="367"/>
      <c r="L16851" s="365"/>
    </row>
    <row r="16852" spans="2:12">
      <c r="B16852" s="367"/>
      <c r="C16852" s="360"/>
      <c r="D16852" s="367"/>
      <c r="E16852" s="367"/>
      <c r="F16852" s="360"/>
      <c r="G16852" s="360"/>
      <c r="H16852" s="360"/>
      <c r="I16852" s="360"/>
      <c r="J16852" s="365"/>
      <c r="K16852" s="367"/>
      <c r="L16852" s="365"/>
    </row>
    <row r="16853" spans="2:12">
      <c r="B16853" s="367"/>
      <c r="C16853" s="360"/>
      <c r="D16853" s="367"/>
      <c r="E16853" s="367"/>
      <c r="F16853" s="359" t="s">
        <v>14371</v>
      </c>
      <c r="G16853" s="359" t="s">
        <v>14372</v>
      </c>
      <c r="H16853" s="359" t="s">
        <v>14422</v>
      </c>
      <c r="I16853" s="360"/>
      <c r="J16853" s="365"/>
      <c r="K16853" s="367"/>
      <c r="L16853" s="365"/>
    </row>
    <row r="16854" spans="2:12">
      <c r="B16854" s="367"/>
      <c r="C16854" s="360"/>
      <c r="D16854" s="367"/>
      <c r="E16854" s="367"/>
      <c r="F16854" s="360"/>
      <c r="G16854" s="360"/>
      <c r="H16854" s="360"/>
      <c r="I16854" s="360"/>
      <c r="J16854" s="365"/>
      <c r="K16854" s="367"/>
      <c r="L16854" s="365"/>
    </row>
    <row r="16855" spans="2:12" ht="28.5">
      <c r="B16855" s="368"/>
      <c r="C16855" s="362"/>
      <c r="D16855" s="368"/>
      <c r="E16855" s="368"/>
      <c r="F16855" s="361" t="s">
        <v>14374</v>
      </c>
      <c r="G16855" s="361" t="s">
        <v>14373</v>
      </c>
      <c r="H16855" s="362"/>
      <c r="I16855" s="362"/>
      <c r="J16855" s="366"/>
      <c r="K16855" s="368"/>
      <c r="L16855" s="366"/>
    </row>
    <row r="16856" spans="2:12">
      <c r="B16856" s="358" t="s">
        <v>23309</v>
      </c>
      <c r="C16856" s="358" t="s">
        <v>23310</v>
      </c>
      <c r="D16856" s="358"/>
      <c r="E16856" s="358" t="s">
        <v>23311</v>
      </c>
      <c r="F16856" s="358" t="s">
        <v>14379</v>
      </c>
      <c r="G16856" s="358" t="s">
        <v>14380</v>
      </c>
      <c r="H16856" s="358" t="s">
        <v>14378</v>
      </c>
      <c r="I16856" s="358" t="s">
        <v>14380</v>
      </c>
      <c r="J16856" s="358"/>
      <c r="K16856" s="358"/>
      <c r="L16856" s="358"/>
    </row>
    <row r="16857" spans="2:12">
      <c r="B16857" s="367"/>
      <c r="C16857" s="367"/>
      <c r="D16857" s="365"/>
      <c r="E16857" s="367"/>
      <c r="F16857" s="360"/>
      <c r="G16857" s="360"/>
      <c r="H16857" s="360"/>
      <c r="I16857" s="360"/>
      <c r="J16857" s="365"/>
      <c r="K16857" s="365"/>
      <c r="L16857" s="365"/>
    </row>
    <row r="16858" spans="2:12">
      <c r="B16858" s="367"/>
      <c r="C16858" s="367"/>
      <c r="D16858" s="365"/>
      <c r="E16858" s="367"/>
      <c r="F16858" s="359" t="s">
        <v>14420</v>
      </c>
      <c r="G16858" s="359" t="s">
        <v>14421</v>
      </c>
      <c r="H16858" s="359" t="s">
        <v>14341</v>
      </c>
      <c r="I16858" s="359" t="s">
        <v>14421</v>
      </c>
      <c r="J16858" s="365"/>
      <c r="K16858" s="365"/>
      <c r="L16858" s="365"/>
    </row>
    <row r="16859" spans="2:12">
      <c r="B16859" s="367"/>
      <c r="C16859" s="367"/>
      <c r="D16859" s="365"/>
      <c r="E16859" s="367"/>
      <c r="F16859" s="360"/>
      <c r="G16859" s="360"/>
      <c r="H16859" s="360"/>
      <c r="I16859" s="360"/>
      <c r="J16859" s="365"/>
      <c r="K16859" s="365"/>
      <c r="L16859" s="365"/>
    </row>
    <row r="16860" spans="2:12">
      <c r="B16860" s="367"/>
      <c r="C16860" s="367"/>
      <c r="D16860" s="365"/>
      <c r="E16860" s="367"/>
      <c r="F16860" s="359" t="s">
        <v>14420</v>
      </c>
      <c r="G16860" s="359" t="s">
        <v>14429</v>
      </c>
      <c r="H16860" s="359" t="s">
        <v>14370</v>
      </c>
      <c r="I16860" s="359" t="s">
        <v>14429</v>
      </c>
      <c r="J16860" s="365"/>
      <c r="K16860" s="365"/>
      <c r="L16860" s="365"/>
    </row>
    <row r="16861" spans="2:12">
      <c r="B16861" s="367"/>
      <c r="C16861" s="367"/>
      <c r="D16861" s="365"/>
      <c r="E16861" s="367"/>
      <c r="F16861" s="360"/>
      <c r="G16861" s="360"/>
      <c r="H16861" s="360"/>
      <c r="I16861" s="360"/>
      <c r="J16861" s="365"/>
      <c r="K16861" s="365"/>
      <c r="L16861" s="365"/>
    </row>
    <row r="16862" spans="2:12">
      <c r="B16862" s="367"/>
      <c r="C16862" s="367"/>
      <c r="D16862" s="365"/>
      <c r="E16862" s="367"/>
      <c r="F16862" s="359" t="s">
        <v>14368</v>
      </c>
      <c r="G16862" s="359" t="s">
        <v>14388</v>
      </c>
      <c r="H16862" s="359" t="s">
        <v>14332</v>
      </c>
      <c r="I16862" s="359" t="s">
        <v>14388</v>
      </c>
      <c r="J16862" s="365"/>
      <c r="K16862" s="365"/>
      <c r="L16862" s="365"/>
    </row>
    <row r="16863" spans="2:12">
      <c r="B16863" s="367"/>
      <c r="C16863" s="367"/>
      <c r="D16863" s="365"/>
      <c r="E16863" s="367"/>
      <c r="F16863" s="360"/>
      <c r="G16863" s="360"/>
      <c r="H16863" s="360"/>
      <c r="I16863" s="360"/>
      <c r="J16863" s="365"/>
      <c r="K16863" s="365"/>
      <c r="L16863" s="365"/>
    </row>
    <row r="16864" spans="2:12">
      <c r="B16864" s="367"/>
      <c r="C16864" s="367"/>
      <c r="D16864" s="365"/>
      <c r="E16864" s="367"/>
      <c r="F16864" s="359" t="s">
        <v>14389</v>
      </c>
      <c r="G16864" s="359" t="s">
        <v>14390</v>
      </c>
      <c r="H16864" s="360"/>
      <c r="I16864" s="359" t="s">
        <v>14390</v>
      </c>
      <c r="J16864" s="365"/>
      <c r="K16864" s="365"/>
      <c r="L16864" s="365"/>
    </row>
    <row r="16865" spans="2:12">
      <c r="B16865" s="367"/>
      <c r="C16865" s="367"/>
      <c r="D16865" s="365"/>
      <c r="E16865" s="367"/>
      <c r="F16865" s="360"/>
      <c r="G16865" s="360"/>
      <c r="H16865" s="360"/>
      <c r="I16865" s="360"/>
      <c r="J16865" s="365"/>
      <c r="K16865" s="365"/>
      <c r="L16865" s="365"/>
    </row>
    <row r="16866" spans="2:12">
      <c r="B16866" s="367"/>
      <c r="C16866" s="367"/>
      <c r="D16866" s="365"/>
      <c r="E16866" s="367"/>
      <c r="F16866" s="359" t="s">
        <v>14430</v>
      </c>
      <c r="G16866" s="359" t="s">
        <v>14431</v>
      </c>
      <c r="H16866" s="360"/>
      <c r="I16866" s="359" t="s">
        <v>14431</v>
      </c>
      <c r="J16866" s="365"/>
      <c r="K16866" s="365"/>
      <c r="L16866" s="365"/>
    </row>
    <row r="16867" spans="2:12">
      <c r="B16867" s="367"/>
      <c r="C16867" s="367"/>
      <c r="D16867" s="365"/>
      <c r="E16867" s="367"/>
      <c r="F16867" s="360"/>
      <c r="G16867" s="360"/>
      <c r="H16867" s="360"/>
      <c r="I16867" s="360"/>
      <c r="J16867" s="365"/>
      <c r="K16867" s="365"/>
      <c r="L16867" s="365"/>
    </row>
    <row r="16868" spans="2:12">
      <c r="B16868" s="367"/>
      <c r="C16868" s="367"/>
      <c r="D16868" s="365"/>
      <c r="E16868" s="367"/>
      <c r="F16868" s="359" t="s">
        <v>14371</v>
      </c>
      <c r="G16868" s="359" t="s">
        <v>14372</v>
      </c>
      <c r="H16868" s="360"/>
      <c r="I16868" s="359" t="s">
        <v>14373</v>
      </c>
      <c r="J16868" s="365"/>
      <c r="K16868" s="365"/>
      <c r="L16868" s="365"/>
    </row>
    <row r="16869" spans="2:12">
      <c r="B16869" s="367"/>
      <c r="C16869" s="367"/>
      <c r="D16869" s="365"/>
      <c r="E16869" s="367"/>
      <c r="F16869" s="360"/>
      <c r="G16869" s="360"/>
      <c r="H16869" s="360"/>
      <c r="I16869" s="360"/>
      <c r="J16869" s="365"/>
      <c r="K16869" s="365"/>
      <c r="L16869" s="365"/>
    </row>
    <row r="16870" spans="2:12" ht="28.5">
      <c r="B16870" s="368"/>
      <c r="C16870" s="368"/>
      <c r="D16870" s="366"/>
      <c r="E16870" s="368"/>
      <c r="F16870" s="361" t="s">
        <v>14374</v>
      </c>
      <c r="G16870" s="361" t="s">
        <v>14373</v>
      </c>
      <c r="H16870" s="362"/>
      <c r="I16870" s="362"/>
      <c r="J16870" s="366"/>
      <c r="K16870" s="366"/>
      <c r="L16870" s="366"/>
    </row>
    <row r="16871" spans="2:12">
      <c r="B16871" s="358" t="s">
        <v>23312</v>
      </c>
      <c r="C16871" s="358" t="s">
        <v>23313</v>
      </c>
      <c r="D16871" s="358" t="s">
        <v>23314</v>
      </c>
      <c r="E16871" s="358" t="s">
        <v>23315</v>
      </c>
      <c r="F16871" s="358" t="s">
        <v>14443</v>
      </c>
      <c r="G16871" s="358" t="s">
        <v>14444</v>
      </c>
      <c r="H16871" s="358" t="s">
        <v>14381</v>
      </c>
      <c r="I16871" s="358" t="s">
        <v>14444</v>
      </c>
      <c r="J16871" s="358"/>
      <c r="K16871" s="358"/>
      <c r="L16871" s="358"/>
    </row>
    <row r="16872" spans="2:12">
      <c r="B16872" s="367"/>
      <c r="C16872" s="360"/>
      <c r="D16872" s="367"/>
      <c r="E16872" s="367"/>
      <c r="F16872" s="360"/>
      <c r="G16872" s="360"/>
      <c r="H16872" s="360"/>
      <c r="I16872" s="360"/>
      <c r="J16872" s="365"/>
      <c r="K16872" s="365"/>
      <c r="L16872" s="365"/>
    </row>
    <row r="16873" spans="2:12">
      <c r="B16873" s="367"/>
      <c r="C16873" s="359" t="s">
        <v>27833</v>
      </c>
      <c r="D16873" s="367"/>
      <c r="E16873" s="367"/>
      <c r="F16873" s="359" t="s">
        <v>14371</v>
      </c>
      <c r="G16873" s="359" t="s">
        <v>14372</v>
      </c>
      <c r="H16873" s="359" t="s">
        <v>14370</v>
      </c>
      <c r="I16873" s="359" t="s">
        <v>14373</v>
      </c>
      <c r="J16873" s="365"/>
      <c r="K16873" s="365"/>
      <c r="L16873" s="365"/>
    </row>
    <row r="16874" spans="2:12">
      <c r="B16874" s="367"/>
      <c r="C16874" s="360"/>
      <c r="D16874" s="367"/>
      <c r="E16874" s="367"/>
      <c r="F16874" s="360"/>
      <c r="G16874" s="360"/>
      <c r="H16874" s="360"/>
      <c r="I16874" s="360"/>
      <c r="J16874" s="365"/>
      <c r="K16874" s="365"/>
      <c r="L16874" s="365"/>
    </row>
    <row r="16875" spans="2:12" ht="28.5">
      <c r="B16875" s="368"/>
      <c r="C16875" s="362"/>
      <c r="D16875" s="368"/>
      <c r="E16875" s="368"/>
      <c r="F16875" s="361" t="s">
        <v>14374</v>
      </c>
      <c r="G16875" s="361" t="s">
        <v>14373</v>
      </c>
      <c r="H16875" s="361" t="s">
        <v>14422</v>
      </c>
      <c r="I16875" s="362"/>
      <c r="J16875" s="366"/>
      <c r="K16875" s="366"/>
      <c r="L16875" s="366"/>
    </row>
    <row r="16876" spans="2:12">
      <c r="B16876" s="358" t="s">
        <v>23316</v>
      </c>
      <c r="C16876" s="358" t="s">
        <v>23317</v>
      </c>
      <c r="D16876" s="358" t="s">
        <v>23318</v>
      </c>
      <c r="E16876" s="358" t="s">
        <v>23319</v>
      </c>
      <c r="F16876" s="358" t="s">
        <v>14443</v>
      </c>
      <c r="G16876" s="358" t="s">
        <v>14444</v>
      </c>
      <c r="H16876" s="358" t="s">
        <v>14381</v>
      </c>
      <c r="I16876" s="358" t="s">
        <v>14444</v>
      </c>
      <c r="J16876" s="358"/>
      <c r="K16876" s="358"/>
      <c r="L16876" s="358"/>
    </row>
    <row r="16877" spans="2:12">
      <c r="B16877" s="367"/>
      <c r="C16877" s="367"/>
      <c r="D16877" s="367"/>
      <c r="E16877" s="367"/>
      <c r="F16877" s="360"/>
      <c r="G16877" s="360"/>
      <c r="H16877" s="360"/>
      <c r="I16877" s="360"/>
      <c r="J16877" s="365"/>
      <c r="K16877" s="365"/>
      <c r="L16877" s="365"/>
    </row>
    <row r="16878" spans="2:12">
      <c r="B16878" s="367"/>
      <c r="C16878" s="367"/>
      <c r="D16878" s="367"/>
      <c r="E16878" s="367"/>
      <c r="F16878" s="359" t="s">
        <v>14371</v>
      </c>
      <c r="G16878" s="359" t="s">
        <v>14372</v>
      </c>
      <c r="H16878" s="359" t="s">
        <v>14370</v>
      </c>
      <c r="I16878" s="359" t="s">
        <v>14373</v>
      </c>
      <c r="J16878" s="365"/>
      <c r="K16878" s="365"/>
      <c r="L16878" s="365"/>
    </row>
    <row r="16879" spans="2:12">
      <c r="B16879" s="367"/>
      <c r="C16879" s="367"/>
      <c r="D16879" s="367"/>
      <c r="E16879" s="367"/>
      <c r="F16879" s="360"/>
      <c r="G16879" s="360"/>
      <c r="H16879" s="360"/>
      <c r="I16879" s="360"/>
      <c r="J16879" s="365"/>
      <c r="K16879" s="365"/>
      <c r="L16879" s="365"/>
    </row>
    <row r="16880" spans="2:12" ht="28.5">
      <c r="B16880" s="368"/>
      <c r="C16880" s="368"/>
      <c r="D16880" s="368"/>
      <c r="E16880" s="368"/>
      <c r="F16880" s="361" t="s">
        <v>14374</v>
      </c>
      <c r="G16880" s="361" t="s">
        <v>14373</v>
      </c>
      <c r="H16880" s="361" t="s">
        <v>14422</v>
      </c>
      <c r="I16880" s="362"/>
      <c r="J16880" s="366"/>
      <c r="K16880" s="366"/>
      <c r="L16880" s="366"/>
    </row>
    <row r="16881" spans="2:12">
      <c r="B16881" s="358" t="s">
        <v>10561</v>
      </c>
      <c r="C16881" s="358" t="s">
        <v>23320</v>
      </c>
      <c r="D16881" s="358" t="s">
        <v>10562</v>
      </c>
      <c r="E16881" s="358" t="s">
        <v>5817</v>
      </c>
      <c r="F16881" s="358" t="s">
        <v>14376</v>
      </c>
      <c r="G16881" s="358" t="s">
        <v>14669</v>
      </c>
      <c r="H16881" s="358" t="s">
        <v>14381</v>
      </c>
      <c r="I16881" s="358" t="s">
        <v>14669</v>
      </c>
      <c r="J16881" s="358"/>
      <c r="K16881" s="358"/>
      <c r="L16881" s="358"/>
    </row>
    <row r="16882" spans="2:12">
      <c r="B16882" s="367"/>
      <c r="C16882" s="367"/>
      <c r="D16882" s="367"/>
      <c r="E16882" s="367"/>
      <c r="F16882" s="367"/>
      <c r="G16882" s="367"/>
      <c r="H16882" s="360"/>
      <c r="I16882" s="367"/>
      <c r="J16882" s="365"/>
      <c r="K16882" s="365"/>
      <c r="L16882" s="365"/>
    </row>
    <row r="16883" spans="2:12">
      <c r="B16883" s="368"/>
      <c r="C16883" s="368"/>
      <c r="D16883" s="368"/>
      <c r="E16883" s="368"/>
      <c r="F16883" s="368"/>
      <c r="G16883" s="368"/>
      <c r="H16883" s="361" t="s">
        <v>14332</v>
      </c>
      <c r="I16883" s="368"/>
      <c r="J16883" s="366"/>
      <c r="K16883" s="366"/>
      <c r="L16883" s="366"/>
    </row>
    <row r="16884" spans="2:12">
      <c r="B16884" s="358" t="s">
        <v>10564</v>
      </c>
      <c r="C16884" s="358" t="s">
        <v>27834</v>
      </c>
      <c r="D16884" s="358" t="s">
        <v>288</v>
      </c>
      <c r="E16884" s="358" t="s">
        <v>289</v>
      </c>
      <c r="F16884" s="358" t="s">
        <v>14376</v>
      </c>
      <c r="G16884" s="358" t="s">
        <v>14669</v>
      </c>
      <c r="H16884" s="358" t="s">
        <v>14378</v>
      </c>
      <c r="I16884" s="358" t="s">
        <v>14669</v>
      </c>
      <c r="J16884" s="358"/>
      <c r="K16884" s="358"/>
      <c r="L16884" s="358"/>
    </row>
    <row r="16885" spans="2:12">
      <c r="B16885" s="367"/>
      <c r="C16885" s="360"/>
      <c r="D16885" s="367"/>
      <c r="E16885" s="367"/>
      <c r="F16885" s="360"/>
      <c r="G16885" s="360"/>
      <c r="H16885" s="360"/>
      <c r="I16885" s="360"/>
      <c r="J16885" s="365"/>
      <c r="K16885" s="365"/>
      <c r="L16885" s="365"/>
    </row>
    <row r="16886" spans="2:12">
      <c r="B16886" s="367"/>
      <c r="C16886" s="359" t="s">
        <v>13276</v>
      </c>
      <c r="D16886" s="367"/>
      <c r="E16886" s="367"/>
      <c r="F16886" s="359" t="s">
        <v>14382</v>
      </c>
      <c r="G16886" s="359" t="s">
        <v>14483</v>
      </c>
      <c r="H16886" s="359" t="s">
        <v>14381</v>
      </c>
      <c r="I16886" s="359" t="s">
        <v>14483</v>
      </c>
      <c r="J16886" s="365"/>
      <c r="K16886" s="365"/>
      <c r="L16886" s="365"/>
    </row>
    <row r="16887" spans="2:12">
      <c r="B16887" s="367"/>
      <c r="C16887" s="360"/>
      <c r="D16887" s="367"/>
      <c r="E16887" s="367"/>
      <c r="F16887" s="360"/>
      <c r="G16887" s="360"/>
      <c r="H16887" s="360"/>
      <c r="I16887" s="360"/>
      <c r="J16887" s="365"/>
      <c r="K16887" s="365"/>
      <c r="L16887" s="365"/>
    </row>
    <row r="16888" spans="2:12">
      <c r="B16888" s="367"/>
      <c r="C16888" s="360"/>
      <c r="D16888" s="367"/>
      <c r="E16888" s="367"/>
      <c r="F16888" s="359" t="s">
        <v>14382</v>
      </c>
      <c r="G16888" s="359" t="s">
        <v>14383</v>
      </c>
      <c r="H16888" s="359" t="s">
        <v>14370</v>
      </c>
      <c r="I16888" s="359" t="s">
        <v>14383</v>
      </c>
      <c r="J16888" s="365"/>
      <c r="K16888" s="365"/>
      <c r="L16888" s="365"/>
    </row>
    <row r="16889" spans="2:12">
      <c r="B16889" s="367"/>
      <c r="C16889" s="360"/>
      <c r="D16889" s="367"/>
      <c r="E16889" s="367"/>
      <c r="F16889" s="360"/>
      <c r="G16889" s="360"/>
      <c r="H16889" s="360"/>
      <c r="I16889" s="360"/>
      <c r="J16889" s="365"/>
      <c r="K16889" s="365"/>
      <c r="L16889" s="365"/>
    </row>
    <row r="16890" spans="2:12">
      <c r="B16890" s="367"/>
      <c r="C16890" s="360"/>
      <c r="D16890" s="367"/>
      <c r="E16890" s="367"/>
      <c r="F16890" s="359" t="s">
        <v>14386</v>
      </c>
      <c r="G16890" s="359" t="s">
        <v>14387</v>
      </c>
      <c r="H16890" s="359" t="s">
        <v>14332</v>
      </c>
      <c r="I16890" s="359" t="s">
        <v>14387</v>
      </c>
      <c r="J16890" s="365"/>
      <c r="K16890" s="365"/>
      <c r="L16890" s="365"/>
    </row>
    <row r="16891" spans="2:12">
      <c r="B16891" s="367"/>
      <c r="C16891" s="360"/>
      <c r="D16891" s="367"/>
      <c r="E16891" s="367"/>
      <c r="F16891" s="360"/>
      <c r="G16891" s="360"/>
      <c r="H16891" s="360"/>
      <c r="I16891" s="360"/>
      <c r="J16891" s="365"/>
      <c r="K16891" s="365"/>
      <c r="L16891" s="365"/>
    </row>
    <row r="16892" spans="2:12">
      <c r="B16892" s="368"/>
      <c r="C16892" s="362"/>
      <c r="D16892" s="368"/>
      <c r="E16892" s="368"/>
      <c r="F16892" s="361" t="s">
        <v>14371</v>
      </c>
      <c r="G16892" s="361" t="s">
        <v>14372</v>
      </c>
      <c r="H16892" s="362"/>
      <c r="I16892" s="361" t="s">
        <v>14372</v>
      </c>
      <c r="J16892" s="366"/>
      <c r="K16892" s="366"/>
      <c r="L16892" s="366"/>
    </row>
    <row r="16893" spans="2:12">
      <c r="B16893" s="358" t="s">
        <v>23321</v>
      </c>
      <c r="C16893" s="358" t="s">
        <v>30360</v>
      </c>
      <c r="D16893" s="358" t="s">
        <v>23322</v>
      </c>
      <c r="E16893" s="358" t="s">
        <v>23323</v>
      </c>
      <c r="F16893" s="358" t="s">
        <v>14389</v>
      </c>
      <c r="G16893" s="358" t="s">
        <v>14390</v>
      </c>
      <c r="H16893" s="358" t="s">
        <v>14367</v>
      </c>
      <c r="I16893" s="358" t="s">
        <v>14390</v>
      </c>
      <c r="J16893" s="358"/>
      <c r="K16893" s="358"/>
      <c r="L16893" s="358"/>
    </row>
    <row r="16894" spans="2:12">
      <c r="B16894" s="367"/>
      <c r="C16894" s="367"/>
      <c r="D16894" s="367"/>
      <c r="E16894" s="367"/>
      <c r="F16894" s="360"/>
      <c r="G16894" s="360"/>
      <c r="H16894" s="360"/>
      <c r="I16894" s="360"/>
      <c r="J16894" s="365"/>
      <c r="K16894" s="365"/>
      <c r="L16894" s="365"/>
    </row>
    <row r="16895" spans="2:12">
      <c r="B16895" s="368"/>
      <c r="C16895" s="368"/>
      <c r="D16895" s="368"/>
      <c r="E16895" s="368"/>
      <c r="F16895" s="361" t="s">
        <v>14391</v>
      </c>
      <c r="G16895" s="361" t="s">
        <v>14392</v>
      </c>
      <c r="H16895" s="361" t="s">
        <v>14422</v>
      </c>
      <c r="I16895" s="361" t="s">
        <v>14392</v>
      </c>
      <c r="J16895" s="366"/>
      <c r="K16895" s="366"/>
      <c r="L16895" s="366"/>
    </row>
    <row r="16896" spans="2:12">
      <c r="B16896" s="358" t="s">
        <v>23324</v>
      </c>
      <c r="C16896" s="358" t="s">
        <v>23325</v>
      </c>
      <c r="D16896" s="358" t="s">
        <v>23326</v>
      </c>
      <c r="E16896" s="358" t="s">
        <v>667</v>
      </c>
      <c r="F16896" s="358" t="s">
        <v>14420</v>
      </c>
      <c r="G16896" s="358" t="s">
        <v>14429</v>
      </c>
      <c r="H16896" s="358" t="s">
        <v>14367</v>
      </c>
      <c r="I16896" s="358" t="s">
        <v>14429</v>
      </c>
      <c r="J16896" s="358"/>
      <c r="K16896" s="358"/>
      <c r="L16896" s="358"/>
    </row>
    <row r="16897" spans="2:12">
      <c r="B16897" s="367"/>
      <c r="C16897" s="367"/>
      <c r="D16897" s="367"/>
      <c r="E16897" s="367"/>
      <c r="F16897" s="360"/>
      <c r="G16897" s="360"/>
      <c r="H16897" s="360"/>
      <c r="I16897" s="360"/>
      <c r="J16897" s="365"/>
      <c r="K16897" s="365"/>
      <c r="L16897" s="365"/>
    </row>
    <row r="16898" spans="2:12">
      <c r="B16898" s="367"/>
      <c r="C16898" s="367"/>
      <c r="D16898" s="367"/>
      <c r="E16898" s="367"/>
      <c r="F16898" s="359" t="s">
        <v>14371</v>
      </c>
      <c r="G16898" s="359" t="s">
        <v>14372</v>
      </c>
      <c r="H16898" s="359" t="s">
        <v>14370</v>
      </c>
      <c r="I16898" s="359" t="s">
        <v>14373</v>
      </c>
      <c r="J16898" s="365"/>
      <c r="K16898" s="365"/>
      <c r="L16898" s="365"/>
    </row>
    <row r="16899" spans="2:12">
      <c r="B16899" s="367"/>
      <c r="C16899" s="367"/>
      <c r="D16899" s="367"/>
      <c r="E16899" s="367"/>
      <c r="F16899" s="360"/>
      <c r="G16899" s="360"/>
      <c r="H16899" s="360"/>
      <c r="I16899" s="360"/>
      <c r="J16899" s="365"/>
      <c r="K16899" s="365"/>
      <c r="L16899" s="365"/>
    </row>
    <row r="16900" spans="2:12" ht="28.5">
      <c r="B16900" s="368"/>
      <c r="C16900" s="368"/>
      <c r="D16900" s="368"/>
      <c r="E16900" s="368"/>
      <c r="F16900" s="361" t="s">
        <v>14374</v>
      </c>
      <c r="G16900" s="361" t="s">
        <v>14373</v>
      </c>
      <c r="H16900" s="361" t="s">
        <v>14422</v>
      </c>
      <c r="I16900" s="362"/>
      <c r="J16900" s="366"/>
      <c r="K16900" s="366"/>
      <c r="L16900" s="366"/>
    </row>
    <row r="16901" spans="2:12" ht="28.5">
      <c r="B16901" s="358" t="s">
        <v>23327</v>
      </c>
      <c r="C16901" s="358" t="s">
        <v>23328</v>
      </c>
      <c r="D16901" s="358" t="s">
        <v>23329</v>
      </c>
      <c r="E16901" s="358" t="s">
        <v>23330</v>
      </c>
      <c r="F16901" s="358" t="s">
        <v>14384</v>
      </c>
      <c r="G16901" s="358" t="s">
        <v>14428</v>
      </c>
      <c r="H16901" s="358" t="s">
        <v>14341</v>
      </c>
      <c r="I16901" s="358" t="s">
        <v>14428</v>
      </c>
      <c r="J16901" s="358"/>
      <c r="K16901" s="358"/>
      <c r="L16901" s="358"/>
    </row>
    <row r="16902" spans="2:12">
      <c r="B16902" s="367"/>
      <c r="C16902" s="367"/>
      <c r="D16902" s="367"/>
      <c r="E16902" s="367"/>
      <c r="F16902" s="360"/>
      <c r="G16902" s="360"/>
      <c r="H16902" s="360"/>
      <c r="I16902" s="360"/>
      <c r="J16902" s="365"/>
      <c r="K16902" s="365"/>
      <c r="L16902" s="365"/>
    </row>
    <row r="16903" spans="2:12">
      <c r="B16903" s="367"/>
      <c r="C16903" s="367"/>
      <c r="D16903" s="367"/>
      <c r="E16903" s="367"/>
      <c r="F16903" s="359" t="s">
        <v>14420</v>
      </c>
      <c r="G16903" s="359" t="s">
        <v>14429</v>
      </c>
      <c r="H16903" s="359" t="s">
        <v>14381</v>
      </c>
      <c r="I16903" s="359" t="s">
        <v>14429</v>
      </c>
      <c r="J16903" s="365"/>
      <c r="K16903" s="365"/>
      <c r="L16903" s="365"/>
    </row>
    <row r="16904" spans="2:12">
      <c r="B16904" s="367"/>
      <c r="C16904" s="367"/>
      <c r="D16904" s="367"/>
      <c r="E16904" s="367"/>
      <c r="F16904" s="360"/>
      <c r="G16904" s="360"/>
      <c r="H16904" s="360"/>
      <c r="I16904" s="360"/>
      <c r="J16904" s="365"/>
      <c r="K16904" s="365"/>
      <c r="L16904" s="365"/>
    </row>
    <row r="16905" spans="2:12">
      <c r="B16905" s="367"/>
      <c r="C16905" s="367"/>
      <c r="D16905" s="367"/>
      <c r="E16905" s="367"/>
      <c r="F16905" s="359" t="s">
        <v>14460</v>
      </c>
      <c r="G16905" s="359" t="s">
        <v>14461</v>
      </c>
      <c r="H16905" s="359" t="s">
        <v>14367</v>
      </c>
      <c r="I16905" s="359" t="s">
        <v>14461</v>
      </c>
      <c r="J16905" s="365"/>
      <c r="K16905" s="365"/>
      <c r="L16905" s="365"/>
    </row>
    <row r="16906" spans="2:12">
      <c r="B16906" s="367"/>
      <c r="C16906" s="367"/>
      <c r="D16906" s="367"/>
      <c r="E16906" s="367"/>
      <c r="F16906" s="360"/>
      <c r="G16906" s="360"/>
      <c r="H16906" s="360"/>
      <c r="I16906" s="360"/>
      <c r="J16906" s="365"/>
      <c r="K16906" s="365"/>
      <c r="L16906" s="365"/>
    </row>
    <row r="16907" spans="2:12">
      <c r="B16907" s="367"/>
      <c r="C16907" s="367"/>
      <c r="D16907" s="367"/>
      <c r="E16907" s="367"/>
      <c r="F16907" s="359" t="s">
        <v>14430</v>
      </c>
      <c r="G16907" s="359" t="s">
        <v>14431</v>
      </c>
      <c r="H16907" s="359" t="s">
        <v>14370</v>
      </c>
      <c r="I16907" s="359" t="s">
        <v>14431</v>
      </c>
      <c r="J16907" s="365"/>
      <c r="K16907" s="365"/>
      <c r="L16907" s="365"/>
    </row>
    <row r="16908" spans="2:12">
      <c r="B16908" s="367"/>
      <c r="C16908" s="367"/>
      <c r="D16908" s="367"/>
      <c r="E16908" s="367"/>
      <c r="F16908" s="360"/>
      <c r="G16908" s="360"/>
      <c r="H16908" s="360"/>
      <c r="I16908" s="360"/>
      <c r="J16908" s="365"/>
      <c r="K16908" s="365"/>
      <c r="L16908" s="365"/>
    </row>
    <row r="16909" spans="2:12">
      <c r="B16909" s="367"/>
      <c r="C16909" s="367"/>
      <c r="D16909" s="367"/>
      <c r="E16909" s="367"/>
      <c r="F16909" s="359" t="s">
        <v>14391</v>
      </c>
      <c r="G16909" s="359" t="s">
        <v>14392</v>
      </c>
      <c r="H16909" s="359" t="s">
        <v>14332</v>
      </c>
      <c r="I16909" s="359" t="s">
        <v>14392</v>
      </c>
      <c r="J16909" s="365"/>
      <c r="K16909" s="365"/>
      <c r="L16909" s="365"/>
    </row>
    <row r="16910" spans="2:12">
      <c r="B16910" s="367"/>
      <c r="C16910" s="367"/>
      <c r="D16910" s="367"/>
      <c r="E16910" s="367"/>
      <c r="F16910" s="360"/>
      <c r="G16910" s="360"/>
      <c r="H16910" s="360"/>
      <c r="I16910" s="360"/>
      <c r="J16910" s="365"/>
      <c r="K16910" s="365"/>
      <c r="L16910" s="365"/>
    </row>
    <row r="16911" spans="2:12">
      <c r="B16911" s="367"/>
      <c r="C16911" s="367"/>
      <c r="D16911" s="367"/>
      <c r="E16911" s="367"/>
      <c r="F16911" s="359" t="s">
        <v>14371</v>
      </c>
      <c r="G16911" s="359" t="s">
        <v>14372</v>
      </c>
      <c r="H16911" s="360"/>
      <c r="I16911" s="359" t="s">
        <v>14373</v>
      </c>
      <c r="J16911" s="365"/>
      <c r="K16911" s="365"/>
      <c r="L16911" s="365"/>
    </row>
    <row r="16912" spans="2:12">
      <c r="B16912" s="367"/>
      <c r="C16912" s="367"/>
      <c r="D16912" s="367"/>
      <c r="E16912" s="367"/>
      <c r="F16912" s="360"/>
      <c r="G16912" s="360"/>
      <c r="H16912" s="360"/>
      <c r="I16912" s="360"/>
      <c r="J16912" s="365"/>
      <c r="K16912" s="365"/>
      <c r="L16912" s="365"/>
    </row>
    <row r="16913" spans="2:12" ht="28.5">
      <c r="B16913" s="368"/>
      <c r="C16913" s="368"/>
      <c r="D16913" s="368"/>
      <c r="E16913" s="368"/>
      <c r="F16913" s="361" t="s">
        <v>14374</v>
      </c>
      <c r="G16913" s="361" t="s">
        <v>14373</v>
      </c>
      <c r="H16913" s="362"/>
      <c r="I16913" s="362"/>
      <c r="J16913" s="366"/>
      <c r="K16913" s="366"/>
      <c r="L16913" s="366"/>
    </row>
    <row r="16914" spans="2:12">
      <c r="B16914" s="358" t="s">
        <v>23331</v>
      </c>
      <c r="C16914" s="358" t="s">
        <v>29534</v>
      </c>
      <c r="D16914" s="358" t="s">
        <v>23332</v>
      </c>
      <c r="E16914" s="358" t="s">
        <v>23333</v>
      </c>
      <c r="F16914" s="358" t="s">
        <v>14356</v>
      </c>
      <c r="G16914" s="358" t="s">
        <v>14340</v>
      </c>
      <c r="H16914" s="358" t="s">
        <v>14341</v>
      </c>
      <c r="I16914" s="358" t="s">
        <v>14340</v>
      </c>
      <c r="J16914" s="358"/>
      <c r="K16914" s="358"/>
      <c r="L16914" s="358"/>
    </row>
    <row r="16915" spans="2:12">
      <c r="B16915" s="367"/>
      <c r="C16915" s="360"/>
      <c r="D16915" s="367"/>
      <c r="E16915" s="367"/>
      <c r="F16915" s="360"/>
      <c r="G16915" s="360"/>
      <c r="H16915" s="360"/>
      <c r="I16915" s="360"/>
      <c r="J16915" s="365"/>
      <c r="K16915" s="365"/>
      <c r="L16915" s="365"/>
    </row>
    <row r="16916" spans="2:12">
      <c r="B16916" s="367"/>
      <c r="C16916" s="359" t="s">
        <v>29535</v>
      </c>
      <c r="D16916" s="367"/>
      <c r="E16916" s="367"/>
      <c r="F16916" s="359" t="s">
        <v>14420</v>
      </c>
      <c r="G16916" s="359" t="s">
        <v>14429</v>
      </c>
      <c r="H16916" s="359" t="s">
        <v>14367</v>
      </c>
      <c r="I16916" s="359" t="s">
        <v>14429</v>
      </c>
      <c r="J16916" s="365"/>
      <c r="K16916" s="365"/>
      <c r="L16916" s="365"/>
    </row>
    <row r="16917" spans="2:12">
      <c r="B16917" s="367"/>
      <c r="C16917" s="360"/>
      <c r="D16917" s="367"/>
      <c r="E16917" s="367"/>
      <c r="F16917" s="360"/>
      <c r="G16917" s="360"/>
      <c r="H16917" s="360"/>
      <c r="I16917" s="360"/>
      <c r="J16917" s="365"/>
      <c r="K16917" s="365"/>
      <c r="L16917" s="365"/>
    </row>
    <row r="16918" spans="2:12">
      <c r="B16918" s="367"/>
      <c r="C16918" s="360"/>
      <c r="D16918" s="367"/>
      <c r="E16918" s="367"/>
      <c r="F16918" s="359" t="s">
        <v>14371</v>
      </c>
      <c r="G16918" s="359" t="s">
        <v>14372</v>
      </c>
      <c r="H16918" s="359" t="s">
        <v>14370</v>
      </c>
      <c r="I16918" s="359" t="s">
        <v>14373</v>
      </c>
      <c r="J16918" s="365"/>
      <c r="K16918" s="365"/>
      <c r="L16918" s="365"/>
    </row>
    <row r="16919" spans="2:12">
      <c r="B16919" s="367"/>
      <c r="C16919" s="360"/>
      <c r="D16919" s="367"/>
      <c r="E16919" s="367"/>
      <c r="F16919" s="360"/>
      <c r="G16919" s="360"/>
      <c r="H16919" s="360"/>
      <c r="I16919" s="360"/>
      <c r="J16919" s="365"/>
      <c r="K16919" s="365"/>
      <c r="L16919" s="365"/>
    </row>
    <row r="16920" spans="2:12" ht="28.5">
      <c r="B16920" s="368"/>
      <c r="C16920" s="362"/>
      <c r="D16920" s="368"/>
      <c r="E16920" s="368"/>
      <c r="F16920" s="361" t="s">
        <v>14374</v>
      </c>
      <c r="G16920" s="361" t="s">
        <v>14373</v>
      </c>
      <c r="H16920" s="361" t="s">
        <v>14332</v>
      </c>
      <c r="I16920" s="362"/>
      <c r="J16920" s="366"/>
      <c r="K16920" s="366"/>
      <c r="L16920" s="366"/>
    </row>
    <row r="16921" spans="2:12">
      <c r="B16921" s="358" t="s">
        <v>23334</v>
      </c>
      <c r="C16921" s="358" t="s">
        <v>30361</v>
      </c>
      <c r="D16921" s="358" t="s">
        <v>23335</v>
      </c>
      <c r="E16921" s="358" t="s">
        <v>23336</v>
      </c>
      <c r="F16921" s="358" t="s">
        <v>14443</v>
      </c>
      <c r="G16921" s="358" t="s">
        <v>14444</v>
      </c>
      <c r="H16921" s="358" t="s">
        <v>14381</v>
      </c>
      <c r="I16921" s="358" t="s">
        <v>14444</v>
      </c>
      <c r="J16921" s="358"/>
      <c r="K16921" s="358"/>
      <c r="L16921" s="358"/>
    </row>
    <row r="16922" spans="2:12">
      <c r="B16922" s="367"/>
      <c r="C16922" s="367"/>
      <c r="D16922" s="367"/>
      <c r="E16922" s="367"/>
      <c r="F16922" s="360"/>
      <c r="G16922" s="360"/>
      <c r="H16922" s="360"/>
      <c r="I16922" s="360"/>
      <c r="J16922" s="365"/>
      <c r="K16922" s="365"/>
      <c r="L16922" s="365"/>
    </row>
    <row r="16923" spans="2:12">
      <c r="B16923" s="367"/>
      <c r="C16923" s="367"/>
      <c r="D16923" s="367"/>
      <c r="E16923" s="367"/>
      <c r="F16923" s="359" t="s">
        <v>14420</v>
      </c>
      <c r="G16923" s="359" t="s">
        <v>14429</v>
      </c>
      <c r="H16923" s="359" t="s">
        <v>14367</v>
      </c>
      <c r="I16923" s="359" t="s">
        <v>14429</v>
      </c>
      <c r="J16923" s="365"/>
      <c r="K16923" s="365"/>
      <c r="L16923" s="365"/>
    </row>
    <row r="16924" spans="2:12">
      <c r="B16924" s="367"/>
      <c r="C16924" s="367"/>
      <c r="D16924" s="367"/>
      <c r="E16924" s="367"/>
      <c r="F16924" s="360"/>
      <c r="G16924" s="360"/>
      <c r="H16924" s="360"/>
      <c r="I16924" s="360"/>
      <c r="J16924" s="365"/>
      <c r="K16924" s="365"/>
      <c r="L16924" s="365"/>
    </row>
    <row r="16925" spans="2:12">
      <c r="B16925" s="367"/>
      <c r="C16925" s="367"/>
      <c r="D16925" s="367"/>
      <c r="E16925" s="367"/>
      <c r="F16925" s="359" t="s">
        <v>14386</v>
      </c>
      <c r="G16925" s="359" t="s">
        <v>14387</v>
      </c>
      <c r="H16925" s="359" t="s">
        <v>14370</v>
      </c>
      <c r="I16925" s="359" t="s">
        <v>14387</v>
      </c>
      <c r="J16925" s="365"/>
      <c r="K16925" s="365"/>
      <c r="L16925" s="365"/>
    </row>
    <row r="16926" spans="2:12">
      <c r="B16926" s="367"/>
      <c r="C16926" s="367"/>
      <c r="D16926" s="367"/>
      <c r="E16926" s="367"/>
      <c r="F16926" s="360"/>
      <c r="G16926" s="360"/>
      <c r="H16926" s="360"/>
      <c r="I16926" s="360"/>
      <c r="J16926" s="365"/>
      <c r="K16926" s="365"/>
      <c r="L16926" s="365"/>
    </row>
    <row r="16927" spans="2:12" ht="28.5">
      <c r="B16927" s="368"/>
      <c r="C16927" s="368"/>
      <c r="D16927" s="368"/>
      <c r="E16927" s="368"/>
      <c r="F16927" s="361" t="s">
        <v>14394</v>
      </c>
      <c r="G16927" s="361" t="s">
        <v>14395</v>
      </c>
      <c r="H16927" s="361" t="s">
        <v>14422</v>
      </c>
      <c r="I16927" s="361" t="s">
        <v>14395</v>
      </c>
      <c r="J16927" s="366"/>
      <c r="K16927" s="366"/>
      <c r="L16927" s="366"/>
    </row>
    <row r="16928" spans="2:12">
      <c r="B16928" s="358" t="s">
        <v>23337</v>
      </c>
      <c r="C16928" s="358" t="s">
        <v>30362</v>
      </c>
      <c r="D16928" s="358" t="s">
        <v>8356</v>
      </c>
      <c r="E16928" s="358" t="s">
        <v>8356</v>
      </c>
      <c r="F16928" s="358" t="s">
        <v>14443</v>
      </c>
      <c r="G16928" s="358" t="s">
        <v>14444</v>
      </c>
      <c r="H16928" s="358" t="s">
        <v>14381</v>
      </c>
      <c r="I16928" s="358" t="s">
        <v>14444</v>
      </c>
      <c r="J16928" s="358"/>
      <c r="K16928" s="358"/>
      <c r="L16928" s="358" t="s">
        <v>9491</v>
      </c>
    </row>
    <row r="16929" spans="2:12">
      <c r="B16929" s="367"/>
      <c r="C16929" s="367"/>
      <c r="D16929" s="367"/>
      <c r="E16929" s="367"/>
      <c r="F16929" s="360"/>
      <c r="G16929" s="360"/>
      <c r="H16929" s="360"/>
      <c r="I16929" s="360"/>
      <c r="J16929" s="365"/>
      <c r="K16929" s="365"/>
      <c r="L16929" s="367"/>
    </row>
    <row r="16930" spans="2:12">
      <c r="B16930" s="367"/>
      <c r="C16930" s="367"/>
      <c r="D16930" s="367"/>
      <c r="E16930" s="367"/>
      <c r="F16930" s="359" t="s">
        <v>14420</v>
      </c>
      <c r="G16930" s="359" t="s">
        <v>14429</v>
      </c>
      <c r="H16930" s="359" t="s">
        <v>14367</v>
      </c>
      <c r="I16930" s="359" t="s">
        <v>14429</v>
      </c>
      <c r="J16930" s="365"/>
      <c r="K16930" s="365"/>
      <c r="L16930" s="367"/>
    </row>
    <row r="16931" spans="2:12">
      <c r="B16931" s="367"/>
      <c r="C16931" s="367"/>
      <c r="D16931" s="367"/>
      <c r="E16931" s="367"/>
      <c r="F16931" s="360"/>
      <c r="G16931" s="360"/>
      <c r="H16931" s="360"/>
      <c r="I16931" s="360"/>
      <c r="J16931" s="365"/>
      <c r="K16931" s="365"/>
      <c r="L16931" s="367"/>
    </row>
    <row r="16932" spans="2:12">
      <c r="B16932" s="367"/>
      <c r="C16932" s="367"/>
      <c r="D16932" s="367"/>
      <c r="E16932" s="367"/>
      <c r="F16932" s="359" t="s">
        <v>14386</v>
      </c>
      <c r="G16932" s="359" t="s">
        <v>14387</v>
      </c>
      <c r="H16932" s="359" t="s">
        <v>14370</v>
      </c>
      <c r="I16932" s="359" t="s">
        <v>14387</v>
      </c>
      <c r="J16932" s="365"/>
      <c r="K16932" s="365"/>
      <c r="L16932" s="367"/>
    </row>
    <row r="16933" spans="2:12">
      <c r="B16933" s="367"/>
      <c r="C16933" s="367"/>
      <c r="D16933" s="367"/>
      <c r="E16933" s="367"/>
      <c r="F16933" s="360"/>
      <c r="G16933" s="360"/>
      <c r="H16933" s="360"/>
      <c r="I16933" s="360"/>
      <c r="J16933" s="365"/>
      <c r="K16933" s="365"/>
      <c r="L16933" s="367"/>
    </row>
    <row r="16934" spans="2:12" ht="28.5">
      <c r="B16934" s="368"/>
      <c r="C16934" s="368"/>
      <c r="D16934" s="368"/>
      <c r="E16934" s="368"/>
      <c r="F16934" s="361" t="s">
        <v>14394</v>
      </c>
      <c r="G16934" s="361" t="s">
        <v>14395</v>
      </c>
      <c r="H16934" s="361" t="s">
        <v>14422</v>
      </c>
      <c r="I16934" s="361" t="s">
        <v>14395</v>
      </c>
      <c r="J16934" s="366"/>
      <c r="K16934" s="366"/>
      <c r="L16934" s="368"/>
    </row>
    <row r="16935" spans="2:12" ht="42.75">
      <c r="B16935" s="358" t="s">
        <v>10566</v>
      </c>
      <c r="C16935" s="358" t="s">
        <v>23338</v>
      </c>
      <c r="D16935" s="358" t="s">
        <v>10567</v>
      </c>
      <c r="E16935" s="358" t="s">
        <v>5840</v>
      </c>
      <c r="F16935" s="358" t="s">
        <v>14376</v>
      </c>
      <c r="G16935" s="358" t="s">
        <v>14669</v>
      </c>
      <c r="H16935" s="358" t="s">
        <v>14381</v>
      </c>
      <c r="I16935" s="358" t="s">
        <v>14669</v>
      </c>
      <c r="J16935" s="358"/>
      <c r="K16935" s="358" t="s">
        <v>29532</v>
      </c>
      <c r="L16935" s="358"/>
    </row>
    <row r="16936" spans="2:12">
      <c r="B16936" s="367"/>
      <c r="C16936" s="367"/>
      <c r="D16936" s="367"/>
      <c r="E16936" s="367"/>
      <c r="F16936" s="360"/>
      <c r="G16936" s="360"/>
      <c r="H16936" s="360"/>
      <c r="I16936" s="360"/>
      <c r="J16936" s="365"/>
      <c r="K16936" s="367"/>
      <c r="L16936" s="365"/>
    </row>
    <row r="16937" spans="2:12">
      <c r="B16937" s="367"/>
      <c r="C16937" s="367"/>
      <c r="D16937" s="367"/>
      <c r="E16937" s="367"/>
      <c r="F16937" s="359" t="s">
        <v>14420</v>
      </c>
      <c r="G16937" s="359" t="s">
        <v>14429</v>
      </c>
      <c r="H16937" s="359" t="s">
        <v>14367</v>
      </c>
      <c r="I16937" s="359" t="s">
        <v>14429</v>
      </c>
      <c r="J16937" s="365"/>
      <c r="K16937" s="367"/>
      <c r="L16937" s="365"/>
    </row>
    <row r="16938" spans="2:12">
      <c r="B16938" s="367"/>
      <c r="C16938" s="367"/>
      <c r="D16938" s="367"/>
      <c r="E16938" s="367"/>
      <c r="F16938" s="360"/>
      <c r="G16938" s="360"/>
      <c r="H16938" s="360"/>
      <c r="I16938" s="360"/>
      <c r="J16938" s="365"/>
      <c r="K16938" s="367"/>
      <c r="L16938" s="365"/>
    </row>
    <row r="16939" spans="2:12" ht="28.5">
      <c r="B16939" s="367"/>
      <c r="C16939" s="367"/>
      <c r="D16939" s="367"/>
      <c r="E16939" s="367"/>
      <c r="F16939" s="359" t="s">
        <v>14394</v>
      </c>
      <c r="G16939" s="359" t="s">
        <v>14395</v>
      </c>
      <c r="H16939" s="359" t="s">
        <v>14370</v>
      </c>
      <c r="I16939" s="359" t="s">
        <v>14395</v>
      </c>
      <c r="J16939" s="365"/>
      <c r="K16939" s="367"/>
      <c r="L16939" s="365"/>
    </row>
    <row r="16940" spans="2:12">
      <c r="B16940" s="367"/>
      <c r="C16940" s="367"/>
      <c r="D16940" s="367"/>
      <c r="E16940" s="367"/>
      <c r="F16940" s="360"/>
      <c r="G16940" s="360"/>
      <c r="H16940" s="360"/>
      <c r="I16940" s="360"/>
      <c r="J16940" s="365"/>
      <c r="K16940" s="367"/>
      <c r="L16940" s="365"/>
    </row>
    <row r="16941" spans="2:12">
      <c r="B16941" s="368"/>
      <c r="C16941" s="368"/>
      <c r="D16941" s="368"/>
      <c r="E16941" s="368"/>
      <c r="F16941" s="362"/>
      <c r="G16941" s="362"/>
      <c r="H16941" s="361" t="s">
        <v>14332</v>
      </c>
      <c r="I16941" s="362"/>
      <c r="J16941" s="366"/>
      <c r="K16941" s="368"/>
      <c r="L16941" s="366"/>
    </row>
    <row r="16942" spans="2:12">
      <c r="B16942" s="358" t="s">
        <v>10570</v>
      </c>
      <c r="C16942" s="358" t="s">
        <v>27835</v>
      </c>
      <c r="D16942" s="358" t="s">
        <v>194</v>
      </c>
      <c r="E16942" s="358" t="s">
        <v>195</v>
      </c>
      <c r="F16942" s="358" t="s">
        <v>14376</v>
      </c>
      <c r="G16942" s="358" t="s">
        <v>14669</v>
      </c>
      <c r="H16942" s="358" t="s">
        <v>14378</v>
      </c>
      <c r="I16942" s="358" t="s">
        <v>14669</v>
      </c>
      <c r="J16942" s="358"/>
      <c r="K16942" s="358"/>
      <c r="L16942" s="358"/>
    </row>
    <row r="16943" spans="2:12">
      <c r="B16943" s="367"/>
      <c r="C16943" s="360"/>
      <c r="D16943" s="367"/>
      <c r="E16943" s="367"/>
      <c r="F16943" s="360"/>
      <c r="G16943" s="360"/>
      <c r="H16943" s="360"/>
      <c r="I16943" s="360"/>
      <c r="J16943" s="365"/>
      <c r="K16943" s="365"/>
      <c r="L16943" s="365"/>
    </row>
    <row r="16944" spans="2:12">
      <c r="B16944" s="367"/>
      <c r="C16944" s="359" t="s">
        <v>23339</v>
      </c>
      <c r="D16944" s="367"/>
      <c r="E16944" s="367"/>
      <c r="F16944" s="359" t="s">
        <v>14426</v>
      </c>
      <c r="G16944" s="359" t="s">
        <v>14427</v>
      </c>
      <c r="H16944" s="359" t="s">
        <v>14381</v>
      </c>
      <c r="I16944" s="359" t="s">
        <v>14427</v>
      </c>
      <c r="J16944" s="365"/>
      <c r="K16944" s="365"/>
      <c r="L16944" s="365"/>
    </row>
    <row r="16945" spans="2:12">
      <c r="B16945" s="367"/>
      <c r="C16945" s="360"/>
      <c r="D16945" s="367"/>
      <c r="E16945" s="367"/>
      <c r="F16945" s="360"/>
      <c r="G16945" s="360"/>
      <c r="H16945" s="360"/>
      <c r="I16945" s="360"/>
      <c r="J16945" s="365"/>
      <c r="K16945" s="365"/>
      <c r="L16945" s="365"/>
    </row>
    <row r="16946" spans="2:12">
      <c r="B16946" s="367"/>
      <c r="C16946" s="360"/>
      <c r="D16946" s="367"/>
      <c r="E16946" s="367"/>
      <c r="F16946" s="359" t="s">
        <v>14507</v>
      </c>
      <c r="G16946" s="359" t="s">
        <v>14873</v>
      </c>
      <c r="H16946" s="359" t="s">
        <v>14370</v>
      </c>
      <c r="I16946" s="359" t="s">
        <v>14873</v>
      </c>
      <c r="J16946" s="365"/>
      <c r="K16946" s="365"/>
      <c r="L16946" s="365"/>
    </row>
    <row r="16947" spans="2:12">
      <c r="B16947" s="367"/>
      <c r="C16947" s="360"/>
      <c r="D16947" s="367"/>
      <c r="E16947" s="367"/>
      <c r="F16947" s="360"/>
      <c r="G16947" s="360"/>
      <c r="H16947" s="360"/>
      <c r="I16947" s="360"/>
      <c r="J16947" s="365"/>
      <c r="K16947" s="365"/>
      <c r="L16947" s="365"/>
    </row>
    <row r="16948" spans="2:12">
      <c r="B16948" s="367"/>
      <c r="C16948" s="360"/>
      <c r="D16948" s="367"/>
      <c r="E16948" s="367"/>
      <c r="F16948" s="359" t="s">
        <v>14382</v>
      </c>
      <c r="G16948" s="359" t="s">
        <v>14383</v>
      </c>
      <c r="H16948" s="359" t="s">
        <v>14332</v>
      </c>
      <c r="I16948" s="359" t="s">
        <v>14383</v>
      </c>
      <c r="J16948" s="365"/>
      <c r="K16948" s="365"/>
      <c r="L16948" s="365"/>
    </row>
    <row r="16949" spans="2:12">
      <c r="B16949" s="367"/>
      <c r="C16949" s="360"/>
      <c r="D16949" s="367"/>
      <c r="E16949" s="367"/>
      <c r="F16949" s="360"/>
      <c r="G16949" s="360"/>
      <c r="H16949" s="360"/>
      <c r="I16949" s="360"/>
      <c r="J16949" s="365"/>
      <c r="K16949" s="365"/>
      <c r="L16949" s="365"/>
    </row>
    <row r="16950" spans="2:12">
      <c r="B16950" s="367"/>
      <c r="C16950" s="360"/>
      <c r="D16950" s="367"/>
      <c r="E16950" s="367"/>
      <c r="F16950" s="359" t="s">
        <v>14420</v>
      </c>
      <c r="G16950" s="359" t="s">
        <v>14421</v>
      </c>
      <c r="H16950" s="360"/>
      <c r="I16950" s="359" t="s">
        <v>14421</v>
      </c>
      <c r="J16950" s="365"/>
      <c r="K16950" s="365"/>
      <c r="L16950" s="365"/>
    </row>
    <row r="16951" spans="2:12">
      <c r="B16951" s="367"/>
      <c r="C16951" s="360"/>
      <c r="D16951" s="367"/>
      <c r="E16951" s="367"/>
      <c r="F16951" s="360"/>
      <c r="G16951" s="360"/>
      <c r="H16951" s="360"/>
      <c r="I16951" s="360"/>
      <c r="J16951" s="365"/>
      <c r="K16951" s="365"/>
      <c r="L16951" s="365"/>
    </row>
    <row r="16952" spans="2:12">
      <c r="B16952" s="367"/>
      <c r="C16952" s="360"/>
      <c r="D16952" s="367"/>
      <c r="E16952" s="367"/>
      <c r="F16952" s="359" t="s">
        <v>14460</v>
      </c>
      <c r="G16952" s="359" t="s">
        <v>14461</v>
      </c>
      <c r="H16952" s="360"/>
      <c r="I16952" s="359" t="s">
        <v>14461</v>
      </c>
      <c r="J16952" s="365"/>
      <c r="K16952" s="365"/>
      <c r="L16952" s="365"/>
    </row>
    <row r="16953" spans="2:12">
      <c r="B16953" s="367"/>
      <c r="C16953" s="360"/>
      <c r="D16953" s="367"/>
      <c r="E16953" s="367"/>
      <c r="F16953" s="360"/>
      <c r="G16953" s="360"/>
      <c r="H16953" s="360"/>
      <c r="I16953" s="360"/>
      <c r="J16953" s="365"/>
      <c r="K16953" s="365"/>
      <c r="L16953" s="365"/>
    </row>
    <row r="16954" spans="2:12">
      <c r="B16954" s="367"/>
      <c r="C16954" s="360"/>
      <c r="D16954" s="367"/>
      <c r="E16954" s="367"/>
      <c r="F16954" s="359" t="s">
        <v>14391</v>
      </c>
      <c r="G16954" s="359" t="s">
        <v>14392</v>
      </c>
      <c r="H16954" s="360"/>
      <c r="I16954" s="359" t="s">
        <v>14392</v>
      </c>
      <c r="J16954" s="365"/>
      <c r="K16954" s="365"/>
      <c r="L16954" s="365"/>
    </row>
    <row r="16955" spans="2:12">
      <c r="B16955" s="367"/>
      <c r="C16955" s="360"/>
      <c r="D16955" s="367"/>
      <c r="E16955" s="367"/>
      <c r="F16955" s="360"/>
      <c r="G16955" s="360"/>
      <c r="H16955" s="360"/>
      <c r="I16955" s="360"/>
      <c r="J16955" s="365"/>
      <c r="K16955" s="365"/>
      <c r="L16955" s="365"/>
    </row>
    <row r="16956" spans="2:12" ht="28.5">
      <c r="B16956" s="368"/>
      <c r="C16956" s="362"/>
      <c r="D16956" s="368"/>
      <c r="E16956" s="368"/>
      <c r="F16956" s="361" t="s">
        <v>14394</v>
      </c>
      <c r="G16956" s="361" t="s">
        <v>14395</v>
      </c>
      <c r="H16956" s="362"/>
      <c r="I16956" s="361" t="s">
        <v>14395</v>
      </c>
      <c r="J16956" s="366"/>
      <c r="K16956" s="366"/>
      <c r="L16956" s="366"/>
    </row>
    <row r="16957" spans="2:12">
      <c r="B16957" s="358" t="s">
        <v>23340</v>
      </c>
      <c r="C16957" s="358" t="s">
        <v>23341</v>
      </c>
      <c r="D16957" s="358" t="s">
        <v>23342</v>
      </c>
      <c r="E16957" s="358" t="s">
        <v>23343</v>
      </c>
      <c r="F16957" s="358" t="s">
        <v>14418</v>
      </c>
      <c r="G16957" s="358" t="s">
        <v>14419</v>
      </c>
      <c r="H16957" s="358" t="s">
        <v>14328</v>
      </c>
      <c r="I16957" s="358" t="s">
        <v>14419</v>
      </c>
      <c r="J16957" s="358"/>
      <c r="K16957" s="358"/>
      <c r="L16957" s="358"/>
    </row>
    <row r="16958" spans="2:12">
      <c r="B16958" s="367"/>
      <c r="C16958" s="367"/>
      <c r="D16958" s="367"/>
      <c r="E16958" s="367"/>
      <c r="F16958" s="360"/>
      <c r="G16958" s="360"/>
      <c r="H16958" s="360"/>
      <c r="I16958" s="360"/>
      <c r="J16958" s="365"/>
      <c r="K16958" s="365"/>
      <c r="L16958" s="365"/>
    </row>
    <row r="16959" spans="2:12">
      <c r="B16959" s="367"/>
      <c r="C16959" s="367"/>
      <c r="D16959" s="367"/>
      <c r="E16959" s="367"/>
      <c r="F16959" s="359" t="s">
        <v>14420</v>
      </c>
      <c r="G16959" s="359" t="s">
        <v>14421</v>
      </c>
      <c r="H16959" s="359" t="s">
        <v>14341</v>
      </c>
      <c r="I16959" s="359" t="s">
        <v>14421</v>
      </c>
      <c r="J16959" s="365"/>
      <c r="K16959" s="365"/>
      <c r="L16959" s="365"/>
    </row>
    <row r="16960" spans="2:12">
      <c r="B16960" s="367"/>
      <c r="C16960" s="367"/>
      <c r="D16960" s="367"/>
      <c r="E16960" s="367"/>
      <c r="F16960" s="360"/>
      <c r="G16960" s="360"/>
      <c r="H16960" s="360"/>
      <c r="I16960" s="360"/>
      <c r="J16960" s="365"/>
      <c r="K16960" s="365"/>
      <c r="L16960" s="365"/>
    </row>
    <row r="16961" spans="2:12">
      <c r="B16961" s="367"/>
      <c r="C16961" s="367"/>
      <c r="D16961" s="367"/>
      <c r="E16961" s="367"/>
      <c r="F16961" s="359" t="s">
        <v>14420</v>
      </c>
      <c r="G16961" s="359" t="s">
        <v>14429</v>
      </c>
      <c r="H16961" s="359" t="s">
        <v>14367</v>
      </c>
      <c r="I16961" s="359" t="s">
        <v>14429</v>
      </c>
      <c r="J16961" s="365"/>
      <c r="K16961" s="365"/>
      <c r="L16961" s="365"/>
    </row>
    <row r="16962" spans="2:12">
      <c r="B16962" s="367"/>
      <c r="C16962" s="367"/>
      <c r="D16962" s="367"/>
      <c r="E16962" s="367"/>
      <c r="F16962" s="360"/>
      <c r="G16962" s="360"/>
      <c r="H16962" s="360"/>
      <c r="I16962" s="360"/>
      <c r="J16962" s="365"/>
      <c r="K16962" s="365"/>
      <c r="L16962" s="365"/>
    </row>
    <row r="16963" spans="2:12">
      <c r="B16963" s="368"/>
      <c r="C16963" s="368"/>
      <c r="D16963" s="368"/>
      <c r="E16963" s="368"/>
      <c r="F16963" s="361" t="s">
        <v>14339</v>
      </c>
      <c r="G16963" s="361" t="s">
        <v>14340</v>
      </c>
      <c r="H16963" s="361" t="s">
        <v>14332</v>
      </c>
      <c r="I16963" s="361" t="s">
        <v>14340</v>
      </c>
      <c r="J16963" s="366"/>
      <c r="K16963" s="366"/>
      <c r="L16963" s="366"/>
    </row>
    <row r="16964" spans="2:12">
      <c r="B16964" s="358" t="s">
        <v>23344</v>
      </c>
      <c r="C16964" s="358" t="s">
        <v>23345</v>
      </c>
      <c r="D16964" s="358" t="s">
        <v>23346</v>
      </c>
      <c r="E16964" s="358" t="s">
        <v>6248</v>
      </c>
      <c r="F16964" s="358" t="s">
        <v>15370</v>
      </c>
      <c r="G16964" s="358" t="s">
        <v>15097</v>
      </c>
      <c r="H16964" s="358" t="s">
        <v>14328</v>
      </c>
      <c r="I16964" s="358" t="s">
        <v>15097</v>
      </c>
      <c r="J16964" s="358"/>
      <c r="K16964" s="358"/>
      <c r="L16964" s="358"/>
    </row>
    <row r="16965" spans="2:12">
      <c r="B16965" s="367"/>
      <c r="C16965" s="360"/>
      <c r="D16965" s="367"/>
      <c r="E16965" s="367"/>
      <c r="F16965" s="360"/>
      <c r="G16965" s="360"/>
      <c r="H16965" s="360"/>
      <c r="I16965" s="360"/>
      <c r="J16965" s="365"/>
      <c r="K16965" s="365"/>
      <c r="L16965" s="365"/>
    </row>
    <row r="16966" spans="2:12">
      <c r="B16966" s="367"/>
      <c r="C16966" s="359" t="s">
        <v>23347</v>
      </c>
      <c r="D16966" s="367"/>
      <c r="E16966" s="367"/>
      <c r="F16966" s="359" t="s">
        <v>14391</v>
      </c>
      <c r="G16966" s="359" t="s">
        <v>14392</v>
      </c>
      <c r="H16966" s="359" t="s">
        <v>14367</v>
      </c>
      <c r="I16966" s="359" t="s">
        <v>14392</v>
      </c>
      <c r="J16966" s="365"/>
      <c r="K16966" s="365"/>
      <c r="L16966" s="365"/>
    </row>
    <row r="16967" spans="2:12">
      <c r="B16967" s="367"/>
      <c r="C16967" s="360"/>
      <c r="D16967" s="367"/>
      <c r="E16967" s="367"/>
      <c r="F16967" s="360"/>
      <c r="G16967" s="360"/>
      <c r="H16967" s="360"/>
      <c r="I16967" s="360"/>
      <c r="J16967" s="365"/>
      <c r="K16967" s="365"/>
      <c r="L16967" s="365"/>
    </row>
    <row r="16968" spans="2:12">
      <c r="B16968" s="368"/>
      <c r="C16968" s="362"/>
      <c r="D16968" s="368"/>
      <c r="E16968" s="368"/>
      <c r="F16968" s="362"/>
      <c r="G16968" s="362"/>
      <c r="H16968" s="361" t="s">
        <v>14422</v>
      </c>
      <c r="I16968" s="362"/>
      <c r="J16968" s="366"/>
      <c r="K16968" s="366"/>
      <c r="L16968" s="366"/>
    </row>
    <row r="16969" spans="2:12">
      <c r="B16969" s="358" t="s">
        <v>23348</v>
      </c>
      <c r="C16969" s="358" t="s">
        <v>30363</v>
      </c>
      <c r="D16969" s="358" t="s">
        <v>23349</v>
      </c>
      <c r="E16969" s="358" t="s">
        <v>23350</v>
      </c>
      <c r="F16969" s="358" t="s">
        <v>14382</v>
      </c>
      <c r="G16969" s="358" t="s">
        <v>14483</v>
      </c>
      <c r="H16969" s="358" t="s">
        <v>14378</v>
      </c>
      <c r="I16969" s="358" t="s">
        <v>14483</v>
      </c>
      <c r="J16969" s="358"/>
      <c r="K16969" s="358"/>
      <c r="L16969" s="358"/>
    </row>
    <row r="16970" spans="2:12">
      <c r="B16970" s="367"/>
      <c r="C16970" s="367"/>
      <c r="D16970" s="367"/>
      <c r="E16970" s="367"/>
      <c r="F16970" s="360"/>
      <c r="G16970" s="360"/>
      <c r="H16970" s="360"/>
      <c r="I16970" s="360"/>
      <c r="J16970" s="365"/>
      <c r="K16970" s="365"/>
      <c r="L16970" s="365"/>
    </row>
    <row r="16971" spans="2:12">
      <c r="B16971" s="367"/>
      <c r="C16971" s="367"/>
      <c r="D16971" s="367"/>
      <c r="E16971" s="367"/>
      <c r="F16971" s="359" t="s">
        <v>14382</v>
      </c>
      <c r="G16971" s="359" t="s">
        <v>14579</v>
      </c>
      <c r="H16971" s="359" t="s">
        <v>14341</v>
      </c>
      <c r="I16971" s="359" t="s">
        <v>14579</v>
      </c>
      <c r="J16971" s="365"/>
      <c r="K16971" s="365"/>
      <c r="L16971" s="365"/>
    </row>
    <row r="16972" spans="2:12">
      <c r="B16972" s="367"/>
      <c r="C16972" s="367"/>
      <c r="D16972" s="367"/>
      <c r="E16972" s="367"/>
      <c r="F16972" s="360"/>
      <c r="G16972" s="360"/>
      <c r="H16972" s="360"/>
      <c r="I16972" s="360"/>
      <c r="J16972" s="365"/>
      <c r="K16972" s="365"/>
      <c r="L16972" s="365"/>
    </row>
    <row r="16973" spans="2:12">
      <c r="B16973" s="367"/>
      <c r="C16973" s="367"/>
      <c r="D16973" s="367"/>
      <c r="E16973" s="367"/>
      <c r="F16973" s="359" t="s">
        <v>14420</v>
      </c>
      <c r="G16973" s="359" t="s">
        <v>14429</v>
      </c>
      <c r="H16973" s="359" t="s">
        <v>14332</v>
      </c>
      <c r="I16973" s="359" t="s">
        <v>14429</v>
      </c>
      <c r="J16973" s="365"/>
      <c r="K16973" s="365"/>
      <c r="L16973" s="365"/>
    </row>
    <row r="16974" spans="2:12">
      <c r="B16974" s="367"/>
      <c r="C16974" s="367"/>
      <c r="D16974" s="367"/>
      <c r="E16974" s="367"/>
      <c r="F16974" s="360"/>
      <c r="G16974" s="360"/>
      <c r="H16974" s="360"/>
      <c r="I16974" s="360"/>
      <c r="J16974" s="365"/>
      <c r="K16974" s="365"/>
      <c r="L16974" s="365"/>
    </row>
    <row r="16975" spans="2:12">
      <c r="B16975" s="368"/>
      <c r="C16975" s="368"/>
      <c r="D16975" s="368"/>
      <c r="E16975" s="368"/>
      <c r="F16975" s="361" t="s">
        <v>14356</v>
      </c>
      <c r="G16975" s="361" t="s">
        <v>14340</v>
      </c>
      <c r="H16975" s="362"/>
      <c r="I16975" s="361" t="s">
        <v>14340</v>
      </c>
      <c r="J16975" s="366"/>
      <c r="K16975" s="366"/>
      <c r="L16975" s="366"/>
    </row>
    <row r="16976" spans="2:12">
      <c r="B16976" s="358" t="s">
        <v>23351</v>
      </c>
      <c r="C16976" s="358" t="s">
        <v>30364</v>
      </c>
      <c r="D16976" s="358" t="s">
        <v>23352</v>
      </c>
      <c r="E16976" s="358" t="s">
        <v>23353</v>
      </c>
      <c r="F16976" s="358" t="s">
        <v>14505</v>
      </c>
      <c r="G16976" s="358" t="s">
        <v>14506</v>
      </c>
      <c r="H16976" s="358" t="s">
        <v>14328</v>
      </c>
      <c r="I16976" s="358" t="s">
        <v>14506</v>
      </c>
      <c r="J16976" s="358"/>
      <c r="K16976" s="358"/>
      <c r="L16976" s="358"/>
    </row>
    <row r="16977" spans="2:12">
      <c r="B16977" s="367"/>
      <c r="C16977" s="367"/>
      <c r="D16977" s="367"/>
      <c r="E16977" s="367"/>
      <c r="F16977" s="360"/>
      <c r="G16977" s="360"/>
      <c r="H16977" s="360"/>
      <c r="I16977" s="360"/>
      <c r="J16977" s="365"/>
      <c r="K16977" s="365"/>
      <c r="L16977" s="365"/>
    </row>
    <row r="16978" spans="2:12">
      <c r="B16978" s="367"/>
      <c r="C16978" s="367"/>
      <c r="D16978" s="367"/>
      <c r="E16978" s="367"/>
      <c r="F16978" s="359" t="s">
        <v>14420</v>
      </c>
      <c r="G16978" s="359" t="s">
        <v>14459</v>
      </c>
      <c r="H16978" s="359" t="s">
        <v>14341</v>
      </c>
      <c r="I16978" s="359" t="s">
        <v>14459</v>
      </c>
      <c r="J16978" s="365"/>
      <c r="K16978" s="365"/>
      <c r="L16978" s="365"/>
    </row>
    <row r="16979" spans="2:12">
      <c r="B16979" s="367"/>
      <c r="C16979" s="367"/>
      <c r="D16979" s="367"/>
      <c r="E16979" s="367"/>
      <c r="F16979" s="360"/>
      <c r="G16979" s="360"/>
      <c r="H16979" s="360"/>
      <c r="I16979" s="360"/>
      <c r="J16979" s="365"/>
      <c r="K16979" s="365"/>
      <c r="L16979" s="365"/>
    </row>
    <row r="16980" spans="2:12">
      <c r="B16980" s="367"/>
      <c r="C16980" s="367"/>
      <c r="D16980" s="367"/>
      <c r="E16980" s="367"/>
      <c r="F16980" s="359" t="s">
        <v>14420</v>
      </c>
      <c r="G16980" s="359" t="s">
        <v>14429</v>
      </c>
      <c r="H16980" s="359" t="s">
        <v>14367</v>
      </c>
      <c r="I16980" s="359" t="s">
        <v>14429</v>
      </c>
      <c r="J16980" s="365"/>
      <c r="K16980" s="365"/>
      <c r="L16980" s="365"/>
    </row>
    <row r="16981" spans="2:12">
      <c r="B16981" s="367"/>
      <c r="C16981" s="367"/>
      <c r="D16981" s="367"/>
      <c r="E16981" s="367"/>
      <c r="F16981" s="360"/>
      <c r="G16981" s="360"/>
      <c r="H16981" s="360"/>
      <c r="I16981" s="360"/>
      <c r="J16981" s="365"/>
      <c r="K16981" s="365"/>
      <c r="L16981" s="365"/>
    </row>
    <row r="16982" spans="2:12">
      <c r="B16982" s="368"/>
      <c r="C16982" s="368"/>
      <c r="D16982" s="368"/>
      <c r="E16982" s="368"/>
      <c r="F16982" s="361" t="s">
        <v>14356</v>
      </c>
      <c r="G16982" s="361" t="s">
        <v>14340</v>
      </c>
      <c r="H16982" s="361" t="s">
        <v>14332</v>
      </c>
      <c r="I16982" s="361" t="s">
        <v>14340</v>
      </c>
      <c r="J16982" s="366"/>
      <c r="K16982" s="366"/>
      <c r="L16982" s="366"/>
    </row>
    <row r="16983" spans="2:12">
      <c r="B16983" s="358" t="s">
        <v>23354</v>
      </c>
      <c r="C16983" s="358" t="s">
        <v>23355</v>
      </c>
      <c r="D16983" s="358" t="s">
        <v>23356</v>
      </c>
      <c r="E16983" s="358" t="s">
        <v>23357</v>
      </c>
      <c r="F16983" s="358" t="s">
        <v>14420</v>
      </c>
      <c r="G16983" s="358" t="s">
        <v>14421</v>
      </c>
      <c r="H16983" s="358" t="s">
        <v>14341</v>
      </c>
      <c r="I16983" s="358" t="s">
        <v>14421</v>
      </c>
      <c r="J16983" s="358"/>
      <c r="K16983" s="358"/>
      <c r="L16983" s="358"/>
    </row>
    <row r="16984" spans="2:12">
      <c r="B16984" s="367"/>
      <c r="C16984" s="367"/>
      <c r="D16984" s="367"/>
      <c r="E16984" s="367"/>
      <c r="F16984" s="360"/>
      <c r="G16984" s="360"/>
      <c r="H16984" s="360"/>
      <c r="I16984" s="360"/>
      <c r="J16984" s="365"/>
      <c r="K16984" s="365"/>
      <c r="L16984" s="365"/>
    </row>
    <row r="16985" spans="2:12">
      <c r="B16985" s="367"/>
      <c r="C16985" s="367"/>
      <c r="D16985" s="367"/>
      <c r="E16985" s="367"/>
      <c r="F16985" s="359" t="s">
        <v>14420</v>
      </c>
      <c r="G16985" s="359" t="s">
        <v>14429</v>
      </c>
      <c r="H16985" s="359" t="s">
        <v>14367</v>
      </c>
      <c r="I16985" s="359" t="s">
        <v>14429</v>
      </c>
      <c r="J16985" s="365"/>
      <c r="K16985" s="365"/>
      <c r="L16985" s="365"/>
    </row>
    <row r="16986" spans="2:12">
      <c r="B16986" s="367"/>
      <c r="C16986" s="367"/>
      <c r="D16986" s="367"/>
      <c r="E16986" s="367"/>
      <c r="F16986" s="360"/>
      <c r="G16986" s="360"/>
      <c r="H16986" s="360"/>
      <c r="I16986" s="360"/>
      <c r="J16986" s="365"/>
      <c r="K16986" s="365"/>
      <c r="L16986" s="365"/>
    </row>
    <row r="16987" spans="2:12">
      <c r="B16987" s="367"/>
      <c r="C16987" s="367"/>
      <c r="D16987" s="367"/>
      <c r="E16987" s="367"/>
      <c r="F16987" s="359" t="s">
        <v>14368</v>
      </c>
      <c r="G16987" s="359" t="s">
        <v>14388</v>
      </c>
      <c r="H16987" s="359" t="s">
        <v>14332</v>
      </c>
      <c r="I16987" s="359" t="s">
        <v>14388</v>
      </c>
      <c r="J16987" s="365"/>
      <c r="K16987" s="365"/>
      <c r="L16987" s="365"/>
    </row>
    <row r="16988" spans="2:12">
      <c r="B16988" s="367"/>
      <c r="C16988" s="367"/>
      <c r="D16988" s="367"/>
      <c r="E16988" s="367"/>
      <c r="F16988" s="360"/>
      <c r="G16988" s="360"/>
      <c r="H16988" s="360"/>
      <c r="I16988" s="360"/>
      <c r="J16988" s="365"/>
      <c r="K16988" s="365"/>
      <c r="L16988" s="365"/>
    </row>
    <row r="16989" spans="2:12">
      <c r="B16989" s="368"/>
      <c r="C16989" s="368"/>
      <c r="D16989" s="368"/>
      <c r="E16989" s="368"/>
      <c r="F16989" s="361" t="s">
        <v>14356</v>
      </c>
      <c r="G16989" s="361" t="s">
        <v>14340</v>
      </c>
      <c r="H16989" s="362"/>
      <c r="I16989" s="361" t="s">
        <v>14340</v>
      </c>
      <c r="J16989" s="366"/>
      <c r="K16989" s="366"/>
      <c r="L16989" s="366"/>
    </row>
    <row r="16990" spans="2:12">
      <c r="B16990" s="358" t="s">
        <v>23358</v>
      </c>
      <c r="C16990" s="358" t="s">
        <v>23359</v>
      </c>
      <c r="D16990" s="358" t="s">
        <v>23360</v>
      </c>
      <c r="E16990" s="358" t="s">
        <v>23361</v>
      </c>
      <c r="F16990" s="358" t="s">
        <v>14420</v>
      </c>
      <c r="G16990" s="358" t="s">
        <v>14421</v>
      </c>
      <c r="H16990" s="358" t="s">
        <v>14341</v>
      </c>
      <c r="I16990" s="358" t="s">
        <v>14421</v>
      </c>
      <c r="J16990" s="358"/>
      <c r="K16990" s="358"/>
      <c r="L16990" s="358"/>
    </row>
    <row r="16991" spans="2:12">
      <c r="B16991" s="367"/>
      <c r="C16991" s="367"/>
      <c r="D16991" s="367"/>
      <c r="E16991" s="367"/>
      <c r="F16991" s="360"/>
      <c r="G16991" s="360"/>
      <c r="H16991" s="360"/>
      <c r="I16991" s="360"/>
      <c r="J16991" s="365"/>
      <c r="K16991" s="365"/>
      <c r="L16991" s="365"/>
    </row>
    <row r="16992" spans="2:12">
      <c r="B16992" s="367"/>
      <c r="C16992" s="367"/>
      <c r="D16992" s="367"/>
      <c r="E16992" s="367"/>
      <c r="F16992" s="359" t="s">
        <v>14420</v>
      </c>
      <c r="G16992" s="359" t="s">
        <v>14429</v>
      </c>
      <c r="H16992" s="359" t="s">
        <v>14367</v>
      </c>
      <c r="I16992" s="359" t="s">
        <v>14429</v>
      </c>
      <c r="J16992" s="365"/>
      <c r="K16992" s="365"/>
      <c r="L16992" s="365"/>
    </row>
    <row r="16993" spans="2:12">
      <c r="B16993" s="367"/>
      <c r="C16993" s="367"/>
      <c r="D16993" s="367"/>
      <c r="E16993" s="367"/>
      <c r="F16993" s="360"/>
      <c r="G16993" s="360"/>
      <c r="H16993" s="360"/>
      <c r="I16993" s="360"/>
      <c r="J16993" s="365"/>
      <c r="K16993" s="365"/>
      <c r="L16993" s="365"/>
    </row>
    <row r="16994" spans="2:12">
      <c r="B16994" s="367"/>
      <c r="C16994" s="367"/>
      <c r="D16994" s="367"/>
      <c r="E16994" s="367"/>
      <c r="F16994" s="359" t="s">
        <v>14356</v>
      </c>
      <c r="G16994" s="359" t="s">
        <v>14340</v>
      </c>
      <c r="H16994" s="359" t="s">
        <v>14332</v>
      </c>
      <c r="I16994" s="359" t="s">
        <v>14340</v>
      </c>
      <c r="J16994" s="365"/>
      <c r="K16994" s="365"/>
      <c r="L16994" s="365"/>
    </row>
    <row r="16995" spans="2:12">
      <c r="B16995" s="367"/>
      <c r="C16995" s="367"/>
      <c r="D16995" s="367"/>
      <c r="E16995" s="367"/>
      <c r="F16995" s="360"/>
      <c r="G16995" s="360"/>
      <c r="H16995" s="360"/>
      <c r="I16995" s="360"/>
      <c r="J16995" s="365"/>
      <c r="K16995" s="365"/>
      <c r="L16995" s="365"/>
    </row>
    <row r="16996" spans="2:12">
      <c r="B16996" s="367"/>
      <c r="C16996" s="367"/>
      <c r="D16996" s="367"/>
      <c r="E16996" s="367"/>
      <c r="F16996" s="359" t="s">
        <v>14391</v>
      </c>
      <c r="G16996" s="359" t="s">
        <v>14392</v>
      </c>
      <c r="H16996" s="360"/>
      <c r="I16996" s="359" t="s">
        <v>14392</v>
      </c>
      <c r="J16996" s="365"/>
      <c r="K16996" s="365"/>
      <c r="L16996" s="365"/>
    </row>
    <row r="16997" spans="2:12">
      <c r="B16997" s="367"/>
      <c r="C16997" s="367"/>
      <c r="D16997" s="367"/>
      <c r="E16997" s="367"/>
      <c r="F16997" s="360"/>
      <c r="G16997" s="360"/>
      <c r="H16997" s="360"/>
      <c r="I16997" s="360"/>
      <c r="J16997" s="365"/>
      <c r="K16997" s="365"/>
      <c r="L16997" s="365"/>
    </row>
    <row r="16998" spans="2:12" ht="28.5">
      <c r="B16998" s="368"/>
      <c r="C16998" s="368"/>
      <c r="D16998" s="368"/>
      <c r="E16998" s="368"/>
      <c r="F16998" s="361" t="s">
        <v>14472</v>
      </c>
      <c r="G16998" s="361" t="s">
        <v>14473</v>
      </c>
      <c r="H16998" s="362"/>
      <c r="I16998" s="361" t="s">
        <v>14473</v>
      </c>
      <c r="J16998" s="366"/>
      <c r="K16998" s="366"/>
      <c r="L16998" s="366"/>
    </row>
    <row r="16999" spans="2:12">
      <c r="B16999" s="358" t="s">
        <v>23362</v>
      </c>
      <c r="C16999" s="358" t="s">
        <v>23363</v>
      </c>
      <c r="D16999" s="358" t="s">
        <v>23364</v>
      </c>
      <c r="E16999" s="358" t="s">
        <v>23365</v>
      </c>
      <c r="F16999" s="358" t="s">
        <v>14420</v>
      </c>
      <c r="G16999" s="358" t="s">
        <v>14429</v>
      </c>
      <c r="H16999" s="358" t="s">
        <v>8356</v>
      </c>
      <c r="I16999" s="358" t="s">
        <v>14429</v>
      </c>
      <c r="J16999" s="358"/>
      <c r="K16999" s="358"/>
      <c r="L16999" s="358"/>
    </row>
    <row r="17000" spans="2:12">
      <c r="B17000" s="368"/>
      <c r="C17000" s="368"/>
      <c r="D17000" s="368"/>
      <c r="E17000" s="368"/>
      <c r="F17000" s="368"/>
      <c r="G17000" s="368"/>
      <c r="H17000" s="368"/>
      <c r="I17000" s="368"/>
      <c r="J17000" s="366"/>
      <c r="K17000" s="366"/>
      <c r="L17000" s="366"/>
    </row>
    <row r="17001" spans="2:12">
      <c r="B17001" s="358" t="s">
        <v>23366</v>
      </c>
      <c r="C17001" s="358" t="s">
        <v>23367</v>
      </c>
      <c r="D17001" s="358" t="s">
        <v>23368</v>
      </c>
      <c r="E17001" s="358" t="s">
        <v>23369</v>
      </c>
      <c r="F17001" s="358" t="s">
        <v>14420</v>
      </c>
      <c r="G17001" s="358" t="s">
        <v>14421</v>
      </c>
      <c r="H17001" s="358" t="s">
        <v>14341</v>
      </c>
      <c r="I17001" s="358" t="s">
        <v>14421</v>
      </c>
      <c r="J17001" s="358"/>
      <c r="K17001" s="358"/>
      <c r="L17001" s="358"/>
    </row>
    <row r="17002" spans="2:12">
      <c r="B17002" s="367"/>
      <c r="C17002" s="360"/>
      <c r="D17002" s="360"/>
      <c r="E17002" s="360"/>
      <c r="F17002" s="360"/>
      <c r="G17002" s="360"/>
      <c r="H17002" s="360"/>
      <c r="I17002" s="360"/>
      <c r="J17002" s="365"/>
      <c r="K17002" s="365"/>
      <c r="L17002" s="365"/>
    </row>
    <row r="17003" spans="2:12">
      <c r="B17003" s="367"/>
      <c r="C17003" s="359" t="s">
        <v>23370</v>
      </c>
      <c r="D17003" s="359" t="s">
        <v>23371</v>
      </c>
      <c r="E17003" s="359" t="s">
        <v>23372</v>
      </c>
      <c r="F17003" s="359" t="s">
        <v>14420</v>
      </c>
      <c r="G17003" s="359" t="s">
        <v>14429</v>
      </c>
      <c r="H17003" s="359" t="s">
        <v>14367</v>
      </c>
      <c r="I17003" s="359" t="s">
        <v>14429</v>
      </c>
      <c r="J17003" s="365"/>
      <c r="K17003" s="365"/>
      <c r="L17003" s="365"/>
    </row>
    <row r="17004" spans="2:12">
      <c r="B17004" s="367"/>
      <c r="C17004" s="360"/>
      <c r="D17004" s="360"/>
      <c r="E17004" s="360"/>
      <c r="F17004" s="360"/>
      <c r="G17004" s="360"/>
      <c r="H17004" s="360"/>
      <c r="I17004" s="360"/>
      <c r="J17004" s="365"/>
      <c r="K17004" s="365"/>
      <c r="L17004" s="365"/>
    </row>
    <row r="17005" spans="2:12">
      <c r="B17005" s="368"/>
      <c r="C17005" s="362"/>
      <c r="D17005" s="362"/>
      <c r="E17005" s="362"/>
      <c r="F17005" s="361" t="s">
        <v>14356</v>
      </c>
      <c r="G17005" s="361" t="s">
        <v>14340</v>
      </c>
      <c r="H17005" s="361" t="s">
        <v>14332</v>
      </c>
      <c r="I17005" s="361" t="s">
        <v>14340</v>
      </c>
      <c r="J17005" s="366"/>
      <c r="K17005" s="366"/>
      <c r="L17005" s="366"/>
    </row>
    <row r="17006" spans="2:12">
      <c r="B17006" s="358" t="s">
        <v>23373</v>
      </c>
      <c r="C17006" s="358" t="s">
        <v>23374</v>
      </c>
      <c r="D17006" s="358" t="s">
        <v>23375</v>
      </c>
      <c r="E17006" s="358" t="s">
        <v>23376</v>
      </c>
      <c r="F17006" s="358" t="s">
        <v>14420</v>
      </c>
      <c r="G17006" s="358" t="s">
        <v>14429</v>
      </c>
      <c r="H17006" s="358" t="s">
        <v>14341</v>
      </c>
      <c r="I17006" s="358" t="s">
        <v>14429</v>
      </c>
      <c r="J17006" s="358"/>
      <c r="K17006" s="358"/>
      <c r="L17006" s="358"/>
    </row>
    <row r="17007" spans="2:12">
      <c r="B17007" s="367"/>
      <c r="C17007" s="367"/>
      <c r="D17007" s="367"/>
      <c r="E17007" s="367"/>
      <c r="F17007" s="360"/>
      <c r="G17007" s="360"/>
      <c r="H17007" s="360"/>
      <c r="I17007" s="360"/>
      <c r="J17007" s="365"/>
      <c r="K17007" s="365"/>
      <c r="L17007" s="365"/>
    </row>
    <row r="17008" spans="2:12">
      <c r="B17008" s="367"/>
      <c r="C17008" s="367"/>
      <c r="D17008" s="367"/>
      <c r="E17008" s="367"/>
      <c r="F17008" s="359" t="s">
        <v>14356</v>
      </c>
      <c r="G17008" s="359" t="s">
        <v>14340</v>
      </c>
      <c r="H17008" s="359" t="s">
        <v>14367</v>
      </c>
      <c r="I17008" s="359" t="s">
        <v>14340</v>
      </c>
      <c r="J17008" s="365"/>
      <c r="K17008" s="365"/>
      <c r="L17008" s="365"/>
    </row>
    <row r="17009" spans="2:12">
      <c r="B17009" s="367"/>
      <c r="C17009" s="367"/>
      <c r="D17009" s="367"/>
      <c r="E17009" s="367"/>
      <c r="F17009" s="360"/>
      <c r="G17009" s="360"/>
      <c r="H17009" s="360"/>
      <c r="I17009" s="360"/>
      <c r="J17009" s="365"/>
      <c r="K17009" s="365"/>
      <c r="L17009" s="365"/>
    </row>
    <row r="17010" spans="2:12">
      <c r="B17010" s="368"/>
      <c r="C17010" s="368"/>
      <c r="D17010" s="368"/>
      <c r="E17010" s="368"/>
      <c r="F17010" s="362"/>
      <c r="G17010" s="362"/>
      <c r="H17010" s="361" t="s">
        <v>14332</v>
      </c>
      <c r="I17010" s="362"/>
      <c r="J17010" s="366"/>
      <c r="K17010" s="366"/>
      <c r="L17010" s="366"/>
    </row>
    <row r="17011" spans="2:12">
      <c r="B17011" s="358" t="s">
        <v>23377</v>
      </c>
      <c r="C17011" s="358" t="s">
        <v>23378</v>
      </c>
      <c r="D17011" s="358" t="s">
        <v>23379</v>
      </c>
      <c r="E17011" s="358" t="s">
        <v>23380</v>
      </c>
      <c r="F17011" s="358" t="s">
        <v>14382</v>
      </c>
      <c r="G17011" s="358" t="s">
        <v>14579</v>
      </c>
      <c r="H17011" s="358" t="s">
        <v>14378</v>
      </c>
      <c r="I17011" s="358" t="s">
        <v>14579</v>
      </c>
      <c r="J17011" s="358"/>
      <c r="K17011" s="358"/>
      <c r="L17011" s="358"/>
    </row>
    <row r="17012" spans="2:12">
      <c r="B17012" s="367"/>
      <c r="C17012" s="367"/>
      <c r="D17012" s="367"/>
      <c r="E17012" s="367"/>
      <c r="F17012" s="360"/>
      <c r="G17012" s="360"/>
      <c r="H17012" s="360"/>
      <c r="I17012" s="360"/>
      <c r="J17012" s="365"/>
      <c r="K17012" s="365"/>
      <c r="L17012" s="365"/>
    </row>
    <row r="17013" spans="2:12">
      <c r="B17013" s="367"/>
      <c r="C17013" s="367"/>
      <c r="D17013" s="367"/>
      <c r="E17013" s="367"/>
      <c r="F17013" s="359" t="s">
        <v>14420</v>
      </c>
      <c r="G17013" s="359" t="s">
        <v>14429</v>
      </c>
      <c r="H17013" s="359" t="s">
        <v>14341</v>
      </c>
      <c r="I17013" s="359" t="s">
        <v>14429</v>
      </c>
      <c r="J17013" s="365"/>
      <c r="K17013" s="365"/>
      <c r="L17013" s="365"/>
    </row>
    <row r="17014" spans="2:12">
      <c r="B17014" s="367"/>
      <c r="C17014" s="367"/>
      <c r="D17014" s="367"/>
      <c r="E17014" s="367"/>
      <c r="F17014" s="360"/>
      <c r="G17014" s="360"/>
      <c r="H17014" s="360"/>
      <c r="I17014" s="360"/>
      <c r="J17014" s="365"/>
      <c r="K17014" s="365"/>
      <c r="L17014" s="365"/>
    </row>
    <row r="17015" spans="2:12">
      <c r="B17015" s="368"/>
      <c r="C17015" s="368"/>
      <c r="D17015" s="368"/>
      <c r="E17015" s="368"/>
      <c r="F17015" s="361" t="s">
        <v>14356</v>
      </c>
      <c r="G17015" s="361" t="s">
        <v>14340</v>
      </c>
      <c r="H17015" s="361" t="s">
        <v>14332</v>
      </c>
      <c r="I17015" s="361" t="s">
        <v>14340</v>
      </c>
      <c r="J17015" s="366"/>
      <c r="K17015" s="366"/>
      <c r="L17015" s="366"/>
    </row>
    <row r="17016" spans="2:12">
      <c r="B17016" s="358" t="s">
        <v>23381</v>
      </c>
      <c r="C17016" s="358" t="s">
        <v>23382</v>
      </c>
      <c r="D17016" s="358" t="s">
        <v>23383</v>
      </c>
      <c r="E17016" s="358" t="s">
        <v>23384</v>
      </c>
      <c r="F17016" s="358" t="s">
        <v>14382</v>
      </c>
      <c r="G17016" s="358" t="s">
        <v>14483</v>
      </c>
      <c r="H17016" s="358" t="s">
        <v>14378</v>
      </c>
      <c r="I17016" s="358" t="s">
        <v>14483</v>
      </c>
      <c r="J17016" s="358"/>
      <c r="K17016" s="358"/>
      <c r="L17016" s="358"/>
    </row>
    <row r="17017" spans="2:12">
      <c r="B17017" s="367"/>
      <c r="C17017" s="367"/>
      <c r="D17017" s="367"/>
      <c r="E17017" s="367"/>
      <c r="F17017" s="360"/>
      <c r="G17017" s="360"/>
      <c r="H17017" s="360"/>
      <c r="I17017" s="360"/>
      <c r="J17017" s="365"/>
      <c r="K17017" s="365"/>
      <c r="L17017" s="365"/>
    </row>
    <row r="17018" spans="2:12">
      <c r="B17018" s="367"/>
      <c r="C17018" s="367"/>
      <c r="D17018" s="367"/>
      <c r="E17018" s="367"/>
      <c r="F17018" s="359" t="s">
        <v>14382</v>
      </c>
      <c r="G17018" s="359" t="s">
        <v>14579</v>
      </c>
      <c r="H17018" s="359" t="s">
        <v>14341</v>
      </c>
      <c r="I17018" s="359" t="s">
        <v>14579</v>
      </c>
      <c r="J17018" s="365"/>
      <c r="K17018" s="365"/>
      <c r="L17018" s="365"/>
    </row>
    <row r="17019" spans="2:12">
      <c r="B17019" s="367"/>
      <c r="C17019" s="367"/>
      <c r="D17019" s="367"/>
      <c r="E17019" s="367"/>
      <c r="F17019" s="360"/>
      <c r="G17019" s="360"/>
      <c r="H17019" s="360"/>
      <c r="I17019" s="360"/>
      <c r="J17019" s="365"/>
      <c r="K17019" s="365"/>
      <c r="L17019" s="365"/>
    </row>
    <row r="17020" spans="2:12">
      <c r="B17020" s="367"/>
      <c r="C17020" s="367"/>
      <c r="D17020" s="367"/>
      <c r="E17020" s="367"/>
      <c r="F17020" s="359" t="s">
        <v>14420</v>
      </c>
      <c r="G17020" s="359" t="s">
        <v>14429</v>
      </c>
      <c r="H17020" s="359" t="s">
        <v>14370</v>
      </c>
      <c r="I17020" s="359" t="s">
        <v>14429</v>
      </c>
      <c r="J17020" s="365"/>
      <c r="K17020" s="365"/>
      <c r="L17020" s="365"/>
    </row>
    <row r="17021" spans="2:12">
      <c r="B17021" s="367"/>
      <c r="C17021" s="367"/>
      <c r="D17021" s="367"/>
      <c r="E17021" s="367"/>
      <c r="F17021" s="360"/>
      <c r="G17021" s="360"/>
      <c r="H17021" s="360"/>
      <c r="I17021" s="360"/>
      <c r="J17021" s="365"/>
      <c r="K17021" s="365"/>
      <c r="L17021" s="365"/>
    </row>
    <row r="17022" spans="2:12">
      <c r="B17022" s="367"/>
      <c r="C17022" s="367"/>
      <c r="D17022" s="367"/>
      <c r="E17022" s="367"/>
      <c r="F17022" s="359" t="s">
        <v>14339</v>
      </c>
      <c r="G17022" s="359" t="s">
        <v>14340</v>
      </c>
      <c r="H17022" s="359" t="s">
        <v>14332</v>
      </c>
      <c r="I17022" s="359" t="s">
        <v>14340</v>
      </c>
      <c r="J17022" s="365"/>
      <c r="K17022" s="365"/>
      <c r="L17022" s="365"/>
    </row>
    <row r="17023" spans="2:12">
      <c r="B17023" s="367"/>
      <c r="C17023" s="367"/>
      <c r="D17023" s="367"/>
      <c r="E17023" s="367"/>
      <c r="F17023" s="360"/>
      <c r="G17023" s="360"/>
      <c r="H17023" s="360"/>
      <c r="I17023" s="360"/>
      <c r="J17023" s="365"/>
      <c r="K17023" s="365"/>
      <c r="L17023" s="365"/>
    </row>
    <row r="17024" spans="2:12" ht="28.5">
      <c r="B17024" s="368"/>
      <c r="C17024" s="368"/>
      <c r="D17024" s="368"/>
      <c r="E17024" s="368"/>
      <c r="F17024" s="361" t="s">
        <v>14394</v>
      </c>
      <c r="G17024" s="361" t="s">
        <v>14395</v>
      </c>
      <c r="H17024" s="362"/>
      <c r="I17024" s="361" t="s">
        <v>14395</v>
      </c>
      <c r="J17024" s="366"/>
      <c r="K17024" s="366"/>
      <c r="L17024" s="366"/>
    </row>
    <row r="17025" spans="2:12">
      <c r="B17025" s="358" t="s">
        <v>23385</v>
      </c>
      <c r="C17025" s="358" t="s">
        <v>27836</v>
      </c>
      <c r="D17025" s="358" t="s">
        <v>23386</v>
      </c>
      <c r="E17025" s="358" t="s">
        <v>23387</v>
      </c>
      <c r="F17025" s="358" t="s">
        <v>14426</v>
      </c>
      <c r="G17025" s="358" t="s">
        <v>14427</v>
      </c>
      <c r="H17025" s="358" t="s">
        <v>14381</v>
      </c>
      <c r="I17025" s="358" t="s">
        <v>14427</v>
      </c>
      <c r="J17025" s="358"/>
      <c r="K17025" s="358"/>
      <c r="L17025" s="358"/>
    </row>
    <row r="17026" spans="2:12">
      <c r="B17026" s="367"/>
      <c r="C17026" s="360"/>
      <c r="D17026" s="367"/>
      <c r="E17026" s="367"/>
      <c r="F17026" s="360"/>
      <c r="G17026" s="360"/>
      <c r="H17026" s="360"/>
      <c r="I17026" s="360"/>
      <c r="J17026" s="365"/>
      <c r="K17026" s="365"/>
      <c r="L17026" s="365"/>
    </row>
    <row r="17027" spans="2:12">
      <c r="B17027" s="367"/>
      <c r="C17027" s="359" t="s">
        <v>23388</v>
      </c>
      <c r="D17027" s="367"/>
      <c r="E17027" s="367"/>
      <c r="F17027" s="359" t="s">
        <v>14420</v>
      </c>
      <c r="G17027" s="359" t="s">
        <v>14421</v>
      </c>
      <c r="H17027" s="359" t="s">
        <v>14367</v>
      </c>
      <c r="I17027" s="359" t="s">
        <v>14421</v>
      </c>
      <c r="J17027" s="365"/>
      <c r="K17027" s="365"/>
      <c r="L17027" s="365"/>
    </row>
    <row r="17028" spans="2:12">
      <c r="B17028" s="367"/>
      <c r="C17028" s="360"/>
      <c r="D17028" s="367"/>
      <c r="E17028" s="367"/>
      <c r="F17028" s="360"/>
      <c r="G17028" s="360"/>
      <c r="H17028" s="360"/>
      <c r="I17028" s="360"/>
      <c r="J17028" s="365"/>
      <c r="K17028" s="365"/>
      <c r="L17028" s="365"/>
    </row>
    <row r="17029" spans="2:12">
      <c r="B17029" s="367"/>
      <c r="C17029" s="360"/>
      <c r="D17029" s="367"/>
      <c r="E17029" s="367"/>
      <c r="F17029" s="359" t="s">
        <v>14420</v>
      </c>
      <c r="G17029" s="359" t="s">
        <v>14429</v>
      </c>
      <c r="H17029" s="359" t="s">
        <v>14370</v>
      </c>
      <c r="I17029" s="359" t="s">
        <v>14429</v>
      </c>
      <c r="J17029" s="365"/>
      <c r="K17029" s="365"/>
      <c r="L17029" s="365"/>
    </row>
    <row r="17030" spans="2:12">
      <c r="B17030" s="367"/>
      <c r="C17030" s="360"/>
      <c r="D17030" s="367"/>
      <c r="E17030" s="367"/>
      <c r="F17030" s="360"/>
      <c r="G17030" s="360"/>
      <c r="H17030" s="360"/>
      <c r="I17030" s="360"/>
      <c r="J17030" s="365"/>
      <c r="K17030" s="365"/>
      <c r="L17030" s="365"/>
    </row>
    <row r="17031" spans="2:12">
      <c r="B17031" s="367"/>
      <c r="C17031" s="360"/>
      <c r="D17031" s="367"/>
      <c r="E17031" s="367"/>
      <c r="F17031" s="359" t="s">
        <v>14391</v>
      </c>
      <c r="G17031" s="359" t="s">
        <v>14392</v>
      </c>
      <c r="H17031" s="359" t="s">
        <v>14422</v>
      </c>
      <c r="I17031" s="359" t="s">
        <v>14392</v>
      </c>
      <c r="J17031" s="365"/>
      <c r="K17031" s="365"/>
      <c r="L17031" s="365"/>
    </row>
    <row r="17032" spans="2:12">
      <c r="B17032" s="367"/>
      <c r="C17032" s="360"/>
      <c r="D17032" s="367"/>
      <c r="E17032" s="367"/>
      <c r="F17032" s="360"/>
      <c r="G17032" s="360"/>
      <c r="H17032" s="360"/>
      <c r="I17032" s="360"/>
      <c r="J17032" s="365"/>
      <c r="K17032" s="365"/>
      <c r="L17032" s="365"/>
    </row>
    <row r="17033" spans="2:12" ht="28.5">
      <c r="B17033" s="368"/>
      <c r="C17033" s="362"/>
      <c r="D17033" s="368"/>
      <c r="E17033" s="368"/>
      <c r="F17033" s="361" t="s">
        <v>14394</v>
      </c>
      <c r="G17033" s="361" t="s">
        <v>14395</v>
      </c>
      <c r="H17033" s="362"/>
      <c r="I17033" s="361" t="s">
        <v>14395</v>
      </c>
      <c r="J17033" s="366"/>
      <c r="K17033" s="366"/>
      <c r="L17033" s="366"/>
    </row>
    <row r="17034" spans="2:12">
      <c r="B17034" s="358" t="s">
        <v>23389</v>
      </c>
      <c r="C17034" s="358" t="s">
        <v>27837</v>
      </c>
      <c r="D17034" s="358" t="s">
        <v>23390</v>
      </c>
      <c r="E17034" s="358" t="s">
        <v>23391</v>
      </c>
      <c r="F17034" s="358" t="s">
        <v>14379</v>
      </c>
      <c r="G17034" s="358" t="s">
        <v>14380</v>
      </c>
      <c r="H17034" s="358" t="s">
        <v>14378</v>
      </c>
      <c r="I17034" s="358" t="s">
        <v>14380</v>
      </c>
      <c r="J17034" s="358"/>
      <c r="K17034" s="358"/>
      <c r="L17034" s="358"/>
    </row>
    <row r="17035" spans="2:12">
      <c r="B17035" s="367"/>
      <c r="C17035" s="360"/>
      <c r="D17035" s="367"/>
      <c r="E17035" s="367"/>
      <c r="F17035" s="360"/>
      <c r="G17035" s="360"/>
      <c r="H17035" s="360"/>
      <c r="I17035" s="360"/>
      <c r="J17035" s="365"/>
      <c r="K17035" s="365"/>
      <c r="L17035" s="365"/>
    </row>
    <row r="17036" spans="2:12">
      <c r="B17036" s="367"/>
      <c r="C17036" s="359" t="s">
        <v>23392</v>
      </c>
      <c r="D17036" s="367"/>
      <c r="E17036" s="367"/>
      <c r="F17036" s="359" t="s">
        <v>14530</v>
      </c>
      <c r="G17036" s="359" t="s">
        <v>14531</v>
      </c>
      <c r="H17036" s="359" t="s">
        <v>14381</v>
      </c>
      <c r="I17036" s="359" t="s">
        <v>14531</v>
      </c>
      <c r="J17036" s="365"/>
      <c r="K17036" s="365"/>
      <c r="L17036" s="365"/>
    </row>
    <row r="17037" spans="2:12">
      <c r="B17037" s="367"/>
      <c r="C17037" s="360"/>
      <c r="D17037" s="367"/>
      <c r="E17037" s="367"/>
      <c r="F17037" s="360"/>
      <c r="G17037" s="360"/>
      <c r="H17037" s="360"/>
      <c r="I17037" s="360"/>
      <c r="J17037" s="365"/>
      <c r="K17037" s="365"/>
      <c r="L17037" s="365"/>
    </row>
    <row r="17038" spans="2:12">
      <c r="B17038" s="367"/>
      <c r="C17038" s="360"/>
      <c r="D17038" s="367"/>
      <c r="E17038" s="367"/>
      <c r="F17038" s="359" t="s">
        <v>14379</v>
      </c>
      <c r="G17038" s="359" t="s">
        <v>14405</v>
      </c>
      <c r="H17038" s="359" t="s">
        <v>14370</v>
      </c>
      <c r="I17038" s="359" t="s">
        <v>14405</v>
      </c>
      <c r="J17038" s="365"/>
      <c r="K17038" s="365"/>
      <c r="L17038" s="365"/>
    </row>
    <row r="17039" spans="2:12">
      <c r="B17039" s="367"/>
      <c r="C17039" s="360"/>
      <c r="D17039" s="367"/>
      <c r="E17039" s="367"/>
      <c r="F17039" s="360"/>
      <c r="G17039" s="360"/>
      <c r="H17039" s="360"/>
      <c r="I17039" s="360"/>
      <c r="J17039" s="365"/>
      <c r="K17039" s="365"/>
      <c r="L17039" s="365"/>
    </row>
    <row r="17040" spans="2:12">
      <c r="B17040" s="367"/>
      <c r="C17040" s="360"/>
      <c r="D17040" s="367"/>
      <c r="E17040" s="367"/>
      <c r="F17040" s="359" t="s">
        <v>14460</v>
      </c>
      <c r="G17040" s="359" t="s">
        <v>14519</v>
      </c>
      <c r="H17040" s="359" t="s">
        <v>14332</v>
      </c>
      <c r="I17040" s="359" t="s">
        <v>14519</v>
      </c>
      <c r="J17040" s="365"/>
      <c r="K17040" s="365"/>
      <c r="L17040" s="365"/>
    </row>
    <row r="17041" spans="2:12">
      <c r="B17041" s="367"/>
      <c r="C17041" s="360"/>
      <c r="D17041" s="367"/>
      <c r="E17041" s="367"/>
      <c r="F17041" s="360"/>
      <c r="G17041" s="360"/>
      <c r="H17041" s="360"/>
      <c r="I17041" s="360"/>
      <c r="J17041" s="365"/>
      <c r="K17041" s="365"/>
      <c r="L17041" s="365"/>
    </row>
    <row r="17042" spans="2:12">
      <c r="B17042" s="368"/>
      <c r="C17042" s="362"/>
      <c r="D17042" s="368"/>
      <c r="E17042" s="368"/>
      <c r="F17042" s="361" t="s">
        <v>14371</v>
      </c>
      <c r="G17042" s="361" t="s">
        <v>14372</v>
      </c>
      <c r="H17042" s="362"/>
      <c r="I17042" s="361" t="s">
        <v>14372</v>
      </c>
      <c r="J17042" s="366"/>
      <c r="K17042" s="366"/>
      <c r="L17042" s="366"/>
    </row>
    <row r="17043" spans="2:12">
      <c r="B17043" s="358" t="s">
        <v>23393</v>
      </c>
      <c r="C17043" s="358" t="s">
        <v>23394</v>
      </c>
      <c r="D17043" s="358" t="s">
        <v>23395</v>
      </c>
      <c r="E17043" s="358" t="s">
        <v>684</v>
      </c>
      <c r="F17043" s="358" t="s">
        <v>14420</v>
      </c>
      <c r="G17043" s="358" t="s">
        <v>14429</v>
      </c>
      <c r="H17043" s="358" t="s">
        <v>14367</v>
      </c>
      <c r="I17043" s="358" t="s">
        <v>14429</v>
      </c>
      <c r="J17043" s="358"/>
      <c r="K17043" s="358"/>
      <c r="L17043" s="358"/>
    </row>
    <row r="17044" spans="2:12">
      <c r="B17044" s="367"/>
      <c r="C17044" s="367"/>
      <c r="D17044" s="367"/>
      <c r="E17044" s="367"/>
      <c r="F17044" s="360"/>
      <c r="G17044" s="360"/>
      <c r="H17044" s="360"/>
      <c r="I17044" s="360"/>
      <c r="J17044" s="365"/>
      <c r="K17044" s="365"/>
      <c r="L17044" s="365"/>
    </row>
    <row r="17045" spans="2:12">
      <c r="B17045" s="367"/>
      <c r="C17045" s="367"/>
      <c r="D17045" s="367"/>
      <c r="E17045" s="367"/>
      <c r="F17045" s="359" t="s">
        <v>14391</v>
      </c>
      <c r="G17045" s="359" t="s">
        <v>14392</v>
      </c>
      <c r="H17045" s="359" t="s">
        <v>14370</v>
      </c>
      <c r="I17045" s="359" t="s">
        <v>14392</v>
      </c>
      <c r="J17045" s="365"/>
      <c r="K17045" s="365"/>
      <c r="L17045" s="365"/>
    </row>
    <row r="17046" spans="2:12">
      <c r="B17046" s="367"/>
      <c r="C17046" s="367"/>
      <c r="D17046" s="367"/>
      <c r="E17046" s="367"/>
      <c r="F17046" s="360"/>
      <c r="G17046" s="360"/>
      <c r="H17046" s="360"/>
      <c r="I17046" s="360"/>
      <c r="J17046" s="365"/>
      <c r="K17046" s="365"/>
      <c r="L17046" s="365"/>
    </row>
    <row r="17047" spans="2:12">
      <c r="B17047" s="367"/>
      <c r="C17047" s="367"/>
      <c r="D17047" s="367"/>
      <c r="E17047" s="367"/>
      <c r="F17047" s="359" t="s">
        <v>14371</v>
      </c>
      <c r="G17047" s="359" t="s">
        <v>14372</v>
      </c>
      <c r="H17047" s="359" t="s">
        <v>14422</v>
      </c>
      <c r="I17047" s="359" t="s">
        <v>14373</v>
      </c>
      <c r="J17047" s="365"/>
      <c r="K17047" s="365"/>
      <c r="L17047" s="365"/>
    </row>
    <row r="17048" spans="2:12">
      <c r="B17048" s="367"/>
      <c r="C17048" s="367"/>
      <c r="D17048" s="367"/>
      <c r="E17048" s="367"/>
      <c r="F17048" s="360"/>
      <c r="G17048" s="360"/>
      <c r="H17048" s="360"/>
      <c r="I17048" s="360"/>
      <c r="J17048" s="365"/>
      <c r="K17048" s="365"/>
      <c r="L17048" s="365"/>
    </row>
    <row r="17049" spans="2:12" ht="28.5">
      <c r="B17049" s="368"/>
      <c r="C17049" s="368"/>
      <c r="D17049" s="368"/>
      <c r="E17049" s="368"/>
      <c r="F17049" s="361" t="s">
        <v>14374</v>
      </c>
      <c r="G17049" s="361" t="s">
        <v>14373</v>
      </c>
      <c r="H17049" s="362"/>
      <c r="I17049" s="362"/>
      <c r="J17049" s="366"/>
      <c r="K17049" s="366"/>
      <c r="L17049" s="366"/>
    </row>
    <row r="17050" spans="2:12" ht="42.75">
      <c r="B17050" s="358" t="s">
        <v>23396</v>
      </c>
      <c r="C17050" s="358" t="s">
        <v>30365</v>
      </c>
      <c r="D17050" s="358" t="s">
        <v>23397</v>
      </c>
      <c r="E17050" s="358" t="s">
        <v>8356</v>
      </c>
      <c r="F17050" s="358" t="s">
        <v>15096</v>
      </c>
      <c r="G17050" s="358" t="s">
        <v>15097</v>
      </c>
      <c r="H17050" s="358" t="s">
        <v>14328</v>
      </c>
      <c r="I17050" s="358" t="s">
        <v>15097</v>
      </c>
      <c r="J17050" s="358"/>
      <c r="K17050" s="358"/>
      <c r="L17050" s="358"/>
    </row>
    <row r="17051" spans="2:12">
      <c r="B17051" s="367"/>
      <c r="C17051" s="367"/>
      <c r="D17051" s="367"/>
      <c r="E17051" s="367"/>
      <c r="F17051" s="360"/>
      <c r="G17051" s="360"/>
      <c r="H17051" s="360"/>
      <c r="I17051" s="360"/>
      <c r="J17051" s="365"/>
      <c r="K17051" s="365"/>
      <c r="L17051" s="365"/>
    </row>
    <row r="17052" spans="2:12">
      <c r="B17052" s="367"/>
      <c r="C17052" s="367"/>
      <c r="D17052" s="367"/>
      <c r="E17052" s="367"/>
      <c r="F17052" s="359" t="s">
        <v>14391</v>
      </c>
      <c r="G17052" s="359" t="s">
        <v>14392</v>
      </c>
      <c r="H17052" s="359" t="s">
        <v>14367</v>
      </c>
      <c r="I17052" s="359" t="s">
        <v>14392</v>
      </c>
      <c r="J17052" s="365"/>
      <c r="K17052" s="365"/>
      <c r="L17052" s="365"/>
    </row>
    <row r="17053" spans="2:12">
      <c r="B17053" s="367"/>
      <c r="C17053" s="367"/>
      <c r="D17053" s="367"/>
      <c r="E17053" s="367"/>
      <c r="F17053" s="360"/>
      <c r="G17053" s="360"/>
      <c r="H17053" s="360"/>
      <c r="I17053" s="360"/>
      <c r="J17053" s="365"/>
      <c r="K17053" s="365"/>
      <c r="L17053" s="365"/>
    </row>
    <row r="17054" spans="2:12" ht="28.5">
      <c r="B17054" s="368"/>
      <c r="C17054" s="368"/>
      <c r="D17054" s="368"/>
      <c r="E17054" s="368"/>
      <c r="F17054" s="361" t="s">
        <v>14472</v>
      </c>
      <c r="G17054" s="361" t="s">
        <v>14473</v>
      </c>
      <c r="H17054" s="361" t="s">
        <v>14422</v>
      </c>
      <c r="I17054" s="361" t="s">
        <v>14473</v>
      </c>
      <c r="J17054" s="366"/>
      <c r="K17054" s="366"/>
      <c r="L17054" s="366"/>
    </row>
    <row r="17055" spans="2:12">
      <c r="B17055" s="358" t="s">
        <v>23398</v>
      </c>
      <c r="C17055" s="358" t="s">
        <v>23399</v>
      </c>
      <c r="D17055" s="358" t="s">
        <v>23400</v>
      </c>
      <c r="E17055" s="358" t="s">
        <v>23401</v>
      </c>
      <c r="F17055" s="358" t="s">
        <v>14386</v>
      </c>
      <c r="G17055" s="358" t="s">
        <v>14387</v>
      </c>
      <c r="H17055" s="358" t="s">
        <v>14367</v>
      </c>
      <c r="I17055" s="358" t="s">
        <v>14387</v>
      </c>
      <c r="J17055" s="358"/>
      <c r="K17055" s="358"/>
      <c r="L17055" s="358"/>
    </row>
    <row r="17056" spans="2:12">
      <c r="B17056" s="367"/>
      <c r="C17056" s="367"/>
      <c r="D17056" s="367"/>
      <c r="E17056" s="367"/>
      <c r="F17056" s="360"/>
      <c r="G17056" s="360"/>
      <c r="H17056" s="360"/>
      <c r="I17056" s="360"/>
      <c r="J17056" s="365"/>
      <c r="K17056" s="365"/>
      <c r="L17056" s="365"/>
    </row>
    <row r="17057" spans="2:12" ht="28.5">
      <c r="B17057" s="368"/>
      <c r="C17057" s="368"/>
      <c r="D17057" s="368"/>
      <c r="E17057" s="368"/>
      <c r="F17057" s="361" t="s">
        <v>14462</v>
      </c>
      <c r="G17057" s="361" t="s">
        <v>14463</v>
      </c>
      <c r="H17057" s="361" t="s">
        <v>14422</v>
      </c>
      <c r="I17057" s="361" t="s">
        <v>14463</v>
      </c>
      <c r="J17057" s="366"/>
      <c r="K17057" s="366"/>
      <c r="L17057" s="366"/>
    </row>
    <row r="17058" spans="2:12" ht="28.5">
      <c r="B17058" s="358" t="s">
        <v>23402</v>
      </c>
      <c r="C17058" s="358" t="s">
        <v>30366</v>
      </c>
      <c r="D17058" s="358" t="s">
        <v>23403</v>
      </c>
      <c r="E17058" s="358" t="s">
        <v>1673</v>
      </c>
      <c r="F17058" s="358" t="s">
        <v>14382</v>
      </c>
      <c r="G17058" s="358" t="s">
        <v>14483</v>
      </c>
      <c r="H17058" s="358" t="s">
        <v>14378</v>
      </c>
      <c r="I17058" s="358" t="s">
        <v>14483</v>
      </c>
      <c r="J17058" s="358"/>
      <c r="K17058" s="358"/>
      <c r="L17058" s="358"/>
    </row>
    <row r="17059" spans="2:12">
      <c r="B17059" s="367"/>
      <c r="C17059" s="367"/>
      <c r="D17059" s="367"/>
      <c r="E17059" s="367"/>
      <c r="F17059" s="360"/>
      <c r="G17059" s="360"/>
      <c r="H17059" s="360"/>
      <c r="I17059" s="360"/>
      <c r="J17059" s="365"/>
      <c r="K17059" s="365"/>
      <c r="L17059" s="365"/>
    </row>
    <row r="17060" spans="2:12">
      <c r="B17060" s="367"/>
      <c r="C17060" s="367"/>
      <c r="D17060" s="367"/>
      <c r="E17060" s="367"/>
      <c r="F17060" s="359" t="s">
        <v>14356</v>
      </c>
      <c r="G17060" s="359" t="s">
        <v>14340</v>
      </c>
      <c r="H17060" s="359" t="s">
        <v>14341</v>
      </c>
      <c r="I17060" s="359" t="s">
        <v>14340</v>
      </c>
      <c r="J17060" s="365"/>
      <c r="K17060" s="365"/>
      <c r="L17060" s="365"/>
    </row>
    <row r="17061" spans="2:12">
      <c r="B17061" s="367"/>
      <c r="C17061" s="367"/>
      <c r="D17061" s="367"/>
      <c r="E17061" s="367"/>
      <c r="F17061" s="360"/>
      <c r="G17061" s="360"/>
      <c r="H17061" s="360"/>
      <c r="I17061" s="360"/>
      <c r="J17061" s="365"/>
      <c r="K17061" s="365"/>
      <c r="L17061" s="365"/>
    </row>
    <row r="17062" spans="2:12">
      <c r="B17062" s="367"/>
      <c r="C17062" s="367"/>
      <c r="D17062" s="367"/>
      <c r="E17062" s="367"/>
      <c r="F17062" s="359" t="s">
        <v>14391</v>
      </c>
      <c r="G17062" s="359" t="s">
        <v>14392</v>
      </c>
      <c r="H17062" s="359" t="s">
        <v>14370</v>
      </c>
      <c r="I17062" s="359" t="s">
        <v>14392</v>
      </c>
      <c r="J17062" s="365"/>
      <c r="K17062" s="365"/>
      <c r="L17062" s="365"/>
    </row>
    <row r="17063" spans="2:12">
      <c r="B17063" s="367"/>
      <c r="C17063" s="367"/>
      <c r="D17063" s="367"/>
      <c r="E17063" s="367"/>
      <c r="F17063" s="360"/>
      <c r="G17063" s="360"/>
      <c r="H17063" s="360"/>
      <c r="I17063" s="360"/>
      <c r="J17063" s="365"/>
      <c r="K17063" s="365"/>
      <c r="L17063" s="365"/>
    </row>
    <row r="17064" spans="2:12">
      <c r="B17064" s="367"/>
      <c r="C17064" s="367"/>
      <c r="D17064" s="367"/>
      <c r="E17064" s="367"/>
      <c r="F17064" s="359" t="s">
        <v>14371</v>
      </c>
      <c r="G17064" s="359" t="s">
        <v>14372</v>
      </c>
      <c r="H17064" s="359" t="s">
        <v>14332</v>
      </c>
      <c r="I17064" s="359" t="s">
        <v>14373</v>
      </c>
      <c r="J17064" s="365"/>
      <c r="K17064" s="365"/>
      <c r="L17064" s="365"/>
    </row>
    <row r="17065" spans="2:12">
      <c r="B17065" s="367"/>
      <c r="C17065" s="367"/>
      <c r="D17065" s="367"/>
      <c r="E17065" s="367"/>
      <c r="F17065" s="360"/>
      <c r="G17065" s="360"/>
      <c r="H17065" s="360"/>
      <c r="I17065" s="360"/>
      <c r="J17065" s="365"/>
      <c r="K17065" s="365"/>
      <c r="L17065" s="365"/>
    </row>
    <row r="17066" spans="2:12" ht="28.5">
      <c r="B17066" s="368"/>
      <c r="C17066" s="368"/>
      <c r="D17066" s="368"/>
      <c r="E17066" s="368"/>
      <c r="F17066" s="361" t="s">
        <v>14374</v>
      </c>
      <c r="G17066" s="361" t="s">
        <v>14373</v>
      </c>
      <c r="H17066" s="362"/>
      <c r="I17066" s="362"/>
      <c r="J17066" s="366"/>
      <c r="K17066" s="366"/>
      <c r="L17066" s="366"/>
    </row>
    <row r="17067" spans="2:12">
      <c r="B17067" s="358" t="s">
        <v>23404</v>
      </c>
      <c r="C17067" s="358" t="s">
        <v>27838</v>
      </c>
      <c r="D17067" s="358" t="s">
        <v>23405</v>
      </c>
      <c r="E17067" s="358" t="s">
        <v>23406</v>
      </c>
      <c r="F17067" s="358" t="s">
        <v>14420</v>
      </c>
      <c r="G17067" s="358" t="s">
        <v>14429</v>
      </c>
      <c r="H17067" s="358" t="s">
        <v>14341</v>
      </c>
      <c r="I17067" s="358" t="s">
        <v>14429</v>
      </c>
      <c r="J17067" s="358"/>
      <c r="K17067" s="358"/>
      <c r="L17067" s="358"/>
    </row>
    <row r="17068" spans="2:12">
      <c r="B17068" s="367"/>
      <c r="C17068" s="367"/>
      <c r="D17068" s="367"/>
      <c r="E17068" s="367"/>
      <c r="F17068" s="360"/>
      <c r="G17068" s="360"/>
      <c r="H17068" s="360"/>
      <c r="I17068" s="360"/>
      <c r="J17068" s="365"/>
      <c r="K17068" s="365"/>
      <c r="L17068" s="365"/>
    </row>
    <row r="17069" spans="2:12">
      <c r="B17069" s="367"/>
      <c r="C17069" s="367"/>
      <c r="D17069" s="367"/>
      <c r="E17069" s="367"/>
      <c r="F17069" s="359" t="s">
        <v>14356</v>
      </c>
      <c r="G17069" s="359" t="s">
        <v>14340</v>
      </c>
      <c r="H17069" s="359" t="s">
        <v>14367</v>
      </c>
      <c r="I17069" s="359" t="s">
        <v>14340</v>
      </c>
      <c r="J17069" s="365"/>
      <c r="K17069" s="365"/>
      <c r="L17069" s="365"/>
    </row>
    <row r="17070" spans="2:12">
      <c r="B17070" s="367"/>
      <c r="C17070" s="367"/>
      <c r="D17070" s="367"/>
      <c r="E17070" s="367"/>
      <c r="F17070" s="360"/>
      <c r="G17070" s="360"/>
      <c r="H17070" s="360"/>
      <c r="I17070" s="360"/>
      <c r="J17070" s="365"/>
      <c r="K17070" s="365"/>
      <c r="L17070" s="365"/>
    </row>
    <row r="17071" spans="2:12" ht="28.5">
      <c r="B17071" s="367"/>
      <c r="C17071" s="367"/>
      <c r="D17071" s="367"/>
      <c r="E17071" s="367"/>
      <c r="F17071" s="359" t="s">
        <v>14394</v>
      </c>
      <c r="G17071" s="359" t="s">
        <v>14395</v>
      </c>
      <c r="H17071" s="359" t="s">
        <v>14370</v>
      </c>
      <c r="I17071" s="359" t="s">
        <v>14395</v>
      </c>
      <c r="J17071" s="365"/>
      <c r="K17071" s="365"/>
      <c r="L17071" s="365"/>
    </row>
    <row r="17072" spans="2:12">
      <c r="B17072" s="367"/>
      <c r="C17072" s="367"/>
      <c r="D17072" s="367"/>
      <c r="E17072" s="367"/>
      <c r="F17072" s="360"/>
      <c r="G17072" s="360"/>
      <c r="H17072" s="360"/>
      <c r="I17072" s="360"/>
      <c r="J17072" s="365"/>
      <c r="K17072" s="365"/>
      <c r="L17072" s="365"/>
    </row>
    <row r="17073" spans="2:12">
      <c r="B17073" s="368"/>
      <c r="C17073" s="368"/>
      <c r="D17073" s="368"/>
      <c r="E17073" s="368"/>
      <c r="F17073" s="362"/>
      <c r="G17073" s="362"/>
      <c r="H17073" s="361" t="s">
        <v>14332</v>
      </c>
      <c r="I17073" s="362"/>
      <c r="J17073" s="366"/>
      <c r="K17073" s="366"/>
      <c r="L17073" s="366"/>
    </row>
    <row r="17074" spans="2:12" ht="57">
      <c r="B17074" s="358" t="s">
        <v>23407</v>
      </c>
      <c r="C17074" s="358" t="s">
        <v>30367</v>
      </c>
      <c r="D17074" s="358" t="s">
        <v>23408</v>
      </c>
      <c r="E17074" s="358" t="s">
        <v>8356</v>
      </c>
      <c r="F17074" s="358" t="s">
        <v>14430</v>
      </c>
      <c r="G17074" s="358" t="s">
        <v>14431</v>
      </c>
      <c r="H17074" s="358" t="s">
        <v>14341</v>
      </c>
      <c r="I17074" s="358" t="s">
        <v>14431</v>
      </c>
      <c r="J17074" s="358"/>
      <c r="K17074" s="358"/>
      <c r="L17074" s="358"/>
    </row>
    <row r="17075" spans="2:12">
      <c r="B17075" s="367"/>
      <c r="C17075" s="367"/>
      <c r="D17075" s="367"/>
      <c r="E17075" s="367"/>
      <c r="F17075" s="360"/>
      <c r="G17075" s="360"/>
      <c r="H17075" s="360"/>
      <c r="I17075" s="360"/>
      <c r="J17075" s="365"/>
      <c r="K17075" s="365"/>
      <c r="L17075" s="365"/>
    </row>
    <row r="17076" spans="2:12">
      <c r="B17076" s="367"/>
      <c r="C17076" s="367"/>
      <c r="D17076" s="367"/>
      <c r="E17076" s="367"/>
      <c r="F17076" s="359" t="s">
        <v>14371</v>
      </c>
      <c r="G17076" s="359" t="s">
        <v>14372</v>
      </c>
      <c r="H17076" s="359" t="s">
        <v>14370</v>
      </c>
      <c r="I17076" s="359" t="s">
        <v>14373</v>
      </c>
      <c r="J17076" s="365"/>
      <c r="K17076" s="365"/>
      <c r="L17076" s="365"/>
    </row>
    <row r="17077" spans="2:12">
      <c r="B17077" s="367"/>
      <c r="C17077" s="367"/>
      <c r="D17077" s="367"/>
      <c r="E17077" s="367"/>
      <c r="F17077" s="360"/>
      <c r="G17077" s="360"/>
      <c r="H17077" s="360"/>
      <c r="I17077" s="360"/>
      <c r="J17077" s="365"/>
      <c r="K17077" s="365"/>
      <c r="L17077" s="365"/>
    </row>
    <row r="17078" spans="2:12" ht="28.5">
      <c r="B17078" s="368"/>
      <c r="C17078" s="368"/>
      <c r="D17078" s="368"/>
      <c r="E17078" s="368"/>
      <c r="F17078" s="361" t="s">
        <v>14374</v>
      </c>
      <c r="G17078" s="361" t="s">
        <v>14373</v>
      </c>
      <c r="H17078" s="361" t="s">
        <v>14332</v>
      </c>
      <c r="I17078" s="362"/>
      <c r="J17078" s="366"/>
      <c r="K17078" s="366"/>
      <c r="L17078" s="366"/>
    </row>
    <row r="17079" spans="2:12" ht="28.5">
      <c r="B17079" s="358" t="s">
        <v>23409</v>
      </c>
      <c r="C17079" s="358" t="s">
        <v>23410</v>
      </c>
      <c r="D17079" s="358" t="s">
        <v>23411</v>
      </c>
      <c r="E17079" s="358" t="s">
        <v>8356</v>
      </c>
      <c r="F17079" s="358" t="s">
        <v>14389</v>
      </c>
      <c r="G17079" s="358" t="s">
        <v>14390</v>
      </c>
      <c r="H17079" s="358" t="s">
        <v>14341</v>
      </c>
      <c r="I17079" s="358" t="s">
        <v>14390</v>
      </c>
      <c r="J17079" s="358"/>
      <c r="K17079" s="358"/>
      <c r="L17079" s="358"/>
    </row>
    <row r="17080" spans="2:12">
      <c r="B17080" s="367"/>
      <c r="C17080" s="367"/>
      <c r="D17080" s="367"/>
      <c r="E17080" s="367"/>
      <c r="F17080" s="360"/>
      <c r="G17080" s="360"/>
      <c r="H17080" s="360"/>
      <c r="I17080" s="360"/>
      <c r="J17080" s="365"/>
      <c r="K17080" s="365"/>
      <c r="L17080" s="365"/>
    </row>
    <row r="17081" spans="2:12">
      <c r="B17081" s="367"/>
      <c r="C17081" s="367"/>
      <c r="D17081" s="367"/>
      <c r="E17081" s="367"/>
      <c r="F17081" s="359" t="s">
        <v>14430</v>
      </c>
      <c r="G17081" s="359" t="s">
        <v>14431</v>
      </c>
      <c r="H17081" s="359" t="s">
        <v>14370</v>
      </c>
      <c r="I17081" s="359" t="s">
        <v>14431</v>
      </c>
      <c r="J17081" s="365"/>
      <c r="K17081" s="365"/>
      <c r="L17081" s="365"/>
    </row>
    <row r="17082" spans="2:12">
      <c r="B17082" s="367"/>
      <c r="C17082" s="367"/>
      <c r="D17082" s="367"/>
      <c r="E17082" s="367"/>
      <c r="F17082" s="360"/>
      <c r="G17082" s="360"/>
      <c r="H17082" s="360"/>
      <c r="I17082" s="360"/>
      <c r="J17082" s="365"/>
      <c r="K17082" s="365"/>
      <c r="L17082" s="365"/>
    </row>
    <row r="17083" spans="2:12">
      <c r="B17083" s="367"/>
      <c r="C17083" s="367"/>
      <c r="D17083" s="367"/>
      <c r="E17083" s="367"/>
      <c r="F17083" s="359" t="s">
        <v>14371</v>
      </c>
      <c r="G17083" s="359" t="s">
        <v>14372</v>
      </c>
      <c r="H17083" s="359" t="s">
        <v>14332</v>
      </c>
      <c r="I17083" s="359" t="s">
        <v>14373</v>
      </c>
      <c r="J17083" s="365"/>
      <c r="K17083" s="365"/>
      <c r="L17083" s="365"/>
    </row>
    <row r="17084" spans="2:12">
      <c r="B17084" s="367"/>
      <c r="C17084" s="367"/>
      <c r="D17084" s="367"/>
      <c r="E17084" s="367"/>
      <c r="F17084" s="360"/>
      <c r="G17084" s="360"/>
      <c r="H17084" s="360"/>
      <c r="I17084" s="360"/>
      <c r="J17084" s="365"/>
      <c r="K17084" s="365"/>
      <c r="L17084" s="365"/>
    </row>
    <row r="17085" spans="2:12" ht="28.5">
      <c r="B17085" s="368"/>
      <c r="C17085" s="368"/>
      <c r="D17085" s="368"/>
      <c r="E17085" s="368"/>
      <c r="F17085" s="361" t="s">
        <v>14374</v>
      </c>
      <c r="G17085" s="361" t="s">
        <v>14373</v>
      </c>
      <c r="H17085" s="362"/>
      <c r="I17085" s="362"/>
      <c r="J17085" s="366"/>
      <c r="K17085" s="366"/>
      <c r="L17085" s="366"/>
    </row>
    <row r="17086" spans="2:12">
      <c r="B17086" s="358" t="s">
        <v>23412</v>
      </c>
      <c r="C17086" s="358" t="s">
        <v>23413</v>
      </c>
      <c r="D17086" s="358" t="s">
        <v>23414</v>
      </c>
      <c r="E17086" s="358" t="s">
        <v>23415</v>
      </c>
      <c r="F17086" s="358" t="s">
        <v>14443</v>
      </c>
      <c r="G17086" s="358" t="s">
        <v>14444</v>
      </c>
      <c r="H17086" s="358" t="s">
        <v>14381</v>
      </c>
      <c r="I17086" s="358" t="s">
        <v>14444</v>
      </c>
      <c r="J17086" s="358"/>
      <c r="K17086" s="358" t="s">
        <v>14557</v>
      </c>
      <c r="L17086" s="358"/>
    </row>
    <row r="17087" spans="2:12">
      <c r="B17087" s="367"/>
      <c r="C17087" s="360"/>
      <c r="D17087" s="367"/>
      <c r="E17087" s="367"/>
      <c r="F17087" s="360"/>
      <c r="G17087" s="360"/>
      <c r="H17087" s="360"/>
      <c r="I17087" s="360"/>
      <c r="J17087" s="365"/>
      <c r="K17087" s="360"/>
      <c r="L17087" s="365"/>
    </row>
    <row r="17088" spans="2:12">
      <c r="B17088" s="367"/>
      <c r="C17088" s="359" t="s">
        <v>23416</v>
      </c>
      <c r="D17088" s="367"/>
      <c r="E17088" s="367"/>
      <c r="F17088" s="359" t="s">
        <v>17088</v>
      </c>
      <c r="G17088" s="359" t="s">
        <v>14392</v>
      </c>
      <c r="H17088" s="359" t="s">
        <v>14367</v>
      </c>
      <c r="I17088" s="359" t="s">
        <v>14392</v>
      </c>
      <c r="J17088" s="365"/>
      <c r="K17088" s="359" t="s">
        <v>14517</v>
      </c>
      <c r="L17088" s="365"/>
    </row>
    <row r="17089" spans="2:12">
      <c r="B17089" s="367"/>
      <c r="C17089" s="360"/>
      <c r="D17089" s="367"/>
      <c r="E17089" s="367"/>
      <c r="F17089" s="360"/>
      <c r="G17089" s="360"/>
      <c r="H17089" s="360"/>
      <c r="I17089" s="360"/>
      <c r="J17089" s="365"/>
      <c r="K17089" s="360"/>
      <c r="L17089" s="365"/>
    </row>
    <row r="17090" spans="2:12">
      <c r="B17090" s="367"/>
      <c r="C17090" s="360"/>
      <c r="D17090" s="367"/>
      <c r="E17090" s="367"/>
      <c r="F17090" s="359" t="s">
        <v>14371</v>
      </c>
      <c r="G17090" s="359" t="s">
        <v>14372</v>
      </c>
      <c r="H17090" s="359" t="s">
        <v>29536</v>
      </c>
      <c r="I17090" s="359" t="s">
        <v>14373</v>
      </c>
      <c r="J17090" s="365"/>
      <c r="K17090" s="360"/>
      <c r="L17090" s="365"/>
    </row>
    <row r="17091" spans="2:12">
      <c r="B17091" s="367"/>
      <c r="C17091" s="360"/>
      <c r="D17091" s="367"/>
      <c r="E17091" s="367"/>
      <c r="F17091" s="360"/>
      <c r="G17091" s="360"/>
      <c r="H17091" s="360"/>
      <c r="I17091" s="360"/>
      <c r="J17091" s="365"/>
      <c r="K17091" s="360"/>
      <c r="L17091" s="365"/>
    </row>
    <row r="17092" spans="2:12" ht="28.5">
      <c r="B17092" s="368"/>
      <c r="C17092" s="362"/>
      <c r="D17092" s="368"/>
      <c r="E17092" s="368"/>
      <c r="F17092" s="361" t="s">
        <v>14374</v>
      </c>
      <c r="G17092" s="361" t="s">
        <v>14373</v>
      </c>
      <c r="H17092" s="361" t="s">
        <v>14422</v>
      </c>
      <c r="I17092" s="362"/>
      <c r="J17092" s="366"/>
      <c r="K17092" s="362"/>
      <c r="L17092" s="366"/>
    </row>
    <row r="17093" spans="2:12">
      <c r="B17093" s="358" t="s">
        <v>23417</v>
      </c>
      <c r="C17093" s="358" t="s">
        <v>29537</v>
      </c>
      <c r="D17093" s="358" t="s">
        <v>23418</v>
      </c>
      <c r="E17093" s="358" t="s">
        <v>23419</v>
      </c>
      <c r="F17093" s="358" t="s">
        <v>14420</v>
      </c>
      <c r="G17093" s="358" t="s">
        <v>14421</v>
      </c>
      <c r="H17093" s="358" t="s">
        <v>14341</v>
      </c>
      <c r="I17093" s="358" t="s">
        <v>14421</v>
      </c>
      <c r="J17093" s="358"/>
      <c r="K17093" s="358"/>
      <c r="L17093" s="358"/>
    </row>
    <row r="17094" spans="2:12">
      <c r="B17094" s="367"/>
      <c r="C17094" s="367"/>
      <c r="D17094" s="367"/>
      <c r="E17094" s="367"/>
      <c r="F17094" s="360"/>
      <c r="G17094" s="360"/>
      <c r="H17094" s="360"/>
      <c r="I17094" s="360"/>
      <c r="J17094" s="365"/>
      <c r="K17094" s="365"/>
      <c r="L17094" s="365"/>
    </row>
    <row r="17095" spans="2:12">
      <c r="B17095" s="367"/>
      <c r="C17095" s="367"/>
      <c r="D17095" s="367"/>
      <c r="E17095" s="367"/>
      <c r="F17095" s="359" t="s">
        <v>14420</v>
      </c>
      <c r="G17095" s="359" t="s">
        <v>14429</v>
      </c>
      <c r="H17095" s="359" t="s">
        <v>14367</v>
      </c>
      <c r="I17095" s="359" t="s">
        <v>14429</v>
      </c>
      <c r="J17095" s="365"/>
      <c r="K17095" s="365"/>
      <c r="L17095" s="365"/>
    </row>
    <row r="17096" spans="2:12">
      <c r="B17096" s="367"/>
      <c r="C17096" s="367"/>
      <c r="D17096" s="367"/>
      <c r="E17096" s="367"/>
      <c r="F17096" s="360"/>
      <c r="G17096" s="360"/>
      <c r="H17096" s="360"/>
      <c r="I17096" s="360"/>
      <c r="J17096" s="365"/>
      <c r="K17096" s="365"/>
      <c r="L17096" s="365"/>
    </row>
    <row r="17097" spans="2:12">
      <c r="B17097" s="367"/>
      <c r="C17097" s="367"/>
      <c r="D17097" s="367"/>
      <c r="E17097" s="367"/>
      <c r="F17097" s="359" t="s">
        <v>14356</v>
      </c>
      <c r="G17097" s="359" t="s">
        <v>14340</v>
      </c>
      <c r="H17097" s="359" t="s">
        <v>14370</v>
      </c>
      <c r="I17097" s="359" t="s">
        <v>14340</v>
      </c>
      <c r="J17097" s="365"/>
      <c r="K17097" s="365"/>
      <c r="L17097" s="365"/>
    </row>
    <row r="17098" spans="2:12">
      <c r="B17098" s="367"/>
      <c r="C17098" s="367"/>
      <c r="D17098" s="367"/>
      <c r="E17098" s="367"/>
      <c r="F17098" s="360"/>
      <c r="G17098" s="360"/>
      <c r="H17098" s="360"/>
      <c r="I17098" s="360"/>
      <c r="J17098" s="365"/>
      <c r="K17098" s="365"/>
      <c r="L17098" s="365"/>
    </row>
    <row r="17099" spans="2:12">
      <c r="B17099" s="367"/>
      <c r="C17099" s="367"/>
      <c r="D17099" s="367"/>
      <c r="E17099" s="367"/>
      <c r="F17099" s="359" t="s">
        <v>14391</v>
      </c>
      <c r="G17099" s="359" t="s">
        <v>14392</v>
      </c>
      <c r="H17099" s="359" t="s">
        <v>14332</v>
      </c>
      <c r="I17099" s="359" t="s">
        <v>14392</v>
      </c>
      <c r="J17099" s="365"/>
      <c r="K17099" s="365"/>
      <c r="L17099" s="365"/>
    </row>
    <row r="17100" spans="2:12">
      <c r="B17100" s="367"/>
      <c r="C17100" s="367"/>
      <c r="D17100" s="367"/>
      <c r="E17100" s="367"/>
      <c r="F17100" s="360"/>
      <c r="G17100" s="360"/>
      <c r="H17100" s="360"/>
      <c r="I17100" s="360"/>
      <c r="J17100" s="365"/>
      <c r="K17100" s="365"/>
      <c r="L17100" s="365"/>
    </row>
    <row r="17101" spans="2:12">
      <c r="B17101" s="367"/>
      <c r="C17101" s="367"/>
      <c r="D17101" s="367"/>
      <c r="E17101" s="367"/>
      <c r="F17101" s="359" t="s">
        <v>14371</v>
      </c>
      <c r="G17101" s="359" t="s">
        <v>14372</v>
      </c>
      <c r="H17101" s="360"/>
      <c r="I17101" s="359" t="s">
        <v>14373</v>
      </c>
      <c r="J17101" s="365"/>
      <c r="K17101" s="365"/>
      <c r="L17101" s="365"/>
    </row>
    <row r="17102" spans="2:12">
      <c r="B17102" s="367"/>
      <c r="C17102" s="367"/>
      <c r="D17102" s="367"/>
      <c r="E17102" s="367"/>
      <c r="F17102" s="360"/>
      <c r="G17102" s="360"/>
      <c r="H17102" s="360"/>
      <c r="I17102" s="360"/>
      <c r="J17102" s="365"/>
      <c r="K17102" s="365"/>
      <c r="L17102" s="365"/>
    </row>
    <row r="17103" spans="2:12" ht="28.5">
      <c r="B17103" s="368"/>
      <c r="C17103" s="368"/>
      <c r="D17103" s="368"/>
      <c r="E17103" s="368"/>
      <c r="F17103" s="361" t="s">
        <v>14374</v>
      </c>
      <c r="G17103" s="361" t="s">
        <v>14373</v>
      </c>
      <c r="H17103" s="362"/>
      <c r="I17103" s="362"/>
      <c r="J17103" s="366"/>
      <c r="K17103" s="366"/>
      <c r="L17103" s="366"/>
    </row>
    <row r="17104" spans="2:12" ht="28.5">
      <c r="B17104" s="358" t="s">
        <v>23420</v>
      </c>
      <c r="C17104" s="358" t="s">
        <v>23421</v>
      </c>
      <c r="D17104" s="358" t="s">
        <v>23422</v>
      </c>
      <c r="E17104" s="358" t="s">
        <v>23423</v>
      </c>
      <c r="F17104" s="358" t="s">
        <v>29539</v>
      </c>
      <c r="G17104" s="358" t="s">
        <v>14953</v>
      </c>
      <c r="H17104" s="358" t="s">
        <v>14954</v>
      </c>
      <c r="I17104" s="358" t="s">
        <v>14953</v>
      </c>
      <c r="J17104" s="358"/>
      <c r="K17104" s="358"/>
      <c r="L17104" s="358" t="s">
        <v>10376</v>
      </c>
    </row>
    <row r="17105" spans="2:12">
      <c r="B17105" s="367"/>
      <c r="C17105" s="360"/>
      <c r="D17105" s="367"/>
      <c r="E17105" s="367"/>
      <c r="F17105" s="360"/>
      <c r="G17105" s="360"/>
      <c r="H17105" s="360"/>
      <c r="I17105" s="360"/>
      <c r="J17105" s="365"/>
      <c r="K17105" s="365"/>
      <c r="L17105" s="367"/>
    </row>
    <row r="17106" spans="2:12">
      <c r="B17106" s="367"/>
      <c r="C17106" s="359" t="s">
        <v>29538</v>
      </c>
      <c r="D17106" s="367"/>
      <c r="E17106" s="367"/>
      <c r="F17106" s="359" t="s">
        <v>14443</v>
      </c>
      <c r="G17106" s="359" t="s">
        <v>23425</v>
      </c>
      <c r="H17106" s="359" t="s">
        <v>14341</v>
      </c>
      <c r="I17106" s="359" t="s">
        <v>23425</v>
      </c>
      <c r="J17106" s="365"/>
      <c r="K17106" s="365"/>
      <c r="L17106" s="367"/>
    </row>
    <row r="17107" spans="2:12">
      <c r="B17107" s="367"/>
      <c r="C17107" s="360"/>
      <c r="D17107" s="367"/>
      <c r="E17107" s="367"/>
      <c r="F17107" s="360"/>
      <c r="G17107" s="360"/>
      <c r="H17107" s="360"/>
      <c r="I17107" s="360"/>
      <c r="J17107" s="365"/>
      <c r="K17107" s="365"/>
      <c r="L17107" s="367"/>
    </row>
    <row r="17108" spans="2:12">
      <c r="B17108" s="367"/>
      <c r="C17108" s="360"/>
      <c r="D17108" s="367"/>
      <c r="E17108" s="367"/>
      <c r="F17108" s="359" t="s">
        <v>14420</v>
      </c>
      <c r="G17108" s="359" t="s">
        <v>14444</v>
      </c>
      <c r="H17108" s="359" t="s">
        <v>14381</v>
      </c>
      <c r="I17108" s="359" t="s">
        <v>14444</v>
      </c>
      <c r="J17108" s="365"/>
      <c r="K17108" s="365"/>
      <c r="L17108" s="367"/>
    </row>
    <row r="17109" spans="2:12">
      <c r="B17109" s="367"/>
      <c r="C17109" s="360"/>
      <c r="D17109" s="367"/>
      <c r="E17109" s="367"/>
      <c r="F17109" s="360"/>
      <c r="G17109" s="360"/>
      <c r="H17109" s="360"/>
      <c r="I17109" s="360"/>
      <c r="J17109" s="365"/>
      <c r="K17109" s="365"/>
      <c r="L17109" s="367"/>
    </row>
    <row r="17110" spans="2:12">
      <c r="B17110" s="367"/>
      <c r="C17110" s="360"/>
      <c r="D17110" s="367"/>
      <c r="E17110" s="367"/>
      <c r="F17110" s="359" t="s">
        <v>14420</v>
      </c>
      <c r="G17110" s="359" t="s">
        <v>14421</v>
      </c>
      <c r="H17110" s="359" t="s">
        <v>14367</v>
      </c>
      <c r="I17110" s="359" t="s">
        <v>14421</v>
      </c>
      <c r="J17110" s="365"/>
      <c r="K17110" s="365"/>
      <c r="L17110" s="367"/>
    </row>
    <row r="17111" spans="2:12">
      <c r="B17111" s="367"/>
      <c r="C17111" s="360"/>
      <c r="D17111" s="367"/>
      <c r="E17111" s="367"/>
      <c r="F17111" s="360"/>
      <c r="G17111" s="360"/>
      <c r="H17111" s="360"/>
      <c r="I17111" s="360"/>
      <c r="J17111" s="365"/>
      <c r="K17111" s="365"/>
      <c r="L17111" s="367"/>
    </row>
    <row r="17112" spans="2:12">
      <c r="B17112" s="367"/>
      <c r="C17112" s="360"/>
      <c r="D17112" s="367"/>
      <c r="E17112" s="367"/>
      <c r="F17112" s="359" t="s">
        <v>14460</v>
      </c>
      <c r="G17112" s="359" t="s">
        <v>14429</v>
      </c>
      <c r="H17112" s="359" t="s">
        <v>14370</v>
      </c>
      <c r="I17112" s="359" t="s">
        <v>14429</v>
      </c>
      <c r="J17112" s="365"/>
      <c r="K17112" s="365"/>
      <c r="L17112" s="367"/>
    </row>
    <row r="17113" spans="2:12">
      <c r="B17113" s="367"/>
      <c r="C17113" s="360"/>
      <c r="D17113" s="367"/>
      <c r="E17113" s="367"/>
      <c r="F17113" s="360"/>
      <c r="G17113" s="360"/>
      <c r="H17113" s="360"/>
      <c r="I17113" s="360"/>
      <c r="J17113" s="365"/>
      <c r="K17113" s="365"/>
      <c r="L17113" s="367"/>
    </row>
    <row r="17114" spans="2:12">
      <c r="B17114" s="367"/>
      <c r="C17114" s="360"/>
      <c r="D17114" s="367"/>
      <c r="E17114" s="367"/>
      <c r="F17114" s="359" t="s">
        <v>14368</v>
      </c>
      <c r="G17114" s="359" t="s">
        <v>14461</v>
      </c>
      <c r="H17114" s="359" t="s">
        <v>14332</v>
      </c>
      <c r="I17114" s="359" t="s">
        <v>14461</v>
      </c>
      <c r="J17114" s="365"/>
      <c r="K17114" s="365"/>
      <c r="L17114" s="367"/>
    </row>
    <row r="17115" spans="2:12">
      <c r="B17115" s="367"/>
      <c r="C17115" s="360"/>
      <c r="D17115" s="367"/>
      <c r="E17115" s="367"/>
      <c r="F17115" s="360"/>
      <c r="G17115" s="360"/>
      <c r="H17115" s="360"/>
      <c r="I17115" s="360"/>
      <c r="J17115" s="365"/>
      <c r="K17115" s="365"/>
      <c r="L17115" s="367"/>
    </row>
    <row r="17116" spans="2:12">
      <c r="B17116" s="367"/>
      <c r="C17116" s="360"/>
      <c r="D17116" s="367"/>
      <c r="E17116" s="367"/>
      <c r="F17116" s="359" t="s">
        <v>14389</v>
      </c>
      <c r="G17116" s="359" t="s">
        <v>14388</v>
      </c>
      <c r="H17116" s="360"/>
      <c r="I17116" s="359" t="s">
        <v>14388</v>
      </c>
      <c r="J17116" s="365"/>
      <c r="K17116" s="365"/>
      <c r="L17116" s="367"/>
    </row>
    <row r="17117" spans="2:12">
      <c r="B17117" s="367"/>
      <c r="C17117" s="360"/>
      <c r="D17117" s="367"/>
      <c r="E17117" s="367"/>
      <c r="F17117" s="360"/>
      <c r="G17117" s="360"/>
      <c r="H17117" s="360"/>
      <c r="I17117" s="360"/>
      <c r="J17117" s="365"/>
      <c r="K17117" s="365"/>
      <c r="L17117" s="367"/>
    </row>
    <row r="17118" spans="2:12">
      <c r="B17118" s="367"/>
      <c r="C17118" s="360"/>
      <c r="D17118" s="367"/>
      <c r="E17118" s="367"/>
      <c r="F17118" s="359" t="s">
        <v>14430</v>
      </c>
      <c r="G17118" s="359" t="s">
        <v>14390</v>
      </c>
      <c r="H17118" s="360"/>
      <c r="I17118" s="359" t="s">
        <v>14390</v>
      </c>
      <c r="J17118" s="365"/>
      <c r="K17118" s="365"/>
      <c r="L17118" s="367"/>
    </row>
    <row r="17119" spans="2:12">
      <c r="B17119" s="367"/>
      <c r="C17119" s="360"/>
      <c r="D17119" s="367"/>
      <c r="E17119" s="367"/>
      <c r="F17119" s="360"/>
      <c r="G17119" s="360"/>
      <c r="H17119" s="360"/>
      <c r="I17119" s="360"/>
      <c r="J17119" s="365"/>
      <c r="K17119" s="365"/>
      <c r="L17119" s="367"/>
    </row>
    <row r="17120" spans="2:12">
      <c r="B17120" s="367"/>
      <c r="C17120" s="360"/>
      <c r="D17120" s="367"/>
      <c r="E17120" s="367"/>
      <c r="F17120" s="359" t="s">
        <v>14391</v>
      </c>
      <c r="G17120" s="359" t="s">
        <v>14431</v>
      </c>
      <c r="H17120" s="360"/>
      <c r="I17120" s="359" t="s">
        <v>14431</v>
      </c>
      <c r="J17120" s="365"/>
      <c r="K17120" s="365"/>
      <c r="L17120" s="367"/>
    </row>
    <row r="17121" spans="2:12">
      <c r="B17121" s="367"/>
      <c r="C17121" s="360"/>
      <c r="D17121" s="367"/>
      <c r="E17121" s="367"/>
      <c r="F17121" s="360"/>
      <c r="G17121" s="360"/>
      <c r="H17121" s="360"/>
      <c r="I17121" s="360"/>
      <c r="J17121" s="365"/>
      <c r="K17121" s="365"/>
      <c r="L17121" s="367"/>
    </row>
    <row r="17122" spans="2:12">
      <c r="B17122" s="367"/>
      <c r="C17122" s="360"/>
      <c r="D17122" s="367"/>
      <c r="E17122" s="367"/>
      <c r="F17122" s="359" t="s">
        <v>14371</v>
      </c>
      <c r="G17122" s="359" t="s">
        <v>14392</v>
      </c>
      <c r="H17122" s="360"/>
      <c r="I17122" s="359" t="s">
        <v>14392</v>
      </c>
      <c r="J17122" s="365"/>
      <c r="K17122" s="365"/>
      <c r="L17122" s="367"/>
    </row>
    <row r="17123" spans="2:12">
      <c r="B17123" s="367"/>
      <c r="C17123" s="360"/>
      <c r="D17123" s="367"/>
      <c r="E17123" s="367"/>
      <c r="F17123" s="360"/>
      <c r="G17123" s="360"/>
      <c r="H17123" s="360"/>
      <c r="I17123" s="360"/>
      <c r="J17123" s="365"/>
      <c r="K17123" s="365"/>
      <c r="L17123" s="367"/>
    </row>
    <row r="17124" spans="2:12">
      <c r="B17124" s="368"/>
      <c r="C17124" s="362"/>
      <c r="D17124" s="368"/>
      <c r="E17124" s="368"/>
      <c r="F17124" s="362"/>
      <c r="G17124" s="361" t="s">
        <v>14372</v>
      </c>
      <c r="H17124" s="362"/>
      <c r="I17124" s="361" t="s">
        <v>14372</v>
      </c>
      <c r="J17124" s="366"/>
      <c r="K17124" s="366"/>
      <c r="L17124" s="368"/>
    </row>
    <row r="17125" spans="2:12">
      <c r="B17125" s="358" t="s">
        <v>23426</v>
      </c>
      <c r="C17125" s="358" t="s">
        <v>29540</v>
      </c>
      <c r="D17125" s="358" t="s">
        <v>23422</v>
      </c>
      <c r="E17125" s="358" t="s">
        <v>23423</v>
      </c>
      <c r="F17125" s="358" t="s">
        <v>23424</v>
      </c>
      <c r="G17125" s="358" t="s">
        <v>23425</v>
      </c>
      <c r="H17125" s="358" t="s">
        <v>14341</v>
      </c>
      <c r="I17125" s="358" t="s">
        <v>23425</v>
      </c>
      <c r="J17125" s="358"/>
      <c r="K17125" s="358"/>
      <c r="L17125" s="358" t="s">
        <v>10376</v>
      </c>
    </row>
    <row r="17126" spans="2:12">
      <c r="B17126" s="367"/>
      <c r="C17126" s="367"/>
      <c r="D17126" s="367"/>
      <c r="E17126" s="367"/>
      <c r="F17126" s="360"/>
      <c r="G17126" s="360"/>
      <c r="H17126" s="360"/>
      <c r="I17126" s="360"/>
      <c r="J17126" s="365"/>
      <c r="K17126" s="365"/>
      <c r="L17126" s="367"/>
    </row>
    <row r="17127" spans="2:12">
      <c r="B17127" s="367"/>
      <c r="C17127" s="367"/>
      <c r="D17127" s="367"/>
      <c r="E17127" s="367"/>
      <c r="F17127" s="359" t="s">
        <v>14443</v>
      </c>
      <c r="G17127" s="359" t="s">
        <v>14444</v>
      </c>
      <c r="H17127" s="359" t="s">
        <v>14381</v>
      </c>
      <c r="I17127" s="359" t="s">
        <v>14444</v>
      </c>
      <c r="J17127" s="365"/>
      <c r="K17127" s="365"/>
      <c r="L17127" s="367"/>
    </row>
    <row r="17128" spans="2:12">
      <c r="B17128" s="367"/>
      <c r="C17128" s="367"/>
      <c r="D17128" s="367"/>
      <c r="E17128" s="367"/>
      <c r="F17128" s="360"/>
      <c r="G17128" s="360"/>
      <c r="H17128" s="360"/>
      <c r="I17128" s="360"/>
      <c r="J17128" s="365"/>
      <c r="K17128" s="365"/>
      <c r="L17128" s="367"/>
    </row>
    <row r="17129" spans="2:12">
      <c r="B17129" s="367"/>
      <c r="C17129" s="367"/>
      <c r="D17129" s="367"/>
      <c r="E17129" s="367"/>
      <c r="F17129" s="359" t="s">
        <v>14420</v>
      </c>
      <c r="G17129" s="359" t="s">
        <v>14421</v>
      </c>
      <c r="H17129" s="359" t="s">
        <v>14367</v>
      </c>
      <c r="I17129" s="359" t="s">
        <v>14421</v>
      </c>
      <c r="J17129" s="365"/>
      <c r="K17129" s="365"/>
      <c r="L17129" s="367"/>
    </row>
    <row r="17130" spans="2:12">
      <c r="B17130" s="367"/>
      <c r="C17130" s="367"/>
      <c r="D17130" s="367"/>
      <c r="E17130" s="367"/>
      <c r="F17130" s="360"/>
      <c r="G17130" s="360"/>
      <c r="H17130" s="360"/>
      <c r="I17130" s="360"/>
      <c r="J17130" s="365"/>
      <c r="K17130" s="365"/>
      <c r="L17130" s="367"/>
    </row>
    <row r="17131" spans="2:12">
      <c r="B17131" s="367"/>
      <c r="C17131" s="367"/>
      <c r="D17131" s="367"/>
      <c r="E17131" s="367"/>
      <c r="F17131" s="359" t="s">
        <v>14420</v>
      </c>
      <c r="G17131" s="359" t="s">
        <v>14429</v>
      </c>
      <c r="H17131" s="359" t="s">
        <v>14370</v>
      </c>
      <c r="I17131" s="359" t="s">
        <v>14429</v>
      </c>
      <c r="J17131" s="365"/>
      <c r="K17131" s="365"/>
      <c r="L17131" s="367"/>
    </row>
    <row r="17132" spans="2:12">
      <c r="B17132" s="367"/>
      <c r="C17132" s="367"/>
      <c r="D17132" s="367"/>
      <c r="E17132" s="367"/>
      <c r="F17132" s="360"/>
      <c r="G17132" s="360"/>
      <c r="H17132" s="360"/>
      <c r="I17132" s="360"/>
      <c r="J17132" s="365"/>
      <c r="K17132" s="365"/>
      <c r="L17132" s="367"/>
    </row>
    <row r="17133" spans="2:12">
      <c r="B17133" s="367"/>
      <c r="C17133" s="367"/>
      <c r="D17133" s="367"/>
      <c r="E17133" s="367"/>
      <c r="F17133" s="359" t="s">
        <v>14460</v>
      </c>
      <c r="G17133" s="359" t="s">
        <v>14461</v>
      </c>
      <c r="H17133" s="359" t="s">
        <v>14332</v>
      </c>
      <c r="I17133" s="359" t="s">
        <v>14461</v>
      </c>
      <c r="J17133" s="365"/>
      <c r="K17133" s="365"/>
      <c r="L17133" s="367"/>
    </row>
    <row r="17134" spans="2:12">
      <c r="B17134" s="367"/>
      <c r="C17134" s="367"/>
      <c r="D17134" s="367"/>
      <c r="E17134" s="367"/>
      <c r="F17134" s="360"/>
      <c r="G17134" s="360"/>
      <c r="H17134" s="360"/>
      <c r="I17134" s="360"/>
      <c r="J17134" s="365"/>
      <c r="K17134" s="365"/>
      <c r="L17134" s="367"/>
    </row>
    <row r="17135" spans="2:12">
      <c r="B17135" s="367"/>
      <c r="C17135" s="367"/>
      <c r="D17135" s="367"/>
      <c r="E17135" s="367"/>
      <c r="F17135" s="359" t="s">
        <v>14368</v>
      </c>
      <c r="G17135" s="359" t="s">
        <v>14388</v>
      </c>
      <c r="H17135" s="360"/>
      <c r="I17135" s="359" t="s">
        <v>14388</v>
      </c>
      <c r="J17135" s="365"/>
      <c r="K17135" s="365"/>
      <c r="L17135" s="367"/>
    </row>
    <row r="17136" spans="2:12">
      <c r="B17136" s="367"/>
      <c r="C17136" s="367"/>
      <c r="D17136" s="367"/>
      <c r="E17136" s="367"/>
      <c r="F17136" s="360"/>
      <c r="G17136" s="360"/>
      <c r="H17136" s="360"/>
      <c r="I17136" s="360"/>
      <c r="J17136" s="365"/>
      <c r="K17136" s="365"/>
      <c r="L17136" s="367"/>
    </row>
    <row r="17137" spans="2:12">
      <c r="B17137" s="367"/>
      <c r="C17137" s="367"/>
      <c r="D17137" s="367"/>
      <c r="E17137" s="367"/>
      <c r="F17137" s="359" t="s">
        <v>14389</v>
      </c>
      <c r="G17137" s="359" t="s">
        <v>14390</v>
      </c>
      <c r="H17137" s="360"/>
      <c r="I17137" s="359" t="s">
        <v>14390</v>
      </c>
      <c r="J17137" s="365"/>
      <c r="K17137" s="365"/>
      <c r="L17137" s="367"/>
    </row>
    <row r="17138" spans="2:12">
      <c r="B17138" s="367"/>
      <c r="C17138" s="367"/>
      <c r="D17138" s="367"/>
      <c r="E17138" s="367"/>
      <c r="F17138" s="360"/>
      <c r="G17138" s="360"/>
      <c r="H17138" s="360"/>
      <c r="I17138" s="360"/>
      <c r="J17138" s="365"/>
      <c r="K17138" s="365"/>
      <c r="L17138" s="367"/>
    </row>
    <row r="17139" spans="2:12">
      <c r="B17139" s="367"/>
      <c r="C17139" s="367"/>
      <c r="D17139" s="367"/>
      <c r="E17139" s="367"/>
      <c r="F17139" s="359" t="s">
        <v>14430</v>
      </c>
      <c r="G17139" s="359" t="s">
        <v>14431</v>
      </c>
      <c r="H17139" s="360"/>
      <c r="I17139" s="359" t="s">
        <v>14431</v>
      </c>
      <c r="J17139" s="365"/>
      <c r="K17139" s="365"/>
      <c r="L17139" s="367"/>
    </row>
    <row r="17140" spans="2:12">
      <c r="B17140" s="367"/>
      <c r="C17140" s="367"/>
      <c r="D17140" s="367"/>
      <c r="E17140" s="367"/>
      <c r="F17140" s="360"/>
      <c r="G17140" s="360"/>
      <c r="H17140" s="360"/>
      <c r="I17140" s="360"/>
      <c r="J17140" s="365"/>
      <c r="K17140" s="365"/>
      <c r="L17140" s="367"/>
    </row>
    <row r="17141" spans="2:12">
      <c r="B17141" s="367"/>
      <c r="C17141" s="367"/>
      <c r="D17141" s="367"/>
      <c r="E17141" s="367"/>
      <c r="F17141" s="359" t="s">
        <v>14391</v>
      </c>
      <c r="G17141" s="359" t="s">
        <v>14392</v>
      </c>
      <c r="H17141" s="360"/>
      <c r="I17141" s="359" t="s">
        <v>14392</v>
      </c>
      <c r="J17141" s="365"/>
      <c r="K17141" s="365"/>
      <c r="L17141" s="367"/>
    </row>
    <row r="17142" spans="2:12">
      <c r="B17142" s="367"/>
      <c r="C17142" s="367"/>
      <c r="D17142" s="367"/>
      <c r="E17142" s="367"/>
      <c r="F17142" s="360"/>
      <c r="G17142" s="360"/>
      <c r="H17142" s="360"/>
      <c r="I17142" s="360"/>
      <c r="J17142" s="365"/>
      <c r="K17142" s="365"/>
      <c r="L17142" s="367"/>
    </row>
    <row r="17143" spans="2:12">
      <c r="B17143" s="368"/>
      <c r="C17143" s="368"/>
      <c r="D17143" s="368"/>
      <c r="E17143" s="368"/>
      <c r="F17143" s="361" t="s">
        <v>14371</v>
      </c>
      <c r="G17143" s="361" t="s">
        <v>14372</v>
      </c>
      <c r="H17143" s="362"/>
      <c r="I17143" s="361" t="s">
        <v>14372</v>
      </c>
      <c r="J17143" s="366"/>
      <c r="K17143" s="366"/>
      <c r="L17143" s="368"/>
    </row>
    <row r="17144" spans="2:12" ht="28.5">
      <c r="B17144" s="358" t="s">
        <v>23427</v>
      </c>
      <c r="C17144" s="358" t="s">
        <v>29541</v>
      </c>
      <c r="D17144" s="358" t="s">
        <v>23428</v>
      </c>
      <c r="E17144" s="358" t="s">
        <v>23429</v>
      </c>
      <c r="F17144" s="358" t="s">
        <v>23424</v>
      </c>
      <c r="G17144" s="358" t="s">
        <v>23425</v>
      </c>
      <c r="H17144" s="358" t="s">
        <v>14341</v>
      </c>
      <c r="I17144" s="358" t="s">
        <v>23425</v>
      </c>
      <c r="J17144" s="358"/>
      <c r="K17144" s="358"/>
      <c r="L17144" s="358"/>
    </row>
    <row r="17145" spans="2:12">
      <c r="B17145" s="367"/>
      <c r="C17145" s="360"/>
      <c r="D17145" s="360"/>
      <c r="E17145" s="360"/>
      <c r="F17145" s="360"/>
      <c r="G17145" s="360"/>
      <c r="H17145" s="360"/>
      <c r="I17145" s="360"/>
      <c r="J17145" s="365"/>
      <c r="K17145" s="365"/>
      <c r="L17145" s="365"/>
    </row>
    <row r="17146" spans="2:12" ht="28.5">
      <c r="B17146" s="367"/>
      <c r="C17146" s="359" t="s">
        <v>23432</v>
      </c>
      <c r="D17146" s="359" t="s">
        <v>23430</v>
      </c>
      <c r="E17146" s="359" t="s">
        <v>23431</v>
      </c>
      <c r="F17146" s="359" t="s">
        <v>14443</v>
      </c>
      <c r="G17146" s="359" t="s">
        <v>14444</v>
      </c>
      <c r="H17146" s="359" t="s">
        <v>14381</v>
      </c>
      <c r="I17146" s="359" t="s">
        <v>14444</v>
      </c>
      <c r="J17146" s="365"/>
      <c r="K17146" s="365"/>
      <c r="L17146" s="365"/>
    </row>
    <row r="17147" spans="2:12">
      <c r="B17147" s="367"/>
      <c r="C17147" s="360"/>
      <c r="D17147" s="360"/>
      <c r="E17147" s="360"/>
      <c r="F17147" s="360"/>
      <c r="G17147" s="360"/>
      <c r="H17147" s="360"/>
      <c r="I17147" s="360"/>
      <c r="J17147" s="365"/>
      <c r="K17147" s="365"/>
      <c r="L17147" s="365"/>
    </row>
    <row r="17148" spans="2:12">
      <c r="B17148" s="367"/>
      <c r="C17148" s="360"/>
      <c r="D17148" s="360"/>
      <c r="E17148" s="360"/>
      <c r="F17148" s="359" t="s">
        <v>14420</v>
      </c>
      <c r="G17148" s="359" t="s">
        <v>14421</v>
      </c>
      <c r="H17148" s="359" t="s">
        <v>14367</v>
      </c>
      <c r="I17148" s="359" t="s">
        <v>14421</v>
      </c>
      <c r="J17148" s="365"/>
      <c r="K17148" s="365"/>
      <c r="L17148" s="365"/>
    </row>
    <row r="17149" spans="2:12">
      <c r="B17149" s="367"/>
      <c r="C17149" s="360"/>
      <c r="D17149" s="360"/>
      <c r="E17149" s="360"/>
      <c r="F17149" s="360"/>
      <c r="G17149" s="360"/>
      <c r="H17149" s="360"/>
      <c r="I17149" s="360"/>
      <c r="J17149" s="365"/>
      <c r="K17149" s="365"/>
      <c r="L17149" s="365"/>
    </row>
    <row r="17150" spans="2:12">
      <c r="B17150" s="367"/>
      <c r="C17150" s="360"/>
      <c r="D17150" s="360"/>
      <c r="E17150" s="360"/>
      <c r="F17150" s="359" t="s">
        <v>14420</v>
      </c>
      <c r="G17150" s="359" t="s">
        <v>14429</v>
      </c>
      <c r="H17150" s="359" t="s">
        <v>14370</v>
      </c>
      <c r="I17150" s="359" t="s">
        <v>14429</v>
      </c>
      <c r="J17150" s="365"/>
      <c r="K17150" s="365"/>
      <c r="L17150" s="365"/>
    </row>
    <row r="17151" spans="2:12">
      <c r="B17151" s="367"/>
      <c r="C17151" s="360"/>
      <c r="D17151" s="360"/>
      <c r="E17151" s="360"/>
      <c r="F17151" s="360"/>
      <c r="G17151" s="360"/>
      <c r="H17151" s="360"/>
      <c r="I17151" s="360"/>
      <c r="J17151" s="365"/>
      <c r="K17151" s="365"/>
      <c r="L17151" s="365"/>
    </row>
    <row r="17152" spans="2:12">
      <c r="B17152" s="367"/>
      <c r="C17152" s="360"/>
      <c r="D17152" s="360"/>
      <c r="E17152" s="360"/>
      <c r="F17152" s="359" t="s">
        <v>14460</v>
      </c>
      <c r="G17152" s="359" t="s">
        <v>14461</v>
      </c>
      <c r="H17152" s="359" t="s">
        <v>14422</v>
      </c>
      <c r="I17152" s="359" t="s">
        <v>14461</v>
      </c>
      <c r="J17152" s="365"/>
      <c r="K17152" s="365"/>
      <c r="L17152" s="365"/>
    </row>
    <row r="17153" spans="2:12">
      <c r="B17153" s="367"/>
      <c r="C17153" s="360"/>
      <c r="D17153" s="360"/>
      <c r="E17153" s="360"/>
      <c r="F17153" s="360"/>
      <c r="G17153" s="360"/>
      <c r="H17153" s="360"/>
      <c r="I17153" s="360"/>
      <c r="J17153" s="365"/>
      <c r="K17153" s="365"/>
      <c r="L17153" s="365"/>
    </row>
    <row r="17154" spans="2:12">
      <c r="B17154" s="367"/>
      <c r="C17154" s="360"/>
      <c r="D17154" s="360"/>
      <c r="E17154" s="360"/>
      <c r="F17154" s="359" t="s">
        <v>14386</v>
      </c>
      <c r="G17154" s="359" t="s">
        <v>14387</v>
      </c>
      <c r="H17154" s="360"/>
      <c r="I17154" s="359" t="s">
        <v>14387</v>
      </c>
      <c r="J17154" s="365"/>
      <c r="K17154" s="365"/>
      <c r="L17154" s="365"/>
    </row>
    <row r="17155" spans="2:12">
      <c r="B17155" s="367"/>
      <c r="C17155" s="360"/>
      <c r="D17155" s="360"/>
      <c r="E17155" s="360"/>
      <c r="F17155" s="360"/>
      <c r="G17155" s="360"/>
      <c r="H17155" s="360"/>
      <c r="I17155" s="360"/>
      <c r="J17155" s="365"/>
      <c r="K17155" s="365"/>
      <c r="L17155" s="365"/>
    </row>
    <row r="17156" spans="2:12">
      <c r="B17156" s="367"/>
      <c r="C17156" s="360"/>
      <c r="D17156" s="360"/>
      <c r="E17156" s="360"/>
      <c r="F17156" s="359" t="s">
        <v>14389</v>
      </c>
      <c r="G17156" s="359" t="s">
        <v>14390</v>
      </c>
      <c r="H17156" s="360"/>
      <c r="I17156" s="359" t="s">
        <v>14390</v>
      </c>
      <c r="J17156" s="365"/>
      <c r="K17156" s="365"/>
      <c r="L17156" s="365"/>
    </row>
    <row r="17157" spans="2:12">
      <c r="B17157" s="367"/>
      <c r="C17157" s="360"/>
      <c r="D17157" s="360"/>
      <c r="E17157" s="360"/>
      <c r="F17157" s="360"/>
      <c r="G17157" s="360"/>
      <c r="H17157" s="360"/>
      <c r="I17157" s="360"/>
      <c r="J17157" s="365"/>
      <c r="K17157" s="365"/>
      <c r="L17157" s="365"/>
    </row>
    <row r="17158" spans="2:12">
      <c r="B17158" s="367"/>
      <c r="C17158" s="360"/>
      <c r="D17158" s="360"/>
      <c r="E17158" s="360"/>
      <c r="F17158" s="359" t="s">
        <v>14391</v>
      </c>
      <c r="G17158" s="359" t="s">
        <v>14392</v>
      </c>
      <c r="H17158" s="360"/>
      <c r="I17158" s="359" t="s">
        <v>14392</v>
      </c>
      <c r="J17158" s="365"/>
      <c r="K17158" s="365"/>
      <c r="L17158" s="365"/>
    </row>
    <row r="17159" spans="2:12">
      <c r="B17159" s="367"/>
      <c r="C17159" s="360"/>
      <c r="D17159" s="360"/>
      <c r="E17159" s="360"/>
      <c r="F17159" s="360"/>
      <c r="G17159" s="360"/>
      <c r="H17159" s="360"/>
      <c r="I17159" s="360"/>
      <c r="J17159" s="365"/>
      <c r="K17159" s="365"/>
      <c r="L17159" s="365"/>
    </row>
    <row r="17160" spans="2:12">
      <c r="B17160" s="368"/>
      <c r="C17160" s="362"/>
      <c r="D17160" s="362"/>
      <c r="E17160" s="362"/>
      <c r="F17160" s="361" t="s">
        <v>14371</v>
      </c>
      <c r="G17160" s="361" t="s">
        <v>14372</v>
      </c>
      <c r="H17160" s="362"/>
      <c r="I17160" s="361" t="s">
        <v>14372</v>
      </c>
      <c r="J17160" s="366"/>
      <c r="K17160" s="366"/>
      <c r="L17160" s="366"/>
    </row>
    <row r="17161" spans="2:12">
      <c r="B17161" s="358" t="s">
        <v>23433</v>
      </c>
      <c r="C17161" s="358" t="s">
        <v>27839</v>
      </c>
      <c r="D17161" s="358" t="s">
        <v>23434</v>
      </c>
      <c r="E17161" s="358" t="s">
        <v>23435</v>
      </c>
      <c r="F17161" s="358" t="s">
        <v>14382</v>
      </c>
      <c r="G17161" s="358" t="s">
        <v>14579</v>
      </c>
      <c r="H17161" s="358" t="s">
        <v>14378</v>
      </c>
      <c r="I17161" s="358" t="s">
        <v>14579</v>
      </c>
      <c r="J17161" s="358"/>
      <c r="K17161" s="358"/>
      <c r="L17161" s="358"/>
    </row>
    <row r="17162" spans="2:12">
      <c r="B17162" s="367"/>
      <c r="C17162" s="367"/>
      <c r="D17162" s="367"/>
      <c r="E17162" s="367"/>
      <c r="F17162" s="360"/>
      <c r="G17162" s="360"/>
      <c r="H17162" s="360"/>
      <c r="I17162" s="360"/>
      <c r="J17162" s="365"/>
      <c r="K17162" s="365"/>
      <c r="L17162" s="365"/>
    </row>
    <row r="17163" spans="2:12">
      <c r="B17163" s="368"/>
      <c r="C17163" s="368"/>
      <c r="D17163" s="368"/>
      <c r="E17163" s="368"/>
      <c r="F17163" s="361" t="s">
        <v>14382</v>
      </c>
      <c r="G17163" s="361" t="s">
        <v>14383</v>
      </c>
      <c r="H17163" s="361" t="s">
        <v>14332</v>
      </c>
      <c r="I17163" s="361" t="s">
        <v>14383</v>
      </c>
      <c r="J17163" s="366"/>
      <c r="K17163" s="366"/>
      <c r="L17163" s="366"/>
    </row>
    <row r="17164" spans="2:12">
      <c r="B17164" s="358" t="s">
        <v>23436</v>
      </c>
      <c r="C17164" s="358" t="s">
        <v>27840</v>
      </c>
      <c r="D17164" s="358" t="s">
        <v>23437</v>
      </c>
      <c r="E17164" s="358" t="s">
        <v>23438</v>
      </c>
      <c r="F17164" s="358" t="s">
        <v>14382</v>
      </c>
      <c r="G17164" s="358" t="s">
        <v>14383</v>
      </c>
      <c r="H17164" s="358" t="s">
        <v>14378</v>
      </c>
      <c r="I17164" s="358" t="s">
        <v>14383</v>
      </c>
      <c r="J17164" s="358"/>
      <c r="K17164" s="358"/>
      <c r="L17164" s="358"/>
    </row>
    <row r="17165" spans="2:12">
      <c r="B17165" s="367"/>
      <c r="C17165" s="360"/>
      <c r="D17165" s="367"/>
      <c r="E17165" s="367"/>
      <c r="F17165" s="360"/>
      <c r="G17165" s="360"/>
      <c r="H17165" s="360"/>
      <c r="I17165" s="360"/>
      <c r="J17165" s="365"/>
      <c r="K17165" s="365"/>
      <c r="L17165" s="365"/>
    </row>
    <row r="17166" spans="2:12">
      <c r="B17166" s="367"/>
      <c r="C17166" s="359" t="s">
        <v>23439</v>
      </c>
      <c r="D17166" s="367"/>
      <c r="E17166" s="367"/>
      <c r="F17166" s="359" t="s">
        <v>14420</v>
      </c>
      <c r="G17166" s="359" t="s">
        <v>14459</v>
      </c>
      <c r="H17166" s="359" t="s">
        <v>14370</v>
      </c>
      <c r="I17166" s="359" t="s">
        <v>14459</v>
      </c>
      <c r="J17166" s="365"/>
      <c r="K17166" s="365"/>
      <c r="L17166" s="365"/>
    </row>
    <row r="17167" spans="2:12">
      <c r="B17167" s="367"/>
      <c r="C17167" s="360"/>
      <c r="D17167" s="367"/>
      <c r="E17167" s="367"/>
      <c r="F17167" s="360"/>
      <c r="G17167" s="360"/>
      <c r="H17167" s="360"/>
      <c r="I17167" s="360"/>
      <c r="J17167" s="365"/>
      <c r="K17167" s="365"/>
      <c r="L17167" s="365"/>
    </row>
    <row r="17168" spans="2:12">
      <c r="B17168" s="367"/>
      <c r="C17168" s="360"/>
      <c r="D17168" s="367"/>
      <c r="E17168" s="367"/>
      <c r="F17168" s="359" t="s">
        <v>14420</v>
      </c>
      <c r="G17168" s="359" t="s">
        <v>14421</v>
      </c>
      <c r="H17168" s="359" t="s">
        <v>14332</v>
      </c>
      <c r="I17168" s="359" t="s">
        <v>14421</v>
      </c>
      <c r="J17168" s="365"/>
      <c r="K17168" s="365"/>
      <c r="L17168" s="365"/>
    </row>
    <row r="17169" spans="2:12">
      <c r="B17169" s="367"/>
      <c r="C17169" s="360"/>
      <c r="D17169" s="367"/>
      <c r="E17169" s="367"/>
      <c r="F17169" s="360"/>
      <c r="G17169" s="360"/>
      <c r="H17169" s="360"/>
      <c r="I17169" s="360"/>
      <c r="J17169" s="365"/>
      <c r="K17169" s="365"/>
      <c r="L17169" s="365"/>
    </row>
    <row r="17170" spans="2:12">
      <c r="B17170" s="367"/>
      <c r="C17170" s="360"/>
      <c r="D17170" s="367"/>
      <c r="E17170" s="367"/>
      <c r="F17170" s="359" t="s">
        <v>14391</v>
      </c>
      <c r="G17170" s="359" t="s">
        <v>14392</v>
      </c>
      <c r="H17170" s="360"/>
      <c r="I17170" s="359" t="s">
        <v>14392</v>
      </c>
      <c r="J17170" s="365"/>
      <c r="K17170" s="365"/>
      <c r="L17170" s="365"/>
    </row>
    <row r="17171" spans="2:12">
      <c r="B17171" s="367"/>
      <c r="C17171" s="360"/>
      <c r="D17171" s="367"/>
      <c r="E17171" s="367"/>
      <c r="F17171" s="360"/>
      <c r="G17171" s="360"/>
      <c r="H17171" s="360"/>
      <c r="I17171" s="360"/>
      <c r="J17171" s="365"/>
      <c r="K17171" s="365"/>
      <c r="L17171" s="365"/>
    </row>
    <row r="17172" spans="2:12" ht="28.5">
      <c r="B17172" s="368"/>
      <c r="C17172" s="362"/>
      <c r="D17172" s="368"/>
      <c r="E17172" s="368"/>
      <c r="F17172" s="361" t="s">
        <v>14394</v>
      </c>
      <c r="G17172" s="361" t="s">
        <v>14395</v>
      </c>
      <c r="H17172" s="362"/>
      <c r="I17172" s="361" t="s">
        <v>14395</v>
      </c>
      <c r="J17172" s="366"/>
      <c r="K17172" s="366"/>
      <c r="L17172" s="366"/>
    </row>
    <row r="17173" spans="2:12">
      <c r="B17173" s="358" t="s">
        <v>10572</v>
      </c>
      <c r="C17173" s="358" t="s">
        <v>23440</v>
      </c>
      <c r="D17173" s="358" t="s">
        <v>10573</v>
      </c>
      <c r="E17173" s="358" t="s">
        <v>10574</v>
      </c>
      <c r="F17173" s="358" t="s">
        <v>14376</v>
      </c>
      <c r="G17173" s="358" t="s">
        <v>14669</v>
      </c>
      <c r="H17173" s="358" t="s">
        <v>14378</v>
      </c>
      <c r="I17173" s="358" t="s">
        <v>14669</v>
      </c>
      <c r="J17173" s="358"/>
      <c r="K17173" s="358"/>
      <c r="L17173" s="358"/>
    </row>
    <row r="17174" spans="2:12">
      <c r="B17174" s="367"/>
      <c r="C17174" s="360"/>
      <c r="D17174" s="367"/>
      <c r="E17174" s="367"/>
      <c r="F17174" s="360"/>
      <c r="G17174" s="360"/>
      <c r="H17174" s="360"/>
      <c r="I17174" s="360"/>
      <c r="J17174" s="365"/>
      <c r="K17174" s="365"/>
      <c r="L17174" s="365"/>
    </row>
    <row r="17175" spans="2:12">
      <c r="B17175" s="367"/>
      <c r="C17175" s="359" t="s">
        <v>23441</v>
      </c>
      <c r="D17175" s="367"/>
      <c r="E17175" s="367"/>
      <c r="F17175" s="359" t="s">
        <v>14382</v>
      </c>
      <c r="G17175" s="359" t="s">
        <v>14383</v>
      </c>
      <c r="H17175" s="359" t="s">
        <v>14381</v>
      </c>
      <c r="I17175" s="359" t="s">
        <v>14383</v>
      </c>
      <c r="J17175" s="365"/>
      <c r="K17175" s="365"/>
      <c r="L17175" s="365"/>
    </row>
    <row r="17176" spans="2:12">
      <c r="B17176" s="367"/>
      <c r="C17176" s="360"/>
      <c r="D17176" s="367"/>
      <c r="E17176" s="367"/>
      <c r="F17176" s="360"/>
      <c r="G17176" s="360"/>
      <c r="H17176" s="360"/>
      <c r="I17176" s="360"/>
      <c r="J17176" s="365"/>
      <c r="K17176" s="365"/>
      <c r="L17176" s="365"/>
    </row>
    <row r="17177" spans="2:12">
      <c r="B17177" s="367"/>
      <c r="C17177" s="360"/>
      <c r="D17177" s="367"/>
      <c r="E17177" s="367"/>
      <c r="F17177" s="359" t="s">
        <v>14420</v>
      </c>
      <c r="G17177" s="359" t="s">
        <v>14421</v>
      </c>
      <c r="H17177" s="359" t="s">
        <v>14370</v>
      </c>
      <c r="I17177" s="359" t="s">
        <v>14421</v>
      </c>
      <c r="J17177" s="365"/>
      <c r="K17177" s="365"/>
      <c r="L17177" s="365"/>
    </row>
    <row r="17178" spans="2:12">
      <c r="B17178" s="367"/>
      <c r="C17178" s="360"/>
      <c r="D17178" s="367"/>
      <c r="E17178" s="367"/>
      <c r="F17178" s="360"/>
      <c r="G17178" s="360"/>
      <c r="H17178" s="360"/>
      <c r="I17178" s="360"/>
      <c r="J17178" s="365"/>
      <c r="K17178" s="365"/>
      <c r="L17178" s="365"/>
    </row>
    <row r="17179" spans="2:12">
      <c r="B17179" s="367"/>
      <c r="C17179" s="360"/>
      <c r="D17179" s="367"/>
      <c r="E17179" s="367"/>
      <c r="F17179" s="359" t="s">
        <v>14386</v>
      </c>
      <c r="G17179" s="359" t="s">
        <v>14387</v>
      </c>
      <c r="H17179" s="359" t="s">
        <v>14332</v>
      </c>
      <c r="I17179" s="359" t="s">
        <v>14387</v>
      </c>
      <c r="J17179" s="365"/>
      <c r="K17179" s="365"/>
      <c r="L17179" s="365"/>
    </row>
    <row r="17180" spans="2:12">
      <c r="B17180" s="367"/>
      <c r="C17180" s="360"/>
      <c r="D17180" s="367"/>
      <c r="E17180" s="367"/>
      <c r="F17180" s="360"/>
      <c r="G17180" s="360"/>
      <c r="H17180" s="360"/>
      <c r="I17180" s="360"/>
      <c r="J17180" s="365"/>
      <c r="K17180" s="365"/>
      <c r="L17180" s="365"/>
    </row>
    <row r="17181" spans="2:12">
      <c r="B17181" s="367"/>
      <c r="C17181" s="360"/>
      <c r="D17181" s="367"/>
      <c r="E17181" s="367"/>
      <c r="F17181" s="359" t="s">
        <v>14391</v>
      </c>
      <c r="G17181" s="359" t="s">
        <v>14392</v>
      </c>
      <c r="H17181" s="360"/>
      <c r="I17181" s="359" t="s">
        <v>14392</v>
      </c>
      <c r="J17181" s="365"/>
      <c r="K17181" s="365"/>
      <c r="L17181" s="365"/>
    </row>
    <row r="17182" spans="2:12">
      <c r="B17182" s="367"/>
      <c r="C17182" s="360"/>
      <c r="D17182" s="367"/>
      <c r="E17182" s="367"/>
      <c r="F17182" s="360"/>
      <c r="G17182" s="360"/>
      <c r="H17182" s="360"/>
      <c r="I17182" s="360"/>
      <c r="J17182" s="365"/>
      <c r="K17182" s="365"/>
      <c r="L17182" s="365"/>
    </row>
    <row r="17183" spans="2:12" ht="28.5">
      <c r="B17183" s="368"/>
      <c r="C17183" s="362"/>
      <c r="D17183" s="368"/>
      <c r="E17183" s="368"/>
      <c r="F17183" s="361" t="s">
        <v>14394</v>
      </c>
      <c r="G17183" s="361" t="s">
        <v>14395</v>
      </c>
      <c r="H17183" s="362"/>
      <c r="I17183" s="361" t="s">
        <v>14395</v>
      </c>
      <c r="J17183" s="366"/>
      <c r="K17183" s="366"/>
      <c r="L17183" s="366"/>
    </row>
    <row r="17184" spans="2:12">
      <c r="B17184" s="358" t="s">
        <v>23442</v>
      </c>
      <c r="C17184" s="358" t="s">
        <v>23443</v>
      </c>
      <c r="D17184" s="358" t="s">
        <v>23444</v>
      </c>
      <c r="E17184" s="358" t="s">
        <v>23445</v>
      </c>
      <c r="F17184" s="358" t="s">
        <v>14420</v>
      </c>
      <c r="G17184" s="358" t="s">
        <v>14459</v>
      </c>
      <c r="H17184" s="358" t="s">
        <v>14367</v>
      </c>
      <c r="I17184" s="358" t="s">
        <v>14459</v>
      </c>
      <c r="J17184" s="358"/>
      <c r="K17184" s="358"/>
      <c r="L17184" s="358"/>
    </row>
    <row r="17185" spans="2:12">
      <c r="B17185" s="367"/>
      <c r="C17185" s="367"/>
      <c r="D17185" s="367"/>
      <c r="E17185" s="367"/>
      <c r="F17185" s="360"/>
      <c r="G17185" s="360"/>
      <c r="H17185" s="360"/>
      <c r="I17185" s="360"/>
      <c r="J17185" s="365"/>
      <c r="K17185" s="365"/>
      <c r="L17185" s="365"/>
    </row>
    <row r="17186" spans="2:12">
      <c r="B17186" s="367"/>
      <c r="C17186" s="367"/>
      <c r="D17186" s="367"/>
      <c r="E17186" s="367"/>
      <c r="F17186" s="359" t="s">
        <v>14420</v>
      </c>
      <c r="G17186" s="359" t="s">
        <v>14429</v>
      </c>
      <c r="H17186" s="359" t="s">
        <v>14370</v>
      </c>
      <c r="I17186" s="359" t="s">
        <v>14429</v>
      </c>
      <c r="J17186" s="365"/>
      <c r="K17186" s="365"/>
      <c r="L17186" s="365"/>
    </row>
    <row r="17187" spans="2:12">
      <c r="B17187" s="367"/>
      <c r="C17187" s="367"/>
      <c r="D17187" s="367"/>
      <c r="E17187" s="367"/>
      <c r="F17187" s="360"/>
      <c r="G17187" s="360"/>
      <c r="H17187" s="360"/>
      <c r="I17187" s="360"/>
      <c r="J17187" s="365"/>
      <c r="K17187" s="365"/>
      <c r="L17187" s="365"/>
    </row>
    <row r="17188" spans="2:12" ht="28.5">
      <c r="B17188" s="368"/>
      <c r="C17188" s="368"/>
      <c r="D17188" s="368"/>
      <c r="E17188" s="368"/>
      <c r="F17188" s="361" t="s">
        <v>14394</v>
      </c>
      <c r="G17188" s="361" t="s">
        <v>14395</v>
      </c>
      <c r="H17188" s="361" t="s">
        <v>14422</v>
      </c>
      <c r="I17188" s="361" t="s">
        <v>14395</v>
      </c>
      <c r="J17188" s="366"/>
      <c r="K17188" s="366"/>
      <c r="L17188" s="366"/>
    </row>
    <row r="17189" spans="2:12">
      <c r="B17189" s="358" t="s">
        <v>23446</v>
      </c>
      <c r="C17189" s="358" t="s">
        <v>23447</v>
      </c>
      <c r="D17189" s="358" t="s">
        <v>23448</v>
      </c>
      <c r="E17189" s="358" t="s">
        <v>23449</v>
      </c>
      <c r="F17189" s="358" t="s">
        <v>14426</v>
      </c>
      <c r="G17189" s="358" t="s">
        <v>14427</v>
      </c>
      <c r="H17189" s="358" t="s">
        <v>14381</v>
      </c>
      <c r="I17189" s="358" t="s">
        <v>14427</v>
      </c>
      <c r="J17189" s="358"/>
      <c r="K17189" s="358"/>
      <c r="L17189" s="358"/>
    </row>
    <row r="17190" spans="2:12">
      <c r="B17190" s="367"/>
      <c r="C17190" s="367"/>
      <c r="D17190" s="367"/>
      <c r="E17190" s="367"/>
      <c r="F17190" s="360"/>
      <c r="G17190" s="360"/>
      <c r="H17190" s="360"/>
      <c r="I17190" s="360"/>
      <c r="J17190" s="365"/>
      <c r="K17190" s="365"/>
      <c r="L17190" s="365"/>
    </row>
    <row r="17191" spans="2:12">
      <c r="B17191" s="367"/>
      <c r="C17191" s="367"/>
      <c r="D17191" s="367"/>
      <c r="E17191" s="367"/>
      <c r="F17191" s="359" t="s">
        <v>14420</v>
      </c>
      <c r="G17191" s="359" t="s">
        <v>14459</v>
      </c>
      <c r="H17191" s="359" t="s">
        <v>14367</v>
      </c>
      <c r="I17191" s="359" t="s">
        <v>14459</v>
      </c>
      <c r="J17191" s="365"/>
      <c r="K17191" s="365"/>
      <c r="L17191" s="365"/>
    </row>
    <row r="17192" spans="2:12">
      <c r="B17192" s="367"/>
      <c r="C17192" s="367"/>
      <c r="D17192" s="367"/>
      <c r="E17192" s="367"/>
      <c r="F17192" s="360"/>
      <c r="G17192" s="360"/>
      <c r="H17192" s="360"/>
      <c r="I17192" s="360"/>
      <c r="J17192" s="365"/>
      <c r="K17192" s="365"/>
      <c r="L17192" s="365"/>
    </row>
    <row r="17193" spans="2:12">
      <c r="B17193" s="367"/>
      <c r="C17193" s="367"/>
      <c r="D17193" s="367"/>
      <c r="E17193" s="367"/>
      <c r="F17193" s="359" t="s">
        <v>14420</v>
      </c>
      <c r="G17193" s="359" t="s">
        <v>14429</v>
      </c>
      <c r="H17193" s="359" t="s">
        <v>14370</v>
      </c>
      <c r="I17193" s="359" t="s">
        <v>14429</v>
      </c>
      <c r="J17193" s="365"/>
      <c r="K17193" s="365"/>
      <c r="L17193" s="365"/>
    </row>
    <row r="17194" spans="2:12">
      <c r="B17194" s="367"/>
      <c r="C17194" s="367"/>
      <c r="D17194" s="367"/>
      <c r="E17194" s="367"/>
      <c r="F17194" s="360"/>
      <c r="G17194" s="360"/>
      <c r="H17194" s="360"/>
      <c r="I17194" s="360"/>
      <c r="J17194" s="365"/>
      <c r="K17194" s="365"/>
      <c r="L17194" s="365"/>
    </row>
    <row r="17195" spans="2:12">
      <c r="B17195" s="367"/>
      <c r="C17195" s="367"/>
      <c r="D17195" s="367"/>
      <c r="E17195" s="367"/>
      <c r="F17195" s="359" t="s">
        <v>14371</v>
      </c>
      <c r="G17195" s="359" t="s">
        <v>14372</v>
      </c>
      <c r="H17195" s="359" t="s">
        <v>14422</v>
      </c>
      <c r="I17195" s="359" t="s">
        <v>14373</v>
      </c>
      <c r="J17195" s="365"/>
      <c r="K17195" s="365"/>
      <c r="L17195" s="365"/>
    </row>
    <row r="17196" spans="2:12">
      <c r="B17196" s="367"/>
      <c r="C17196" s="367"/>
      <c r="D17196" s="367"/>
      <c r="E17196" s="367"/>
      <c r="F17196" s="360"/>
      <c r="G17196" s="360"/>
      <c r="H17196" s="360"/>
      <c r="I17196" s="360"/>
      <c r="J17196" s="365"/>
      <c r="K17196" s="365"/>
      <c r="L17196" s="365"/>
    </row>
    <row r="17197" spans="2:12" ht="28.5">
      <c r="B17197" s="368"/>
      <c r="C17197" s="368"/>
      <c r="D17197" s="368"/>
      <c r="E17197" s="368"/>
      <c r="F17197" s="361" t="s">
        <v>14374</v>
      </c>
      <c r="G17197" s="361" t="s">
        <v>14373</v>
      </c>
      <c r="H17197" s="362"/>
      <c r="I17197" s="362"/>
      <c r="J17197" s="366"/>
      <c r="K17197" s="366"/>
      <c r="L17197" s="366"/>
    </row>
    <row r="17198" spans="2:12" ht="42.75">
      <c r="B17198" s="358" t="s">
        <v>23450</v>
      </c>
      <c r="C17198" s="358" t="s">
        <v>23451</v>
      </c>
      <c r="D17198" s="358" t="s">
        <v>23452</v>
      </c>
      <c r="E17198" s="358" t="s">
        <v>623</v>
      </c>
      <c r="F17198" s="358" t="s">
        <v>14505</v>
      </c>
      <c r="G17198" s="358" t="s">
        <v>14506</v>
      </c>
      <c r="H17198" s="358" t="s">
        <v>14328</v>
      </c>
      <c r="I17198" s="358" t="s">
        <v>14506</v>
      </c>
      <c r="J17198" s="358"/>
      <c r="K17198" s="358" t="s">
        <v>28582</v>
      </c>
      <c r="L17198" s="358"/>
    </row>
    <row r="17199" spans="2:12">
      <c r="B17199" s="367"/>
      <c r="C17199" s="367"/>
      <c r="D17199" s="367"/>
      <c r="E17199" s="367"/>
      <c r="F17199" s="360"/>
      <c r="G17199" s="360"/>
      <c r="H17199" s="360"/>
      <c r="I17199" s="360"/>
      <c r="J17199" s="365"/>
      <c r="K17199" s="367"/>
      <c r="L17199" s="365"/>
    </row>
    <row r="17200" spans="2:12">
      <c r="B17200" s="367"/>
      <c r="C17200" s="367"/>
      <c r="D17200" s="367"/>
      <c r="E17200" s="367"/>
      <c r="F17200" s="359" t="s">
        <v>14420</v>
      </c>
      <c r="G17200" s="359" t="s">
        <v>14459</v>
      </c>
      <c r="H17200" s="359" t="s">
        <v>14341</v>
      </c>
      <c r="I17200" s="359" t="s">
        <v>14459</v>
      </c>
      <c r="J17200" s="365"/>
      <c r="K17200" s="367"/>
      <c r="L17200" s="365"/>
    </row>
    <row r="17201" spans="2:12">
      <c r="B17201" s="367"/>
      <c r="C17201" s="367"/>
      <c r="D17201" s="367"/>
      <c r="E17201" s="367"/>
      <c r="F17201" s="360"/>
      <c r="G17201" s="360"/>
      <c r="H17201" s="360"/>
      <c r="I17201" s="360"/>
      <c r="J17201" s="365"/>
      <c r="K17201" s="367"/>
      <c r="L17201" s="365"/>
    </row>
    <row r="17202" spans="2:12">
      <c r="B17202" s="367"/>
      <c r="C17202" s="367"/>
      <c r="D17202" s="367"/>
      <c r="E17202" s="367"/>
      <c r="F17202" s="359" t="s">
        <v>14420</v>
      </c>
      <c r="G17202" s="359" t="s">
        <v>14429</v>
      </c>
      <c r="H17202" s="359" t="s">
        <v>14367</v>
      </c>
      <c r="I17202" s="359" t="s">
        <v>14429</v>
      </c>
      <c r="J17202" s="365"/>
      <c r="K17202" s="367"/>
      <c r="L17202" s="365"/>
    </row>
    <row r="17203" spans="2:12">
      <c r="B17203" s="367"/>
      <c r="C17203" s="367"/>
      <c r="D17203" s="367"/>
      <c r="E17203" s="367"/>
      <c r="F17203" s="360"/>
      <c r="G17203" s="360"/>
      <c r="H17203" s="360"/>
      <c r="I17203" s="360"/>
      <c r="J17203" s="365"/>
      <c r="K17203" s="367"/>
      <c r="L17203" s="365"/>
    </row>
    <row r="17204" spans="2:12">
      <c r="B17204" s="368"/>
      <c r="C17204" s="368"/>
      <c r="D17204" s="368"/>
      <c r="E17204" s="368"/>
      <c r="F17204" s="361" t="s">
        <v>14356</v>
      </c>
      <c r="G17204" s="361" t="s">
        <v>14340</v>
      </c>
      <c r="H17204" s="361" t="s">
        <v>14332</v>
      </c>
      <c r="I17204" s="361" t="s">
        <v>14340</v>
      </c>
      <c r="J17204" s="366"/>
      <c r="K17204" s="368"/>
      <c r="L17204" s="366"/>
    </row>
    <row r="17205" spans="2:12" ht="28.5">
      <c r="B17205" s="358" t="s">
        <v>23453</v>
      </c>
      <c r="C17205" s="358" t="s">
        <v>23454</v>
      </c>
      <c r="D17205" s="358" t="s">
        <v>23455</v>
      </c>
      <c r="E17205" s="358" t="s">
        <v>23456</v>
      </c>
      <c r="F17205" s="358" t="s">
        <v>14420</v>
      </c>
      <c r="G17205" s="358" t="s">
        <v>14421</v>
      </c>
      <c r="H17205" s="358" t="s">
        <v>14381</v>
      </c>
      <c r="I17205" s="358" t="s">
        <v>14421</v>
      </c>
      <c r="J17205" s="358"/>
      <c r="K17205" s="358"/>
      <c r="L17205" s="358" t="s">
        <v>14611</v>
      </c>
    </row>
    <row r="17206" spans="2:12">
      <c r="B17206" s="367"/>
      <c r="C17206" s="360"/>
      <c r="D17206" s="360"/>
      <c r="E17206" s="360"/>
      <c r="F17206" s="360"/>
      <c r="G17206" s="360"/>
      <c r="H17206" s="360"/>
      <c r="I17206" s="360"/>
      <c r="J17206" s="365"/>
      <c r="K17206" s="365"/>
      <c r="L17206" s="367"/>
    </row>
    <row r="17207" spans="2:12" ht="28.5">
      <c r="B17207" s="367"/>
      <c r="C17207" s="359" t="s">
        <v>23457</v>
      </c>
      <c r="D17207" s="359" t="s">
        <v>23458</v>
      </c>
      <c r="E17207" s="359" t="s">
        <v>23459</v>
      </c>
      <c r="F17207" s="359" t="s">
        <v>14420</v>
      </c>
      <c r="G17207" s="359" t="s">
        <v>14429</v>
      </c>
      <c r="H17207" s="359" t="s">
        <v>14367</v>
      </c>
      <c r="I17207" s="359" t="s">
        <v>14429</v>
      </c>
      <c r="J17207" s="365"/>
      <c r="K17207" s="365"/>
      <c r="L17207" s="367"/>
    </row>
    <row r="17208" spans="2:12">
      <c r="B17208" s="367"/>
      <c r="C17208" s="360"/>
      <c r="D17208" s="360"/>
      <c r="E17208" s="360"/>
      <c r="F17208" s="360"/>
      <c r="G17208" s="360"/>
      <c r="H17208" s="360"/>
      <c r="I17208" s="360"/>
      <c r="J17208" s="365"/>
      <c r="K17208" s="365"/>
      <c r="L17208" s="367"/>
    </row>
    <row r="17209" spans="2:12" ht="28.5">
      <c r="B17209" s="367"/>
      <c r="C17209" s="359" t="s">
        <v>23460</v>
      </c>
      <c r="D17209" s="359" t="s">
        <v>23461</v>
      </c>
      <c r="E17209" s="359" t="s">
        <v>23462</v>
      </c>
      <c r="F17209" s="359" t="s">
        <v>14460</v>
      </c>
      <c r="G17209" s="359" t="s">
        <v>14519</v>
      </c>
      <c r="H17209" s="359" t="s">
        <v>14370</v>
      </c>
      <c r="I17209" s="359" t="s">
        <v>14519</v>
      </c>
      <c r="J17209" s="365"/>
      <c r="K17209" s="365"/>
      <c r="L17209" s="367"/>
    </row>
    <row r="17210" spans="2:12">
      <c r="B17210" s="367"/>
      <c r="C17210" s="360"/>
      <c r="D17210" s="360"/>
      <c r="E17210" s="360"/>
      <c r="F17210" s="360"/>
      <c r="G17210" s="360"/>
      <c r="H17210" s="360"/>
      <c r="I17210" s="360"/>
      <c r="J17210" s="365"/>
      <c r="K17210" s="365"/>
      <c r="L17210" s="367"/>
    </row>
    <row r="17211" spans="2:12" ht="28.5">
      <c r="B17211" s="367"/>
      <c r="C17211" s="359" t="s">
        <v>29542</v>
      </c>
      <c r="D17211" s="360"/>
      <c r="E17211" s="360"/>
      <c r="F17211" s="359" t="s">
        <v>14386</v>
      </c>
      <c r="G17211" s="359" t="s">
        <v>14387</v>
      </c>
      <c r="H17211" s="359" t="s">
        <v>14422</v>
      </c>
      <c r="I17211" s="359" t="s">
        <v>14387</v>
      </c>
      <c r="J17211" s="365"/>
      <c r="K17211" s="365"/>
      <c r="L17211" s="367"/>
    </row>
    <row r="17212" spans="2:12">
      <c r="B17212" s="367"/>
      <c r="C17212" s="360"/>
      <c r="D17212" s="360"/>
      <c r="E17212" s="360"/>
      <c r="F17212" s="360"/>
      <c r="G17212" s="360"/>
      <c r="H17212" s="360"/>
      <c r="I17212" s="360"/>
      <c r="J17212" s="365"/>
      <c r="K17212" s="365"/>
      <c r="L17212" s="367"/>
    </row>
    <row r="17213" spans="2:12">
      <c r="B17213" s="367"/>
      <c r="C17213" s="360"/>
      <c r="D17213" s="360"/>
      <c r="E17213" s="360"/>
      <c r="F17213" s="359" t="s">
        <v>14371</v>
      </c>
      <c r="G17213" s="359" t="s">
        <v>14372</v>
      </c>
      <c r="H17213" s="360"/>
      <c r="I17213" s="359" t="s">
        <v>14373</v>
      </c>
      <c r="J17213" s="365"/>
      <c r="K17213" s="365"/>
      <c r="L17213" s="367"/>
    </row>
    <row r="17214" spans="2:12">
      <c r="B17214" s="367"/>
      <c r="C17214" s="360"/>
      <c r="D17214" s="360"/>
      <c r="E17214" s="360"/>
      <c r="F17214" s="360"/>
      <c r="G17214" s="360"/>
      <c r="H17214" s="360"/>
      <c r="I17214" s="360"/>
      <c r="J17214" s="365"/>
      <c r="K17214" s="365"/>
      <c r="L17214" s="367"/>
    </row>
    <row r="17215" spans="2:12" ht="28.5">
      <c r="B17215" s="368"/>
      <c r="C17215" s="362"/>
      <c r="D17215" s="362"/>
      <c r="E17215" s="362"/>
      <c r="F17215" s="361" t="s">
        <v>14374</v>
      </c>
      <c r="G17215" s="361" t="s">
        <v>14373</v>
      </c>
      <c r="H17215" s="362"/>
      <c r="I17215" s="362"/>
      <c r="J17215" s="366"/>
      <c r="K17215" s="366"/>
      <c r="L17215" s="368"/>
    </row>
    <row r="17216" spans="2:12">
      <c r="B17216" s="358" t="s">
        <v>23463</v>
      </c>
      <c r="C17216" s="358" t="s">
        <v>23464</v>
      </c>
      <c r="D17216" s="358" t="s">
        <v>23465</v>
      </c>
      <c r="E17216" s="358" t="s">
        <v>1748</v>
      </c>
      <c r="F17216" s="358" t="s">
        <v>14420</v>
      </c>
      <c r="G17216" s="358" t="s">
        <v>14429</v>
      </c>
      <c r="H17216" s="358" t="s">
        <v>14341</v>
      </c>
      <c r="I17216" s="358" t="s">
        <v>14429</v>
      </c>
      <c r="J17216" s="358"/>
      <c r="K17216" s="358"/>
      <c r="L17216" s="358"/>
    </row>
    <row r="17217" spans="2:12">
      <c r="B17217" s="367"/>
      <c r="C17217" s="367"/>
      <c r="D17217" s="367"/>
      <c r="E17217" s="367"/>
      <c r="F17217" s="360"/>
      <c r="G17217" s="360"/>
      <c r="H17217" s="360"/>
      <c r="I17217" s="360"/>
      <c r="J17217" s="365"/>
      <c r="K17217" s="365"/>
      <c r="L17217" s="365"/>
    </row>
    <row r="17218" spans="2:12">
      <c r="B17218" s="367"/>
      <c r="C17218" s="367"/>
      <c r="D17218" s="367"/>
      <c r="E17218" s="367"/>
      <c r="F17218" s="359" t="s">
        <v>14356</v>
      </c>
      <c r="G17218" s="359" t="s">
        <v>14340</v>
      </c>
      <c r="H17218" s="359" t="s">
        <v>14367</v>
      </c>
      <c r="I17218" s="359" t="s">
        <v>14340</v>
      </c>
      <c r="J17218" s="365"/>
      <c r="K17218" s="365"/>
      <c r="L17218" s="365"/>
    </row>
    <row r="17219" spans="2:12">
      <c r="B17219" s="367"/>
      <c r="C17219" s="367"/>
      <c r="D17219" s="367"/>
      <c r="E17219" s="367"/>
      <c r="F17219" s="360"/>
      <c r="G17219" s="360"/>
      <c r="H17219" s="360"/>
      <c r="I17219" s="360"/>
      <c r="J17219" s="365"/>
      <c r="K17219" s="365"/>
      <c r="L17219" s="365"/>
    </row>
    <row r="17220" spans="2:12">
      <c r="B17220" s="368"/>
      <c r="C17220" s="368"/>
      <c r="D17220" s="368"/>
      <c r="E17220" s="368"/>
      <c r="F17220" s="362"/>
      <c r="G17220" s="362"/>
      <c r="H17220" s="361" t="s">
        <v>14332</v>
      </c>
      <c r="I17220" s="362"/>
      <c r="J17220" s="366"/>
      <c r="K17220" s="366"/>
      <c r="L17220" s="366"/>
    </row>
    <row r="17221" spans="2:12">
      <c r="B17221" s="358" t="s">
        <v>23466</v>
      </c>
      <c r="C17221" s="358" t="s">
        <v>30368</v>
      </c>
      <c r="D17221" s="358" t="s">
        <v>23467</v>
      </c>
      <c r="E17221" s="358" t="s">
        <v>6160</v>
      </c>
      <c r="F17221" s="358" t="s">
        <v>14391</v>
      </c>
      <c r="G17221" s="358" t="s">
        <v>14392</v>
      </c>
      <c r="H17221" s="358" t="s">
        <v>14367</v>
      </c>
      <c r="I17221" s="358" t="s">
        <v>14392</v>
      </c>
      <c r="J17221" s="358"/>
      <c r="K17221" s="358"/>
      <c r="L17221" s="358"/>
    </row>
    <row r="17222" spans="2:12">
      <c r="B17222" s="367"/>
      <c r="C17222" s="360"/>
      <c r="D17222" s="367"/>
      <c r="E17222" s="367"/>
      <c r="F17222" s="360"/>
      <c r="G17222" s="360"/>
      <c r="H17222" s="360"/>
      <c r="I17222" s="360"/>
      <c r="J17222" s="365"/>
      <c r="K17222" s="365"/>
      <c r="L17222" s="365"/>
    </row>
    <row r="17223" spans="2:12" ht="28.5">
      <c r="B17223" s="368"/>
      <c r="C17223" s="361" t="s">
        <v>30369</v>
      </c>
      <c r="D17223" s="368"/>
      <c r="E17223" s="368"/>
      <c r="F17223" s="361" t="s">
        <v>14472</v>
      </c>
      <c r="G17223" s="361" t="s">
        <v>14473</v>
      </c>
      <c r="H17223" s="361" t="s">
        <v>14422</v>
      </c>
      <c r="I17223" s="361" t="s">
        <v>14473</v>
      </c>
      <c r="J17223" s="366"/>
      <c r="K17223" s="366"/>
      <c r="L17223" s="366"/>
    </row>
    <row r="17224" spans="2:12" ht="28.5">
      <c r="B17224" s="358" t="s">
        <v>23468</v>
      </c>
      <c r="C17224" s="358" t="s">
        <v>27841</v>
      </c>
      <c r="D17224" s="358" t="s">
        <v>23469</v>
      </c>
      <c r="E17224" s="358" t="s">
        <v>23470</v>
      </c>
      <c r="F17224" s="358" t="s">
        <v>14382</v>
      </c>
      <c r="G17224" s="358" t="s">
        <v>14383</v>
      </c>
      <c r="H17224" s="358" t="s">
        <v>14378</v>
      </c>
      <c r="I17224" s="358" t="s">
        <v>14383</v>
      </c>
      <c r="J17224" s="358"/>
      <c r="K17224" s="358"/>
      <c r="L17224" s="358"/>
    </row>
    <row r="17225" spans="2:12">
      <c r="B17225" s="367"/>
      <c r="C17225" s="360"/>
      <c r="D17225" s="367"/>
      <c r="E17225" s="367"/>
      <c r="F17225" s="360"/>
      <c r="G17225" s="360"/>
      <c r="H17225" s="360"/>
      <c r="I17225" s="360"/>
      <c r="J17225" s="365"/>
      <c r="K17225" s="365"/>
      <c r="L17225" s="365"/>
    </row>
    <row r="17226" spans="2:12" ht="28.5">
      <c r="B17226" s="367"/>
      <c r="C17226" s="359" t="s">
        <v>27842</v>
      </c>
      <c r="D17226" s="367"/>
      <c r="E17226" s="367"/>
      <c r="F17226" s="359" t="s">
        <v>14460</v>
      </c>
      <c r="G17226" s="359" t="s">
        <v>14519</v>
      </c>
      <c r="H17226" s="359" t="s">
        <v>14381</v>
      </c>
      <c r="I17226" s="359" t="s">
        <v>14519</v>
      </c>
      <c r="J17226" s="365"/>
      <c r="K17226" s="365"/>
      <c r="L17226" s="365"/>
    </row>
    <row r="17227" spans="2:12">
      <c r="B17227" s="367"/>
      <c r="C17227" s="360"/>
      <c r="D17227" s="367"/>
      <c r="E17227" s="367"/>
      <c r="F17227" s="360"/>
      <c r="G17227" s="360"/>
      <c r="H17227" s="360"/>
      <c r="I17227" s="360"/>
      <c r="J17227" s="365"/>
      <c r="K17227" s="365"/>
      <c r="L17227" s="365"/>
    </row>
    <row r="17228" spans="2:12">
      <c r="B17228" s="367"/>
      <c r="C17228" s="360"/>
      <c r="D17228" s="367"/>
      <c r="E17228" s="367"/>
      <c r="F17228" s="359" t="s">
        <v>14391</v>
      </c>
      <c r="G17228" s="359" t="s">
        <v>14392</v>
      </c>
      <c r="H17228" s="359" t="s">
        <v>14370</v>
      </c>
      <c r="I17228" s="359" t="s">
        <v>14392</v>
      </c>
      <c r="J17228" s="365"/>
      <c r="K17228" s="365"/>
      <c r="L17228" s="365"/>
    </row>
    <row r="17229" spans="2:12">
      <c r="B17229" s="367"/>
      <c r="C17229" s="360"/>
      <c r="D17229" s="367"/>
      <c r="E17229" s="367"/>
      <c r="F17229" s="360"/>
      <c r="G17229" s="360"/>
      <c r="H17229" s="360"/>
      <c r="I17229" s="360"/>
      <c r="J17229" s="365"/>
      <c r="K17229" s="365"/>
      <c r="L17229" s="365"/>
    </row>
    <row r="17230" spans="2:12">
      <c r="B17230" s="367"/>
      <c r="C17230" s="360"/>
      <c r="D17230" s="367"/>
      <c r="E17230" s="367"/>
      <c r="F17230" s="359" t="s">
        <v>14371</v>
      </c>
      <c r="G17230" s="359" t="s">
        <v>14372</v>
      </c>
      <c r="H17230" s="359" t="s">
        <v>14332</v>
      </c>
      <c r="I17230" s="359" t="s">
        <v>14373</v>
      </c>
      <c r="J17230" s="365"/>
      <c r="K17230" s="365"/>
      <c r="L17230" s="365"/>
    </row>
    <row r="17231" spans="2:12">
      <c r="B17231" s="367"/>
      <c r="C17231" s="360"/>
      <c r="D17231" s="367"/>
      <c r="E17231" s="367"/>
      <c r="F17231" s="360"/>
      <c r="G17231" s="360"/>
      <c r="H17231" s="360"/>
      <c r="I17231" s="360"/>
      <c r="J17231" s="365"/>
      <c r="K17231" s="365"/>
      <c r="L17231" s="365"/>
    </row>
    <row r="17232" spans="2:12" ht="28.5">
      <c r="B17232" s="368"/>
      <c r="C17232" s="362"/>
      <c r="D17232" s="368"/>
      <c r="E17232" s="368"/>
      <c r="F17232" s="361" t="s">
        <v>14374</v>
      </c>
      <c r="G17232" s="361" t="s">
        <v>14373</v>
      </c>
      <c r="H17232" s="362"/>
      <c r="I17232" s="362"/>
      <c r="J17232" s="366"/>
      <c r="K17232" s="366"/>
      <c r="L17232" s="366"/>
    </row>
    <row r="17233" spans="2:12" ht="28.5">
      <c r="B17233" s="358" t="s">
        <v>23471</v>
      </c>
      <c r="C17233" s="358" t="s">
        <v>27843</v>
      </c>
      <c r="D17233" s="358" t="s">
        <v>23472</v>
      </c>
      <c r="E17233" s="358" t="s">
        <v>23473</v>
      </c>
      <c r="F17233" s="358" t="s">
        <v>14420</v>
      </c>
      <c r="G17233" s="358" t="s">
        <v>14429</v>
      </c>
      <c r="H17233" s="358" t="s">
        <v>14367</v>
      </c>
      <c r="I17233" s="358" t="s">
        <v>14429</v>
      </c>
      <c r="J17233" s="358"/>
      <c r="K17233" s="358"/>
      <c r="L17233" s="358"/>
    </row>
    <row r="17234" spans="2:12">
      <c r="B17234" s="367"/>
      <c r="C17234" s="360"/>
      <c r="D17234" s="367"/>
      <c r="E17234" s="367"/>
      <c r="F17234" s="360"/>
      <c r="G17234" s="360"/>
      <c r="H17234" s="360"/>
      <c r="I17234" s="360"/>
      <c r="J17234" s="365"/>
      <c r="K17234" s="365"/>
      <c r="L17234" s="365"/>
    </row>
    <row r="17235" spans="2:12" ht="28.5">
      <c r="B17235" s="367"/>
      <c r="C17235" s="359" t="s">
        <v>27844</v>
      </c>
      <c r="D17235" s="367"/>
      <c r="E17235" s="367"/>
      <c r="F17235" s="359" t="s">
        <v>14391</v>
      </c>
      <c r="G17235" s="359" t="s">
        <v>14392</v>
      </c>
      <c r="H17235" s="359" t="s">
        <v>14370</v>
      </c>
      <c r="I17235" s="359" t="s">
        <v>14392</v>
      </c>
      <c r="J17235" s="365"/>
      <c r="K17235" s="365"/>
      <c r="L17235" s="365"/>
    </row>
    <row r="17236" spans="2:12">
      <c r="B17236" s="367"/>
      <c r="C17236" s="360"/>
      <c r="D17236" s="367"/>
      <c r="E17236" s="367"/>
      <c r="F17236" s="360"/>
      <c r="G17236" s="360"/>
      <c r="H17236" s="360"/>
      <c r="I17236" s="360"/>
      <c r="J17236" s="365"/>
      <c r="K17236" s="365"/>
      <c r="L17236" s="365"/>
    </row>
    <row r="17237" spans="2:12">
      <c r="B17237" s="367"/>
      <c r="C17237" s="360"/>
      <c r="D17237" s="367"/>
      <c r="E17237" s="367"/>
      <c r="F17237" s="359" t="s">
        <v>14371</v>
      </c>
      <c r="G17237" s="359" t="s">
        <v>14372</v>
      </c>
      <c r="H17237" s="359" t="s">
        <v>14422</v>
      </c>
      <c r="I17237" s="359" t="s">
        <v>14373</v>
      </c>
      <c r="J17237" s="365"/>
      <c r="K17237" s="365"/>
      <c r="L17237" s="365"/>
    </row>
    <row r="17238" spans="2:12">
      <c r="B17238" s="367"/>
      <c r="C17238" s="360"/>
      <c r="D17238" s="367"/>
      <c r="E17238" s="367"/>
      <c r="F17238" s="360"/>
      <c r="G17238" s="360"/>
      <c r="H17238" s="360"/>
      <c r="I17238" s="360"/>
      <c r="J17238" s="365"/>
      <c r="K17238" s="365"/>
      <c r="L17238" s="365"/>
    </row>
    <row r="17239" spans="2:12" ht="28.5">
      <c r="B17239" s="368"/>
      <c r="C17239" s="362"/>
      <c r="D17239" s="368"/>
      <c r="E17239" s="368"/>
      <c r="F17239" s="361" t="s">
        <v>14374</v>
      </c>
      <c r="G17239" s="361" t="s">
        <v>14373</v>
      </c>
      <c r="H17239" s="362"/>
      <c r="I17239" s="362"/>
      <c r="J17239" s="366"/>
      <c r="K17239" s="366"/>
      <c r="L17239" s="366"/>
    </row>
    <row r="17240" spans="2:12">
      <c r="B17240" s="358" t="s">
        <v>23474</v>
      </c>
      <c r="C17240" s="358" t="s">
        <v>27845</v>
      </c>
      <c r="D17240" s="358" t="s">
        <v>23475</v>
      </c>
      <c r="E17240" s="358" t="s">
        <v>678</v>
      </c>
      <c r="F17240" s="358" t="s">
        <v>14443</v>
      </c>
      <c r="G17240" s="358" t="s">
        <v>14444</v>
      </c>
      <c r="H17240" s="358" t="s">
        <v>14381</v>
      </c>
      <c r="I17240" s="358" t="s">
        <v>14444</v>
      </c>
      <c r="J17240" s="358"/>
      <c r="K17240" s="358"/>
      <c r="L17240" s="358"/>
    </row>
    <row r="17241" spans="2:12">
      <c r="B17241" s="367"/>
      <c r="C17241" s="360"/>
      <c r="D17241" s="367"/>
      <c r="E17241" s="367"/>
      <c r="F17241" s="360"/>
      <c r="G17241" s="360"/>
      <c r="H17241" s="360"/>
      <c r="I17241" s="360"/>
      <c r="J17241" s="365"/>
      <c r="K17241" s="365"/>
      <c r="L17241" s="365"/>
    </row>
    <row r="17242" spans="2:12">
      <c r="B17242" s="367"/>
      <c r="C17242" s="359" t="s">
        <v>27846</v>
      </c>
      <c r="D17242" s="367"/>
      <c r="E17242" s="367"/>
      <c r="F17242" s="359" t="s">
        <v>14386</v>
      </c>
      <c r="G17242" s="359" t="s">
        <v>14387</v>
      </c>
      <c r="H17242" s="359" t="s">
        <v>14367</v>
      </c>
      <c r="I17242" s="359" t="s">
        <v>14387</v>
      </c>
      <c r="J17242" s="365"/>
      <c r="K17242" s="365"/>
      <c r="L17242" s="365"/>
    </row>
    <row r="17243" spans="2:12">
      <c r="B17243" s="367"/>
      <c r="C17243" s="360"/>
      <c r="D17243" s="367"/>
      <c r="E17243" s="367"/>
      <c r="F17243" s="360"/>
      <c r="G17243" s="360"/>
      <c r="H17243" s="360"/>
      <c r="I17243" s="360"/>
      <c r="J17243" s="365"/>
      <c r="K17243" s="365"/>
      <c r="L17243" s="365"/>
    </row>
    <row r="17244" spans="2:12">
      <c r="B17244" s="367"/>
      <c r="C17244" s="360"/>
      <c r="D17244" s="367"/>
      <c r="E17244" s="367"/>
      <c r="F17244" s="359" t="s">
        <v>14389</v>
      </c>
      <c r="G17244" s="359" t="s">
        <v>14390</v>
      </c>
      <c r="H17244" s="359" t="s">
        <v>14370</v>
      </c>
      <c r="I17244" s="359" t="s">
        <v>14390</v>
      </c>
      <c r="J17244" s="365"/>
      <c r="K17244" s="365"/>
      <c r="L17244" s="365"/>
    </row>
    <row r="17245" spans="2:12">
      <c r="B17245" s="367"/>
      <c r="C17245" s="360"/>
      <c r="D17245" s="367"/>
      <c r="E17245" s="367"/>
      <c r="F17245" s="360"/>
      <c r="G17245" s="360"/>
      <c r="H17245" s="360"/>
      <c r="I17245" s="360"/>
      <c r="J17245" s="365"/>
      <c r="K17245" s="365"/>
      <c r="L17245" s="365"/>
    </row>
    <row r="17246" spans="2:12">
      <c r="B17246" s="367"/>
      <c r="C17246" s="360"/>
      <c r="D17246" s="367"/>
      <c r="E17246" s="367"/>
      <c r="F17246" s="359" t="s">
        <v>14391</v>
      </c>
      <c r="G17246" s="359" t="s">
        <v>14392</v>
      </c>
      <c r="H17246" s="359" t="s">
        <v>14422</v>
      </c>
      <c r="I17246" s="359" t="s">
        <v>14392</v>
      </c>
      <c r="J17246" s="365"/>
      <c r="K17246" s="365"/>
      <c r="L17246" s="365"/>
    </row>
    <row r="17247" spans="2:12">
      <c r="B17247" s="367"/>
      <c r="C17247" s="360"/>
      <c r="D17247" s="367"/>
      <c r="E17247" s="367"/>
      <c r="F17247" s="360"/>
      <c r="G17247" s="360"/>
      <c r="H17247" s="360"/>
      <c r="I17247" s="360"/>
      <c r="J17247" s="365"/>
      <c r="K17247" s="365"/>
      <c r="L17247" s="365"/>
    </row>
    <row r="17248" spans="2:12" ht="28.5">
      <c r="B17248" s="368"/>
      <c r="C17248" s="362"/>
      <c r="D17248" s="368"/>
      <c r="E17248" s="368"/>
      <c r="F17248" s="361" t="s">
        <v>14394</v>
      </c>
      <c r="G17248" s="361" t="s">
        <v>14395</v>
      </c>
      <c r="H17248" s="362"/>
      <c r="I17248" s="361" t="s">
        <v>14395</v>
      </c>
      <c r="J17248" s="366"/>
      <c r="K17248" s="366"/>
      <c r="L17248" s="366"/>
    </row>
    <row r="17249" spans="2:12" ht="42.75">
      <c r="B17249" s="358" t="s">
        <v>23476</v>
      </c>
      <c r="C17249" s="358" t="s">
        <v>27847</v>
      </c>
      <c r="D17249" s="358" t="s">
        <v>23477</v>
      </c>
      <c r="E17249" s="358" t="s">
        <v>23478</v>
      </c>
      <c r="F17249" s="358" t="s">
        <v>14420</v>
      </c>
      <c r="G17249" s="358" t="s">
        <v>14429</v>
      </c>
      <c r="H17249" s="358" t="s">
        <v>14367</v>
      </c>
      <c r="I17249" s="358" t="s">
        <v>14429</v>
      </c>
      <c r="J17249" s="358"/>
      <c r="K17249" s="358" t="s">
        <v>29543</v>
      </c>
      <c r="L17249" s="358"/>
    </row>
    <row r="17250" spans="2:12">
      <c r="B17250" s="367"/>
      <c r="C17250" s="367"/>
      <c r="D17250" s="367"/>
      <c r="E17250" s="367"/>
      <c r="F17250" s="360"/>
      <c r="G17250" s="360"/>
      <c r="H17250" s="360"/>
      <c r="I17250" s="360"/>
      <c r="J17250" s="365"/>
      <c r="K17250" s="367"/>
      <c r="L17250" s="365"/>
    </row>
    <row r="17251" spans="2:12">
      <c r="B17251" s="367"/>
      <c r="C17251" s="367"/>
      <c r="D17251" s="367"/>
      <c r="E17251" s="367"/>
      <c r="F17251" s="359" t="s">
        <v>14391</v>
      </c>
      <c r="G17251" s="359" t="s">
        <v>14392</v>
      </c>
      <c r="H17251" s="359" t="s">
        <v>14370</v>
      </c>
      <c r="I17251" s="359" t="s">
        <v>14392</v>
      </c>
      <c r="J17251" s="365"/>
      <c r="K17251" s="367"/>
      <c r="L17251" s="365"/>
    </row>
    <row r="17252" spans="2:12">
      <c r="B17252" s="367"/>
      <c r="C17252" s="367"/>
      <c r="D17252" s="367"/>
      <c r="E17252" s="367"/>
      <c r="F17252" s="360"/>
      <c r="G17252" s="360"/>
      <c r="H17252" s="360"/>
      <c r="I17252" s="360"/>
      <c r="J17252" s="365"/>
      <c r="K17252" s="367"/>
      <c r="L17252" s="365"/>
    </row>
    <row r="17253" spans="2:12">
      <c r="B17253" s="367"/>
      <c r="C17253" s="367"/>
      <c r="D17253" s="367"/>
      <c r="E17253" s="367"/>
      <c r="F17253" s="359" t="s">
        <v>14371</v>
      </c>
      <c r="G17253" s="359" t="s">
        <v>14372</v>
      </c>
      <c r="H17253" s="359" t="s">
        <v>14422</v>
      </c>
      <c r="I17253" s="359" t="s">
        <v>14373</v>
      </c>
      <c r="J17253" s="365"/>
      <c r="K17253" s="367"/>
      <c r="L17253" s="365"/>
    </row>
    <row r="17254" spans="2:12">
      <c r="B17254" s="367"/>
      <c r="C17254" s="367"/>
      <c r="D17254" s="367"/>
      <c r="E17254" s="367"/>
      <c r="F17254" s="360"/>
      <c r="G17254" s="360"/>
      <c r="H17254" s="360"/>
      <c r="I17254" s="360"/>
      <c r="J17254" s="365"/>
      <c r="K17254" s="367"/>
      <c r="L17254" s="365"/>
    </row>
    <row r="17255" spans="2:12" ht="28.5">
      <c r="B17255" s="368"/>
      <c r="C17255" s="368"/>
      <c r="D17255" s="368"/>
      <c r="E17255" s="368"/>
      <c r="F17255" s="361" t="s">
        <v>14374</v>
      </c>
      <c r="G17255" s="361" t="s">
        <v>14373</v>
      </c>
      <c r="H17255" s="362"/>
      <c r="I17255" s="362"/>
      <c r="J17255" s="366"/>
      <c r="K17255" s="368"/>
      <c r="L17255" s="366"/>
    </row>
    <row r="17256" spans="2:12">
      <c r="B17256" s="358" t="s">
        <v>10576</v>
      </c>
      <c r="C17256" s="358" t="s">
        <v>7183</v>
      </c>
      <c r="D17256" s="358" t="s">
        <v>10577</v>
      </c>
      <c r="E17256" s="358" t="s">
        <v>7184</v>
      </c>
      <c r="F17256" s="358" t="s">
        <v>14376</v>
      </c>
      <c r="G17256" s="358" t="s">
        <v>14669</v>
      </c>
      <c r="H17256" s="358" t="s">
        <v>14378</v>
      </c>
      <c r="I17256" s="358" t="s">
        <v>14669</v>
      </c>
      <c r="J17256" s="358"/>
      <c r="K17256" s="358"/>
      <c r="L17256" s="358"/>
    </row>
    <row r="17257" spans="2:12">
      <c r="B17257" s="367"/>
      <c r="C17257" s="367"/>
      <c r="D17257" s="367"/>
      <c r="E17257" s="367"/>
      <c r="F17257" s="360"/>
      <c r="G17257" s="360"/>
      <c r="H17257" s="360"/>
      <c r="I17257" s="360"/>
      <c r="J17257" s="365"/>
      <c r="K17257" s="365"/>
      <c r="L17257" s="365"/>
    </row>
    <row r="17258" spans="2:12">
      <c r="B17258" s="367"/>
      <c r="C17258" s="367"/>
      <c r="D17258" s="367"/>
      <c r="E17258" s="367"/>
      <c r="F17258" s="359" t="s">
        <v>14382</v>
      </c>
      <c r="G17258" s="359" t="s">
        <v>14483</v>
      </c>
      <c r="H17258" s="359" t="s">
        <v>14381</v>
      </c>
      <c r="I17258" s="359" t="s">
        <v>14483</v>
      </c>
      <c r="J17258" s="365"/>
      <c r="K17258" s="365"/>
      <c r="L17258" s="365"/>
    </row>
    <row r="17259" spans="2:12">
      <c r="B17259" s="367"/>
      <c r="C17259" s="367"/>
      <c r="D17259" s="367"/>
      <c r="E17259" s="367"/>
      <c r="F17259" s="360"/>
      <c r="G17259" s="360"/>
      <c r="H17259" s="360"/>
      <c r="I17259" s="360"/>
      <c r="J17259" s="365"/>
      <c r="K17259" s="365"/>
      <c r="L17259" s="365"/>
    </row>
    <row r="17260" spans="2:12">
      <c r="B17260" s="367"/>
      <c r="C17260" s="367"/>
      <c r="D17260" s="367"/>
      <c r="E17260" s="367"/>
      <c r="F17260" s="359" t="s">
        <v>14382</v>
      </c>
      <c r="G17260" s="359" t="s">
        <v>14579</v>
      </c>
      <c r="H17260" s="359" t="s">
        <v>14370</v>
      </c>
      <c r="I17260" s="359" t="s">
        <v>14579</v>
      </c>
      <c r="J17260" s="365"/>
      <c r="K17260" s="365"/>
      <c r="L17260" s="365"/>
    </row>
    <row r="17261" spans="2:12">
      <c r="B17261" s="367"/>
      <c r="C17261" s="367"/>
      <c r="D17261" s="367"/>
      <c r="E17261" s="367"/>
      <c r="F17261" s="360"/>
      <c r="G17261" s="360"/>
      <c r="H17261" s="360"/>
      <c r="I17261" s="360"/>
      <c r="J17261" s="365"/>
      <c r="K17261" s="365"/>
      <c r="L17261" s="365"/>
    </row>
    <row r="17262" spans="2:12">
      <c r="B17262" s="367"/>
      <c r="C17262" s="367"/>
      <c r="D17262" s="367"/>
      <c r="E17262" s="367"/>
      <c r="F17262" s="359" t="s">
        <v>14382</v>
      </c>
      <c r="G17262" s="359" t="s">
        <v>14383</v>
      </c>
      <c r="H17262" s="359" t="s">
        <v>14332</v>
      </c>
      <c r="I17262" s="359" t="s">
        <v>14383</v>
      </c>
      <c r="J17262" s="365"/>
      <c r="K17262" s="365"/>
      <c r="L17262" s="365"/>
    </row>
    <row r="17263" spans="2:12">
      <c r="B17263" s="367"/>
      <c r="C17263" s="367"/>
      <c r="D17263" s="367"/>
      <c r="E17263" s="367"/>
      <c r="F17263" s="360"/>
      <c r="G17263" s="360"/>
      <c r="H17263" s="360"/>
      <c r="I17263" s="360"/>
      <c r="J17263" s="365"/>
      <c r="K17263" s="365"/>
      <c r="L17263" s="365"/>
    </row>
    <row r="17264" spans="2:12">
      <c r="B17264" s="367"/>
      <c r="C17264" s="367"/>
      <c r="D17264" s="367"/>
      <c r="E17264" s="367"/>
      <c r="F17264" s="359" t="s">
        <v>14391</v>
      </c>
      <c r="G17264" s="359" t="s">
        <v>14392</v>
      </c>
      <c r="H17264" s="360"/>
      <c r="I17264" s="359" t="s">
        <v>14392</v>
      </c>
      <c r="J17264" s="365"/>
      <c r="K17264" s="365"/>
      <c r="L17264" s="365"/>
    </row>
    <row r="17265" spans="2:12">
      <c r="B17265" s="367"/>
      <c r="C17265" s="367"/>
      <c r="D17265" s="367"/>
      <c r="E17265" s="367"/>
      <c r="F17265" s="360"/>
      <c r="G17265" s="360"/>
      <c r="H17265" s="360"/>
      <c r="I17265" s="360"/>
      <c r="J17265" s="365"/>
      <c r="K17265" s="365"/>
      <c r="L17265" s="365"/>
    </row>
    <row r="17266" spans="2:12">
      <c r="B17266" s="367"/>
      <c r="C17266" s="367"/>
      <c r="D17266" s="367"/>
      <c r="E17266" s="367"/>
      <c r="F17266" s="359" t="s">
        <v>14371</v>
      </c>
      <c r="G17266" s="359" t="s">
        <v>14372</v>
      </c>
      <c r="H17266" s="360"/>
      <c r="I17266" s="359" t="s">
        <v>14373</v>
      </c>
      <c r="J17266" s="365"/>
      <c r="K17266" s="365"/>
      <c r="L17266" s="365"/>
    </row>
    <row r="17267" spans="2:12">
      <c r="B17267" s="367"/>
      <c r="C17267" s="367"/>
      <c r="D17267" s="367"/>
      <c r="E17267" s="367"/>
      <c r="F17267" s="360"/>
      <c r="G17267" s="360"/>
      <c r="H17267" s="360"/>
      <c r="I17267" s="360"/>
      <c r="J17267" s="365"/>
      <c r="K17267" s="365"/>
      <c r="L17267" s="365"/>
    </row>
    <row r="17268" spans="2:12" ht="28.5">
      <c r="B17268" s="368"/>
      <c r="C17268" s="368"/>
      <c r="D17268" s="368"/>
      <c r="E17268" s="368"/>
      <c r="F17268" s="361" t="s">
        <v>14374</v>
      </c>
      <c r="G17268" s="361" t="s">
        <v>14373</v>
      </c>
      <c r="H17268" s="362"/>
      <c r="I17268" s="362"/>
      <c r="J17268" s="366"/>
      <c r="K17268" s="366"/>
      <c r="L17268" s="366"/>
    </row>
    <row r="17269" spans="2:12">
      <c r="B17269" s="358" t="s">
        <v>23479</v>
      </c>
      <c r="C17269" s="358" t="s">
        <v>23480</v>
      </c>
      <c r="D17269" s="358" t="s">
        <v>23481</v>
      </c>
      <c r="E17269" s="358" t="s">
        <v>23482</v>
      </c>
      <c r="F17269" s="358" t="s">
        <v>14420</v>
      </c>
      <c r="G17269" s="358" t="s">
        <v>14429</v>
      </c>
      <c r="H17269" s="358" t="s">
        <v>14367</v>
      </c>
      <c r="I17269" s="358" t="s">
        <v>14429</v>
      </c>
      <c r="J17269" s="358"/>
      <c r="K17269" s="358"/>
      <c r="L17269" s="358"/>
    </row>
    <row r="17270" spans="2:12">
      <c r="B17270" s="367"/>
      <c r="C17270" s="360"/>
      <c r="D17270" s="367"/>
      <c r="E17270" s="367"/>
      <c r="F17270" s="360"/>
      <c r="G17270" s="360"/>
      <c r="H17270" s="360"/>
      <c r="I17270" s="360"/>
      <c r="J17270" s="365"/>
      <c r="K17270" s="365"/>
      <c r="L17270" s="365"/>
    </row>
    <row r="17271" spans="2:12" ht="28.5">
      <c r="B17271" s="368"/>
      <c r="C17271" s="361" t="s">
        <v>27848</v>
      </c>
      <c r="D17271" s="368"/>
      <c r="E17271" s="368"/>
      <c r="F17271" s="361" t="s">
        <v>14472</v>
      </c>
      <c r="G17271" s="361" t="s">
        <v>14473</v>
      </c>
      <c r="H17271" s="361" t="s">
        <v>14422</v>
      </c>
      <c r="I17271" s="361" t="s">
        <v>14473</v>
      </c>
      <c r="J17271" s="366"/>
      <c r="K17271" s="366"/>
      <c r="L17271" s="366"/>
    </row>
    <row r="17272" spans="2:12" ht="28.5">
      <c r="B17272" s="358" t="s">
        <v>23483</v>
      </c>
      <c r="C17272" s="358" t="s">
        <v>23484</v>
      </c>
      <c r="D17272" s="358" t="s">
        <v>23485</v>
      </c>
      <c r="E17272" s="358" t="s">
        <v>23486</v>
      </c>
      <c r="F17272" s="358" t="s">
        <v>14394</v>
      </c>
      <c r="G17272" s="358" t="s">
        <v>14395</v>
      </c>
      <c r="H17272" s="358" t="s">
        <v>14370</v>
      </c>
      <c r="I17272" s="358" t="s">
        <v>14395</v>
      </c>
      <c r="J17272" s="358"/>
      <c r="K17272" s="358"/>
      <c r="L17272" s="358"/>
    </row>
    <row r="17273" spans="2:12">
      <c r="B17273" s="367"/>
      <c r="C17273" s="360"/>
      <c r="D17273" s="367"/>
      <c r="E17273" s="367"/>
      <c r="F17273" s="367"/>
      <c r="G17273" s="367"/>
      <c r="H17273" s="367"/>
      <c r="I17273" s="367"/>
      <c r="J17273" s="365"/>
      <c r="K17273" s="365"/>
      <c r="L17273" s="365"/>
    </row>
    <row r="17274" spans="2:12">
      <c r="B17274" s="368"/>
      <c r="C17274" s="361" t="s">
        <v>27849</v>
      </c>
      <c r="D17274" s="368"/>
      <c r="E17274" s="368"/>
      <c r="F17274" s="368"/>
      <c r="G17274" s="368"/>
      <c r="H17274" s="368"/>
      <c r="I17274" s="368"/>
      <c r="J17274" s="366"/>
      <c r="K17274" s="366"/>
      <c r="L17274" s="366"/>
    </row>
    <row r="17275" spans="2:12" ht="28.5">
      <c r="B17275" s="358" t="s">
        <v>23487</v>
      </c>
      <c r="C17275" s="358" t="s">
        <v>27850</v>
      </c>
      <c r="D17275" s="358" t="s">
        <v>23488</v>
      </c>
      <c r="E17275" s="358" t="s">
        <v>1914</v>
      </c>
      <c r="F17275" s="358" t="s">
        <v>14420</v>
      </c>
      <c r="G17275" s="358" t="s">
        <v>14421</v>
      </c>
      <c r="H17275" s="358" t="s">
        <v>14341</v>
      </c>
      <c r="I17275" s="358" t="s">
        <v>14421</v>
      </c>
      <c r="J17275" s="358"/>
      <c r="K17275" s="358"/>
      <c r="L17275" s="358"/>
    </row>
    <row r="17276" spans="2:12">
      <c r="B17276" s="367"/>
      <c r="C17276" s="367"/>
      <c r="D17276" s="367"/>
      <c r="E17276" s="367"/>
      <c r="F17276" s="360"/>
      <c r="G17276" s="360"/>
      <c r="H17276" s="360"/>
      <c r="I17276" s="360"/>
      <c r="J17276" s="365"/>
      <c r="K17276" s="365"/>
      <c r="L17276" s="365"/>
    </row>
    <row r="17277" spans="2:12">
      <c r="B17277" s="367"/>
      <c r="C17277" s="367"/>
      <c r="D17277" s="367"/>
      <c r="E17277" s="367"/>
      <c r="F17277" s="359" t="s">
        <v>14420</v>
      </c>
      <c r="G17277" s="359" t="s">
        <v>14429</v>
      </c>
      <c r="H17277" s="359" t="s">
        <v>14367</v>
      </c>
      <c r="I17277" s="359" t="s">
        <v>14429</v>
      </c>
      <c r="J17277" s="365"/>
      <c r="K17277" s="365"/>
      <c r="L17277" s="365"/>
    </row>
    <row r="17278" spans="2:12">
      <c r="B17278" s="367"/>
      <c r="C17278" s="367"/>
      <c r="D17278" s="367"/>
      <c r="E17278" s="367"/>
      <c r="F17278" s="360"/>
      <c r="G17278" s="360"/>
      <c r="H17278" s="360"/>
      <c r="I17278" s="360"/>
      <c r="J17278" s="365"/>
      <c r="K17278" s="365"/>
      <c r="L17278" s="365"/>
    </row>
    <row r="17279" spans="2:12">
      <c r="B17279" s="367"/>
      <c r="C17279" s="367"/>
      <c r="D17279" s="367"/>
      <c r="E17279" s="367"/>
      <c r="F17279" s="359" t="s">
        <v>14356</v>
      </c>
      <c r="G17279" s="359" t="s">
        <v>14340</v>
      </c>
      <c r="H17279" s="359" t="s">
        <v>14370</v>
      </c>
      <c r="I17279" s="359" t="s">
        <v>14340</v>
      </c>
      <c r="J17279" s="365"/>
      <c r="K17279" s="365"/>
      <c r="L17279" s="365"/>
    </row>
    <row r="17280" spans="2:12">
      <c r="B17280" s="367"/>
      <c r="C17280" s="367"/>
      <c r="D17280" s="367"/>
      <c r="E17280" s="367"/>
      <c r="F17280" s="360"/>
      <c r="G17280" s="360"/>
      <c r="H17280" s="360"/>
      <c r="I17280" s="360"/>
      <c r="J17280" s="365"/>
      <c r="K17280" s="365"/>
      <c r="L17280" s="365"/>
    </row>
    <row r="17281" spans="2:12">
      <c r="B17281" s="368"/>
      <c r="C17281" s="368"/>
      <c r="D17281" s="368"/>
      <c r="E17281" s="368"/>
      <c r="F17281" s="361" t="s">
        <v>14371</v>
      </c>
      <c r="G17281" s="361" t="s">
        <v>14372</v>
      </c>
      <c r="H17281" s="361" t="s">
        <v>14332</v>
      </c>
      <c r="I17281" s="361" t="s">
        <v>14372</v>
      </c>
      <c r="J17281" s="366"/>
      <c r="K17281" s="366"/>
      <c r="L17281" s="366"/>
    </row>
    <row r="17282" spans="2:12">
      <c r="B17282" s="358" t="s">
        <v>23489</v>
      </c>
      <c r="C17282" s="358" t="s">
        <v>23490</v>
      </c>
      <c r="D17282" s="358" t="s">
        <v>23491</v>
      </c>
      <c r="E17282" s="358" t="s">
        <v>23492</v>
      </c>
      <c r="F17282" s="358" t="s">
        <v>14443</v>
      </c>
      <c r="G17282" s="358" t="s">
        <v>14444</v>
      </c>
      <c r="H17282" s="358" t="s">
        <v>14381</v>
      </c>
      <c r="I17282" s="358" t="s">
        <v>14444</v>
      </c>
      <c r="J17282" s="358"/>
      <c r="K17282" s="358"/>
      <c r="L17282" s="358"/>
    </row>
    <row r="17283" spans="2:12">
      <c r="B17283" s="367"/>
      <c r="C17283" s="360"/>
      <c r="D17283" s="367"/>
      <c r="E17283" s="367"/>
      <c r="F17283" s="360"/>
      <c r="G17283" s="360"/>
      <c r="H17283" s="360"/>
      <c r="I17283" s="360"/>
      <c r="J17283" s="365"/>
      <c r="K17283" s="365"/>
      <c r="L17283" s="365"/>
    </row>
    <row r="17284" spans="2:12">
      <c r="B17284" s="367"/>
      <c r="C17284" s="359" t="s">
        <v>23493</v>
      </c>
      <c r="D17284" s="367"/>
      <c r="E17284" s="367"/>
      <c r="F17284" s="359" t="s">
        <v>14420</v>
      </c>
      <c r="G17284" s="359" t="s">
        <v>14429</v>
      </c>
      <c r="H17284" s="359" t="s">
        <v>14367</v>
      </c>
      <c r="I17284" s="359" t="s">
        <v>14429</v>
      </c>
      <c r="J17284" s="365"/>
      <c r="K17284" s="365"/>
      <c r="L17284" s="365"/>
    </row>
    <row r="17285" spans="2:12">
      <c r="B17285" s="367"/>
      <c r="C17285" s="360"/>
      <c r="D17285" s="367"/>
      <c r="E17285" s="367"/>
      <c r="F17285" s="360"/>
      <c r="G17285" s="360"/>
      <c r="H17285" s="360"/>
      <c r="I17285" s="360"/>
      <c r="J17285" s="365"/>
      <c r="K17285" s="365"/>
      <c r="L17285" s="365"/>
    </row>
    <row r="17286" spans="2:12">
      <c r="B17286" s="367"/>
      <c r="C17286" s="360"/>
      <c r="D17286" s="367"/>
      <c r="E17286" s="367"/>
      <c r="F17286" s="359" t="s">
        <v>14371</v>
      </c>
      <c r="G17286" s="359" t="s">
        <v>14372</v>
      </c>
      <c r="H17286" s="359" t="s">
        <v>14370</v>
      </c>
      <c r="I17286" s="359" t="s">
        <v>14373</v>
      </c>
      <c r="J17286" s="365"/>
      <c r="K17286" s="365"/>
      <c r="L17286" s="365"/>
    </row>
    <row r="17287" spans="2:12">
      <c r="B17287" s="367"/>
      <c r="C17287" s="360"/>
      <c r="D17287" s="367"/>
      <c r="E17287" s="367"/>
      <c r="F17287" s="360"/>
      <c r="G17287" s="360"/>
      <c r="H17287" s="360"/>
      <c r="I17287" s="360"/>
      <c r="J17287" s="365"/>
      <c r="K17287" s="365"/>
      <c r="L17287" s="365"/>
    </row>
    <row r="17288" spans="2:12" ht="28.5">
      <c r="B17288" s="368"/>
      <c r="C17288" s="362"/>
      <c r="D17288" s="368"/>
      <c r="E17288" s="368"/>
      <c r="F17288" s="361" t="s">
        <v>14374</v>
      </c>
      <c r="G17288" s="361" t="s">
        <v>14373</v>
      </c>
      <c r="H17288" s="361" t="s">
        <v>14422</v>
      </c>
      <c r="I17288" s="362"/>
      <c r="J17288" s="366"/>
      <c r="K17288" s="366"/>
      <c r="L17288" s="366"/>
    </row>
    <row r="17289" spans="2:12">
      <c r="B17289" s="358" t="s">
        <v>23494</v>
      </c>
      <c r="C17289" s="358" t="s">
        <v>23495</v>
      </c>
      <c r="D17289" s="358" t="s">
        <v>23496</v>
      </c>
      <c r="E17289" s="358" t="s">
        <v>23497</v>
      </c>
      <c r="F17289" s="358" t="s">
        <v>14443</v>
      </c>
      <c r="G17289" s="358" t="s">
        <v>14444</v>
      </c>
      <c r="H17289" s="358" t="s">
        <v>14381</v>
      </c>
      <c r="I17289" s="358" t="s">
        <v>14444</v>
      </c>
      <c r="J17289" s="358"/>
      <c r="K17289" s="358"/>
      <c r="L17289" s="358"/>
    </row>
    <row r="17290" spans="2:12">
      <c r="B17290" s="367"/>
      <c r="C17290" s="367"/>
      <c r="D17290" s="367"/>
      <c r="E17290" s="367"/>
      <c r="F17290" s="360"/>
      <c r="G17290" s="360"/>
      <c r="H17290" s="360"/>
      <c r="I17290" s="360"/>
      <c r="J17290" s="365"/>
      <c r="K17290" s="365"/>
      <c r="L17290" s="365"/>
    </row>
    <row r="17291" spans="2:12" ht="42.75">
      <c r="B17291" s="367"/>
      <c r="C17291" s="367"/>
      <c r="D17291" s="367"/>
      <c r="E17291" s="367"/>
      <c r="F17291" s="359" t="s">
        <v>29408</v>
      </c>
      <c r="G17291" s="359" t="s">
        <v>14429</v>
      </c>
      <c r="H17291" s="359" t="s">
        <v>14367</v>
      </c>
      <c r="I17291" s="359" t="s">
        <v>14429</v>
      </c>
      <c r="J17291" s="365"/>
      <c r="K17291" s="365"/>
      <c r="L17291" s="365"/>
    </row>
    <row r="17292" spans="2:12">
      <c r="B17292" s="367"/>
      <c r="C17292" s="367"/>
      <c r="D17292" s="367"/>
      <c r="E17292" s="367"/>
      <c r="F17292" s="360"/>
      <c r="G17292" s="360"/>
      <c r="H17292" s="360"/>
      <c r="I17292" s="360"/>
      <c r="J17292" s="365"/>
      <c r="K17292" s="365"/>
      <c r="L17292" s="365"/>
    </row>
    <row r="17293" spans="2:12">
      <c r="B17293" s="368"/>
      <c r="C17293" s="368"/>
      <c r="D17293" s="368"/>
      <c r="E17293" s="368"/>
      <c r="F17293" s="362"/>
      <c r="G17293" s="361" t="s">
        <v>14473</v>
      </c>
      <c r="H17293" s="361" t="s">
        <v>14422</v>
      </c>
      <c r="I17293" s="361" t="s">
        <v>14473</v>
      </c>
      <c r="J17293" s="366"/>
      <c r="K17293" s="366"/>
      <c r="L17293" s="366"/>
    </row>
    <row r="17294" spans="2:12">
      <c r="B17294" s="358" t="s">
        <v>23498</v>
      </c>
      <c r="C17294" s="358" t="s">
        <v>27851</v>
      </c>
      <c r="D17294" s="358" t="s">
        <v>23499</v>
      </c>
      <c r="E17294" s="358" t="s">
        <v>23500</v>
      </c>
      <c r="F17294" s="358" t="s">
        <v>14382</v>
      </c>
      <c r="G17294" s="358" t="s">
        <v>14383</v>
      </c>
      <c r="H17294" s="358" t="s">
        <v>14378</v>
      </c>
      <c r="I17294" s="358" t="s">
        <v>14383</v>
      </c>
      <c r="J17294" s="358"/>
      <c r="K17294" s="358"/>
      <c r="L17294" s="358"/>
    </row>
    <row r="17295" spans="2:12">
      <c r="B17295" s="367"/>
      <c r="C17295" s="360"/>
      <c r="D17295" s="367"/>
      <c r="E17295" s="367"/>
      <c r="F17295" s="360"/>
      <c r="G17295" s="360"/>
      <c r="H17295" s="360"/>
      <c r="I17295" s="360"/>
      <c r="J17295" s="365"/>
      <c r="K17295" s="365"/>
      <c r="L17295" s="365"/>
    </row>
    <row r="17296" spans="2:12">
      <c r="B17296" s="367"/>
      <c r="C17296" s="359" t="s">
        <v>23501</v>
      </c>
      <c r="D17296" s="367"/>
      <c r="E17296" s="367"/>
      <c r="F17296" s="359" t="s">
        <v>14386</v>
      </c>
      <c r="G17296" s="359" t="s">
        <v>14387</v>
      </c>
      <c r="H17296" s="359" t="s">
        <v>14370</v>
      </c>
      <c r="I17296" s="359" t="s">
        <v>14387</v>
      </c>
      <c r="J17296" s="365"/>
      <c r="K17296" s="365"/>
      <c r="L17296" s="365"/>
    </row>
    <row r="17297" spans="2:12">
      <c r="B17297" s="367"/>
      <c r="C17297" s="360"/>
      <c r="D17297" s="367"/>
      <c r="E17297" s="367"/>
      <c r="F17297" s="360"/>
      <c r="G17297" s="360"/>
      <c r="H17297" s="360"/>
      <c r="I17297" s="360"/>
      <c r="J17297" s="365"/>
      <c r="K17297" s="365"/>
      <c r="L17297" s="365"/>
    </row>
    <row r="17298" spans="2:12">
      <c r="B17298" s="367"/>
      <c r="C17298" s="360"/>
      <c r="D17298" s="367"/>
      <c r="E17298" s="367"/>
      <c r="F17298" s="359" t="s">
        <v>14391</v>
      </c>
      <c r="G17298" s="359" t="s">
        <v>14392</v>
      </c>
      <c r="H17298" s="359" t="s">
        <v>14332</v>
      </c>
      <c r="I17298" s="359" t="s">
        <v>14392</v>
      </c>
      <c r="J17298" s="365"/>
      <c r="K17298" s="365"/>
      <c r="L17298" s="365"/>
    </row>
    <row r="17299" spans="2:12">
      <c r="B17299" s="367"/>
      <c r="C17299" s="360"/>
      <c r="D17299" s="367"/>
      <c r="E17299" s="367"/>
      <c r="F17299" s="360"/>
      <c r="G17299" s="360"/>
      <c r="H17299" s="360"/>
      <c r="I17299" s="360"/>
      <c r="J17299" s="365"/>
      <c r="K17299" s="365"/>
      <c r="L17299" s="365"/>
    </row>
    <row r="17300" spans="2:12">
      <c r="B17300" s="367"/>
      <c r="C17300" s="360"/>
      <c r="D17300" s="367"/>
      <c r="E17300" s="367"/>
      <c r="F17300" s="359" t="s">
        <v>14371</v>
      </c>
      <c r="G17300" s="359" t="s">
        <v>14372</v>
      </c>
      <c r="H17300" s="360"/>
      <c r="I17300" s="359" t="s">
        <v>14373</v>
      </c>
      <c r="J17300" s="365"/>
      <c r="K17300" s="365"/>
      <c r="L17300" s="365"/>
    </row>
    <row r="17301" spans="2:12">
      <c r="B17301" s="367"/>
      <c r="C17301" s="360"/>
      <c r="D17301" s="367"/>
      <c r="E17301" s="367"/>
      <c r="F17301" s="360"/>
      <c r="G17301" s="360"/>
      <c r="H17301" s="360"/>
      <c r="I17301" s="360"/>
      <c r="J17301" s="365"/>
      <c r="K17301" s="365"/>
      <c r="L17301" s="365"/>
    </row>
    <row r="17302" spans="2:12" ht="28.5">
      <c r="B17302" s="368"/>
      <c r="C17302" s="362"/>
      <c r="D17302" s="368"/>
      <c r="E17302" s="368"/>
      <c r="F17302" s="361" t="s">
        <v>14374</v>
      </c>
      <c r="G17302" s="361" t="s">
        <v>14373</v>
      </c>
      <c r="H17302" s="362"/>
      <c r="I17302" s="362"/>
      <c r="J17302" s="366"/>
      <c r="K17302" s="366"/>
      <c r="L17302" s="366"/>
    </row>
    <row r="17303" spans="2:12">
      <c r="B17303" s="358" t="s">
        <v>23502</v>
      </c>
      <c r="C17303" s="358" t="s">
        <v>23503</v>
      </c>
      <c r="D17303" s="358" t="s">
        <v>8356</v>
      </c>
      <c r="E17303" s="358" t="s">
        <v>23504</v>
      </c>
      <c r="F17303" s="358" t="s">
        <v>14386</v>
      </c>
      <c r="G17303" s="358" t="s">
        <v>14387</v>
      </c>
      <c r="H17303" s="358" t="s">
        <v>14367</v>
      </c>
      <c r="I17303" s="358" t="s">
        <v>14387</v>
      </c>
      <c r="J17303" s="358"/>
      <c r="K17303" s="358"/>
      <c r="L17303" s="358"/>
    </row>
    <row r="17304" spans="2:12">
      <c r="B17304" s="367"/>
      <c r="C17304" s="360"/>
      <c r="D17304" s="367"/>
      <c r="E17304" s="367"/>
      <c r="F17304" s="360"/>
      <c r="G17304" s="360"/>
      <c r="H17304" s="360"/>
      <c r="I17304" s="360"/>
      <c r="J17304" s="365"/>
      <c r="K17304" s="365"/>
      <c r="L17304" s="365"/>
    </row>
    <row r="17305" spans="2:12" ht="28.5">
      <c r="B17305" s="367"/>
      <c r="C17305" s="359" t="s">
        <v>30370</v>
      </c>
      <c r="D17305" s="367"/>
      <c r="E17305" s="367"/>
      <c r="F17305" s="359" t="s">
        <v>14389</v>
      </c>
      <c r="G17305" s="359" t="s">
        <v>14390</v>
      </c>
      <c r="H17305" s="359" t="s">
        <v>14370</v>
      </c>
      <c r="I17305" s="359" t="s">
        <v>14390</v>
      </c>
      <c r="J17305" s="365"/>
      <c r="K17305" s="365"/>
      <c r="L17305" s="365"/>
    </row>
    <row r="17306" spans="2:12">
      <c r="B17306" s="367"/>
      <c r="C17306" s="360"/>
      <c r="D17306" s="367"/>
      <c r="E17306" s="367"/>
      <c r="F17306" s="360"/>
      <c r="G17306" s="360"/>
      <c r="H17306" s="360"/>
      <c r="I17306" s="360"/>
      <c r="J17306" s="365"/>
      <c r="K17306" s="365"/>
      <c r="L17306" s="365"/>
    </row>
    <row r="17307" spans="2:12">
      <c r="B17307" s="367"/>
      <c r="C17307" s="360"/>
      <c r="D17307" s="367"/>
      <c r="E17307" s="367"/>
      <c r="F17307" s="359" t="s">
        <v>14391</v>
      </c>
      <c r="G17307" s="359" t="s">
        <v>14392</v>
      </c>
      <c r="H17307" s="359" t="s">
        <v>14422</v>
      </c>
      <c r="I17307" s="359" t="s">
        <v>14392</v>
      </c>
      <c r="J17307" s="365"/>
      <c r="K17307" s="365"/>
      <c r="L17307" s="365"/>
    </row>
    <row r="17308" spans="2:12">
      <c r="B17308" s="367"/>
      <c r="C17308" s="360"/>
      <c r="D17308" s="367"/>
      <c r="E17308" s="367"/>
      <c r="F17308" s="360"/>
      <c r="G17308" s="360"/>
      <c r="H17308" s="360"/>
      <c r="I17308" s="360"/>
      <c r="J17308" s="365"/>
      <c r="K17308" s="365"/>
      <c r="L17308" s="365"/>
    </row>
    <row r="17309" spans="2:12">
      <c r="B17309" s="367"/>
      <c r="C17309" s="360"/>
      <c r="D17309" s="367"/>
      <c r="E17309" s="367"/>
      <c r="F17309" s="359" t="s">
        <v>14371</v>
      </c>
      <c r="G17309" s="359" t="s">
        <v>14372</v>
      </c>
      <c r="H17309" s="360"/>
      <c r="I17309" s="359" t="s">
        <v>14373</v>
      </c>
      <c r="J17309" s="365"/>
      <c r="K17309" s="365"/>
      <c r="L17309" s="365"/>
    </row>
    <row r="17310" spans="2:12">
      <c r="B17310" s="367"/>
      <c r="C17310" s="360"/>
      <c r="D17310" s="367"/>
      <c r="E17310" s="367"/>
      <c r="F17310" s="360"/>
      <c r="G17310" s="360"/>
      <c r="H17310" s="360"/>
      <c r="I17310" s="360"/>
      <c r="J17310" s="365"/>
      <c r="K17310" s="365"/>
      <c r="L17310" s="365"/>
    </row>
    <row r="17311" spans="2:12" ht="28.5">
      <c r="B17311" s="368"/>
      <c r="C17311" s="362"/>
      <c r="D17311" s="368"/>
      <c r="E17311" s="368"/>
      <c r="F17311" s="361" t="s">
        <v>14374</v>
      </c>
      <c r="G17311" s="361" t="s">
        <v>14373</v>
      </c>
      <c r="H17311" s="362"/>
      <c r="I17311" s="362"/>
      <c r="J17311" s="366"/>
      <c r="K17311" s="366"/>
      <c r="L17311" s="366"/>
    </row>
    <row r="17312" spans="2:12">
      <c r="B17312" s="358" t="s">
        <v>23505</v>
      </c>
      <c r="C17312" s="358" t="s">
        <v>27852</v>
      </c>
      <c r="D17312" s="358" t="s">
        <v>23506</v>
      </c>
      <c r="E17312" s="358" t="s">
        <v>6162</v>
      </c>
      <c r="F17312" s="358" t="s">
        <v>14443</v>
      </c>
      <c r="G17312" s="358" t="s">
        <v>14444</v>
      </c>
      <c r="H17312" s="358" t="s">
        <v>14378</v>
      </c>
      <c r="I17312" s="358" t="s">
        <v>14444</v>
      </c>
      <c r="J17312" s="358"/>
      <c r="K17312" s="358"/>
      <c r="L17312" s="358"/>
    </row>
    <row r="17313" spans="2:12">
      <c r="B17313" s="367"/>
      <c r="C17313" s="367"/>
      <c r="D17313" s="367"/>
      <c r="E17313" s="367"/>
      <c r="F17313" s="360"/>
      <c r="G17313" s="360"/>
      <c r="H17313" s="360"/>
      <c r="I17313" s="360"/>
      <c r="J17313" s="365"/>
      <c r="K17313" s="365"/>
      <c r="L17313" s="365"/>
    </row>
    <row r="17314" spans="2:12">
      <c r="B17314" s="367"/>
      <c r="C17314" s="367"/>
      <c r="D17314" s="367"/>
      <c r="E17314" s="367"/>
      <c r="F17314" s="359" t="s">
        <v>14426</v>
      </c>
      <c r="G17314" s="359" t="s">
        <v>14427</v>
      </c>
      <c r="H17314" s="359" t="s">
        <v>14381</v>
      </c>
      <c r="I17314" s="359" t="s">
        <v>14427</v>
      </c>
      <c r="J17314" s="365"/>
      <c r="K17314" s="365"/>
      <c r="L17314" s="365"/>
    </row>
    <row r="17315" spans="2:12">
      <c r="B17315" s="367"/>
      <c r="C17315" s="367"/>
      <c r="D17315" s="367"/>
      <c r="E17315" s="367"/>
      <c r="F17315" s="360"/>
      <c r="G17315" s="360"/>
      <c r="H17315" s="360"/>
      <c r="I17315" s="360"/>
      <c r="J17315" s="365"/>
      <c r="K17315" s="365"/>
      <c r="L17315" s="365"/>
    </row>
    <row r="17316" spans="2:12">
      <c r="B17316" s="367"/>
      <c r="C17316" s="367"/>
      <c r="D17316" s="367"/>
      <c r="E17316" s="367"/>
      <c r="F17316" s="359" t="s">
        <v>14382</v>
      </c>
      <c r="G17316" s="359" t="s">
        <v>14383</v>
      </c>
      <c r="H17316" s="359" t="s">
        <v>14370</v>
      </c>
      <c r="I17316" s="359" t="s">
        <v>14383</v>
      </c>
      <c r="J17316" s="365"/>
      <c r="K17316" s="365"/>
      <c r="L17316" s="365"/>
    </row>
    <row r="17317" spans="2:12">
      <c r="B17317" s="367"/>
      <c r="C17317" s="367"/>
      <c r="D17317" s="367"/>
      <c r="E17317" s="367"/>
      <c r="F17317" s="360"/>
      <c r="G17317" s="360"/>
      <c r="H17317" s="360"/>
      <c r="I17317" s="360"/>
      <c r="J17317" s="365"/>
      <c r="K17317" s="365"/>
      <c r="L17317" s="365"/>
    </row>
    <row r="17318" spans="2:12">
      <c r="B17318" s="367"/>
      <c r="C17318" s="367"/>
      <c r="D17318" s="367"/>
      <c r="E17318" s="367"/>
      <c r="F17318" s="359" t="s">
        <v>14420</v>
      </c>
      <c r="G17318" s="359" t="s">
        <v>14459</v>
      </c>
      <c r="H17318" s="359" t="s">
        <v>14332</v>
      </c>
      <c r="I17318" s="359" t="s">
        <v>14459</v>
      </c>
      <c r="J17318" s="365"/>
      <c r="K17318" s="365"/>
      <c r="L17318" s="365"/>
    </row>
    <row r="17319" spans="2:12">
      <c r="B17319" s="367"/>
      <c r="C17319" s="367"/>
      <c r="D17319" s="367"/>
      <c r="E17319" s="367"/>
      <c r="F17319" s="360"/>
      <c r="G17319" s="360"/>
      <c r="H17319" s="360"/>
      <c r="I17319" s="360"/>
      <c r="J17319" s="365"/>
      <c r="K17319" s="365"/>
      <c r="L17319" s="365"/>
    </row>
    <row r="17320" spans="2:12">
      <c r="B17320" s="367"/>
      <c r="C17320" s="367"/>
      <c r="D17320" s="367"/>
      <c r="E17320" s="367"/>
      <c r="F17320" s="359" t="s">
        <v>14420</v>
      </c>
      <c r="G17320" s="359" t="s">
        <v>14421</v>
      </c>
      <c r="H17320" s="360"/>
      <c r="I17320" s="359" t="s">
        <v>14421</v>
      </c>
      <c r="J17320" s="365"/>
      <c r="K17320" s="365"/>
      <c r="L17320" s="365"/>
    </row>
    <row r="17321" spans="2:12">
      <c r="B17321" s="367"/>
      <c r="C17321" s="367"/>
      <c r="D17321" s="367"/>
      <c r="E17321" s="367"/>
      <c r="F17321" s="360"/>
      <c r="G17321" s="360"/>
      <c r="H17321" s="360"/>
      <c r="I17321" s="360"/>
      <c r="J17321" s="365"/>
      <c r="K17321" s="365"/>
      <c r="L17321" s="365"/>
    </row>
    <row r="17322" spans="2:12">
      <c r="B17322" s="367"/>
      <c r="C17322" s="367"/>
      <c r="D17322" s="367"/>
      <c r="E17322" s="367"/>
      <c r="F17322" s="359" t="s">
        <v>14386</v>
      </c>
      <c r="G17322" s="359" t="s">
        <v>14387</v>
      </c>
      <c r="H17322" s="360"/>
      <c r="I17322" s="359" t="s">
        <v>14387</v>
      </c>
      <c r="J17322" s="365"/>
      <c r="K17322" s="365"/>
      <c r="L17322" s="365"/>
    </row>
    <row r="17323" spans="2:12">
      <c r="B17323" s="367"/>
      <c r="C17323" s="367"/>
      <c r="D17323" s="367"/>
      <c r="E17323" s="367"/>
      <c r="F17323" s="360"/>
      <c r="G17323" s="360"/>
      <c r="H17323" s="360"/>
      <c r="I17323" s="360"/>
      <c r="J17323" s="365"/>
      <c r="K17323" s="365"/>
      <c r="L17323" s="365"/>
    </row>
    <row r="17324" spans="2:12">
      <c r="B17324" s="367"/>
      <c r="C17324" s="367"/>
      <c r="D17324" s="367"/>
      <c r="E17324" s="367"/>
      <c r="F17324" s="359" t="s">
        <v>14391</v>
      </c>
      <c r="G17324" s="359" t="s">
        <v>14392</v>
      </c>
      <c r="H17324" s="360"/>
      <c r="I17324" s="359" t="s">
        <v>14392</v>
      </c>
      <c r="J17324" s="365"/>
      <c r="K17324" s="365"/>
      <c r="L17324" s="365"/>
    </row>
    <row r="17325" spans="2:12">
      <c r="B17325" s="367"/>
      <c r="C17325" s="367"/>
      <c r="D17325" s="367"/>
      <c r="E17325" s="367"/>
      <c r="F17325" s="360"/>
      <c r="G17325" s="360"/>
      <c r="H17325" s="360"/>
      <c r="I17325" s="360"/>
      <c r="J17325" s="365"/>
      <c r="K17325" s="365"/>
      <c r="L17325" s="365"/>
    </row>
    <row r="17326" spans="2:12">
      <c r="B17326" s="367"/>
      <c r="C17326" s="367"/>
      <c r="D17326" s="367"/>
      <c r="E17326" s="367"/>
      <c r="F17326" s="359" t="s">
        <v>14371</v>
      </c>
      <c r="G17326" s="359" t="s">
        <v>14372</v>
      </c>
      <c r="H17326" s="360"/>
      <c r="I17326" s="359" t="s">
        <v>14373</v>
      </c>
      <c r="J17326" s="365"/>
      <c r="K17326" s="365"/>
      <c r="L17326" s="365"/>
    </row>
    <row r="17327" spans="2:12">
      <c r="B17327" s="367"/>
      <c r="C17327" s="367"/>
      <c r="D17327" s="367"/>
      <c r="E17327" s="367"/>
      <c r="F17327" s="360"/>
      <c r="G17327" s="360"/>
      <c r="H17327" s="360"/>
      <c r="I17327" s="360"/>
      <c r="J17327" s="365"/>
      <c r="K17327" s="365"/>
      <c r="L17327" s="365"/>
    </row>
    <row r="17328" spans="2:12" ht="28.5">
      <c r="B17328" s="368"/>
      <c r="C17328" s="368"/>
      <c r="D17328" s="368"/>
      <c r="E17328" s="368"/>
      <c r="F17328" s="361" t="s">
        <v>14374</v>
      </c>
      <c r="G17328" s="361" t="s">
        <v>14373</v>
      </c>
      <c r="H17328" s="362"/>
      <c r="I17328" s="362"/>
      <c r="J17328" s="366"/>
      <c r="K17328" s="366"/>
      <c r="L17328" s="366"/>
    </row>
    <row r="17329" spans="2:12">
      <c r="B17329" s="358" t="s">
        <v>23507</v>
      </c>
      <c r="C17329" s="358" t="s">
        <v>6163</v>
      </c>
      <c r="D17329" s="358" t="s">
        <v>23508</v>
      </c>
      <c r="E17329" s="358" t="s">
        <v>6164</v>
      </c>
      <c r="F17329" s="358" t="s">
        <v>14443</v>
      </c>
      <c r="G17329" s="358" t="s">
        <v>14444</v>
      </c>
      <c r="H17329" s="358" t="s">
        <v>14378</v>
      </c>
      <c r="I17329" s="358" t="s">
        <v>14444</v>
      </c>
      <c r="J17329" s="358"/>
      <c r="K17329" s="358"/>
      <c r="L17329" s="358"/>
    </row>
    <row r="17330" spans="2:12">
      <c r="B17330" s="367"/>
      <c r="C17330" s="367"/>
      <c r="D17330" s="367"/>
      <c r="E17330" s="367"/>
      <c r="F17330" s="360"/>
      <c r="G17330" s="360"/>
      <c r="H17330" s="360"/>
      <c r="I17330" s="360"/>
      <c r="J17330" s="365"/>
      <c r="K17330" s="365"/>
      <c r="L17330" s="365"/>
    </row>
    <row r="17331" spans="2:12">
      <c r="B17331" s="367"/>
      <c r="C17331" s="367"/>
      <c r="D17331" s="367"/>
      <c r="E17331" s="367"/>
      <c r="F17331" s="359" t="s">
        <v>14426</v>
      </c>
      <c r="G17331" s="359" t="s">
        <v>14427</v>
      </c>
      <c r="H17331" s="359" t="s">
        <v>14381</v>
      </c>
      <c r="I17331" s="359" t="s">
        <v>14427</v>
      </c>
      <c r="J17331" s="365"/>
      <c r="K17331" s="365"/>
      <c r="L17331" s="365"/>
    </row>
    <row r="17332" spans="2:12">
      <c r="B17332" s="367"/>
      <c r="C17332" s="367"/>
      <c r="D17332" s="367"/>
      <c r="E17332" s="367"/>
      <c r="F17332" s="360"/>
      <c r="G17332" s="360"/>
      <c r="H17332" s="360"/>
      <c r="I17332" s="360"/>
      <c r="J17332" s="365"/>
      <c r="K17332" s="365"/>
      <c r="L17332" s="365"/>
    </row>
    <row r="17333" spans="2:12">
      <c r="B17333" s="367"/>
      <c r="C17333" s="367"/>
      <c r="D17333" s="367"/>
      <c r="E17333" s="367"/>
      <c r="F17333" s="359" t="s">
        <v>14382</v>
      </c>
      <c r="G17333" s="359" t="s">
        <v>14383</v>
      </c>
      <c r="H17333" s="359" t="s">
        <v>14370</v>
      </c>
      <c r="I17333" s="359" t="s">
        <v>14383</v>
      </c>
      <c r="J17333" s="365"/>
      <c r="K17333" s="365"/>
      <c r="L17333" s="365"/>
    </row>
    <row r="17334" spans="2:12">
      <c r="B17334" s="367"/>
      <c r="C17334" s="367"/>
      <c r="D17334" s="367"/>
      <c r="E17334" s="367"/>
      <c r="F17334" s="360"/>
      <c r="G17334" s="360"/>
      <c r="H17334" s="360"/>
      <c r="I17334" s="360"/>
      <c r="J17334" s="365"/>
      <c r="K17334" s="365"/>
      <c r="L17334" s="365"/>
    </row>
    <row r="17335" spans="2:12">
      <c r="B17335" s="367"/>
      <c r="C17335" s="367"/>
      <c r="D17335" s="367"/>
      <c r="E17335" s="367"/>
      <c r="F17335" s="359" t="s">
        <v>14420</v>
      </c>
      <c r="G17335" s="359" t="s">
        <v>14459</v>
      </c>
      <c r="H17335" s="359" t="s">
        <v>14332</v>
      </c>
      <c r="I17335" s="359" t="s">
        <v>14459</v>
      </c>
      <c r="J17335" s="365"/>
      <c r="K17335" s="365"/>
      <c r="L17335" s="365"/>
    </row>
    <row r="17336" spans="2:12">
      <c r="B17336" s="367"/>
      <c r="C17336" s="367"/>
      <c r="D17336" s="367"/>
      <c r="E17336" s="367"/>
      <c r="F17336" s="360"/>
      <c r="G17336" s="360"/>
      <c r="H17336" s="360"/>
      <c r="I17336" s="360"/>
      <c r="J17336" s="365"/>
      <c r="K17336" s="365"/>
      <c r="L17336" s="365"/>
    </row>
    <row r="17337" spans="2:12">
      <c r="B17337" s="367"/>
      <c r="C17337" s="367"/>
      <c r="D17337" s="367"/>
      <c r="E17337" s="367"/>
      <c r="F17337" s="359" t="s">
        <v>14420</v>
      </c>
      <c r="G17337" s="359" t="s">
        <v>14421</v>
      </c>
      <c r="H17337" s="360"/>
      <c r="I17337" s="359" t="s">
        <v>14421</v>
      </c>
      <c r="J17337" s="365"/>
      <c r="K17337" s="365"/>
      <c r="L17337" s="365"/>
    </row>
    <row r="17338" spans="2:12">
      <c r="B17338" s="367"/>
      <c r="C17338" s="367"/>
      <c r="D17338" s="367"/>
      <c r="E17338" s="367"/>
      <c r="F17338" s="360"/>
      <c r="G17338" s="360"/>
      <c r="H17338" s="360"/>
      <c r="I17338" s="360"/>
      <c r="J17338" s="365"/>
      <c r="K17338" s="365"/>
      <c r="L17338" s="365"/>
    </row>
    <row r="17339" spans="2:12">
      <c r="B17339" s="367"/>
      <c r="C17339" s="367"/>
      <c r="D17339" s="367"/>
      <c r="E17339" s="367"/>
      <c r="F17339" s="359" t="s">
        <v>14386</v>
      </c>
      <c r="G17339" s="359" t="s">
        <v>14387</v>
      </c>
      <c r="H17339" s="360"/>
      <c r="I17339" s="359" t="s">
        <v>14387</v>
      </c>
      <c r="J17339" s="365"/>
      <c r="K17339" s="365"/>
      <c r="L17339" s="365"/>
    </row>
    <row r="17340" spans="2:12">
      <c r="B17340" s="367"/>
      <c r="C17340" s="367"/>
      <c r="D17340" s="367"/>
      <c r="E17340" s="367"/>
      <c r="F17340" s="360"/>
      <c r="G17340" s="360"/>
      <c r="H17340" s="360"/>
      <c r="I17340" s="360"/>
      <c r="J17340" s="365"/>
      <c r="K17340" s="365"/>
      <c r="L17340" s="365"/>
    </row>
    <row r="17341" spans="2:12">
      <c r="B17341" s="367"/>
      <c r="C17341" s="367"/>
      <c r="D17341" s="367"/>
      <c r="E17341" s="367"/>
      <c r="F17341" s="359" t="s">
        <v>14391</v>
      </c>
      <c r="G17341" s="359" t="s">
        <v>14392</v>
      </c>
      <c r="H17341" s="360"/>
      <c r="I17341" s="359" t="s">
        <v>14392</v>
      </c>
      <c r="J17341" s="365"/>
      <c r="K17341" s="365"/>
      <c r="L17341" s="365"/>
    </row>
    <row r="17342" spans="2:12">
      <c r="B17342" s="367"/>
      <c r="C17342" s="367"/>
      <c r="D17342" s="367"/>
      <c r="E17342" s="367"/>
      <c r="F17342" s="360"/>
      <c r="G17342" s="360"/>
      <c r="H17342" s="360"/>
      <c r="I17342" s="360"/>
      <c r="J17342" s="365"/>
      <c r="K17342" s="365"/>
      <c r="L17342" s="365"/>
    </row>
    <row r="17343" spans="2:12">
      <c r="B17343" s="367"/>
      <c r="C17343" s="367"/>
      <c r="D17343" s="367"/>
      <c r="E17343" s="367"/>
      <c r="F17343" s="359" t="s">
        <v>14371</v>
      </c>
      <c r="G17343" s="359" t="s">
        <v>14372</v>
      </c>
      <c r="H17343" s="360"/>
      <c r="I17343" s="359" t="s">
        <v>14373</v>
      </c>
      <c r="J17343" s="365"/>
      <c r="K17343" s="365"/>
      <c r="L17343" s="365"/>
    </row>
    <row r="17344" spans="2:12">
      <c r="B17344" s="367"/>
      <c r="C17344" s="367"/>
      <c r="D17344" s="367"/>
      <c r="E17344" s="367"/>
      <c r="F17344" s="360"/>
      <c r="G17344" s="360"/>
      <c r="H17344" s="360"/>
      <c r="I17344" s="360"/>
      <c r="J17344" s="365"/>
      <c r="K17344" s="365"/>
      <c r="L17344" s="365"/>
    </row>
    <row r="17345" spans="2:12" ht="28.5">
      <c r="B17345" s="368"/>
      <c r="C17345" s="368"/>
      <c r="D17345" s="368"/>
      <c r="E17345" s="368"/>
      <c r="F17345" s="361" t="s">
        <v>14374</v>
      </c>
      <c r="G17345" s="361" t="s">
        <v>14373</v>
      </c>
      <c r="H17345" s="362"/>
      <c r="I17345" s="362"/>
      <c r="J17345" s="366"/>
      <c r="K17345" s="366"/>
      <c r="L17345" s="366"/>
    </row>
    <row r="17346" spans="2:12">
      <c r="B17346" s="358" t="s">
        <v>23509</v>
      </c>
      <c r="C17346" s="358" t="s">
        <v>6155</v>
      </c>
      <c r="D17346" s="358" t="s">
        <v>23510</v>
      </c>
      <c r="E17346" s="358" t="s">
        <v>6156</v>
      </c>
      <c r="F17346" s="358" t="s">
        <v>14426</v>
      </c>
      <c r="G17346" s="358" t="s">
        <v>14427</v>
      </c>
      <c r="H17346" s="358" t="s">
        <v>14378</v>
      </c>
      <c r="I17346" s="358" t="s">
        <v>14427</v>
      </c>
      <c r="J17346" s="358"/>
      <c r="K17346" s="358"/>
      <c r="L17346" s="358"/>
    </row>
    <row r="17347" spans="2:12">
      <c r="B17347" s="367"/>
      <c r="C17347" s="367"/>
      <c r="D17347" s="367"/>
      <c r="E17347" s="367"/>
      <c r="F17347" s="360"/>
      <c r="G17347" s="360"/>
      <c r="H17347" s="360"/>
      <c r="I17347" s="360"/>
      <c r="J17347" s="365"/>
      <c r="K17347" s="365"/>
      <c r="L17347" s="365"/>
    </row>
    <row r="17348" spans="2:12">
      <c r="B17348" s="367"/>
      <c r="C17348" s="367"/>
      <c r="D17348" s="367"/>
      <c r="E17348" s="367"/>
      <c r="F17348" s="359" t="s">
        <v>14382</v>
      </c>
      <c r="G17348" s="359" t="s">
        <v>14483</v>
      </c>
      <c r="H17348" s="359" t="s">
        <v>14381</v>
      </c>
      <c r="I17348" s="359" t="s">
        <v>14483</v>
      </c>
      <c r="J17348" s="365"/>
      <c r="K17348" s="365"/>
      <c r="L17348" s="365"/>
    </row>
    <row r="17349" spans="2:12">
      <c r="B17349" s="367"/>
      <c r="C17349" s="367"/>
      <c r="D17349" s="367"/>
      <c r="E17349" s="367"/>
      <c r="F17349" s="360"/>
      <c r="G17349" s="360"/>
      <c r="H17349" s="360"/>
      <c r="I17349" s="360"/>
      <c r="J17349" s="365"/>
      <c r="K17349" s="365"/>
      <c r="L17349" s="365"/>
    </row>
    <row r="17350" spans="2:12">
      <c r="B17350" s="367"/>
      <c r="C17350" s="367"/>
      <c r="D17350" s="367"/>
      <c r="E17350" s="367"/>
      <c r="F17350" s="359" t="s">
        <v>14382</v>
      </c>
      <c r="G17350" s="359" t="s">
        <v>14579</v>
      </c>
      <c r="H17350" s="359" t="s">
        <v>14370</v>
      </c>
      <c r="I17350" s="359" t="s">
        <v>14579</v>
      </c>
      <c r="J17350" s="365"/>
      <c r="K17350" s="365"/>
      <c r="L17350" s="365"/>
    </row>
    <row r="17351" spans="2:12">
      <c r="B17351" s="367"/>
      <c r="C17351" s="367"/>
      <c r="D17351" s="367"/>
      <c r="E17351" s="367"/>
      <c r="F17351" s="360"/>
      <c r="G17351" s="360"/>
      <c r="H17351" s="360"/>
      <c r="I17351" s="360"/>
      <c r="J17351" s="365"/>
      <c r="K17351" s="365"/>
      <c r="L17351" s="365"/>
    </row>
    <row r="17352" spans="2:12">
      <c r="B17352" s="367"/>
      <c r="C17352" s="367"/>
      <c r="D17352" s="367"/>
      <c r="E17352" s="367"/>
      <c r="F17352" s="359" t="s">
        <v>14382</v>
      </c>
      <c r="G17352" s="359" t="s">
        <v>14383</v>
      </c>
      <c r="H17352" s="359" t="s">
        <v>14332</v>
      </c>
      <c r="I17352" s="359" t="s">
        <v>14383</v>
      </c>
      <c r="J17352" s="365"/>
      <c r="K17352" s="365"/>
      <c r="L17352" s="365"/>
    </row>
    <row r="17353" spans="2:12">
      <c r="B17353" s="367"/>
      <c r="C17353" s="367"/>
      <c r="D17353" s="367"/>
      <c r="E17353" s="367"/>
      <c r="F17353" s="360"/>
      <c r="G17353" s="360"/>
      <c r="H17353" s="360"/>
      <c r="I17353" s="360"/>
      <c r="J17353" s="365"/>
      <c r="K17353" s="365"/>
      <c r="L17353" s="365"/>
    </row>
    <row r="17354" spans="2:12">
      <c r="B17354" s="367"/>
      <c r="C17354" s="367"/>
      <c r="D17354" s="367"/>
      <c r="E17354" s="367"/>
      <c r="F17354" s="359" t="s">
        <v>14386</v>
      </c>
      <c r="G17354" s="359" t="s">
        <v>14387</v>
      </c>
      <c r="H17354" s="360"/>
      <c r="I17354" s="359" t="s">
        <v>14387</v>
      </c>
      <c r="J17354" s="365"/>
      <c r="K17354" s="365"/>
      <c r="L17354" s="365"/>
    </row>
    <row r="17355" spans="2:12">
      <c r="B17355" s="367"/>
      <c r="C17355" s="367"/>
      <c r="D17355" s="367"/>
      <c r="E17355" s="367"/>
      <c r="F17355" s="360"/>
      <c r="G17355" s="360"/>
      <c r="H17355" s="360"/>
      <c r="I17355" s="360"/>
      <c r="J17355" s="365"/>
      <c r="K17355" s="365"/>
      <c r="L17355" s="365"/>
    </row>
    <row r="17356" spans="2:12">
      <c r="B17356" s="367"/>
      <c r="C17356" s="367"/>
      <c r="D17356" s="367"/>
      <c r="E17356" s="367"/>
      <c r="F17356" s="359" t="s">
        <v>14391</v>
      </c>
      <c r="G17356" s="359" t="s">
        <v>14392</v>
      </c>
      <c r="H17356" s="360"/>
      <c r="I17356" s="359" t="s">
        <v>14392</v>
      </c>
      <c r="J17356" s="365"/>
      <c r="K17356" s="365"/>
      <c r="L17356" s="365"/>
    </row>
    <row r="17357" spans="2:12">
      <c r="B17357" s="367"/>
      <c r="C17357" s="367"/>
      <c r="D17357" s="367"/>
      <c r="E17357" s="367"/>
      <c r="F17357" s="360"/>
      <c r="G17357" s="360"/>
      <c r="H17357" s="360"/>
      <c r="I17357" s="360"/>
      <c r="J17357" s="365"/>
      <c r="K17357" s="365"/>
      <c r="L17357" s="365"/>
    </row>
    <row r="17358" spans="2:12">
      <c r="B17358" s="367"/>
      <c r="C17358" s="367"/>
      <c r="D17358" s="367"/>
      <c r="E17358" s="367"/>
      <c r="F17358" s="359" t="s">
        <v>14371</v>
      </c>
      <c r="G17358" s="359" t="s">
        <v>14372</v>
      </c>
      <c r="H17358" s="360"/>
      <c r="I17358" s="359" t="s">
        <v>14373</v>
      </c>
      <c r="J17358" s="365"/>
      <c r="K17358" s="365"/>
      <c r="L17358" s="365"/>
    </row>
    <row r="17359" spans="2:12">
      <c r="B17359" s="367"/>
      <c r="C17359" s="367"/>
      <c r="D17359" s="367"/>
      <c r="E17359" s="367"/>
      <c r="F17359" s="360"/>
      <c r="G17359" s="360"/>
      <c r="H17359" s="360"/>
      <c r="I17359" s="360"/>
      <c r="J17359" s="365"/>
      <c r="K17359" s="365"/>
      <c r="L17359" s="365"/>
    </row>
    <row r="17360" spans="2:12" ht="28.5">
      <c r="B17360" s="368"/>
      <c r="C17360" s="368"/>
      <c r="D17360" s="368"/>
      <c r="E17360" s="368"/>
      <c r="F17360" s="361" t="s">
        <v>14374</v>
      </c>
      <c r="G17360" s="361" t="s">
        <v>14373</v>
      </c>
      <c r="H17360" s="362"/>
      <c r="I17360" s="362"/>
      <c r="J17360" s="366"/>
      <c r="K17360" s="366"/>
      <c r="L17360" s="366"/>
    </row>
    <row r="17361" spans="2:12">
      <c r="B17361" s="358" t="s">
        <v>23511</v>
      </c>
      <c r="C17361" s="358" t="s">
        <v>6157</v>
      </c>
      <c r="D17361" s="358" t="s">
        <v>23512</v>
      </c>
      <c r="E17361" s="358" t="s">
        <v>6158</v>
      </c>
      <c r="F17361" s="358" t="s">
        <v>14426</v>
      </c>
      <c r="G17361" s="358" t="s">
        <v>14427</v>
      </c>
      <c r="H17361" s="358" t="s">
        <v>14378</v>
      </c>
      <c r="I17361" s="358" t="s">
        <v>14427</v>
      </c>
      <c r="J17361" s="358"/>
      <c r="K17361" s="358"/>
      <c r="L17361" s="358"/>
    </row>
    <row r="17362" spans="2:12">
      <c r="B17362" s="367"/>
      <c r="C17362" s="367"/>
      <c r="D17362" s="367"/>
      <c r="E17362" s="367"/>
      <c r="F17362" s="360"/>
      <c r="G17362" s="360"/>
      <c r="H17362" s="360"/>
      <c r="I17362" s="360"/>
      <c r="J17362" s="365"/>
      <c r="K17362" s="365"/>
      <c r="L17362" s="365"/>
    </row>
    <row r="17363" spans="2:12">
      <c r="B17363" s="367"/>
      <c r="C17363" s="367"/>
      <c r="D17363" s="367"/>
      <c r="E17363" s="367"/>
      <c r="F17363" s="359" t="s">
        <v>14382</v>
      </c>
      <c r="G17363" s="359" t="s">
        <v>14483</v>
      </c>
      <c r="H17363" s="359" t="s">
        <v>14381</v>
      </c>
      <c r="I17363" s="359" t="s">
        <v>14483</v>
      </c>
      <c r="J17363" s="365"/>
      <c r="K17363" s="365"/>
      <c r="L17363" s="365"/>
    </row>
    <row r="17364" spans="2:12">
      <c r="B17364" s="367"/>
      <c r="C17364" s="367"/>
      <c r="D17364" s="367"/>
      <c r="E17364" s="367"/>
      <c r="F17364" s="360"/>
      <c r="G17364" s="360"/>
      <c r="H17364" s="360"/>
      <c r="I17364" s="360"/>
      <c r="J17364" s="365"/>
      <c r="K17364" s="365"/>
      <c r="L17364" s="365"/>
    </row>
    <row r="17365" spans="2:12">
      <c r="B17365" s="367"/>
      <c r="C17365" s="367"/>
      <c r="D17365" s="367"/>
      <c r="E17365" s="367"/>
      <c r="F17365" s="359" t="s">
        <v>14382</v>
      </c>
      <c r="G17365" s="359" t="s">
        <v>14579</v>
      </c>
      <c r="H17365" s="359" t="s">
        <v>14370</v>
      </c>
      <c r="I17365" s="359" t="s">
        <v>14579</v>
      </c>
      <c r="J17365" s="365"/>
      <c r="K17365" s="365"/>
      <c r="L17365" s="365"/>
    </row>
    <row r="17366" spans="2:12">
      <c r="B17366" s="367"/>
      <c r="C17366" s="367"/>
      <c r="D17366" s="367"/>
      <c r="E17366" s="367"/>
      <c r="F17366" s="360"/>
      <c r="G17366" s="360"/>
      <c r="H17366" s="360"/>
      <c r="I17366" s="360"/>
      <c r="J17366" s="365"/>
      <c r="K17366" s="365"/>
      <c r="L17366" s="365"/>
    </row>
    <row r="17367" spans="2:12">
      <c r="B17367" s="367"/>
      <c r="C17367" s="367"/>
      <c r="D17367" s="367"/>
      <c r="E17367" s="367"/>
      <c r="F17367" s="359" t="s">
        <v>14382</v>
      </c>
      <c r="G17367" s="359" t="s">
        <v>14383</v>
      </c>
      <c r="H17367" s="359" t="s">
        <v>14332</v>
      </c>
      <c r="I17367" s="359" t="s">
        <v>14383</v>
      </c>
      <c r="J17367" s="365"/>
      <c r="K17367" s="365"/>
      <c r="L17367" s="365"/>
    </row>
    <row r="17368" spans="2:12">
      <c r="B17368" s="367"/>
      <c r="C17368" s="367"/>
      <c r="D17368" s="367"/>
      <c r="E17368" s="367"/>
      <c r="F17368" s="360"/>
      <c r="G17368" s="360"/>
      <c r="H17368" s="360"/>
      <c r="I17368" s="360"/>
      <c r="J17368" s="365"/>
      <c r="K17368" s="365"/>
      <c r="L17368" s="365"/>
    </row>
    <row r="17369" spans="2:12">
      <c r="B17369" s="367"/>
      <c r="C17369" s="367"/>
      <c r="D17369" s="367"/>
      <c r="E17369" s="367"/>
      <c r="F17369" s="359" t="s">
        <v>14386</v>
      </c>
      <c r="G17369" s="359" t="s">
        <v>14387</v>
      </c>
      <c r="H17369" s="360"/>
      <c r="I17369" s="359" t="s">
        <v>14387</v>
      </c>
      <c r="J17369" s="365"/>
      <c r="K17369" s="365"/>
      <c r="L17369" s="365"/>
    </row>
    <row r="17370" spans="2:12">
      <c r="B17370" s="367"/>
      <c r="C17370" s="367"/>
      <c r="D17370" s="367"/>
      <c r="E17370" s="367"/>
      <c r="F17370" s="360"/>
      <c r="G17370" s="360"/>
      <c r="H17370" s="360"/>
      <c r="I17370" s="360"/>
      <c r="J17370" s="365"/>
      <c r="K17370" s="365"/>
      <c r="L17370" s="365"/>
    </row>
    <row r="17371" spans="2:12">
      <c r="B17371" s="367"/>
      <c r="C17371" s="367"/>
      <c r="D17371" s="367"/>
      <c r="E17371" s="367"/>
      <c r="F17371" s="359" t="s">
        <v>14391</v>
      </c>
      <c r="G17371" s="359" t="s">
        <v>14392</v>
      </c>
      <c r="H17371" s="360"/>
      <c r="I17371" s="359" t="s">
        <v>14392</v>
      </c>
      <c r="J17371" s="365"/>
      <c r="K17371" s="365"/>
      <c r="L17371" s="365"/>
    </row>
    <row r="17372" spans="2:12">
      <c r="B17372" s="367"/>
      <c r="C17372" s="367"/>
      <c r="D17372" s="367"/>
      <c r="E17372" s="367"/>
      <c r="F17372" s="360"/>
      <c r="G17372" s="360"/>
      <c r="H17372" s="360"/>
      <c r="I17372" s="360"/>
      <c r="J17372" s="365"/>
      <c r="K17372" s="365"/>
      <c r="L17372" s="365"/>
    </row>
    <row r="17373" spans="2:12">
      <c r="B17373" s="367"/>
      <c r="C17373" s="367"/>
      <c r="D17373" s="367"/>
      <c r="E17373" s="367"/>
      <c r="F17373" s="359" t="s">
        <v>14371</v>
      </c>
      <c r="G17373" s="359" t="s">
        <v>14372</v>
      </c>
      <c r="H17373" s="360"/>
      <c r="I17373" s="359" t="s">
        <v>14373</v>
      </c>
      <c r="J17373" s="365"/>
      <c r="K17373" s="365"/>
      <c r="L17373" s="365"/>
    </row>
    <row r="17374" spans="2:12">
      <c r="B17374" s="367"/>
      <c r="C17374" s="367"/>
      <c r="D17374" s="367"/>
      <c r="E17374" s="367"/>
      <c r="F17374" s="360"/>
      <c r="G17374" s="360"/>
      <c r="H17374" s="360"/>
      <c r="I17374" s="360"/>
      <c r="J17374" s="365"/>
      <c r="K17374" s="365"/>
      <c r="L17374" s="365"/>
    </row>
    <row r="17375" spans="2:12" ht="28.5">
      <c r="B17375" s="368"/>
      <c r="C17375" s="368"/>
      <c r="D17375" s="368"/>
      <c r="E17375" s="368"/>
      <c r="F17375" s="361" t="s">
        <v>14374</v>
      </c>
      <c r="G17375" s="361" t="s">
        <v>14373</v>
      </c>
      <c r="H17375" s="362"/>
      <c r="I17375" s="362"/>
      <c r="J17375" s="366"/>
      <c r="K17375" s="366"/>
      <c r="L17375" s="366"/>
    </row>
    <row r="17376" spans="2:12">
      <c r="B17376" s="358" t="s">
        <v>23513</v>
      </c>
      <c r="C17376" s="358" t="s">
        <v>23514</v>
      </c>
      <c r="D17376" s="358" t="s">
        <v>23515</v>
      </c>
      <c r="E17376" s="358" t="s">
        <v>23516</v>
      </c>
      <c r="F17376" s="358" t="s">
        <v>14507</v>
      </c>
      <c r="G17376" s="358" t="s">
        <v>15234</v>
      </c>
      <c r="H17376" s="358" t="s">
        <v>14381</v>
      </c>
      <c r="I17376" s="358" t="s">
        <v>15234</v>
      </c>
      <c r="J17376" s="358"/>
      <c r="K17376" s="358"/>
      <c r="L17376" s="358"/>
    </row>
    <row r="17377" spans="2:12">
      <c r="B17377" s="367"/>
      <c r="C17377" s="367"/>
      <c r="D17377" s="367"/>
      <c r="E17377" s="367"/>
      <c r="F17377" s="360"/>
      <c r="G17377" s="360"/>
      <c r="H17377" s="360"/>
      <c r="I17377" s="360"/>
      <c r="J17377" s="365"/>
      <c r="K17377" s="365"/>
      <c r="L17377" s="365"/>
    </row>
    <row r="17378" spans="2:12">
      <c r="B17378" s="367"/>
      <c r="C17378" s="367"/>
      <c r="D17378" s="367"/>
      <c r="E17378" s="367"/>
      <c r="F17378" s="359" t="s">
        <v>14420</v>
      </c>
      <c r="G17378" s="359" t="s">
        <v>14429</v>
      </c>
      <c r="H17378" s="359" t="s">
        <v>14367</v>
      </c>
      <c r="I17378" s="359" t="s">
        <v>14429</v>
      </c>
      <c r="J17378" s="365"/>
      <c r="K17378" s="365"/>
      <c r="L17378" s="365"/>
    </row>
    <row r="17379" spans="2:12">
      <c r="B17379" s="367"/>
      <c r="C17379" s="367"/>
      <c r="D17379" s="367"/>
      <c r="E17379" s="367"/>
      <c r="F17379" s="360"/>
      <c r="G17379" s="360"/>
      <c r="H17379" s="360"/>
      <c r="I17379" s="360"/>
      <c r="J17379" s="365"/>
      <c r="K17379" s="365"/>
      <c r="L17379" s="365"/>
    </row>
    <row r="17380" spans="2:12">
      <c r="B17380" s="367"/>
      <c r="C17380" s="367"/>
      <c r="D17380" s="367"/>
      <c r="E17380" s="367"/>
      <c r="F17380" s="359" t="s">
        <v>14386</v>
      </c>
      <c r="G17380" s="359" t="s">
        <v>14387</v>
      </c>
      <c r="H17380" s="359" t="s">
        <v>14370</v>
      </c>
      <c r="I17380" s="359" t="s">
        <v>14387</v>
      </c>
      <c r="J17380" s="365"/>
      <c r="K17380" s="365"/>
      <c r="L17380" s="365"/>
    </row>
    <row r="17381" spans="2:12">
      <c r="B17381" s="367"/>
      <c r="C17381" s="367"/>
      <c r="D17381" s="367"/>
      <c r="E17381" s="367"/>
      <c r="F17381" s="360"/>
      <c r="G17381" s="360"/>
      <c r="H17381" s="360"/>
      <c r="I17381" s="360"/>
      <c r="J17381" s="365"/>
      <c r="K17381" s="365"/>
      <c r="L17381" s="365"/>
    </row>
    <row r="17382" spans="2:12">
      <c r="B17382" s="367"/>
      <c r="C17382" s="367"/>
      <c r="D17382" s="367"/>
      <c r="E17382" s="367"/>
      <c r="F17382" s="359" t="s">
        <v>14368</v>
      </c>
      <c r="G17382" s="359" t="s">
        <v>14388</v>
      </c>
      <c r="H17382" s="359" t="s">
        <v>14422</v>
      </c>
      <c r="I17382" s="359" t="s">
        <v>14388</v>
      </c>
      <c r="J17382" s="365"/>
      <c r="K17382" s="365"/>
      <c r="L17382" s="365"/>
    </row>
    <row r="17383" spans="2:12">
      <c r="B17383" s="367"/>
      <c r="C17383" s="367"/>
      <c r="D17383" s="367"/>
      <c r="E17383" s="367"/>
      <c r="F17383" s="360"/>
      <c r="G17383" s="360"/>
      <c r="H17383" s="360"/>
      <c r="I17383" s="360"/>
      <c r="J17383" s="365"/>
      <c r="K17383" s="365"/>
      <c r="L17383" s="365"/>
    </row>
    <row r="17384" spans="2:12">
      <c r="B17384" s="367"/>
      <c r="C17384" s="367"/>
      <c r="D17384" s="367"/>
      <c r="E17384" s="367"/>
      <c r="F17384" s="359" t="s">
        <v>14389</v>
      </c>
      <c r="G17384" s="359" t="s">
        <v>14390</v>
      </c>
      <c r="H17384" s="360"/>
      <c r="I17384" s="359" t="s">
        <v>14390</v>
      </c>
      <c r="J17384" s="365"/>
      <c r="K17384" s="365"/>
      <c r="L17384" s="365"/>
    </row>
    <row r="17385" spans="2:12">
      <c r="B17385" s="367"/>
      <c r="C17385" s="367"/>
      <c r="D17385" s="367"/>
      <c r="E17385" s="367"/>
      <c r="F17385" s="360"/>
      <c r="G17385" s="360"/>
      <c r="H17385" s="360"/>
      <c r="I17385" s="360"/>
      <c r="J17385" s="365"/>
      <c r="K17385" s="365"/>
      <c r="L17385" s="365"/>
    </row>
    <row r="17386" spans="2:12" ht="28.5">
      <c r="B17386" s="368"/>
      <c r="C17386" s="368"/>
      <c r="D17386" s="368"/>
      <c r="E17386" s="368"/>
      <c r="F17386" s="361" t="s">
        <v>14394</v>
      </c>
      <c r="G17386" s="361" t="s">
        <v>14395</v>
      </c>
      <c r="H17386" s="362"/>
      <c r="I17386" s="361" t="s">
        <v>14395</v>
      </c>
      <c r="J17386" s="366"/>
      <c r="K17386" s="366"/>
      <c r="L17386" s="366"/>
    </row>
    <row r="17387" spans="2:12">
      <c r="B17387" s="354" t="s">
        <v>8444</v>
      </c>
      <c r="C17387" s="369"/>
      <c r="D17387" s="369"/>
      <c r="E17387" s="369"/>
      <c r="F17387" s="369"/>
      <c r="G17387" s="369"/>
      <c r="H17387" s="369"/>
      <c r="I17387" s="369"/>
      <c r="J17387" s="369"/>
      <c r="K17387" s="369"/>
      <c r="L17387" s="370"/>
    </row>
    <row r="17388" spans="2:12">
      <c r="B17388" s="358" t="s">
        <v>23517</v>
      </c>
      <c r="C17388" s="358" t="s">
        <v>23518</v>
      </c>
      <c r="D17388" s="358" t="s">
        <v>8356</v>
      </c>
      <c r="E17388" s="358" t="s">
        <v>23519</v>
      </c>
      <c r="F17388" s="358" t="s">
        <v>14507</v>
      </c>
      <c r="G17388" s="358" t="s">
        <v>16971</v>
      </c>
      <c r="H17388" s="358" t="s">
        <v>14381</v>
      </c>
      <c r="I17388" s="358" t="s">
        <v>16971</v>
      </c>
      <c r="J17388" s="358"/>
      <c r="K17388" s="358" t="s">
        <v>14657</v>
      </c>
      <c r="L17388" s="358"/>
    </row>
    <row r="17389" spans="2:12">
      <c r="B17389" s="367"/>
      <c r="C17389" s="360"/>
      <c r="D17389" s="367"/>
      <c r="E17389" s="367"/>
      <c r="F17389" s="360"/>
      <c r="G17389" s="360"/>
      <c r="H17389" s="360"/>
      <c r="I17389" s="360"/>
      <c r="J17389" s="365"/>
      <c r="K17389" s="360"/>
      <c r="L17389" s="365"/>
    </row>
    <row r="17390" spans="2:12" ht="28.5">
      <c r="B17390" s="367"/>
      <c r="C17390" s="359" t="s">
        <v>23520</v>
      </c>
      <c r="D17390" s="367"/>
      <c r="E17390" s="367"/>
      <c r="F17390" s="359" t="s">
        <v>15089</v>
      </c>
      <c r="G17390" s="359" t="s">
        <v>14459</v>
      </c>
      <c r="H17390" s="359" t="s">
        <v>14367</v>
      </c>
      <c r="I17390" s="359" t="s">
        <v>14459</v>
      </c>
      <c r="J17390" s="365"/>
      <c r="K17390" s="359" t="s">
        <v>14657</v>
      </c>
      <c r="L17390" s="365"/>
    </row>
    <row r="17391" spans="2:12">
      <c r="B17391" s="367"/>
      <c r="C17391" s="360"/>
      <c r="D17391" s="367"/>
      <c r="E17391" s="367"/>
      <c r="F17391" s="360"/>
      <c r="G17391" s="360"/>
      <c r="H17391" s="360"/>
      <c r="I17391" s="360"/>
      <c r="J17391" s="365"/>
      <c r="K17391" s="360"/>
      <c r="L17391" s="365"/>
    </row>
    <row r="17392" spans="2:12">
      <c r="B17392" s="367"/>
      <c r="C17392" s="360"/>
      <c r="D17392" s="367"/>
      <c r="E17392" s="367"/>
      <c r="F17392" s="359" t="s">
        <v>15089</v>
      </c>
      <c r="G17392" s="359" t="s">
        <v>14421</v>
      </c>
      <c r="H17392" s="359" t="s">
        <v>14370</v>
      </c>
      <c r="I17392" s="359" t="s">
        <v>14421</v>
      </c>
      <c r="J17392" s="365"/>
      <c r="K17392" s="360"/>
      <c r="L17392" s="365"/>
    </row>
    <row r="17393" spans="2:12">
      <c r="B17393" s="367"/>
      <c r="C17393" s="360"/>
      <c r="D17393" s="367"/>
      <c r="E17393" s="367"/>
      <c r="F17393" s="360"/>
      <c r="G17393" s="360"/>
      <c r="H17393" s="360"/>
      <c r="I17393" s="360"/>
      <c r="J17393" s="365"/>
      <c r="K17393" s="360"/>
      <c r="L17393" s="365"/>
    </row>
    <row r="17394" spans="2:12">
      <c r="B17394" s="367"/>
      <c r="C17394" s="360"/>
      <c r="D17394" s="367"/>
      <c r="E17394" s="367"/>
      <c r="F17394" s="359" t="s">
        <v>15089</v>
      </c>
      <c r="G17394" s="359" t="s">
        <v>14429</v>
      </c>
      <c r="H17394" s="359" t="s">
        <v>14422</v>
      </c>
      <c r="I17394" s="359" t="s">
        <v>14429</v>
      </c>
      <c r="J17394" s="365"/>
      <c r="K17394" s="360"/>
      <c r="L17394" s="365"/>
    </row>
    <row r="17395" spans="2:12">
      <c r="B17395" s="367"/>
      <c r="C17395" s="360"/>
      <c r="D17395" s="367"/>
      <c r="E17395" s="367"/>
      <c r="F17395" s="360"/>
      <c r="G17395" s="360"/>
      <c r="H17395" s="360"/>
      <c r="I17395" s="360"/>
      <c r="J17395" s="365"/>
      <c r="K17395" s="360"/>
      <c r="L17395" s="365"/>
    </row>
    <row r="17396" spans="2:12">
      <c r="B17396" s="367"/>
      <c r="C17396" s="360"/>
      <c r="D17396" s="367"/>
      <c r="E17396" s="367"/>
      <c r="F17396" s="359" t="s">
        <v>16919</v>
      </c>
      <c r="G17396" s="359" t="s">
        <v>23521</v>
      </c>
      <c r="H17396" s="360"/>
      <c r="I17396" s="359" t="s">
        <v>23521</v>
      </c>
      <c r="J17396" s="365"/>
      <c r="K17396" s="360"/>
      <c r="L17396" s="365"/>
    </row>
    <row r="17397" spans="2:12">
      <c r="B17397" s="367"/>
      <c r="C17397" s="360"/>
      <c r="D17397" s="367"/>
      <c r="E17397" s="367"/>
      <c r="F17397" s="360"/>
      <c r="G17397" s="360"/>
      <c r="H17397" s="360"/>
      <c r="I17397" s="360"/>
      <c r="J17397" s="365"/>
      <c r="K17397" s="360"/>
      <c r="L17397" s="365"/>
    </row>
    <row r="17398" spans="2:12">
      <c r="B17398" s="367"/>
      <c r="C17398" s="360"/>
      <c r="D17398" s="367"/>
      <c r="E17398" s="367"/>
      <c r="F17398" s="359" t="s">
        <v>14389</v>
      </c>
      <c r="G17398" s="359" t="s">
        <v>14390</v>
      </c>
      <c r="H17398" s="360"/>
      <c r="I17398" s="359" t="s">
        <v>14390</v>
      </c>
      <c r="J17398" s="365"/>
      <c r="K17398" s="360"/>
      <c r="L17398" s="365"/>
    </row>
    <row r="17399" spans="2:12">
      <c r="B17399" s="367"/>
      <c r="C17399" s="360"/>
      <c r="D17399" s="367"/>
      <c r="E17399" s="367"/>
      <c r="F17399" s="360"/>
      <c r="G17399" s="360"/>
      <c r="H17399" s="360"/>
      <c r="I17399" s="360"/>
      <c r="J17399" s="365"/>
      <c r="K17399" s="360"/>
      <c r="L17399" s="365"/>
    </row>
    <row r="17400" spans="2:12">
      <c r="B17400" s="367"/>
      <c r="C17400" s="360"/>
      <c r="D17400" s="367"/>
      <c r="E17400" s="367"/>
      <c r="F17400" s="359" t="s">
        <v>14391</v>
      </c>
      <c r="G17400" s="359" t="s">
        <v>14392</v>
      </c>
      <c r="H17400" s="360"/>
      <c r="I17400" s="359" t="s">
        <v>14392</v>
      </c>
      <c r="J17400" s="365"/>
      <c r="K17400" s="360"/>
      <c r="L17400" s="365"/>
    </row>
    <row r="17401" spans="2:12">
      <c r="B17401" s="367"/>
      <c r="C17401" s="360"/>
      <c r="D17401" s="367"/>
      <c r="E17401" s="367"/>
      <c r="F17401" s="360"/>
      <c r="G17401" s="360"/>
      <c r="H17401" s="360"/>
      <c r="I17401" s="360"/>
      <c r="J17401" s="365"/>
      <c r="K17401" s="360"/>
      <c r="L17401" s="365"/>
    </row>
    <row r="17402" spans="2:12">
      <c r="B17402" s="367"/>
      <c r="C17402" s="360"/>
      <c r="D17402" s="367"/>
      <c r="E17402" s="367"/>
      <c r="F17402" s="359" t="s">
        <v>14371</v>
      </c>
      <c r="G17402" s="359" t="s">
        <v>14372</v>
      </c>
      <c r="H17402" s="360"/>
      <c r="I17402" s="359" t="s">
        <v>14373</v>
      </c>
      <c r="J17402" s="365"/>
      <c r="K17402" s="360"/>
      <c r="L17402" s="365"/>
    </row>
    <row r="17403" spans="2:12">
      <c r="B17403" s="367"/>
      <c r="C17403" s="360"/>
      <c r="D17403" s="367"/>
      <c r="E17403" s="367"/>
      <c r="F17403" s="360"/>
      <c r="G17403" s="360"/>
      <c r="H17403" s="360"/>
      <c r="I17403" s="360"/>
      <c r="J17403" s="365"/>
      <c r="K17403" s="360"/>
      <c r="L17403" s="365"/>
    </row>
    <row r="17404" spans="2:12" ht="28.5">
      <c r="B17404" s="368"/>
      <c r="C17404" s="362"/>
      <c r="D17404" s="368"/>
      <c r="E17404" s="368"/>
      <c r="F17404" s="361" t="s">
        <v>14374</v>
      </c>
      <c r="G17404" s="361" t="s">
        <v>14373</v>
      </c>
      <c r="H17404" s="362"/>
      <c r="I17404" s="362"/>
      <c r="J17404" s="366"/>
      <c r="K17404" s="362"/>
      <c r="L17404" s="366"/>
    </row>
    <row r="17405" spans="2:12">
      <c r="B17405" s="354" t="s">
        <v>28528</v>
      </c>
      <c r="C17405" s="369"/>
      <c r="D17405" s="369"/>
      <c r="E17405" s="369"/>
      <c r="F17405" s="369"/>
      <c r="G17405" s="369"/>
      <c r="H17405" s="369"/>
      <c r="I17405" s="369"/>
      <c r="J17405" s="369"/>
      <c r="K17405" s="369"/>
      <c r="L17405" s="370"/>
    </row>
    <row r="17406" spans="2:12">
      <c r="B17406" s="358" t="s">
        <v>10581</v>
      </c>
      <c r="C17406" s="358" t="s">
        <v>23522</v>
      </c>
      <c r="D17406" s="358" t="s">
        <v>8356</v>
      </c>
      <c r="E17406" s="358" t="s">
        <v>8356</v>
      </c>
      <c r="F17406" s="358" t="s">
        <v>28860</v>
      </c>
      <c r="G17406" s="358" t="s">
        <v>14669</v>
      </c>
      <c r="H17406" s="358" t="s">
        <v>14378</v>
      </c>
      <c r="I17406" s="358" t="s">
        <v>14669</v>
      </c>
      <c r="J17406" s="358"/>
      <c r="K17406" s="358"/>
      <c r="L17406" s="358"/>
    </row>
    <row r="17407" spans="2:12">
      <c r="B17407" s="367"/>
      <c r="C17407" s="360"/>
      <c r="D17407" s="367"/>
      <c r="E17407" s="367"/>
      <c r="F17407" s="360"/>
      <c r="G17407" s="360"/>
      <c r="H17407" s="360"/>
      <c r="I17407" s="360"/>
      <c r="J17407" s="365"/>
      <c r="K17407" s="365"/>
      <c r="L17407" s="365"/>
    </row>
    <row r="17408" spans="2:12">
      <c r="B17408" s="367"/>
      <c r="C17408" s="359" t="s">
        <v>23523</v>
      </c>
      <c r="D17408" s="367"/>
      <c r="E17408" s="367"/>
      <c r="F17408" s="359" t="s">
        <v>14507</v>
      </c>
      <c r="G17408" s="359" t="s">
        <v>14427</v>
      </c>
      <c r="H17408" s="359" t="s">
        <v>14381</v>
      </c>
      <c r="I17408" s="359" t="s">
        <v>14427</v>
      </c>
      <c r="J17408" s="365"/>
      <c r="K17408" s="365"/>
      <c r="L17408" s="365"/>
    </row>
    <row r="17409" spans="2:12">
      <c r="B17409" s="367"/>
      <c r="C17409" s="360"/>
      <c r="D17409" s="367"/>
      <c r="E17409" s="367"/>
      <c r="F17409" s="360"/>
      <c r="G17409" s="360"/>
      <c r="H17409" s="360"/>
      <c r="I17409" s="360"/>
      <c r="J17409" s="365"/>
      <c r="K17409" s="365"/>
      <c r="L17409" s="365"/>
    </row>
    <row r="17410" spans="2:12" ht="42.75">
      <c r="B17410" s="367"/>
      <c r="C17410" s="359" t="s">
        <v>30371</v>
      </c>
      <c r="D17410" s="367"/>
      <c r="E17410" s="367"/>
      <c r="F17410" s="359" t="s">
        <v>14382</v>
      </c>
      <c r="G17410" s="359" t="s">
        <v>14873</v>
      </c>
      <c r="H17410" s="359" t="s">
        <v>14370</v>
      </c>
      <c r="I17410" s="359" t="s">
        <v>14873</v>
      </c>
      <c r="J17410" s="365"/>
      <c r="K17410" s="365"/>
      <c r="L17410" s="365"/>
    </row>
    <row r="17411" spans="2:12">
      <c r="B17411" s="367"/>
      <c r="C17411" s="360"/>
      <c r="D17411" s="367"/>
      <c r="E17411" s="367"/>
      <c r="F17411" s="360"/>
      <c r="G17411" s="360"/>
      <c r="H17411" s="360"/>
      <c r="I17411" s="360"/>
      <c r="J17411" s="365"/>
      <c r="K17411" s="365"/>
      <c r="L17411" s="365"/>
    </row>
    <row r="17412" spans="2:12">
      <c r="B17412" s="367"/>
      <c r="C17412" s="360"/>
      <c r="D17412" s="367"/>
      <c r="E17412" s="367"/>
      <c r="F17412" s="359" t="s">
        <v>14420</v>
      </c>
      <c r="G17412" s="359" t="s">
        <v>14383</v>
      </c>
      <c r="H17412" s="359" t="s">
        <v>14332</v>
      </c>
      <c r="I17412" s="359" t="s">
        <v>14383</v>
      </c>
      <c r="J17412" s="365"/>
      <c r="K17412" s="365"/>
      <c r="L17412" s="365"/>
    </row>
    <row r="17413" spans="2:12">
      <c r="B17413" s="367"/>
      <c r="C17413" s="360"/>
      <c r="D17413" s="367"/>
      <c r="E17413" s="367"/>
      <c r="F17413" s="360"/>
      <c r="G17413" s="360"/>
      <c r="H17413" s="360"/>
      <c r="I17413" s="360"/>
      <c r="J17413" s="365"/>
      <c r="K17413" s="365"/>
      <c r="L17413" s="365"/>
    </row>
    <row r="17414" spans="2:12">
      <c r="B17414" s="367"/>
      <c r="C17414" s="360"/>
      <c r="D17414" s="367"/>
      <c r="E17414" s="367"/>
      <c r="F17414" s="359" t="s">
        <v>14460</v>
      </c>
      <c r="G17414" s="359" t="s">
        <v>14421</v>
      </c>
      <c r="H17414" s="360"/>
      <c r="I17414" s="359" t="s">
        <v>14421</v>
      </c>
      <c r="J17414" s="365"/>
      <c r="K17414" s="365"/>
      <c r="L17414" s="365"/>
    </row>
    <row r="17415" spans="2:12">
      <c r="B17415" s="367"/>
      <c r="C17415" s="360"/>
      <c r="D17415" s="367"/>
      <c r="E17415" s="367"/>
      <c r="F17415" s="360"/>
      <c r="G17415" s="360"/>
      <c r="H17415" s="360"/>
      <c r="I17415" s="360"/>
      <c r="J17415" s="365"/>
      <c r="K17415" s="365"/>
      <c r="L17415" s="365"/>
    </row>
    <row r="17416" spans="2:12">
      <c r="B17416" s="367"/>
      <c r="C17416" s="360"/>
      <c r="D17416" s="367"/>
      <c r="E17416" s="367"/>
      <c r="F17416" s="359" t="s">
        <v>14386</v>
      </c>
      <c r="G17416" s="359" t="s">
        <v>14461</v>
      </c>
      <c r="H17416" s="360"/>
      <c r="I17416" s="359" t="s">
        <v>14461</v>
      </c>
      <c r="J17416" s="365"/>
      <c r="K17416" s="365"/>
      <c r="L17416" s="365"/>
    </row>
    <row r="17417" spans="2:12">
      <c r="B17417" s="367"/>
      <c r="C17417" s="360"/>
      <c r="D17417" s="367"/>
      <c r="E17417" s="367"/>
      <c r="F17417" s="360"/>
      <c r="G17417" s="360"/>
      <c r="H17417" s="360"/>
      <c r="I17417" s="360"/>
      <c r="J17417" s="365"/>
      <c r="K17417" s="365"/>
      <c r="L17417" s="365"/>
    </row>
    <row r="17418" spans="2:12">
      <c r="B17418" s="367"/>
      <c r="C17418" s="360"/>
      <c r="D17418" s="367"/>
      <c r="E17418" s="367"/>
      <c r="F17418" s="359" t="s">
        <v>14391</v>
      </c>
      <c r="G17418" s="359" t="s">
        <v>14387</v>
      </c>
      <c r="H17418" s="360"/>
      <c r="I17418" s="359" t="s">
        <v>14387</v>
      </c>
      <c r="J17418" s="365"/>
      <c r="K17418" s="365"/>
      <c r="L17418" s="365"/>
    </row>
    <row r="17419" spans="2:12">
      <c r="B17419" s="367"/>
      <c r="C17419" s="360"/>
      <c r="D17419" s="367"/>
      <c r="E17419" s="367"/>
      <c r="F17419" s="360"/>
      <c r="G17419" s="360"/>
      <c r="H17419" s="360"/>
      <c r="I17419" s="360"/>
      <c r="J17419" s="365"/>
      <c r="K17419" s="365"/>
      <c r="L17419" s="365"/>
    </row>
    <row r="17420" spans="2:12" ht="28.5">
      <c r="B17420" s="367"/>
      <c r="C17420" s="360"/>
      <c r="D17420" s="367"/>
      <c r="E17420" s="367"/>
      <c r="F17420" s="359" t="s">
        <v>14394</v>
      </c>
      <c r="G17420" s="359" t="s">
        <v>14392</v>
      </c>
      <c r="H17420" s="360"/>
      <c r="I17420" s="359" t="s">
        <v>14392</v>
      </c>
      <c r="J17420" s="365"/>
      <c r="K17420" s="365"/>
      <c r="L17420" s="365"/>
    </row>
    <row r="17421" spans="2:12">
      <c r="B17421" s="367"/>
      <c r="C17421" s="360"/>
      <c r="D17421" s="367"/>
      <c r="E17421" s="367"/>
      <c r="F17421" s="360"/>
      <c r="G17421" s="360"/>
      <c r="H17421" s="360"/>
      <c r="I17421" s="360"/>
      <c r="J17421" s="365"/>
      <c r="K17421" s="365"/>
      <c r="L17421" s="365"/>
    </row>
    <row r="17422" spans="2:12">
      <c r="B17422" s="368"/>
      <c r="C17422" s="362"/>
      <c r="D17422" s="368"/>
      <c r="E17422" s="368"/>
      <c r="F17422" s="362"/>
      <c r="G17422" s="361" t="s">
        <v>14395</v>
      </c>
      <c r="H17422" s="362"/>
      <c r="I17422" s="361" t="s">
        <v>14395</v>
      </c>
      <c r="J17422" s="366"/>
      <c r="K17422" s="366"/>
      <c r="L17422" s="366"/>
    </row>
    <row r="17423" spans="2:12">
      <c r="B17423" s="358" t="s">
        <v>23524</v>
      </c>
      <c r="C17423" s="358" t="s">
        <v>30372</v>
      </c>
      <c r="D17423" s="358" t="s">
        <v>23525</v>
      </c>
      <c r="E17423" s="358" t="s">
        <v>23526</v>
      </c>
      <c r="F17423" s="358" t="s">
        <v>14418</v>
      </c>
      <c r="G17423" s="358" t="s">
        <v>14419</v>
      </c>
      <c r="H17423" s="358" t="s">
        <v>14328</v>
      </c>
      <c r="I17423" s="358" t="s">
        <v>14419</v>
      </c>
      <c r="J17423" s="358"/>
      <c r="K17423" s="358"/>
      <c r="L17423" s="358"/>
    </row>
    <row r="17424" spans="2:12">
      <c r="B17424" s="367"/>
      <c r="C17424" s="367"/>
      <c r="D17424" s="367"/>
      <c r="E17424" s="367"/>
      <c r="F17424" s="360"/>
      <c r="G17424" s="360"/>
      <c r="H17424" s="360"/>
      <c r="I17424" s="360"/>
      <c r="J17424" s="365"/>
      <c r="K17424" s="365"/>
      <c r="L17424" s="365"/>
    </row>
    <row r="17425" spans="2:12">
      <c r="B17425" s="367"/>
      <c r="C17425" s="367"/>
      <c r="D17425" s="367"/>
      <c r="E17425" s="367"/>
      <c r="F17425" s="359" t="s">
        <v>14420</v>
      </c>
      <c r="G17425" s="359" t="s">
        <v>14459</v>
      </c>
      <c r="H17425" s="359" t="s">
        <v>14381</v>
      </c>
      <c r="I17425" s="359" t="s">
        <v>14459</v>
      </c>
      <c r="J17425" s="365"/>
      <c r="K17425" s="365"/>
      <c r="L17425" s="365"/>
    </row>
    <row r="17426" spans="2:12">
      <c r="B17426" s="367"/>
      <c r="C17426" s="367"/>
      <c r="D17426" s="367"/>
      <c r="E17426" s="367"/>
      <c r="F17426" s="360"/>
      <c r="G17426" s="360"/>
      <c r="H17426" s="360"/>
      <c r="I17426" s="360"/>
      <c r="J17426" s="365"/>
      <c r="K17426" s="365"/>
      <c r="L17426" s="365"/>
    </row>
    <row r="17427" spans="2:12">
      <c r="B17427" s="367"/>
      <c r="C17427" s="367"/>
      <c r="D17427" s="367"/>
      <c r="E17427" s="367"/>
      <c r="F17427" s="359" t="s">
        <v>14420</v>
      </c>
      <c r="G17427" s="359" t="s">
        <v>14429</v>
      </c>
      <c r="H17427" s="359" t="s">
        <v>14341</v>
      </c>
      <c r="I17427" s="359" t="s">
        <v>14429</v>
      </c>
      <c r="J17427" s="365"/>
      <c r="K17427" s="365"/>
      <c r="L17427" s="365"/>
    </row>
    <row r="17428" spans="2:12">
      <c r="B17428" s="367"/>
      <c r="C17428" s="367"/>
      <c r="D17428" s="367"/>
      <c r="E17428" s="367"/>
      <c r="F17428" s="360"/>
      <c r="G17428" s="360"/>
      <c r="H17428" s="360"/>
      <c r="I17428" s="360"/>
      <c r="J17428" s="365"/>
      <c r="K17428" s="365"/>
      <c r="L17428" s="365"/>
    </row>
    <row r="17429" spans="2:12">
      <c r="B17429" s="367"/>
      <c r="C17429" s="367"/>
      <c r="D17429" s="367"/>
      <c r="E17429" s="367"/>
      <c r="F17429" s="359" t="s">
        <v>14460</v>
      </c>
      <c r="G17429" s="359" t="s">
        <v>14519</v>
      </c>
      <c r="H17429" s="359" t="s">
        <v>14367</v>
      </c>
      <c r="I17429" s="359" t="s">
        <v>14519</v>
      </c>
      <c r="J17429" s="365"/>
      <c r="K17429" s="365"/>
      <c r="L17429" s="365"/>
    </row>
    <row r="17430" spans="2:12">
      <c r="B17430" s="367"/>
      <c r="C17430" s="367"/>
      <c r="D17430" s="367"/>
      <c r="E17430" s="367"/>
      <c r="F17430" s="360"/>
      <c r="G17430" s="360"/>
      <c r="H17430" s="360"/>
      <c r="I17430" s="360"/>
      <c r="J17430" s="365"/>
      <c r="K17430" s="365"/>
      <c r="L17430" s="365"/>
    </row>
    <row r="17431" spans="2:12">
      <c r="B17431" s="367"/>
      <c r="C17431" s="367"/>
      <c r="D17431" s="367"/>
      <c r="E17431" s="367"/>
      <c r="F17431" s="359" t="s">
        <v>14339</v>
      </c>
      <c r="G17431" s="359" t="s">
        <v>14340</v>
      </c>
      <c r="H17431" s="359" t="s">
        <v>14332</v>
      </c>
      <c r="I17431" s="359" t="s">
        <v>14340</v>
      </c>
      <c r="J17431" s="365"/>
      <c r="K17431" s="365"/>
      <c r="L17431" s="365"/>
    </row>
    <row r="17432" spans="2:12">
      <c r="B17432" s="367"/>
      <c r="C17432" s="367"/>
      <c r="D17432" s="367"/>
      <c r="E17432" s="367"/>
      <c r="F17432" s="360"/>
      <c r="G17432" s="360"/>
      <c r="H17432" s="360"/>
      <c r="I17432" s="360"/>
      <c r="J17432" s="365"/>
      <c r="K17432" s="365"/>
      <c r="L17432" s="365"/>
    </row>
    <row r="17433" spans="2:12" ht="28.5">
      <c r="B17433" s="368"/>
      <c r="C17433" s="368"/>
      <c r="D17433" s="368"/>
      <c r="E17433" s="368"/>
      <c r="F17433" s="361" t="s">
        <v>14472</v>
      </c>
      <c r="G17433" s="361" t="s">
        <v>14473</v>
      </c>
      <c r="H17433" s="362"/>
      <c r="I17433" s="361" t="s">
        <v>14473</v>
      </c>
      <c r="J17433" s="366"/>
      <c r="K17433" s="366"/>
      <c r="L17433" s="366"/>
    </row>
    <row r="17434" spans="2:12" ht="42.75">
      <c r="B17434" s="358" t="s">
        <v>23527</v>
      </c>
      <c r="C17434" s="358" t="s">
        <v>27853</v>
      </c>
      <c r="D17434" s="358" t="s">
        <v>23528</v>
      </c>
      <c r="E17434" s="358" t="s">
        <v>23529</v>
      </c>
      <c r="F17434" s="358" t="s">
        <v>14420</v>
      </c>
      <c r="G17434" s="358" t="s">
        <v>14429</v>
      </c>
      <c r="H17434" s="358" t="s">
        <v>14367</v>
      </c>
      <c r="I17434" s="358" t="s">
        <v>14429</v>
      </c>
      <c r="J17434" s="358"/>
      <c r="K17434" s="358"/>
      <c r="L17434" s="358"/>
    </row>
    <row r="17435" spans="2:12">
      <c r="B17435" s="367"/>
      <c r="C17435" s="367"/>
      <c r="D17435" s="367"/>
      <c r="E17435" s="367"/>
      <c r="F17435" s="360"/>
      <c r="G17435" s="360"/>
      <c r="H17435" s="360"/>
      <c r="I17435" s="360"/>
      <c r="J17435" s="365"/>
      <c r="K17435" s="365"/>
      <c r="L17435" s="365"/>
    </row>
    <row r="17436" spans="2:12">
      <c r="B17436" s="367"/>
      <c r="C17436" s="367"/>
      <c r="D17436" s="367"/>
      <c r="E17436" s="367"/>
      <c r="F17436" s="359" t="s">
        <v>14391</v>
      </c>
      <c r="G17436" s="359" t="s">
        <v>14392</v>
      </c>
      <c r="H17436" s="359" t="s">
        <v>14422</v>
      </c>
      <c r="I17436" s="359" t="s">
        <v>14392</v>
      </c>
      <c r="J17436" s="365"/>
      <c r="K17436" s="365"/>
      <c r="L17436" s="365"/>
    </row>
    <row r="17437" spans="2:12">
      <c r="B17437" s="367"/>
      <c r="C17437" s="367"/>
      <c r="D17437" s="367"/>
      <c r="E17437" s="367"/>
      <c r="F17437" s="360"/>
      <c r="G17437" s="360"/>
      <c r="H17437" s="360"/>
      <c r="I17437" s="360"/>
      <c r="J17437" s="365"/>
      <c r="K17437" s="365"/>
      <c r="L17437" s="365"/>
    </row>
    <row r="17438" spans="2:12" ht="28.5">
      <c r="B17438" s="368"/>
      <c r="C17438" s="368"/>
      <c r="D17438" s="368"/>
      <c r="E17438" s="368"/>
      <c r="F17438" s="361" t="s">
        <v>14472</v>
      </c>
      <c r="G17438" s="361" t="s">
        <v>14473</v>
      </c>
      <c r="H17438" s="362"/>
      <c r="I17438" s="361" t="s">
        <v>14473</v>
      </c>
      <c r="J17438" s="366"/>
      <c r="K17438" s="366"/>
      <c r="L17438" s="366"/>
    </row>
    <row r="17439" spans="2:12" ht="28.5">
      <c r="B17439" s="358" t="s">
        <v>23530</v>
      </c>
      <c r="C17439" s="358" t="s">
        <v>27854</v>
      </c>
      <c r="D17439" s="358" t="s">
        <v>23531</v>
      </c>
      <c r="E17439" s="358" t="s">
        <v>23532</v>
      </c>
      <c r="F17439" s="358" t="s">
        <v>14462</v>
      </c>
      <c r="G17439" s="358" t="s">
        <v>14463</v>
      </c>
      <c r="H17439" s="358" t="s">
        <v>8356</v>
      </c>
      <c r="I17439" s="358" t="s">
        <v>14463</v>
      </c>
      <c r="J17439" s="358"/>
      <c r="K17439" s="358"/>
      <c r="L17439" s="358"/>
    </row>
    <row r="17440" spans="2:12">
      <c r="B17440" s="368"/>
      <c r="C17440" s="368"/>
      <c r="D17440" s="368"/>
      <c r="E17440" s="368"/>
      <c r="F17440" s="368"/>
      <c r="G17440" s="368"/>
      <c r="H17440" s="368"/>
      <c r="I17440" s="368"/>
      <c r="J17440" s="366"/>
      <c r="K17440" s="366"/>
      <c r="L17440" s="366"/>
    </row>
    <row r="17441" spans="2:12" ht="28.5">
      <c r="B17441" s="358" t="s">
        <v>23533</v>
      </c>
      <c r="C17441" s="358" t="s">
        <v>27855</v>
      </c>
      <c r="D17441" s="358" t="s">
        <v>23534</v>
      </c>
      <c r="E17441" s="358" t="s">
        <v>23535</v>
      </c>
      <c r="F17441" s="358" t="s">
        <v>14462</v>
      </c>
      <c r="G17441" s="358" t="s">
        <v>14463</v>
      </c>
      <c r="H17441" s="358" t="s">
        <v>8356</v>
      </c>
      <c r="I17441" s="358" t="s">
        <v>14463</v>
      </c>
      <c r="J17441" s="358"/>
      <c r="K17441" s="358"/>
      <c r="L17441" s="358"/>
    </row>
    <row r="17442" spans="2:12">
      <c r="B17442" s="368"/>
      <c r="C17442" s="368"/>
      <c r="D17442" s="368"/>
      <c r="E17442" s="368"/>
      <c r="F17442" s="368"/>
      <c r="G17442" s="368"/>
      <c r="H17442" s="368"/>
      <c r="I17442" s="368"/>
      <c r="J17442" s="366"/>
      <c r="K17442" s="366"/>
      <c r="L17442" s="366"/>
    </row>
    <row r="17443" spans="2:12" ht="28.5">
      <c r="B17443" s="358" t="s">
        <v>23536</v>
      </c>
      <c r="C17443" s="358" t="s">
        <v>29544</v>
      </c>
      <c r="D17443" s="358" t="s">
        <v>23537</v>
      </c>
      <c r="E17443" s="358" t="s">
        <v>8356</v>
      </c>
      <c r="F17443" s="358" t="s">
        <v>14430</v>
      </c>
      <c r="G17443" s="358" t="s">
        <v>14431</v>
      </c>
      <c r="H17443" s="358" t="s">
        <v>14341</v>
      </c>
      <c r="I17443" s="358" t="s">
        <v>14431</v>
      </c>
      <c r="J17443" s="358"/>
      <c r="K17443" s="358"/>
      <c r="L17443" s="358"/>
    </row>
    <row r="17444" spans="2:12">
      <c r="B17444" s="367"/>
      <c r="C17444" s="367"/>
      <c r="D17444" s="367"/>
      <c r="E17444" s="367"/>
      <c r="F17444" s="360"/>
      <c r="G17444" s="360"/>
      <c r="H17444" s="360"/>
      <c r="I17444" s="360"/>
      <c r="J17444" s="365"/>
      <c r="K17444" s="365"/>
      <c r="L17444" s="365"/>
    </row>
    <row r="17445" spans="2:12">
      <c r="B17445" s="367"/>
      <c r="C17445" s="367"/>
      <c r="D17445" s="367"/>
      <c r="E17445" s="367"/>
      <c r="F17445" s="359" t="s">
        <v>14371</v>
      </c>
      <c r="G17445" s="359" t="s">
        <v>14372</v>
      </c>
      <c r="H17445" s="359" t="s">
        <v>14370</v>
      </c>
      <c r="I17445" s="359" t="s">
        <v>14373</v>
      </c>
      <c r="J17445" s="365"/>
      <c r="K17445" s="365"/>
      <c r="L17445" s="365"/>
    </row>
    <row r="17446" spans="2:12">
      <c r="B17446" s="367"/>
      <c r="C17446" s="367"/>
      <c r="D17446" s="367"/>
      <c r="E17446" s="367"/>
      <c r="F17446" s="360"/>
      <c r="G17446" s="360"/>
      <c r="H17446" s="360"/>
      <c r="I17446" s="360"/>
      <c r="J17446" s="365"/>
      <c r="K17446" s="365"/>
      <c r="L17446" s="365"/>
    </row>
    <row r="17447" spans="2:12" ht="28.5">
      <c r="B17447" s="368"/>
      <c r="C17447" s="368"/>
      <c r="D17447" s="368"/>
      <c r="E17447" s="368"/>
      <c r="F17447" s="361" t="s">
        <v>14374</v>
      </c>
      <c r="G17447" s="361" t="s">
        <v>14373</v>
      </c>
      <c r="H17447" s="361" t="s">
        <v>14332</v>
      </c>
      <c r="I17447" s="362"/>
      <c r="J17447" s="366"/>
      <c r="K17447" s="366"/>
      <c r="L17447" s="366"/>
    </row>
    <row r="17448" spans="2:12">
      <c r="B17448" s="358" t="s">
        <v>23538</v>
      </c>
      <c r="C17448" s="358" t="s">
        <v>27856</v>
      </c>
      <c r="D17448" s="358" t="s">
        <v>23539</v>
      </c>
      <c r="E17448" s="358" t="s">
        <v>8356</v>
      </c>
      <c r="F17448" s="358" t="s">
        <v>14420</v>
      </c>
      <c r="G17448" s="358" t="s">
        <v>14429</v>
      </c>
      <c r="H17448" s="358" t="s">
        <v>14381</v>
      </c>
      <c r="I17448" s="358" t="s">
        <v>14429</v>
      </c>
      <c r="J17448" s="358"/>
      <c r="K17448" s="358"/>
      <c r="L17448" s="358"/>
    </row>
    <row r="17449" spans="2:12">
      <c r="B17449" s="367"/>
      <c r="C17449" s="367"/>
      <c r="D17449" s="367"/>
      <c r="E17449" s="367"/>
      <c r="F17449" s="360"/>
      <c r="G17449" s="360"/>
      <c r="H17449" s="360"/>
      <c r="I17449" s="360"/>
      <c r="J17449" s="365"/>
      <c r="K17449" s="365"/>
      <c r="L17449" s="365"/>
    </row>
    <row r="17450" spans="2:12">
      <c r="B17450" s="367"/>
      <c r="C17450" s="367"/>
      <c r="D17450" s="367"/>
      <c r="E17450" s="367"/>
      <c r="F17450" s="359" t="s">
        <v>14460</v>
      </c>
      <c r="G17450" s="359" t="s">
        <v>14519</v>
      </c>
      <c r="H17450" s="359" t="s">
        <v>14341</v>
      </c>
      <c r="I17450" s="359" t="s">
        <v>14519</v>
      </c>
      <c r="J17450" s="365"/>
      <c r="K17450" s="365"/>
      <c r="L17450" s="365"/>
    </row>
    <row r="17451" spans="2:12">
      <c r="B17451" s="367"/>
      <c r="C17451" s="367"/>
      <c r="D17451" s="367"/>
      <c r="E17451" s="367"/>
      <c r="F17451" s="360"/>
      <c r="G17451" s="360"/>
      <c r="H17451" s="360"/>
      <c r="I17451" s="360"/>
      <c r="J17451" s="365"/>
      <c r="K17451" s="365"/>
      <c r="L17451" s="365"/>
    </row>
    <row r="17452" spans="2:12">
      <c r="B17452" s="367"/>
      <c r="C17452" s="367"/>
      <c r="D17452" s="367"/>
      <c r="E17452" s="367"/>
      <c r="F17452" s="359" t="s">
        <v>14430</v>
      </c>
      <c r="G17452" s="359" t="s">
        <v>14431</v>
      </c>
      <c r="H17452" s="359" t="s">
        <v>14367</v>
      </c>
      <c r="I17452" s="359" t="s">
        <v>14431</v>
      </c>
      <c r="J17452" s="365"/>
      <c r="K17452" s="365"/>
      <c r="L17452" s="365"/>
    </row>
    <row r="17453" spans="2:12">
      <c r="B17453" s="367"/>
      <c r="C17453" s="367"/>
      <c r="D17453" s="367"/>
      <c r="E17453" s="367"/>
      <c r="F17453" s="360"/>
      <c r="G17453" s="360"/>
      <c r="H17453" s="360"/>
      <c r="I17453" s="360"/>
      <c r="J17453" s="365"/>
      <c r="K17453" s="365"/>
      <c r="L17453" s="365"/>
    </row>
    <row r="17454" spans="2:12">
      <c r="B17454" s="367"/>
      <c r="C17454" s="367"/>
      <c r="D17454" s="367"/>
      <c r="E17454" s="367"/>
      <c r="F17454" s="359" t="s">
        <v>14391</v>
      </c>
      <c r="G17454" s="359" t="s">
        <v>14392</v>
      </c>
      <c r="H17454" s="359" t="s">
        <v>14370</v>
      </c>
      <c r="I17454" s="359" t="s">
        <v>14392</v>
      </c>
      <c r="J17454" s="365"/>
      <c r="K17454" s="365"/>
      <c r="L17454" s="365"/>
    </row>
    <row r="17455" spans="2:12">
      <c r="B17455" s="367"/>
      <c r="C17455" s="367"/>
      <c r="D17455" s="367"/>
      <c r="E17455" s="367"/>
      <c r="F17455" s="360"/>
      <c r="G17455" s="360"/>
      <c r="H17455" s="360"/>
      <c r="I17455" s="360"/>
      <c r="J17455" s="365"/>
      <c r="K17455" s="365"/>
      <c r="L17455" s="365"/>
    </row>
    <row r="17456" spans="2:12" ht="28.5">
      <c r="B17456" s="368"/>
      <c r="C17456" s="368"/>
      <c r="D17456" s="368"/>
      <c r="E17456" s="368"/>
      <c r="F17456" s="361" t="s">
        <v>14394</v>
      </c>
      <c r="G17456" s="361" t="s">
        <v>14395</v>
      </c>
      <c r="H17456" s="361" t="s">
        <v>14332</v>
      </c>
      <c r="I17456" s="361" t="s">
        <v>14395</v>
      </c>
      <c r="J17456" s="366"/>
      <c r="K17456" s="366"/>
      <c r="L17456" s="366"/>
    </row>
    <row r="17457" spans="2:12" ht="28.5">
      <c r="B17457" s="358" t="s">
        <v>23540</v>
      </c>
      <c r="C17457" s="358" t="s">
        <v>27857</v>
      </c>
      <c r="D17457" s="358" t="s">
        <v>23541</v>
      </c>
      <c r="E17457" s="358" t="s">
        <v>8356</v>
      </c>
      <c r="F17457" s="358" t="s">
        <v>14462</v>
      </c>
      <c r="G17457" s="358" t="s">
        <v>14463</v>
      </c>
      <c r="H17457" s="358" t="s">
        <v>8356</v>
      </c>
      <c r="I17457" s="358" t="s">
        <v>14463</v>
      </c>
      <c r="J17457" s="358"/>
      <c r="K17457" s="358"/>
      <c r="L17457" s="358"/>
    </row>
    <row r="17458" spans="2:12">
      <c r="B17458" s="367"/>
      <c r="C17458" s="360"/>
      <c r="D17458" s="367"/>
      <c r="E17458" s="367"/>
      <c r="F17458" s="367"/>
      <c r="G17458" s="367"/>
      <c r="H17458" s="367"/>
      <c r="I17458" s="367"/>
      <c r="J17458" s="365"/>
      <c r="K17458" s="365"/>
      <c r="L17458" s="365"/>
    </row>
    <row r="17459" spans="2:12">
      <c r="B17459" s="368"/>
      <c r="C17459" s="361" t="s">
        <v>23542</v>
      </c>
      <c r="D17459" s="368"/>
      <c r="E17459" s="368"/>
      <c r="F17459" s="368"/>
      <c r="G17459" s="368"/>
      <c r="H17459" s="368"/>
      <c r="I17459" s="368"/>
      <c r="J17459" s="366"/>
      <c r="K17459" s="366"/>
      <c r="L17459" s="366"/>
    </row>
    <row r="17460" spans="2:12" ht="71.25">
      <c r="B17460" s="358" t="s">
        <v>23543</v>
      </c>
      <c r="C17460" s="358" t="s">
        <v>30373</v>
      </c>
      <c r="D17460" s="358" t="s">
        <v>23544</v>
      </c>
      <c r="E17460" s="358" t="s">
        <v>8356</v>
      </c>
      <c r="F17460" s="358" t="s">
        <v>14420</v>
      </c>
      <c r="G17460" s="358" t="s">
        <v>14429</v>
      </c>
      <c r="H17460" s="358" t="s">
        <v>14341</v>
      </c>
      <c r="I17460" s="358" t="s">
        <v>14429</v>
      </c>
      <c r="J17460" s="358"/>
      <c r="K17460" s="358"/>
      <c r="L17460" s="358"/>
    </row>
    <row r="17461" spans="2:12">
      <c r="B17461" s="367"/>
      <c r="C17461" s="367"/>
      <c r="D17461" s="367"/>
      <c r="E17461" s="367"/>
      <c r="F17461" s="360"/>
      <c r="G17461" s="360"/>
      <c r="H17461" s="360"/>
      <c r="I17461" s="360"/>
      <c r="J17461" s="365"/>
      <c r="K17461" s="365"/>
      <c r="L17461" s="365"/>
    </row>
    <row r="17462" spans="2:12">
      <c r="B17462" s="367"/>
      <c r="C17462" s="367"/>
      <c r="D17462" s="367"/>
      <c r="E17462" s="367"/>
      <c r="F17462" s="359" t="s">
        <v>14356</v>
      </c>
      <c r="G17462" s="359" t="s">
        <v>14340</v>
      </c>
      <c r="H17462" s="359" t="s">
        <v>14367</v>
      </c>
      <c r="I17462" s="359" t="s">
        <v>14340</v>
      </c>
      <c r="J17462" s="365"/>
      <c r="K17462" s="365"/>
      <c r="L17462" s="365"/>
    </row>
    <row r="17463" spans="2:12">
      <c r="B17463" s="367"/>
      <c r="C17463" s="367"/>
      <c r="D17463" s="367"/>
      <c r="E17463" s="367"/>
      <c r="F17463" s="360"/>
      <c r="G17463" s="360"/>
      <c r="H17463" s="360"/>
      <c r="I17463" s="360"/>
      <c r="J17463" s="365"/>
      <c r="K17463" s="365"/>
      <c r="L17463" s="365"/>
    </row>
    <row r="17464" spans="2:12">
      <c r="B17464" s="367"/>
      <c r="C17464" s="367"/>
      <c r="D17464" s="367"/>
      <c r="E17464" s="367"/>
      <c r="F17464" s="359" t="s">
        <v>14371</v>
      </c>
      <c r="G17464" s="359" t="s">
        <v>14372</v>
      </c>
      <c r="H17464" s="359" t="s">
        <v>14370</v>
      </c>
      <c r="I17464" s="359" t="s">
        <v>14373</v>
      </c>
      <c r="J17464" s="365"/>
      <c r="K17464" s="365"/>
      <c r="L17464" s="365"/>
    </row>
    <row r="17465" spans="2:12">
      <c r="B17465" s="367"/>
      <c r="C17465" s="367"/>
      <c r="D17465" s="367"/>
      <c r="E17465" s="367"/>
      <c r="F17465" s="360"/>
      <c r="G17465" s="360"/>
      <c r="H17465" s="360"/>
      <c r="I17465" s="360"/>
      <c r="J17465" s="365"/>
      <c r="K17465" s="365"/>
      <c r="L17465" s="365"/>
    </row>
    <row r="17466" spans="2:12" ht="28.5">
      <c r="B17466" s="368"/>
      <c r="C17466" s="368"/>
      <c r="D17466" s="368"/>
      <c r="E17466" s="368"/>
      <c r="F17466" s="361" t="s">
        <v>14374</v>
      </c>
      <c r="G17466" s="361" t="s">
        <v>14373</v>
      </c>
      <c r="H17466" s="361" t="s">
        <v>14332</v>
      </c>
      <c r="I17466" s="362"/>
      <c r="J17466" s="366"/>
      <c r="K17466" s="366"/>
      <c r="L17466" s="366"/>
    </row>
    <row r="17467" spans="2:12">
      <c r="B17467" s="358" t="s">
        <v>23545</v>
      </c>
      <c r="C17467" s="358" t="s">
        <v>27858</v>
      </c>
      <c r="D17467" s="358" t="s">
        <v>23546</v>
      </c>
      <c r="E17467" s="358" t="s">
        <v>23547</v>
      </c>
      <c r="F17467" s="358" t="s">
        <v>14443</v>
      </c>
      <c r="G17467" s="358" t="s">
        <v>14444</v>
      </c>
      <c r="H17467" s="358" t="s">
        <v>14378</v>
      </c>
      <c r="I17467" s="358" t="s">
        <v>14444</v>
      </c>
      <c r="J17467" s="358"/>
      <c r="K17467" s="358"/>
      <c r="L17467" s="358"/>
    </row>
    <row r="17468" spans="2:12">
      <c r="B17468" s="367"/>
      <c r="C17468" s="360"/>
      <c r="D17468" s="360"/>
      <c r="E17468" s="360"/>
      <c r="F17468" s="360"/>
      <c r="G17468" s="360"/>
      <c r="H17468" s="360"/>
      <c r="I17468" s="360"/>
      <c r="J17468" s="365"/>
      <c r="K17468" s="365"/>
      <c r="L17468" s="365"/>
    </row>
    <row r="17469" spans="2:12">
      <c r="B17469" s="367"/>
      <c r="C17469" s="359" t="s">
        <v>23548</v>
      </c>
      <c r="D17469" s="359" t="s">
        <v>23549</v>
      </c>
      <c r="E17469" s="359" t="s">
        <v>23550</v>
      </c>
      <c r="F17469" s="359" t="s">
        <v>14382</v>
      </c>
      <c r="G17469" s="359" t="s">
        <v>14483</v>
      </c>
      <c r="H17469" s="359" t="s">
        <v>14381</v>
      </c>
      <c r="I17469" s="359" t="s">
        <v>14483</v>
      </c>
      <c r="J17469" s="365"/>
      <c r="K17469" s="365"/>
      <c r="L17469" s="365"/>
    </row>
    <row r="17470" spans="2:12">
      <c r="B17470" s="367"/>
      <c r="C17470" s="360"/>
      <c r="D17470" s="360"/>
      <c r="E17470" s="360"/>
      <c r="F17470" s="360"/>
      <c r="G17470" s="360"/>
      <c r="H17470" s="360"/>
      <c r="I17470" s="360"/>
      <c r="J17470" s="365"/>
      <c r="K17470" s="365"/>
      <c r="L17470" s="365"/>
    </row>
    <row r="17471" spans="2:12">
      <c r="B17471" s="367"/>
      <c r="C17471" s="359" t="s">
        <v>23551</v>
      </c>
      <c r="D17471" s="359" t="s">
        <v>23552</v>
      </c>
      <c r="E17471" s="359" t="s">
        <v>23553</v>
      </c>
      <c r="F17471" s="359" t="s">
        <v>14382</v>
      </c>
      <c r="G17471" s="359" t="s">
        <v>14579</v>
      </c>
      <c r="H17471" s="359" t="s">
        <v>14370</v>
      </c>
      <c r="I17471" s="359" t="s">
        <v>14579</v>
      </c>
      <c r="J17471" s="365"/>
      <c r="K17471" s="365"/>
      <c r="L17471" s="365"/>
    </row>
    <row r="17472" spans="2:12">
      <c r="B17472" s="367"/>
      <c r="C17472" s="360"/>
      <c r="D17472" s="360"/>
      <c r="E17472" s="360"/>
      <c r="F17472" s="360"/>
      <c r="G17472" s="360"/>
      <c r="H17472" s="360"/>
      <c r="I17472" s="360"/>
      <c r="J17472" s="365"/>
      <c r="K17472" s="365"/>
      <c r="L17472" s="365"/>
    </row>
    <row r="17473" spans="2:12">
      <c r="B17473" s="367"/>
      <c r="C17473" s="359" t="s">
        <v>23554</v>
      </c>
      <c r="D17473" s="360"/>
      <c r="E17473" s="360"/>
      <c r="F17473" s="359" t="s">
        <v>14382</v>
      </c>
      <c r="G17473" s="359" t="s">
        <v>14383</v>
      </c>
      <c r="H17473" s="359" t="s">
        <v>14332</v>
      </c>
      <c r="I17473" s="359" t="s">
        <v>14383</v>
      </c>
      <c r="J17473" s="365"/>
      <c r="K17473" s="365"/>
      <c r="L17473" s="365"/>
    </row>
    <row r="17474" spans="2:12">
      <c r="B17474" s="367"/>
      <c r="C17474" s="360"/>
      <c r="D17474" s="360"/>
      <c r="E17474" s="360"/>
      <c r="F17474" s="360"/>
      <c r="G17474" s="360"/>
      <c r="H17474" s="360"/>
      <c r="I17474" s="360"/>
      <c r="J17474" s="365"/>
      <c r="K17474" s="365"/>
      <c r="L17474" s="365"/>
    </row>
    <row r="17475" spans="2:12">
      <c r="B17475" s="367"/>
      <c r="C17475" s="360"/>
      <c r="D17475" s="360"/>
      <c r="E17475" s="360"/>
      <c r="F17475" s="359" t="s">
        <v>14386</v>
      </c>
      <c r="G17475" s="359" t="s">
        <v>14387</v>
      </c>
      <c r="H17475" s="360"/>
      <c r="I17475" s="359" t="s">
        <v>14387</v>
      </c>
      <c r="J17475" s="365"/>
      <c r="K17475" s="365"/>
      <c r="L17475" s="365"/>
    </row>
    <row r="17476" spans="2:12">
      <c r="B17476" s="367"/>
      <c r="C17476" s="360"/>
      <c r="D17476" s="360"/>
      <c r="E17476" s="360"/>
      <c r="F17476" s="360"/>
      <c r="G17476" s="360"/>
      <c r="H17476" s="360"/>
      <c r="I17476" s="360"/>
      <c r="J17476" s="365"/>
      <c r="K17476" s="365"/>
      <c r="L17476" s="365"/>
    </row>
    <row r="17477" spans="2:12">
      <c r="B17477" s="367"/>
      <c r="C17477" s="360"/>
      <c r="D17477" s="360"/>
      <c r="E17477" s="360"/>
      <c r="F17477" s="359" t="s">
        <v>14391</v>
      </c>
      <c r="G17477" s="359" t="s">
        <v>14392</v>
      </c>
      <c r="H17477" s="360"/>
      <c r="I17477" s="359" t="s">
        <v>14392</v>
      </c>
      <c r="J17477" s="365"/>
      <c r="K17477" s="365"/>
      <c r="L17477" s="365"/>
    </row>
    <row r="17478" spans="2:12">
      <c r="B17478" s="367"/>
      <c r="C17478" s="360"/>
      <c r="D17478" s="360"/>
      <c r="E17478" s="360"/>
      <c r="F17478" s="360"/>
      <c r="G17478" s="360"/>
      <c r="H17478" s="360"/>
      <c r="I17478" s="360"/>
      <c r="J17478" s="365"/>
      <c r="K17478" s="365"/>
      <c r="L17478" s="365"/>
    </row>
    <row r="17479" spans="2:12">
      <c r="B17479" s="368"/>
      <c r="C17479" s="362"/>
      <c r="D17479" s="362"/>
      <c r="E17479" s="362"/>
      <c r="F17479" s="361" t="s">
        <v>14371</v>
      </c>
      <c r="G17479" s="361" t="s">
        <v>14372</v>
      </c>
      <c r="H17479" s="362"/>
      <c r="I17479" s="361" t="s">
        <v>14372</v>
      </c>
      <c r="J17479" s="366"/>
      <c r="K17479" s="366"/>
      <c r="L17479" s="366"/>
    </row>
    <row r="17480" spans="2:12">
      <c r="B17480" s="358" t="s">
        <v>23555</v>
      </c>
      <c r="C17480" s="358" t="s">
        <v>23556</v>
      </c>
      <c r="D17480" s="358" t="s">
        <v>23557</v>
      </c>
      <c r="E17480" s="358" t="s">
        <v>23558</v>
      </c>
      <c r="F17480" s="358" t="s">
        <v>14443</v>
      </c>
      <c r="G17480" s="358" t="s">
        <v>14444</v>
      </c>
      <c r="H17480" s="358" t="s">
        <v>14381</v>
      </c>
      <c r="I17480" s="358" t="s">
        <v>14444</v>
      </c>
      <c r="J17480" s="358"/>
      <c r="K17480" s="358"/>
      <c r="L17480" s="358"/>
    </row>
    <row r="17481" spans="2:12">
      <c r="B17481" s="367"/>
      <c r="C17481" s="360"/>
      <c r="D17481" s="367"/>
      <c r="E17481" s="367"/>
      <c r="F17481" s="360"/>
      <c r="G17481" s="360"/>
      <c r="H17481" s="360"/>
      <c r="I17481" s="360"/>
      <c r="J17481" s="365"/>
      <c r="K17481" s="365"/>
      <c r="L17481" s="365"/>
    </row>
    <row r="17482" spans="2:12">
      <c r="B17482" s="367"/>
      <c r="C17482" s="359" t="s">
        <v>23559</v>
      </c>
      <c r="D17482" s="367"/>
      <c r="E17482" s="367"/>
      <c r="F17482" s="359" t="s">
        <v>14420</v>
      </c>
      <c r="G17482" s="359" t="s">
        <v>14459</v>
      </c>
      <c r="H17482" s="359" t="s">
        <v>14367</v>
      </c>
      <c r="I17482" s="359" t="s">
        <v>14459</v>
      </c>
      <c r="J17482" s="365"/>
      <c r="K17482" s="365"/>
      <c r="L17482" s="365"/>
    </row>
    <row r="17483" spans="2:12">
      <c r="B17483" s="367"/>
      <c r="C17483" s="360"/>
      <c r="D17483" s="367"/>
      <c r="E17483" s="367"/>
      <c r="F17483" s="360"/>
      <c r="G17483" s="360"/>
      <c r="H17483" s="360"/>
      <c r="I17483" s="360"/>
      <c r="J17483" s="365"/>
      <c r="K17483" s="365"/>
      <c r="L17483" s="365"/>
    </row>
    <row r="17484" spans="2:12">
      <c r="B17484" s="367"/>
      <c r="C17484" s="360"/>
      <c r="D17484" s="367"/>
      <c r="E17484" s="367"/>
      <c r="F17484" s="359" t="s">
        <v>14420</v>
      </c>
      <c r="G17484" s="359" t="s">
        <v>14421</v>
      </c>
      <c r="H17484" s="359" t="s">
        <v>14370</v>
      </c>
      <c r="I17484" s="359" t="s">
        <v>14421</v>
      </c>
      <c r="J17484" s="365"/>
      <c r="K17484" s="365"/>
      <c r="L17484" s="365"/>
    </row>
    <row r="17485" spans="2:12">
      <c r="B17485" s="367"/>
      <c r="C17485" s="360"/>
      <c r="D17485" s="367"/>
      <c r="E17485" s="367"/>
      <c r="F17485" s="360"/>
      <c r="G17485" s="360"/>
      <c r="H17485" s="360"/>
      <c r="I17485" s="360"/>
      <c r="J17485" s="365"/>
      <c r="K17485" s="365"/>
      <c r="L17485" s="365"/>
    </row>
    <row r="17486" spans="2:12">
      <c r="B17486" s="367"/>
      <c r="C17486" s="360"/>
      <c r="D17486" s="367"/>
      <c r="E17486" s="367"/>
      <c r="F17486" s="359" t="s">
        <v>14420</v>
      </c>
      <c r="G17486" s="359" t="s">
        <v>14429</v>
      </c>
      <c r="H17486" s="359" t="s">
        <v>14422</v>
      </c>
      <c r="I17486" s="359" t="s">
        <v>14429</v>
      </c>
      <c r="J17486" s="365"/>
      <c r="K17486" s="365"/>
      <c r="L17486" s="365"/>
    </row>
    <row r="17487" spans="2:12">
      <c r="B17487" s="367"/>
      <c r="C17487" s="360"/>
      <c r="D17487" s="367"/>
      <c r="E17487" s="367"/>
      <c r="F17487" s="360"/>
      <c r="G17487" s="360"/>
      <c r="H17487" s="360"/>
      <c r="I17487" s="360"/>
      <c r="J17487" s="365"/>
      <c r="K17487" s="365"/>
      <c r="L17487" s="365"/>
    </row>
    <row r="17488" spans="2:12">
      <c r="B17488" s="367"/>
      <c r="C17488" s="360"/>
      <c r="D17488" s="367"/>
      <c r="E17488" s="367"/>
      <c r="F17488" s="359" t="s">
        <v>14368</v>
      </c>
      <c r="G17488" s="359" t="s">
        <v>14388</v>
      </c>
      <c r="H17488" s="360"/>
      <c r="I17488" s="359" t="s">
        <v>14388</v>
      </c>
      <c r="J17488" s="365"/>
      <c r="K17488" s="365"/>
      <c r="L17488" s="365"/>
    </row>
    <row r="17489" spans="2:12">
      <c r="B17489" s="367"/>
      <c r="C17489" s="360"/>
      <c r="D17489" s="367"/>
      <c r="E17489" s="367"/>
      <c r="F17489" s="360"/>
      <c r="G17489" s="360"/>
      <c r="H17489" s="360"/>
      <c r="I17489" s="360"/>
      <c r="J17489" s="365"/>
      <c r="K17489" s="365"/>
      <c r="L17489" s="365"/>
    </row>
    <row r="17490" spans="2:12">
      <c r="B17490" s="367"/>
      <c r="C17490" s="360"/>
      <c r="D17490" s="367"/>
      <c r="E17490" s="367"/>
      <c r="F17490" s="359" t="s">
        <v>14389</v>
      </c>
      <c r="G17490" s="359" t="s">
        <v>14390</v>
      </c>
      <c r="H17490" s="360"/>
      <c r="I17490" s="359" t="s">
        <v>14390</v>
      </c>
      <c r="J17490" s="365"/>
      <c r="K17490" s="365"/>
      <c r="L17490" s="365"/>
    </row>
    <row r="17491" spans="2:12">
      <c r="B17491" s="367"/>
      <c r="C17491" s="360"/>
      <c r="D17491" s="367"/>
      <c r="E17491" s="367"/>
      <c r="F17491" s="360"/>
      <c r="G17491" s="360"/>
      <c r="H17491" s="360"/>
      <c r="I17491" s="360"/>
      <c r="J17491" s="365"/>
      <c r="K17491" s="365"/>
      <c r="L17491" s="365"/>
    </row>
    <row r="17492" spans="2:12" ht="28.5">
      <c r="B17492" s="368"/>
      <c r="C17492" s="362"/>
      <c r="D17492" s="368"/>
      <c r="E17492" s="368"/>
      <c r="F17492" s="361" t="s">
        <v>14394</v>
      </c>
      <c r="G17492" s="361" t="s">
        <v>14395</v>
      </c>
      <c r="H17492" s="362"/>
      <c r="I17492" s="361" t="s">
        <v>14395</v>
      </c>
      <c r="J17492" s="366"/>
      <c r="K17492" s="366"/>
      <c r="L17492" s="366"/>
    </row>
    <row r="17493" spans="2:12">
      <c r="B17493" s="358" t="s">
        <v>23560</v>
      </c>
      <c r="C17493" s="358" t="s">
        <v>23561</v>
      </c>
      <c r="D17493" s="358" t="s">
        <v>23562</v>
      </c>
      <c r="E17493" s="358" t="s">
        <v>23563</v>
      </c>
      <c r="F17493" s="358" t="s">
        <v>14430</v>
      </c>
      <c r="G17493" s="358" t="s">
        <v>14431</v>
      </c>
      <c r="H17493" s="358" t="s">
        <v>14341</v>
      </c>
      <c r="I17493" s="358" t="s">
        <v>14431</v>
      </c>
      <c r="J17493" s="358"/>
      <c r="K17493" s="358"/>
      <c r="L17493" s="358"/>
    </row>
    <row r="17494" spans="2:12">
      <c r="B17494" s="367"/>
      <c r="C17494" s="360"/>
      <c r="D17494" s="367"/>
      <c r="E17494" s="367"/>
      <c r="F17494" s="360"/>
      <c r="G17494" s="360"/>
      <c r="H17494" s="360"/>
      <c r="I17494" s="360"/>
      <c r="J17494" s="365"/>
      <c r="K17494" s="365"/>
      <c r="L17494" s="365"/>
    </row>
    <row r="17495" spans="2:12">
      <c r="B17495" s="367"/>
      <c r="C17495" s="359" t="s">
        <v>23564</v>
      </c>
      <c r="D17495" s="367"/>
      <c r="E17495" s="367"/>
      <c r="F17495" s="359" t="s">
        <v>14371</v>
      </c>
      <c r="G17495" s="359" t="s">
        <v>14372</v>
      </c>
      <c r="H17495" s="359" t="s">
        <v>14370</v>
      </c>
      <c r="I17495" s="359" t="s">
        <v>14373</v>
      </c>
      <c r="J17495" s="365"/>
      <c r="K17495" s="365"/>
      <c r="L17495" s="365"/>
    </row>
    <row r="17496" spans="2:12">
      <c r="B17496" s="367"/>
      <c r="C17496" s="360"/>
      <c r="D17496" s="367"/>
      <c r="E17496" s="367"/>
      <c r="F17496" s="360"/>
      <c r="G17496" s="360"/>
      <c r="H17496" s="360"/>
      <c r="I17496" s="360"/>
      <c r="J17496" s="365"/>
      <c r="K17496" s="365"/>
      <c r="L17496" s="365"/>
    </row>
    <row r="17497" spans="2:12" ht="28.5">
      <c r="B17497" s="368"/>
      <c r="C17497" s="362"/>
      <c r="D17497" s="368"/>
      <c r="E17497" s="368"/>
      <c r="F17497" s="361" t="s">
        <v>14374</v>
      </c>
      <c r="G17497" s="361" t="s">
        <v>14373</v>
      </c>
      <c r="H17497" s="361" t="s">
        <v>14332</v>
      </c>
      <c r="I17497" s="362"/>
      <c r="J17497" s="366"/>
      <c r="K17497" s="366"/>
      <c r="L17497" s="366"/>
    </row>
    <row r="17498" spans="2:12">
      <c r="B17498" s="358" t="s">
        <v>23565</v>
      </c>
      <c r="C17498" s="358" t="s">
        <v>30374</v>
      </c>
      <c r="D17498" s="358" t="s">
        <v>8356</v>
      </c>
      <c r="E17498" s="358" t="s">
        <v>23566</v>
      </c>
      <c r="F17498" s="358" t="s">
        <v>14420</v>
      </c>
      <c r="G17498" s="358" t="s">
        <v>14429</v>
      </c>
      <c r="H17498" s="358" t="s">
        <v>14341</v>
      </c>
      <c r="I17498" s="358" t="s">
        <v>14429</v>
      </c>
      <c r="J17498" s="358"/>
      <c r="K17498" s="358"/>
      <c r="L17498" s="358"/>
    </row>
    <row r="17499" spans="2:12">
      <c r="B17499" s="367"/>
      <c r="C17499" s="360"/>
      <c r="D17499" s="367"/>
      <c r="E17499" s="367"/>
      <c r="F17499" s="360"/>
      <c r="G17499" s="360"/>
      <c r="H17499" s="360"/>
      <c r="I17499" s="360"/>
      <c r="J17499" s="365"/>
      <c r="K17499" s="365"/>
      <c r="L17499" s="365"/>
    </row>
    <row r="17500" spans="2:12">
      <c r="B17500" s="367"/>
      <c r="C17500" s="359" t="s">
        <v>23567</v>
      </c>
      <c r="D17500" s="367"/>
      <c r="E17500" s="367"/>
      <c r="F17500" s="359" t="s">
        <v>14430</v>
      </c>
      <c r="G17500" s="359" t="s">
        <v>14431</v>
      </c>
      <c r="H17500" s="359" t="s">
        <v>14367</v>
      </c>
      <c r="I17500" s="359" t="s">
        <v>14431</v>
      </c>
      <c r="J17500" s="365"/>
      <c r="K17500" s="365"/>
      <c r="L17500" s="365"/>
    </row>
    <row r="17501" spans="2:12">
      <c r="B17501" s="367"/>
      <c r="C17501" s="360"/>
      <c r="D17501" s="367"/>
      <c r="E17501" s="367"/>
      <c r="F17501" s="360"/>
      <c r="G17501" s="360"/>
      <c r="H17501" s="360"/>
      <c r="I17501" s="360"/>
      <c r="J17501" s="365"/>
      <c r="K17501" s="365"/>
      <c r="L17501" s="365"/>
    </row>
    <row r="17502" spans="2:12" ht="28.5">
      <c r="B17502" s="368"/>
      <c r="C17502" s="361" t="s">
        <v>27859</v>
      </c>
      <c r="D17502" s="368"/>
      <c r="E17502" s="368"/>
      <c r="F17502" s="362"/>
      <c r="G17502" s="362"/>
      <c r="H17502" s="361" t="s">
        <v>14332</v>
      </c>
      <c r="I17502" s="362"/>
      <c r="J17502" s="366"/>
      <c r="K17502" s="366"/>
      <c r="L17502" s="366"/>
    </row>
    <row r="17503" spans="2:12">
      <c r="B17503" s="358" t="s">
        <v>23568</v>
      </c>
      <c r="C17503" s="358" t="s">
        <v>23569</v>
      </c>
      <c r="D17503" s="358" t="s">
        <v>23570</v>
      </c>
      <c r="E17503" s="358" t="s">
        <v>23571</v>
      </c>
      <c r="F17503" s="358" t="s">
        <v>14420</v>
      </c>
      <c r="G17503" s="358" t="s">
        <v>14421</v>
      </c>
      <c r="H17503" s="358" t="s">
        <v>14381</v>
      </c>
      <c r="I17503" s="358" t="s">
        <v>14421</v>
      </c>
      <c r="J17503" s="358"/>
      <c r="K17503" s="358"/>
      <c r="L17503" s="358"/>
    </row>
    <row r="17504" spans="2:12">
      <c r="B17504" s="367"/>
      <c r="C17504" s="367"/>
      <c r="D17504" s="367"/>
      <c r="E17504" s="367"/>
      <c r="F17504" s="360"/>
      <c r="G17504" s="360"/>
      <c r="H17504" s="360"/>
      <c r="I17504" s="360"/>
      <c r="J17504" s="365"/>
      <c r="K17504" s="365"/>
      <c r="L17504" s="365"/>
    </row>
    <row r="17505" spans="2:12">
      <c r="B17505" s="367"/>
      <c r="C17505" s="367"/>
      <c r="D17505" s="367"/>
      <c r="E17505" s="367"/>
      <c r="F17505" s="359" t="s">
        <v>14420</v>
      </c>
      <c r="G17505" s="359" t="s">
        <v>14429</v>
      </c>
      <c r="H17505" s="359" t="s">
        <v>14341</v>
      </c>
      <c r="I17505" s="359" t="s">
        <v>14429</v>
      </c>
      <c r="J17505" s="365"/>
      <c r="K17505" s="365"/>
      <c r="L17505" s="365"/>
    </row>
    <row r="17506" spans="2:12">
      <c r="B17506" s="367"/>
      <c r="C17506" s="367"/>
      <c r="D17506" s="367"/>
      <c r="E17506" s="367"/>
      <c r="F17506" s="360"/>
      <c r="G17506" s="360"/>
      <c r="H17506" s="360"/>
      <c r="I17506" s="360"/>
      <c r="J17506" s="365"/>
      <c r="K17506" s="365"/>
      <c r="L17506" s="365"/>
    </row>
    <row r="17507" spans="2:12">
      <c r="B17507" s="367"/>
      <c r="C17507" s="367"/>
      <c r="D17507" s="367"/>
      <c r="E17507" s="367"/>
      <c r="F17507" s="359" t="s">
        <v>14460</v>
      </c>
      <c r="G17507" s="359" t="s">
        <v>14519</v>
      </c>
      <c r="H17507" s="359" t="s">
        <v>14367</v>
      </c>
      <c r="I17507" s="359" t="s">
        <v>14519</v>
      </c>
      <c r="J17507" s="365"/>
      <c r="K17507" s="365"/>
      <c r="L17507" s="365"/>
    </row>
    <row r="17508" spans="2:12">
      <c r="B17508" s="367"/>
      <c r="C17508" s="367"/>
      <c r="D17508" s="367"/>
      <c r="E17508" s="367"/>
      <c r="F17508" s="360"/>
      <c r="G17508" s="360"/>
      <c r="H17508" s="360"/>
      <c r="I17508" s="360"/>
      <c r="J17508" s="365"/>
      <c r="K17508" s="365"/>
      <c r="L17508" s="365"/>
    </row>
    <row r="17509" spans="2:12">
      <c r="B17509" s="367"/>
      <c r="C17509" s="367"/>
      <c r="D17509" s="367"/>
      <c r="E17509" s="367"/>
      <c r="F17509" s="359" t="s">
        <v>14356</v>
      </c>
      <c r="G17509" s="359" t="s">
        <v>14340</v>
      </c>
      <c r="H17509" s="359" t="s">
        <v>14332</v>
      </c>
      <c r="I17509" s="359" t="s">
        <v>14340</v>
      </c>
      <c r="J17509" s="365"/>
      <c r="K17509" s="365"/>
      <c r="L17509" s="365"/>
    </row>
    <row r="17510" spans="2:12">
      <c r="B17510" s="367"/>
      <c r="C17510" s="367"/>
      <c r="D17510" s="367"/>
      <c r="E17510" s="367"/>
      <c r="F17510" s="360"/>
      <c r="G17510" s="360"/>
      <c r="H17510" s="360"/>
      <c r="I17510" s="360"/>
      <c r="J17510" s="365"/>
      <c r="K17510" s="365"/>
      <c r="L17510" s="365"/>
    </row>
    <row r="17511" spans="2:12">
      <c r="B17511" s="367"/>
      <c r="C17511" s="367"/>
      <c r="D17511" s="367"/>
      <c r="E17511" s="367"/>
      <c r="F17511" s="359" t="s">
        <v>14391</v>
      </c>
      <c r="G17511" s="359" t="s">
        <v>14392</v>
      </c>
      <c r="H17511" s="360"/>
      <c r="I17511" s="359" t="s">
        <v>14392</v>
      </c>
      <c r="J17511" s="365"/>
      <c r="K17511" s="365"/>
      <c r="L17511" s="365"/>
    </row>
    <row r="17512" spans="2:12">
      <c r="B17512" s="367"/>
      <c r="C17512" s="367"/>
      <c r="D17512" s="367"/>
      <c r="E17512" s="367"/>
      <c r="F17512" s="360"/>
      <c r="G17512" s="360"/>
      <c r="H17512" s="360"/>
      <c r="I17512" s="360"/>
      <c r="J17512" s="365"/>
      <c r="K17512" s="365"/>
      <c r="L17512" s="365"/>
    </row>
    <row r="17513" spans="2:12" ht="28.5">
      <c r="B17513" s="368"/>
      <c r="C17513" s="368"/>
      <c r="D17513" s="368"/>
      <c r="E17513" s="368"/>
      <c r="F17513" s="361" t="s">
        <v>14472</v>
      </c>
      <c r="G17513" s="361" t="s">
        <v>14473</v>
      </c>
      <c r="H17513" s="362"/>
      <c r="I17513" s="361" t="s">
        <v>14473</v>
      </c>
      <c r="J17513" s="366"/>
      <c r="K17513" s="366"/>
      <c r="L17513" s="366"/>
    </row>
    <row r="17514" spans="2:12" ht="28.5">
      <c r="B17514" s="358" t="s">
        <v>23572</v>
      </c>
      <c r="C17514" s="358" t="s">
        <v>27860</v>
      </c>
      <c r="D17514" s="358" t="s">
        <v>23573</v>
      </c>
      <c r="E17514" s="358" t="s">
        <v>23574</v>
      </c>
      <c r="F17514" s="358" t="s">
        <v>14394</v>
      </c>
      <c r="G17514" s="358" t="s">
        <v>14395</v>
      </c>
      <c r="H17514" s="358" t="s">
        <v>14370</v>
      </c>
      <c r="I17514" s="358" t="s">
        <v>14395</v>
      </c>
      <c r="J17514" s="358"/>
      <c r="K17514" s="358"/>
      <c r="L17514" s="358"/>
    </row>
    <row r="17515" spans="2:12">
      <c r="B17515" s="368"/>
      <c r="C17515" s="368"/>
      <c r="D17515" s="368"/>
      <c r="E17515" s="368"/>
      <c r="F17515" s="368"/>
      <c r="G17515" s="368"/>
      <c r="H17515" s="368"/>
      <c r="I17515" s="368"/>
      <c r="J17515" s="366"/>
      <c r="K17515" s="366"/>
      <c r="L17515" s="366"/>
    </row>
    <row r="17516" spans="2:12" ht="28.5">
      <c r="B17516" s="358" t="s">
        <v>23575</v>
      </c>
      <c r="C17516" s="358" t="s">
        <v>29545</v>
      </c>
      <c r="D17516" s="358" t="s">
        <v>23576</v>
      </c>
      <c r="E17516" s="358" t="s">
        <v>23577</v>
      </c>
      <c r="F17516" s="358" t="s">
        <v>14430</v>
      </c>
      <c r="G17516" s="358" t="s">
        <v>14431</v>
      </c>
      <c r="H17516" s="358" t="s">
        <v>14341</v>
      </c>
      <c r="I17516" s="358" t="s">
        <v>14431</v>
      </c>
      <c r="J17516" s="358"/>
      <c r="K17516" s="358"/>
      <c r="L17516" s="358"/>
    </row>
    <row r="17517" spans="2:12">
      <c r="B17517" s="367"/>
      <c r="C17517" s="360"/>
      <c r="D17517" s="367"/>
      <c r="E17517" s="367"/>
      <c r="F17517" s="360"/>
      <c r="G17517" s="360"/>
      <c r="H17517" s="360"/>
      <c r="I17517" s="360"/>
      <c r="J17517" s="365"/>
      <c r="K17517" s="365"/>
      <c r="L17517" s="365"/>
    </row>
    <row r="17518" spans="2:12" ht="28.5">
      <c r="B17518" s="367"/>
      <c r="C17518" s="359" t="s">
        <v>27861</v>
      </c>
      <c r="D17518" s="367"/>
      <c r="E17518" s="367"/>
      <c r="F17518" s="359" t="s">
        <v>14391</v>
      </c>
      <c r="G17518" s="359" t="s">
        <v>14392</v>
      </c>
      <c r="H17518" s="359" t="s">
        <v>14367</v>
      </c>
      <c r="I17518" s="359" t="s">
        <v>14392</v>
      </c>
      <c r="J17518" s="365"/>
      <c r="K17518" s="365"/>
      <c r="L17518" s="365"/>
    </row>
    <row r="17519" spans="2:12">
      <c r="B17519" s="367"/>
      <c r="C17519" s="360"/>
      <c r="D17519" s="367"/>
      <c r="E17519" s="367"/>
      <c r="F17519" s="360"/>
      <c r="G17519" s="360"/>
      <c r="H17519" s="360"/>
      <c r="I17519" s="360"/>
      <c r="J17519" s="365"/>
      <c r="K17519" s="365"/>
      <c r="L17519" s="365"/>
    </row>
    <row r="17520" spans="2:12" ht="28.5">
      <c r="B17520" s="368"/>
      <c r="C17520" s="362"/>
      <c r="D17520" s="368"/>
      <c r="E17520" s="368"/>
      <c r="F17520" s="361" t="s">
        <v>14472</v>
      </c>
      <c r="G17520" s="361" t="s">
        <v>14473</v>
      </c>
      <c r="H17520" s="361" t="s">
        <v>14332</v>
      </c>
      <c r="I17520" s="361" t="s">
        <v>14473</v>
      </c>
      <c r="J17520" s="366"/>
      <c r="K17520" s="366"/>
      <c r="L17520" s="366"/>
    </row>
    <row r="17521" spans="2:12" ht="28.5">
      <c r="B17521" s="358" t="s">
        <v>23578</v>
      </c>
      <c r="C17521" s="358" t="s">
        <v>30375</v>
      </c>
      <c r="D17521" s="358" t="s">
        <v>23579</v>
      </c>
      <c r="E17521" s="358" t="s">
        <v>8356</v>
      </c>
      <c r="F17521" s="358" t="s">
        <v>14420</v>
      </c>
      <c r="G17521" s="358" t="s">
        <v>14429</v>
      </c>
      <c r="H17521" s="358" t="s">
        <v>14381</v>
      </c>
      <c r="I17521" s="358" t="s">
        <v>14429</v>
      </c>
      <c r="J17521" s="358"/>
      <c r="K17521" s="358"/>
      <c r="L17521" s="358"/>
    </row>
    <row r="17522" spans="2:12">
      <c r="B17522" s="367"/>
      <c r="C17522" s="367"/>
      <c r="D17522" s="367"/>
      <c r="E17522" s="367"/>
      <c r="F17522" s="360"/>
      <c r="G17522" s="360"/>
      <c r="H17522" s="360"/>
      <c r="I17522" s="360"/>
      <c r="J17522" s="365"/>
      <c r="K17522" s="365"/>
      <c r="L17522" s="365"/>
    </row>
    <row r="17523" spans="2:12">
      <c r="B17523" s="367"/>
      <c r="C17523" s="367"/>
      <c r="D17523" s="367"/>
      <c r="E17523" s="367"/>
      <c r="F17523" s="359" t="s">
        <v>14460</v>
      </c>
      <c r="G17523" s="359" t="s">
        <v>14519</v>
      </c>
      <c r="H17523" s="359" t="s">
        <v>14341</v>
      </c>
      <c r="I17523" s="359" t="s">
        <v>14519</v>
      </c>
      <c r="J17523" s="365"/>
      <c r="K17523" s="365"/>
      <c r="L17523" s="365"/>
    </row>
    <row r="17524" spans="2:12">
      <c r="B17524" s="367"/>
      <c r="C17524" s="367"/>
      <c r="D17524" s="367"/>
      <c r="E17524" s="367"/>
      <c r="F17524" s="360"/>
      <c r="G17524" s="360"/>
      <c r="H17524" s="360"/>
      <c r="I17524" s="360"/>
      <c r="J17524" s="365"/>
      <c r="K17524" s="365"/>
      <c r="L17524" s="365"/>
    </row>
    <row r="17525" spans="2:12">
      <c r="B17525" s="367"/>
      <c r="C17525" s="367"/>
      <c r="D17525" s="367"/>
      <c r="E17525" s="367"/>
      <c r="F17525" s="359" t="s">
        <v>14430</v>
      </c>
      <c r="G17525" s="359" t="s">
        <v>14431</v>
      </c>
      <c r="H17525" s="359" t="s">
        <v>14367</v>
      </c>
      <c r="I17525" s="359" t="s">
        <v>14431</v>
      </c>
      <c r="J17525" s="365"/>
      <c r="K17525" s="365"/>
      <c r="L17525" s="365"/>
    </row>
    <row r="17526" spans="2:12">
      <c r="B17526" s="367"/>
      <c r="C17526" s="367"/>
      <c r="D17526" s="367"/>
      <c r="E17526" s="367"/>
      <c r="F17526" s="360"/>
      <c r="G17526" s="360"/>
      <c r="H17526" s="360"/>
      <c r="I17526" s="360"/>
      <c r="J17526" s="365"/>
      <c r="K17526" s="365"/>
      <c r="L17526" s="365"/>
    </row>
    <row r="17527" spans="2:12">
      <c r="B17527" s="367"/>
      <c r="C17527" s="367"/>
      <c r="D17527" s="367"/>
      <c r="E17527" s="367"/>
      <c r="F17527" s="359" t="s">
        <v>14391</v>
      </c>
      <c r="G17527" s="359" t="s">
        <v>14392</v>
      </c>
      <c r="H17527" s="359" t="s">
        <v>14370</v>
      </c>
      <c r="I17527" s="359" t="s">
        <v>14392</v>
      </c>
      <c r="J17527" s="365"/>
      <c r="K17527" s="365"/>
      <c r="L17527" s="365"/>
    </row>
    <row r="17528" spans="2:12">
      <c r="B17528" s="367"/>
      <c r="C17528" s="367"/>
      <c r="D17528" s="367"/>
      <c r="E17528" s="367"/>
      <c r="F17528" s="360"/>
      <c r="G17528" s="360"/>
      <c r="H17528" s="360"/>
      <c r="I17528" s="360"/>
      <c r="J17528" s="365"/>
      <c r="K17528" s="365"/>
      <c r="L17528" s="365"/>
    </row>
    <row r="17529" spans="2:12" ht="28.5">
      <c r="B17529" s="368"/>
      <c r="C17529" s="368"/>
      <c r="D17529" s="368"/>
      <c r="E17529" s="368"/>
      <c r="F17529" s="361" t="s">
        <v>14394</v>
      </c>
      <c r="G17529" s="361" t="s">
        <v>14395</v>
      </c>
      <c r="H17529" s="361" t="s">
        <v>14332</v>
      </c>
      <c r="I17529" s="361" t="s">
        <v>14395</v>
      </c>
      <c r="J17529" s="366"/>
      <c r="K17529" s="366"/>
      <c r="L17529" s="366"/>
    </row>
    <row r="17530" spans="2:12">
      <c r="B17530" s="358" t="s">
        <v>23580</v>
      </c>
      <c r="C17530" s="358" t="s">
        <v>23581</v>
      </c>
      <c r="D17530" s="358" t="s">
        <v>23582</v>
      </c>
      <c r="E17530" s="358" t="s">
        <v>23583</v>
      </c>
      <c r="F17530" s="358" t="s">
        <v>14420</v>
      </c>
      <c r="G17530" s="358" t="s">
        <v>14421</v>
      </c>
      <c r="H17530" s="358" t="s">
        <v>14367</v>
      </c>
      <c r="I17530" s="358" t="s">
        <v>14421</v>
      </c>
      <c r="J17530" s="358"/>
      <c r="K17530" s="358"/>
      <c r="L17530" s="358"/>
    </row>
    <row r="17531" spans="2:12">
      <c r="B17531" s="367"/>
      <c r="C17531" s="367"/>
      <c r="D17531" s="367"/>
      <c r="E17531" s="367"/>
      <c r="F17531" s="360"/>
      <c r="G17531" s="360"/>
      <c r="H17531" s="360"/>
      <c r="I17531" s="360"/>
      <c r="J17531" s="365"/>
      <c r="K17531" s="365"/>
      <c r="L17531" s="365"/>
    </row>
    <row r="17532" spans="2:12" ht="42.75">
      <c r="B17532" s="367"/>
      <c r="C17532" s="367"/>
      <c r="D17532" s="367"/>
      <c r="E17532" s="367"/>
      <c r="F17532" s="359" t="s">
        <v>29546</v>
      </c>
      <c r="G17532" s="359" t="s">
        <v>14429</v>
      </c>
      <c r="H17532" s="359" t="s">
        <v>14370</v>
      </c>
      <c r="I17532" s="359" t="s">
        <v>14429</v>
      </c>
      <c r="J17532" s="365"/>
      <c r="K17532" s="365"/>
      <c r="L17532" s="365"/>
    </row>
    <row r="17533" spans="2:12">
      <c r="B17533" s="367"/>
      <c r="C17533" s="367"/>
      <c r="D17533" s="367"/>
      <c r="E17533" s="367"/>
      <c r="F17533" s="360"/>
      <c r="G17533" s="360"/>
      <c r="H17533" s="360"/>
      <c r="I17533" s="360"/>
      <c r="J17533" s="365"/>
      <c r="K17533" s="365"/>
      <c r="L17533" s="365"/>
    </row>
    <row r="17534" spans="2:12">
      <c r="B17534" s="368"/>
      <c r="C17534" s="368"/>
      <c r="D17534" s="368"/>
      <c r="E17534" s="368"/>
      <c r="F17534" s="362"/>
      <c r="G17534" s="361" t="s">
        <v>14395</v>
      </c>
      <c r="H17534" s="361" t="s">
        <v>14422</v>
      </c>
      <c r="I17534" s="361" t="s">
        <v>14395</v>
      </c>
      <c r="J17534" s="366"/>
      <c r="K17534" s="366"/>
      <c r="L17534" s="366"/>
    </row>
    <row r="17535" spans="2:12">
      <c r="B17535" s="358" t="s">
        <v>23584</v>
      </c>
      <c r="C17535" s="358" t="s">
        <v>27862</v>
      </c>
      <c r="D17535" s="358" t="s">
        <v>23585</v>
      </c>
      <c r="E17535" s="358" t="s">
        <v>23586</v>
      </c>
      <c r="F17535" s="358" t="s">
        <v>14505</v>
      </c>
      <c r="G17535" s="358" t="s">
        <v>14506</v>
      </c>
      <c r="H17535" s="358" t="s">
        <v>14328</v>
      </c>
      <c r="I17535" s="358" t="s">
        <v>14506</v>
      </c>
      <c r="J17535" s="358"/>
      <c r="K17535" s="358"/>
      <c r="L17535" s="358"/>
    </row>
    <row r="17536" spans="2:12">
      <c r="B17536" s="367"/>
      <c r="C17536" s="367"/>
      <c r="D17536" s="367"/>
      <c r="E17536" s="367"/>
      <c r="F17536" s="360"/>
      <c r="G17536" s="360"/>
      <c r="H17536" s="360"/>
      <c r="I17536" s="360"/>
      <c r="J17536" s="365"/>
      <c r="K17536" s="365"/>
      <c r="L17536" s="365"/>
    </row>
    <row r="17537" spans="2:12">
      <c r="B17537" s="367"/>
      <c r="C17537" s="367"/>
      <c r="D17537" s="367"/>
      <c r="E17537" s="367"/>
      <c r="F17537" s="359" t="s">
        <v>14384</v>
      </c>
      <c r="G17537" s="359" t="s">
        <v>14428</v>
      </c>
      <c r="H17537" s="359" t="s">
        <v>14341</v>
      </c>
      <c r="I17537" s="359" t="s">
        <v>14428</v>
      </c>
      <c r="J17537" s="365"/>
      <c r="K17537" s="365"/>
      <c r="L17537" s="365"/>
    </row>
    <row r="17538" spans="2:12">
      <c r="B17538" s="367"/>
      <c r="C17538" s="367"/>
      <c r="D17538" s="367"/>
      <c r="E17538" s="367"/>
      <c r="F17538" s="360"/>
      <c r="G17538" s="360"/>
      <c r="H17538" s="360"/>
      <c r="I17538" s="360"/>
      <c r="J17538" s="365"/>
      <c r="K17538" s="365"/>
      <c r="L17538" s="365"/>
    </row>
    <row r="17539" spans="2:12">
      <c r="B17539" s="367"/>
      <c r="C17539" s="367"/>
      <c r="D17539" s="367"/>
      <c r="E17539" s="367"/>
      <c r="F17539" s="359" t="s">
        <v>14420</v>
      </c>
      <c r="G17539" s="359" t="s">
        <v>14429</v>
      </c>
      <c r="H17539" s="359" t="s">
        <v>14381</v>
      </c>
      <c r="I17539" s="359" t="s">
        <v>14429</v>
      </c>
      <c r="J17539" s="365"/>
      <c r="K17539" s="365"/>
      <c r="L17539" s="365"/>
    </row>
    <row r="17540" spans="2:12">
      <c r="B17540" s="367"/>
      <c r="C17540" s="367"/>
      <c r="D17540" s="367"/>
      <c r="E17540" s="367"/>
      <c r="F17540" s="360"/>
      <c r="G17540" s="360"/>
      <c r="H17540" s="360"/>
      <c r="I17540" s="360"/>
      <c r="J17540" s="365"/>
      <c r="K17540" s="365"/>
      <c r="L17540" s="365"/>
    </row>
    <row r="17541" spans="2:12">
      <c r="B17541" s="367"/>
      <c r="C17541" s="367"/>
      <c r="D17541" s="367"/>
      <c r="E17541" s="367"/>
      <c r="F17541" s="359" t="s">
        <v>14430</v>
      </c>
      <c r="G17541" s="359" t="s">
        <v>14431</v>
      </c>
      <c r="H17541" s="359" t="s">
        <v>14367</v>
      </c>
      <c r="I17541" s="359" t="s">
        <v>14431</v>
      </c>
      <c r="J17541" s="365"/>
      <c r="K17541" s="365"/>
      <c r="L17541" s="365"/>
    </row>
    <row r="17542" spans="2:12">
      <c r="B17542" s="367"/>
      <c r="C17542" s="367"/>
      <c r="D17542" s="367"/>
      <c r="E17542" s="367"/>
      <c r="F17542" s="360"/>
      <c r="G17542" s="360"/>
      <c r="H17542" s="360"/>
      <c r="I17542" s="360"/>
      <c r="J17542" s="365"/>
      <c r="K17542" s="365"/>
      <c r="L17542" s="365"/>
    </row>
    <row r="17543" spans="2:12">
      <c r="B17543" s="367"/>
      <c r="C17543" s="367"/>
      <c r="D17543" s="367"/>
      <c r="E17543" s="367"/>
      <c r="F17543" s="359" t="s">
        <v>14391</v>
      </c>
      <c r="G17543" s="359" t="s">
        <v>14392</v>
      </c>
      <c r="H17543" s="359" t="s">
        <v>14370</v>
      </c>
      <c r="I17543" s="359" t="s">
        <v>14392</v>
      </c>
      <c r="J17543" s="365"/>
      <c r="K17543" s="365"/>
      <c r="L17543" s="365"/>
    </row>
    <row r="17544" spans="2:12">
      <c r="B17544" s="367"/>
      <c r="C17544" s="367"/>
      <c r="D17544" s="367"/>
      <c r="E17544" s="367"/>
      <c r="F17544" s="360"/>
      <c r="G17544" s="360"/>
      <c r="H17544" s="360"/>
      <c r="I17544" s="360"/>
      <c r="J17544" s="365"/>
      <c r="K17544" s="365"/>
      <c r="L17544" s="365"/>
    </row>
    <row r="17545" spans="2:12">
      <c r="B17545" s="367"/>
      <c r="C17545" s="367"/>
      <c r="D17545" s="367"/>
      <c r="E17545" s="367"/>
      <c r="F17545" s="359" t="s">
        <v>14371</v>
      </c>
      <c r="G17545" s="359" t="s">
        <v>14372</v>
      </c>
      <c r="H17545" s="359" t="s">
        <v>14332</v>
      </c>
      <c r="I17545" s="359" t="s">
        <v>14373</v>
      </c>
      <c r="J17545" s="365"/>
      <c r="K17545" s="365"/>
      <c r="L17545" s="365"/>
    </row>
    <row r="17546" spans="2:12">
      <c r="B17546" s="367"/>
      <c r="C17546" s="367"/>
      <c r="D17546" s="367"/>
      <c r="E17546" s="367"/>
      <c r="F17546" s="360"/>
      <c r="G17546" s="360"/>
      <c r="H17546" s="360"/>
      <c r="I17546" s="360"/>
      <c r="J17546" s="365"/>
      <c r="K17546" s="365"/>
      <c r="L17546" s="365"/>
    </row>
    <row r="17547" spans="2:12" ht="28.5">
      <c r="B17547" s="368"/>
      <c r="C17547" s="368"/>
      <c r="D17547" s="368"/>
      <c r="E17547" s="368"/>
      <c r="F17547" s="361" t="s">
        <v>14374</v>
      </c>
      <c r="G17547" s="361" t="s">
        <v>14373</v>
      </c>
      <c r="H17547" s="362"/>
      <c r="I17547" s="362"/>
      <c r="J17547" s="366"/>
      <c r="K17547" s="366"/>
      <c r="L17547" s="366"/>
    </row>
    <row r="17548" spans="2:12" ht="28.5">
      <c r="B17548" s="358" t="s">
        <v>23587</v>
      </c>
      <c r="C17548" s="358" t="s">
        <v>27863</v>
      </c>
      <c r="D17548" s="358" t="s">
        <v>23588</v>
      </c>
      <c r="E17548" s="358" t="s">
        <v>8356</v>
      </c>
      <c r="F17548" s="358" t="s">
        <v>14420</v>
      </c>
      <c r="G17548" s="358" t="s">
        <v>14429</v>
      </c>
      <c r="H17548" s="358" t="s">
        <v>14367</v>
      </c>
      <c r="I17548" s="358" t="s">
        <v>14429</v>
      </c>
      <c r="J17548" s="358"/>
      <c r="K17548" s="358"/>
      <c r="L17548" s="358"/>
    </row>
    <row r="17549" spans="2:12">
      <c r="B17549" s="367"/>
      <c r="C17549" s="367"/>
      <c r="D17549" s="367"/>
      <c r="E17549" s="367"/>
      <c r="F17549" s="360"/>
      <c r="G17549" s="360"/>
      <c r="H17549" s="360"/>
      <c r="I17549" s="360"/>
      <c r="J17549" s="365"/>
      <c r="K17549" s="365"/>
      <c r="L17549" s="365"/>
    </row>
    <row r="17550" spans="2:12">
      <c r="B17550" s="367"/>
      <c r="C17550" s="367"/>
      <c r="D17550" s="367"/>
      <c r="E17550" s="367"/>
      <c r="F17550" s="359" t="s">
        <v>14391</v>
      </c>
      <c r="G17550" s="359" t="s">
        <v>14392</v>
      </c>
      <c r="H17550" s="359" t="s">
        <v>14370</v>
      </c>
      <c r="I17550" s="359" t="s">
        <v>14392</v>
      </c>
      <c r="J17550" s="365"/>
      <c r="K17550" s="365"/>
      <c r="L17550" s="365"/>
    </row>
    <row r="17551" spans="2:12">
      <c r="B17551" s="367"/>
      <c r="C17551" s="367"/>
      <c r="D17551" s="367"/>
      <c r="E17551" s="367"/>
      <c r="F17551" s="360"/>
      <c r="G17551" s="360"/>
      <c r="H17551" s="360"/>
      <c r="I17551" s="360"/>
      <c r="J17551" s="365"/>
      <c r="K17551" s="365"/>
      <c r="L17551" s="365"/>
    </row>
    <row r="17552" spans="2:12">
      <c r="B17552" s="367"/>
      <c r="C17552" s="367"/>
      <c r="D17552" s="367"/>
      <c r="E17552" s="367"/>
      <c r="F17552" s="359" t="s">
        <v>14371</v>
      </c>
      <c r="G17552" s="359" t="s">
        <v>14372</v>
      </c>
      <c r="H17552" s="359" t="s">
        <v>14422</v>
      </c>
      <c r="I17552" s="359" t="s">
        <v>14373</v>
      </c>
      <c r="J17552" s="365"/>
      <c r="K17552" s="365"/>
      <c r="L17552" s="365"/>
    </row>
    <row r="17553" spans="2:12">
      <c r="B17553" s="367"/>
      <c r="C17553" s="367"/>
      <c r="D17553" s="367"/>
      <c r="E17553" s="367"/>
      <c r="F17553" s="360"/>
      <c r="G17553" s="360"/>
      <c r="H17553" s="360"/>
      <c r="I17553" s="360"/>
      <c r="J17553" s="365"/>
      <c r="K17553" s="365"/>
      <c r="L17553" s="365"/>
    </row>
    <row r="17554" spans="2:12" ht="28.5">
      <c r="B17554" s="368"/>
      <c r="C17554" s="368"/>
      <c r="D17554" s="368"/>
      <c r="E17554" s="368"/>
      <c r="F17554" s="361" t="s">
        <v>14374</v>
      </c>
      <c r="G17554" s="361" t="s">
        <v>14373</v>
      </c>
      <c r="H17554" s="362"/>
      <c r="I17554" s="362"/>
      <c r="J17554" s="366"/>
      <c r="K17554" s="366"/>
      <c r="L17554" s="366"/>
    </row>
    <row r="17555" spans="2:12" ht="28.5">
      <c r="B17555" s="358" t="s">
        <v>23589</v>
      </c>
      <c r="C17555" s="358" t="s">
        <v>27864</v>
      </c>
      <c r="D17555" s="358" t="s">
        <v>23590</v>
      </c>
      <c r="E17555" s="358" t="s">
        <v>23591</v>
      </c>
      <c r="F17555" s="358" t="s">
        <v>14426</v>
      </c>
      <c r="G17555" s="358" t="s">
        <v>14427</v>
      </c>
      <c r="H17555" s="358" t="s">
        <v>14381</v>
      </c>
      <c r="I17555" s="358" t="s">
        <v>14427</v>
      </c>
      <c r="J17555" s="358"/>
      <c r="K17555" s="358"/>
      <c r="L17555" s="358"/>
    </row>
    <row r="17556" spans="2:12">
      <c r="B17556" s="367"/>
      <c r="C17556" s="367"/>
      <c r="D17556" s="367"/>
      <c r="E17556" s="367"/>
      <c r="F17556" s="360"/>
      <c r="G17556" s="360"/>
      <c r="H17556" s="360"/>
      <c r="I17556" s="360"/>
      <c r="J17556" s="365"/>
      <c r="K17556" s="365"/>
      <c r="L17556" s="365"/>
    </row>
    <row r="17557" spans="2:12">
      <c r="B17557" s="367"/>
      <c r="C17557" s="367"/>
      <c r="D17557" s="367"/>
      <c r="E17557" s="367"/>
      <c r="F17557" s="359" t="s">
        <v>14391</v>
      </c>
      <c r="G17557" s="359" t="s">
        <v>14392</v>
      </c>
      <c r="H17557" s="359" t="s">
        <v>14370</v>
      </c>
      <c r="I17557" s="359" t="s">
        <v>14392</v>
      </c>
      <c r="J17557" s="365"/>
      <c r="K17557" s="365"/>
      <c r="L17557" s="365"/>
    </row>
    <row r="17558" spans="2:12">
      <c r="B17558" s="367"/>
      <c r="C17558" s="367"/>
      <c r="D17558" s="367"/>
      <c r="E17558" s="367"/>
      <c r="F17558" s="360"/>
      <c r="G17558" s="360"/>
      <c r="H17558" s="360"/>
      <c r="I17558" s="360"/>
      <c r="J17558" s="365"/>
      <c r="K17558" s="365"/>
      <c r="L17558" s="365"/>
    </row>
    <row r="17559" spans="2:12" ht="28.5">
      <c r="B17559" s="368"/>
      <c r="C17559" s="368"/>
      <c r="D17559" s="368"/>
      <c r="E17559" s="368"/>
      <c r="F17559" s="361" t="s">
        <v>14394</v>
      </c>
      <c r="G17559" s="361" t="s">
        <v>14395</v>
      </c>
      <c r="H17559" s="361" t="s">
        <v>14422</v>
      </c>
      <c r="I17559" s="361" t="s">
        <v>14395</v>
      </c>
      <c r="J17559" s="366"/>
      <c r="K17559" s="366"/>
      <c r="L17559" s="366"/>
    </row>
    <row r="17560" spans="2:12">
      <c r="B17560" s="358" t="s">
        <v>23592</v>
      </c>
      <c r="C17560" s="358" t="s">
        <v>27865</v>
      </c>
      <c r="D17560" s="358" t="s">
        <v>23593</v>
      </c>
      <c r="E17560" s="358" t="s">
        <v>23594</v>
      </c>
      <c r="F17560" s="358" t="s">
        <v>14420</v>
      </c>
      <c r="G17560" s="358" t="s">
        <v>14429</v>
      </c>
      <c r="H17560" s="358" t="s">
        <v>14381</v>
      </c>
      <c r="I17560" s="358" t="s">
        <v>14429</v>
      </c>
      <c r="J17560" s="358"/>
      <c r="K17560" s="358"/>
      <c r="L17560" s="358"/>
    </row>
    <row r="17561" spans="2:12">
      <c r="B17561" s="367"/>
      <c r="C17561" s="367"/>
      <c r="D17561" s="367"/>
      <c r="E17561" s="367"/>
      <c r="F17561" s="360"/>
      <c r="G17561" s="360"/>
      <c r="H17561" s="360"/>
      <c r="I17561" s="360"/>
      <c r="J17561" s="365"/>
      <c r="K17561" s="365"/>
      <c r="L17561" s="365"/>
    </row>
    <row r="17562" spans="2:12">
      <c r="B17562" s="367"/>
      <c r="C17562" s="367"/>
      <c r="D17562" s="367"/>
      <c r="E17562" s="367"/>
      <c r="F17562" s="359" t="s">
        <v>14460</v>
      </c>
      <c r="G17562" s="359" t="s">
        <v>14519</v>
      </c>
      <c r="H17562" s="359" t="s">
        <v>14341</v>
      </c>
      <c r="I17562" s="359" t="s">
        <v>14519</v>
      </c>
      <c r="J17562" s="365"/>
      <c r="K17562" s="365"/>
      <c r="L17562" s="365"/>
    </row>
    <row r="17563" spans="2:12">
      <c r="B17563" s="367"/>
      <c r="C17563" s="367"/>
      <c r="D17563" s="367"/>
      <c r="E17563" s="367"/>
      <c r="F17563" s="360"/>
      <c r="G17563" s="360"/>
      <c r="H17563" s="360"/>
      <c r="I17563" s="360"/>
      <c r="J17563" s="365"/>
      <c r="K17563" s="365"/>
      <c r="L17563" s="365"/>
    </row>
    <row r="17564" spans="2:12">
      <c r="B17564" s="367"/>
      <c r="C17564" s="367"/>
      <c r="D17564" s="367"/>
      <c r="E17564" s="367"/>
      <c r="F17564" s="359" t="s">
        <v>14339</v>
      </c>
      <c r="G17564" s="359" t="s">
        <v>14340</v>
      </c>
      <c r="H17564" s="359" t="s">
        <v>14367</v>
      </c>
      <c r="I17564" s="359" t="s">
        <v>14340</v>
      </c>
      <c r="J17564" s="365"/>
      <c r="K17564" s="365"/>
      <c r="L17564" s="365"/>
    </row>
    <row r="17565" spans="2:12">
      <c r="B17565" s="367"/>
      <c r="C17565" s="367"/>
      <c r="D17565" s="367"/>
      <c r="E17565" s="367"/>
      <c r="F17565" s="360"/>
      <c r="G17565" s="360"/>
      <c r="H17565" s="360"/>
      <c r="I17565" s="360"/>
      <c r="J17565" s="365"/>
      <c r="K17565" s="365"/>
      <c r="L17565" s="365"/>
    </row>
    <row r="17566" spans="2:12" ht="28.5">
      <c r="B17566" s="368"/>
      <c r="C17566" s="368"/>
      <c r="D17566" s="368"/>
      <c r="E17566" s="368"/>
      <c r="F17566" s="361" t="s">
        <v>14472</v>
      </c>
      <c r="G17566" s="361" t="s">
        <v>14473</v>
      </c>
      <c r="H17566" s="361" t="s">
        <v>14332</v>
      </c>
      <c r="I17566" s="361" t="s">
        <v>14473</v>
      </c>
      <c r="J17566" s="366"/>
      <c r="K17566" s="366"/>
      <c r="L17566" s="366"/>
    </row>
    <row r="17567" spans="2:12" ht="28.5">
      <c r="B17567" s="358" t="s">
        <v>23595</v>
      </c>
      <c r="C17567" s="358" t="s">
        <v>27866</v>
      </c>
      <c r="D17567" s="358" t="s">
        <v>23596</v>
      </c>
      <c r="E17567" s="358" t="s">
        <v>23597</v>
      </c>
      <c r="F17567" s="358" t="s">
        <v>14430</v>
      </c>
      <c r="G17567" s="358" t="s">
        <v>14431</v>
      </c>
      <c r="H17567" s="358" t="s">
        <v>14341</v>
      </c>
      <c r="I17567" s="358" t="s">
        <v>14431</v>
      </c>
      <c r="J17567" s="358"/>
      <c r="K17567" s="358"/>
      <c r="L17567" s="358"/>
    </row>
    <row r="17568" spans="2:12">
      <c r="B17568" s="367"/>
      <c r="C17568" s="367"/>
      <c r="D17568" s="367"/>
      <c r="E17568" s="367"/>
      <c r="F17568" s="360"/>
      <c r="G17568" s="360"/>
      <c r="H17568" s="360"/>
      <c r="I17568" s="360"/>
      <c r="J17568" s="365"/>
      <c r="K17568" s="365"/>
      <c r="L17568" s="365"/>
    </row>
    <row r="17569" spans="2:12">
      <c r="B17569" s="367"/>
      <c r="C17569" s="367"/>
      <c r="D17569" s="367"/>
      <c r="E17569" s="367"/>
      <c r="F17569" s="359" t="s">
        <v>14391</v>
      </c>
      <c r="G17569" s="359" t="s">
        <v>14392</v>
      </c>
      <c r="H17569" s="359" t="s">
        <v>14367</v>
      </c>
      <c r="I17569" s="359" t="s">
        <v>14392</v>
      </c>
      <c r="J17569" s="365"/>
      <c r="K17569" s="365"/>
      <c r="L17569" s="365"/>
    </row>
    <row r="17570" spans="2:12">
      <c r="B17570" s="367"/>
      <c r="C17570" s="367"/>
      <c r="D17570" s="367"/>
      <c r="E17570" s="367"/>
      <c r="F17570" s="360"/>
      <c r="G17570" s="360"/>
      <c r="H17570" s="360"/>
      <c r="I17570" s="360"/>
      <c r="J17570" s="365"/>
      <c r="K17570" s="365"/>
      <c r="L17570" s="365"/>
    </row>
    <row r="17571" spans="2:12" ht="28.5">
      <c r="B17571" s="367"/>
      <c r="C17571" s="367"/>
      <c r="D17571" s="367"/>
      <c r="E17571" s="367"/>
      <c r="F17571" s="359" t="s">
        <v>14394</v>
      </c>
      <c r="G17571" s="359" t="s">
        <v>14395</v>
      </c>
      <c r="H17571" s="359" t="s">
        <v>14370</v>
      </c>
      <c r="I17571" s="359" t="s">
        <v>14395</v>
      </c>
      <c r="J17571" s="365"/>
      <c r="K17571" s="365"/>
      <c r="L17571" s="365"/>
    </row>
    <row r="17572" spans="2:12">
      <c r="B17572" s="367"/>
      <c r="C17572" s="367"/>
      <c r="D17572" s="367"/>
      <c r="E17572" s="367"/>
      <c r="F17572" s="360"/>
      <c r="G17572" s="360"/>
      <c r="H17572" s="360"/>
      <c r="I17572" s="360"/>
      <c r="J17572" s="365"/>
      <c r="K17572" s="365"/>
      <c r="L17572" s="365"/>
    </row>
    <row r="17573" spans="2:12">
      <c r="B17573" s="368"/>
      <c r="C17573" s="368"/>
      <c r="D17573" s="368"/>
      <c r="E17573" s="368"/>
      <c r="F17573" s="362"/>
      <c r="G17573" s="362"/>
      <c r="H17573" s="361" t="s">
        <v>14332</v>
      </c>
      <c r="I17573" s="362"/>
      <c r="J17573" s="366"/>
      <c r="K17573" s="366"/>
      <c r="L17573" s="366"/>
    </row>
    <row r="17574" spans="2:12">
      <c r="B17574" s="358" t="s">
        <v>23598</v>
      </c>
      <c r="C17574" s="358" t="s">
        <v>23599</v>
      </c>
      <c r="D17574" s="358" t="s">
        <v>23600</v>
      </c>
      <c r="E17574" s="358" t="s">
        <v>23601</v>
      </c>
      <c r="F17574" s="358" t="s">
        <v>14420</v>
      </c>
      <c r="G17574" s="358" t="s">
        <v>14429</v>
      </c>
      <c r="H17574" s="358" t="s">
        <v>14341</v>
      </c>
      <c r="I17574" s="358" t="s">
        <v>14429</v>
      </c>
      <c r="J17574" s="358"/>
      <c r="K17574" s="358"/>
      <c r="L17574" s="358"/>
    </row>
    <row r="17575" spans="2:12">
      <c r="B17575" s="367"/>
      <c r="C17575" s="367"/>
      <c r="D17575" s="367"/>
      <c r="E17575" s="367"/>
      <c r="F17575" s="360"/>
      <c r="G17575" s="360"/>
      <c r="H17575" s="360"/>
      <c r="I17575" s="360"/>
      <c r="J17575" s="365"/>
      <c r="K17575" s="365"/>
      <c r="L17575" s="365"/>
    </row>
    <row r="17576" spans="2:12">
      <c r="B17576" s="367"/>
      <c r="C17576" s="367"/>
      <c r="D17576" s="367"/>
      <c r="E17576" s="367"/>
      <c r="F17576" s="359" t="s">
        <v>14356</v>
      </c>
      <c r="G17576" s="359" t="s">
        <v>14340</v>
      </c>
      <c r="H17576" s="359" t="s">
        <v>14367</v>
      </c>
      <c r="I17576" s="359" t="s">
        <v>14340</v>
      </c>
      <c r="J17576" s="365"/>
      <c r="K17576" s="365"/>
      <c r="L17576" s="365"/>
    </row>
    <row r="17577" spans="2:12">
      <c r="B17577" s="367"/>
      <c r="C17577" s="367"/>
      <c r="D17577" s="367"/>
      <c r="E17577" s="367"/>
      <c r="F17577" s="360"/>
      <c r="G17577" s="360"/>
      <c r="H17577" s="360"/>
      <c r="I17577" s="360"/>
      <c r="J17577" s="365"/>
      <c r="K17577" s="365"/>
      <c r="L17577" s="365"/>
    </row>
    <row r="17578" spans="2:12">
      <c r="B17578" s="367"/>
      <c r="C17578" s="367"/>
      <c r="D17578" s="367"/>
      <c r="E17578" s="367"/>
      <c r="F17578" s="359" t="s">
        <v>14391</v>
      </c>
      <c r="G17578" s="359" t="s">
        <v>14392</v>
      </c>
      <c r="H17578" s="359" t="s">
        <v>14332</v>
      </c>
      <c r="I17578" s="359" t="s">
        <v>14392</v>
      </c>
      <c r="J17578" s="365"/>
      <c r="K17578" s="365"/>
      <c r="L17578" s="365"/>
    </row>
    <row r="17579" spans="2:12">
      <c r="B17579" s="367"/>
      <c r="C17579" s="367"/>
      <c r="D17579" s="367"/>
      <c r="E17579" s="367"/>
      <c r="F17579" s="360"/>
      <c r="G17579" s="360"/>
      <c r="H17579" s="360"/>
      <c r="I17579" s="360"/>
      <c r="J17579" s="365"/>
      <c r="K17579" s="365"/>
      <c r="L17579" s="365"/>
    </row>
    <row r="17580" spans="2:12" ht="28.5">
      <c r="B17580" s="368"/>
      <c r="C17580" s="368"/>
      <c r="D17580" s="368"/>
      <c r="E17580" s="368"/>
      <c r="F17580" s="361" t="s">
        <v>14472</v>
      </c>
      <c r="G17580" s="361" t="s">
        <v>14473</v>
      </c>
      <c r="H17580" s="362"/>
      <c r="I17580" s="361" t="s">
        <v>14473</v>
      </c>
      <c r="J17580" s="366"/>
      <c r="K17580" s="366"/>
      <c r="L17580" s="366"/>
    </row>
    <row r="17581" spans="2:12">
      <c r="B17581" s="358" t="s">
        <v>23602</v>
      </c>
      <c r="C17581" s="358" t="s">
        <v>27867</v>
      </c>
      <c r="D17581" s="358" t="s">
        <v>23603</v>
      </c>
      <c r="E17581" s="358" t="s">
        <v>23604</v>
      </c>
      <c r="F17581" s="358" t="s">
        <v>14391</v>
      </c>
      <c r="G17581" s="358" t="s">
        <v>14392</v>
      </c>
      <c r="H17581" s="358" t="s">
        <v>14367</v>
      </c>
      <c r="I17581" s="358" t="s">
        <v>14392</v>
      </c>
      <c r="J17581" s="358"/>
      <c r="K17581" s="358"/>
      <c r="L17581" s="358"/>
    </row>
    <row r="17582" spans="2:12">
      <c r="B17582" s="367"/>
      <c r="C17582" s="367"/>
      <c r="D17582" s="367"/>
      <c r="E17582" s="367"/>
      <c r="F17582" s="360"/>
      <c r="G17582" s="360"/>
      <c r="H17582" s="360"/>
      <c r="I17582" s="360"/>
      <c r="J17582" s="365"/>
      <c r="K17582" s="365"/>
      <c r="L17582" s="365"/>
    </row>
    <row r="17583" spans="2:12" ht="28.5">
      <c r="B17583" s="368"/>
      <c r="C17583" s="368"/>
      <c r="D17583" s="368"/>
      <c r="E17583" s="368"/>
      <c r="F17583" s="361" t="s">
        <v>14472</v>
      </c>
      <c r="G17583" s="361" t="s">
        <v>14473</v>
      </c>
      <c r="H17583" s="361" t="s">
        <v>14422</v>
      </c>
      <c r="I17583" s="361" t="s">
        <v>14473</v>
      </c>
      <c r="J17583" s="366"/>
      <c r="K17583" s="366"/>
      <c r="L17583" s="366"/>
    </row>
    <row r="17584" spans="2:12" ht="28.5">
      <c r="B17584" s="358" t="s">
        <v>23605</v>
      </c>
      <c r="C17584" s="358" t="s">
        <v>27868</v>
      </c>
      <c r="D17584" s="358" t="s">
        <v>23606</v>
      </c>
      <c r="E17584" s="358" t="s">
        <v>23607</v>
      </c>
      <c r="F17584" s="358" t="s">
        <v>14371</v>
      </c>
      <c r="G17584" s="358" t="s">
        <v>14372</v>
      </c>
      <c r="H17584" s="358" t="s">
        <v>14370</v>
      </c>
      <c r="I17584" s="358" t="s">
        <v>14373</v>
      </c>
      <c r="J17584" s="358"/>
      <c r="K17584" s="358"/>
      <c r="L17584" s="358"/>
    </row>
    <row r="17585" spans="2:12">
      <c r="B17585" s="367"/>
      <c r="C17585" s="367"/>
      <c r="D17585" s="367"/>
      <c r="E17585" s="367"/>
      <c r="F17585" s="360"/>
      <c r="G17585" s="360"/>
      <c r="H17585" s="360"/>
      <c r="I17585" s="367"/>
      <c r="J17585" s="365"/>
      <c r="K17585" s="365"/>
      <c r="L17585" s="365"/>
    </row>
    <row r="17586" spans="2:12" ht="28.5">
      <c r="B17586" s="368"/>
      <c r="C17586" s="368"/>
      <c r="D17586" s="368"/>
      <c r="E17586" s="368"/>
      <c r="F17586" s="361" t="s">
        <v>14374</v>
      </c>
      <c r="G17586" s="361" t="s">
        <v>14373</v>
      </c>
      <c r="H17586" s="361" t="s">
        <v>14422</v>
      </c>
      <c r="I17586" s="368"/>
      <c r="J17586" s="366"/>
      <c r="K17586" s="366"/>
      <c r="L17586" s="366"/>
    </row>
    <row r="17587" spans="2:12">
      <c r="B17587" s="358" t="s">
        <v>23608</v>
      </c>
      <c r="C17587" s="358" t="s">
        <v>23609</v>
      </c>
      <c r="D17587" s="358" t="s">
        <v>23610</v>
      </c>
      <c r="E17587" s="358" t="s">
        <v>23611</v>
      </c>
      <c r="F17587" s="358" t="s">
        <v>14460</v>
      </c>
      <c r="G17587" s="358" t="s">
        <v>14519</v>
      </c>
      <c r="H17587" s="358" t="s">
        <v>14381</v>
      </c>
      <c r="I17587" s="358" t="s">
        <v>14519</v>
      </c>
      <c r="J17587" s="358"/>
      <c r="K17587" s="358"/>
      <c r="L17587" s="358"/>
    </row>
    <row r="17588" spans="2:12">
      <c r="B17588" s="367"/>
      <c r="C17588" s="367"/>
      <c r="D17588" s="367"/>
      <c r="E17588" s="367"/>
      <c r="F17588" s="360"/>
      <c r="G17588" s="360"/>
      <c r="H17588" s="360"/>
      <c r="I17588" s="360"/>
      <c r="J17588" s="365"/>
      <c r="K17588" s="365"/>
      <c r="L17588" s="365"/>
    </row>
    <row r="17589" spans="2:12">
      <c r="B17589" s="367"/>
      <c r="C17589" s="367"/>
      <c r="D17589" s="367"/>
      <c r="E17589" s="367"/>
      <c r="F17589" s="359" t="s">
        <v>14391</v>
      </c>
      <c r="G17589" s="359" t="s">
        <v>14392</v>
      </c>
      <c r="H17589" s="359" t="s">
        <v>14370</v>
      </c>
      <c r="I17589" s="359" t="s">
        <v>14392</v>
      </c>
      <c r="J17589" s="365"/>
      <c r="K17589" s="365"/>
      <c r="L17589" s="365"/>
    </row>
    <row r="17590" spans="2:12">
      <c r="B17590" s="367"/>
      <c r="C17590" s="367"/>
      <c r="D17590" s="367"/>
      <c r="E17590" s="367"/>
      <c r="F17590" s="360"/>
      <c r="G17590" s="360"/>
      <c r="H17590" s="360"/>
      <c r="I17590" s="360"/>
      <c r="J17590" s="365"/>
      <c r="K17590" s="365"/>
      <c r="L17590" s="365"/>
    </row>
    <row r="17591" spans="2:12" ht="28.5">
      <c r="B17591" s="368"/>
      <c r="C17591" s="368"/>
      <c r="D17591" s="368"/>
      <c r="E17591" s="368"/>
      <c r="F17591" s="361" t="s">
        <v>14394</v>
      </c>
      <c r="G17591" s="361" t="s">
        <v>14395</v>
      </c>
      <c r="H17591" s="361" t="s">
        <v>14422</v>
      </c>
      <c r="I17591" s="361" t="s">
        <v>14395</v>
      </c>
      <c r="J17591" s="366"/>
      <c r="K17591" s="366"/>
      <c r="L17591" s="366"/>
    </row>
    <row r="17592" spans="2:12">
      <c r="B17592" s="358" t="s">
        <v>23612</v>
      </c>
      <c r="C17592" s="358" t="s">
        <v>23613</v>
      </c>
      <c r="D17592" s="358" t="s">
        <v>23614</v>
      </c>
      <c r="E17592" s="358" t="s">
        <v>23615</v>
      </c>
      <c r="F17592" s="358" t="s">
        <v>14420</v>
      </c>
      <c r="G17592" s="358" t="s">
        <v>14429</v>
      </c>
      <c r="H17592" s="358" t="s">
        <v>14341</v>
      </c>
      <c r="I17592" s="358" t="s">
        <v>14429</v>
      </c>
      <c r="J17592" s="358"/>
      <c r="K17592" s="358"/>
      <c r="L17592" s="358"/>
    </row>
    <row r="17593" spans="2:12">
      <c r="B17593" s="367"/>
      <c r="C17593" s="367"/>
      <c r="D17593" s="367"/>
      <c r="E17593" s="367"/>
      <c r="F17593" s="360"/>
      <c r="G17593" s="360"/>
      <c r="H17593" s="360"/>
      <c r="I17593" s="360"/>
      <c r="J17593" s="365"/>
      <c r="K17593" s="365"/>
      <c r="L17593" s="365"/>
    </row>
    <row r="17594" spans="2:12">
      <c r="B17594" s="367"/>
      <c r="C17594" s="367"/>
      <c r="D17594" s="367"/>
      <c r="E17594" s="367"/>
      <c r="F17594" s="359" t="s">
        <v>14368</v>
      </c>
      <c r="G17594" s="359" t="s">
        <v>14388</v>
      </c>
      <c r="H17594" s="359" t="s">
        <v>14367</v>
      </c>
      <c r="I17594" s="359" t="s">
        <v>14388</v>
      </c>
      <c r="J17594" s="365"/>
      <c r="K17594" s="365"/>
      <c r="L17594" s="365"/>
    </row>
    <row r="17595" spans="2:12">
      <c r="B17595" s="367"/>
      <c r="C17595" s="367"/>
      <c r="D17595" s="367"/>
      <c r="E17595" s="367"/>
      <c r="F17595" s="360"/>
      <c r="G17595" s="360"/>
      <c r="H17595" s="360"/>
      <c r="I17595" s="360"/>
      <c r="J17595" s="365"/>
      <c r="K17595" s="365"/>
      <c r="L17595" s="365"/>
    </row>
    <row r="17596" spans="2:12">
      <c r="B17596" s="367"/>
      <c r="C17596" s="367"/>
      <c r="D17596" s="367"/>
      <c r="E17596" s="367"/>
      <c r="F17596" s="359" t="s">
        <v>14430</v>
      </c>
      <c r="G17596" s="359" t="s">
        <v>14431</v>
      </c>
      <c r="H17596" s="359" t="s">
        <v>14332</v>
      </c>
      <c r="I17596" s="359" t="s">
        <v>14431</v>
      </c>
      <c r="J17596" s="365"/>
      <c r="K17596" s="365"/>
      <c r="L17596" s="365"/>
    </row>
    <row r="17597" spans="2:12">
      <c r="B17597" s="367"/>
      <c r="C17597" s="367"/>
      <c r="D17597" s="367"/>
      <c r="E17597" s="367"/>
      <c r="F17597" s="360"/>
      <c r="G17597" s="360"/>
      <c r="H17597" s="360"/>
      <c r="I17597" s="360"/>
      <c r="J17597" s="365"/>
      <c r="K17597" s="365"/>
      <c r="L17597" s="365"/>
    </row>
    <row r="17598" spans="2:12" ht="28.5">
      <c r="B17598" s="368"/>
      <c r="C17598" s="368"/>
      <c r="D17598" s="368"/>
      <c r="E17598" s="368"/>
      <c r="F17598" s="361" t="s">
        <v>14472</v>
      </c>
      <c r="G17598" s="361" t="s">
        <v>14473</v>
      </c>
      <c r="H17598" s="362"/>
      <c r="I17598" s="361" t="s">
        <v>14473</v>
      </c>
      <c r="J17598" s="366"/>
      <c r="K17598" s="366"/>
      <c r="L17598" s="366"/>
    </row>
    <row r="17599" spans="2:12">
      <c r="B17599" s="358" t="s">
        <v>23616</v>
      </c>
      <c r="C17599" s="358" t="s">
        <v>23617</v>
      </c>
      <c r="D17599" s="358" t="s">
        <v>23618</v>
      </c>
      <c r="E17599" s="358" t="s">
        <v>23619</v>
      </c>
      <c r="F17599" s="358" t="s">
        <v>14420</v>
      </c>
      <c r="G17599" s="358" t="s">
        <v>14429</v>
      </c>
      <c r="H17599" s="358" t="s">
        <v>14367</v>
      </c>
      <c r="I17599" s="358" t="s">
        <v>14429</v>
      </c>
      <c r="J17599" s="358"/>
      <c r="K17599" s="358"/>
      <c r="L17599" s="358"/>
    </row>
    <row r="17600" spans="2:12">
      <c r="B17600" s="367"/>
      <c r="C17600" s="367"/>
      <c r="D17600" s="367"/>
      <c r="E17600" s="367"/>
      <c r="F17600" s="360"/>
      <c r="G17600" s="360"/>
      <c r="H17600" s="360"/>
      <c r="I17600" s="360"/>
      <c r="J17600" s="365"/>
      <c r="K17600" s="365"/>
      <c r="L17600" s="365"/>
    </row>
    <row r="17601" spans="2:12">
      <c r="B17601" s="368"/>
      <c r="C17601" s="368"/>
      <c r="D17601" s="368"/>
      <c r="E17601" s="368"/>
      <c r="F17601" s="361" t="s">
        <v>14391</v>
      </c>
      <c r="G17601" s="361" t="s">
        <v>14392</v>
      </c>
      <c r="H17601" s="361" t="s">
        <v>14422</v>
      </c>
      <c r="I17601" s="361" t="s">
        <v>14392</v>
      </c>
      <c r="J17601" s="366"/>
      <c r="K17601" s="366"/>
      <c r="L17601" s="366"/>
    </row>
    <row r="17602" spans="2:12">
      <c r="B17602" s="358" t="s">
        <v>23620</v>
      </c>
      <c r="C17602" s="358" t="s">
        <v>23621</v>
      </c>
      <c r="D17602" s="358" t="s">
        <v>23622</v>
      </c>
      <c r="E17602" s="358" t="s">
        <v>23623</v>
      </c>
      <c r="F17602" s="358" t="s">
        <v>14420</v>
      </c>
      <c r="G17602" s="358" t="s">
        <v>14429</v>
      </c>
      <c r="H17602" s="358" t="s">
        <v>14341</v>
      </c>
      <c r="I17602" s="358" t="s">
        <v>14429</v>
      </c>
      <c r="J17602" s="358"/>
      <c r="K17602" s="358"/>
      <c r="L17602" s="358"/>
    </row>
    <row r="17603" spans="2:12">
      <c r="B17603" s="367"/>
      <c r="C17603" s="367"/>
      <c r="D17603" s="367"/>
      <c r="E17603" s="367"/>
      <c r="F17603" s="360"/>
      <c r="G17603" s="360"/>
      <c r="H17603" s="360"/>
      <c r="I17603" s="360"/>
      <c r="J17603" s="365"/>
      <c r="K17603" s="365"/>
      <c r="L17603" s="365"/>
    </row>
    <row r="17604" spans="2:12">
      <c r="B17604" s="367"/>
      <c r="C17604" s="367"/>
      <c r="D17604" s="367"/>
      <c r="E17604" s="367"/>
      <c r="F17604" s="359" t="s">
        <v>14356</v>
      </c>
      <c r="G17604" s="359" t="s">
        <v>14340</v>
      </c>
      <c r="H17604" s="359" t="s">
        <v>14367</v>
      </c>
      <c r="I17604" s="359" t="s">
        <v>14340</v>
      </c>
      <c r="J17604" s="365"/>
      <c r="K17604" s="365"/>
      <c r="L17604" s="365"/>
    </row>
    <row r="17605" spans="2:12">
      <c r="B17605" s="367"/>
      <c r="C17605" s="367"/>
      <c r="D17605" s="367"/>
      <c r="E17605" s="367"/>
      <c r="F17605" s="360"/>
      <c r="G17605" s="360"/>
      <c r="H17605" s="360"/>
      <c r="I17605" s="360"/>
      <c r="J17605" s="365"/>
      <c r="K17605" s="365"/>
      <c r="L17605" s="365"/>
    </row>
    <row r="17606" spans="2:12" ht="28.5">
      <c r="B17606" s="367"/>
      <c r="C17606" s="367"/>
      <c r="D17606" s="367"/>
      <c r="E17606" s="367"/>
      <c r="F17606" s="359" t="s">
        <v>14394</v>
      </c>
      <c r="G17606" s="359" t="s">
        <v>14395</v>
      </c>
      <c r="H17606" s="359" t="s">
        <v>14370</v>
      </c>
      <c r="I17606" s="359" t="s">
        <v>14395</v>
      </c>
      <c r="J17606" s="365"/>
      <c r="K17606" s="365"/>
      <c r="L17606" s="365"/>
    </row>
    <row r="17607" spans="2:12">
      <c r="B17607" s="367"/>
      <c r="C17607" s="367"/>
      <c r="D17607" s="367"/>
      <c r="E17607" s="367"/>
      <c r="F17607" s="360"/>
      <c r="G17607" s="360"/>
      <c r="H17607" s="360"/>
      <c r="I17607" s="360"/>
      <c r="J17607" s="365"/>
      <c r="K17607" s="365"/>
      <c r="L17607" s="365"/>
    </row>
    <row r="17608" spans="2:12">
      <c r="B17608" s="368"/>
      <c r="C17608" s="368"/>
      <c r="D17608" s="368"/>
      <c r="E17608" s="368"/>
      <c r="F17608" s="362"/>
      <c r="G17608" s="362"/>
      <c r="H17608" s="361" t="s">
        <v>14332</v>
      </c>
      <c r="I17608" s="362"/>
      <c r="J17608" s="366"/>
      <c r="K17608" s="366"/>
      <c r="L17608" s="366"/>
    </row>
    <row r="17609" spans="2:12">
      <c r="B17609" s="358" t="s">
        <v>23624</v>
      </c>
      <c r="C17609" s="358" t="s">
        <v>23625</v>
      </c>
      <c r="D17609" s="358" t="s">
        <v>23626</v>
      </c>
      <c r="E17609" s="358" t="s">
        <v>23627</v>
      </c>
      <c r="F17609" s="358" t="s">
        <v>14391</v>
      </c>
      <c r="G17609" s="358" t="s">
        <v>14392</v>
      </c>
      <c r="H17609" s="358" t="s">
        <v>14367</v>
      </c>
      <c r="I17609" s="358" t="s">
        <v>14392</v>
      </c>
      <c r="J17609" s="358"/>
      <c r="K17609" s="358"/>
      <c r="L17609" s="358"/>
    </row>
    <row r="17610" spans="2:12">
      <c r="B17610" s="367"/>
      <c r="C17610" s="367"/>
      <c r="D17610" s="367"/>
      <c r="E17610" s="367"/>
      <c r="F17610" s="360"/>
      <c r="G17610" s="360"/>
      <c r="H17610" s="360"/>
      <c r="I17610" s="360"/>
      <c r="J17610" s="365"/>
      <c r="K17610" s="365"/>
      <c r="L17610" s="365"/>
    </row>
    <row r="17611" spans="2:12" ht="28.5">
      <c r="B17611" s="367"/>
      <c r="C17611" s="367"/>
      <c r="D17611" s="367"/>
      <c r="E17611" s="367"/>
      <c r="F17611" s="359" t="s">
        <v>14394</v>
      </c>
      <c r="G17611" s="359" t="s">
        <v>14395</v>
      </c>
      <c r="H17611" s="359" t="s">
        <v>14370</v>
      </c>
      <c r="I17611" s="359" t="s">
        <v>14395</v>
      </c>
      <c r="J17611" s="365"/>
      <c r="K17611" s="365"/>
      <c r="L17611" s="365"/>
    </row>
    <row r="17612" spans="2:12">
      <c r="B17612" s="367"/>
      <c r="C17612" s="367"/>
      <c r="D17612" s="367"/>
      <c r="E17612" s="367"/>
      <c r="F17612" s="360"/>
      <c r="G17612" s="360"/>
      <c r="H17612" s="360"/>
      <c r="I17612" s="360"/>
      <c r="J17612" s="365"/>
      <c r="K17612" s="365"/>
      <c r="L17612" s="365"/>
    </row>
    <row r="17613" spans="2:12">
      <c r="B17613" s="368"/>
      <c r="C17613" s="368"/>
      <c r="D17613" s="368"/>
      <c r="E17613" s="368"/>
      <c r="F17613" s="362"/>
      <c r="G17613" s="362"/>
      <c r="H17613" s="361" t="s">
        <v>14422</v>
      </c>
      <c r="I17613" s="362"/>
      <c r="J17613" s="366"/>
      <c r="K17613" s="366"/>
      <c r="L17613" s="366"/>
    </row>
    <row r="17614" spans="2:12">
      <c r="B17614" s="358" t="s">
        <v>23628</v>
      </c>
      <c r="C17614" s="358" t="s">
        <v>23629</v>
      </c>
      <c r="D17614" s="358" t="s">
        <v>23630</v>
      </c>
      <c r="E17614" s="358" t="s">
        <v>23631</v>
      </c>
      <c r="F17614" s="358" t="s">
        <v>14426</v>
      </c>
      <c r="G17614" s="358" t="s">
        <v>14427</v>
      </c>
      <c r="H17614" s="358" t="s">
        <v>14381</v>
      </c>
      <c r="I17614" s="358" t="s">
        <v>14427</v>
      </c>
      <c r="J17614" s="358"/>
      <c r="K17614" s="358"/>
      <c r="L17614" s="358"/>
    </row>
    <row r="17615" spans="2:12">
      <c r="B17615" s="367"/>
      <c r="C17615" s="367"/>
      <c r="D17615" s="367"/>
      <c r="E17615" s="367"/>
      <c r="F17615" s="367"/>
      <c r="G17615" s="367"/>
      <c r="H17615" s="360"/>
      <c r="I17615" s="367"/>
      <c r="J17615" s="365"/>
      <c r="K17615" s="365"/>
      <c r="L17615" s="365"/>
    </row>
    <row r="17616" spans="2:12">
      <c r="B17616" s="368"/>
      <c r="C17616" s="368"/>
      <c r="D17616" s="368"/>
      <c r="E17616" s="368"/>
      <c r="F17616" s="368"/>
      <c r="G17616" s="368"/>
      <c r="H17616" s="361" t="s">
        <v>14422</v>
      </c>
      <c r="I17616" s="368"/>
      <c r="J17616" s="366"/>
      <c r="K17616" s="366"/>
      <c r="L17616" s="366"/>
    </row>
    <row r="17617" spans="2:12">
      <c r="B17617" s="358" t="s">
        <v>23632</v>
      </c>
      <c r="C17617" s="358" t="s">
        <v>23633</v>
      </c>
      <c r="D17617" s="358" t="s">
        <v>23634</v>
      </c>
      <c r="E17617" s="358" t="s">
        <v>23635</v>
      </c>
      <c r="F17617" s="358" t="s">
        <v>14426</v>
      </c>
      <c r="G17617" s="358" t="s">
        <v>14427</v>
      </c>
      <c r="H17617" s="358" t="s">
        <v>14381</v>
      </c>
      <c r="I17617" s="358" t="s">
        <v>14427</v>
      </c>
      <c r="J17617" s="358"/>
      <c r="K17617" s="358"/>
      <c r="L17617" s="358"/>
    </row>
    <row r="17618" spans="2:12">
      <c r="B17618" s="367"/>
      <c r="C17618" s="367"/>
      <c r="D17618" s="367"/>
      <c r="E17618" s="367"/>
      <c r="F17618" s="367"/>
      <c r="G17618" s="367"/>
      <c r="H17618" s="360"/>
      <c r="I17618" s="367"/>
      <c r="J17618" s="365"/>
      <c r="K17618" s="365"/>
      <c r="L17618" s="365"/>
    </row>
    <row r="17619" spans="2:12">
      <c r="B17619" s="368"/>
      <c r="C17619" s="368"/>
      <c r="D17619" s="368"/>
      <c r="E17619" s="368"/>
      <c r="F17619" s="368"/>
      <c r="G17619" s="368"/>
      <c r="H17619" s="361" t="s">
        <v>14422</v>
      </c>
      <c r="I17619" s="368"/>
      <c r="J17619" s="366"/>
      <c r="K17619" s="366"/>
      <c r="L17619" s="366"/>
    </row>
    <row r="17620" spans="2:12" ht="42.75">
      <c r="B17620" s="358" t="s">
        <v>23636</v>
      </c>
      <c r="C17620" s="358" t="s">
        <v>27869</v>
      </c>
      <c r="D17620" s="358" t="s">
        <v>23637</v>
      </c>
      <c r="E17620" s="358" t="s">
        <v>23638</v>
      </c>
      <c r="F17620" s="358" t="s">
        <v>14472</v>
      </c>
      <c r="G17620" s="358" t="s">
        <v>14473</v>
      </c>
      <c r="H17620" s="358" t="s">
        <v>8356</v>
      </c>
      <c r="I17620" s="358" t="s">
        <v>14473</v>
      </c>
      <c r="J17620" s="358"/>
      <c r="K17620" s="358"/>
      <c r="L17620" s="358"/>
    </row>
    <row r="17621" spans="2:12">
      <c r="B17621" s="368"/>
      <c r="C17621" s="368"/>
      <c r="D17621" s="368"/>
      <c r="E17621" s="368"/>
      <c r="F17621" s="368"/>
      <c r="G17621" s="368"/>
      <c r="H17621" s="368"/>
      <c r="I17621" s="368"/>
      <c r="J17621" s="366"/>
      <c r="K17621" s="366"/>
      <c r="L17621" s="366"/>
    </row>
    <row r="17622" spans="2:12" ht="28.5">
      <c r="B17622" s="358" t="s">
        <v>23639</v>
      </c>
      <c r="C17622" s="358" t="s">
        <v>30376</v>
      </c>
      <c r="D17622" s="358" t="s">
        <v>23640</v>
      </c>
      <c r="E17622" s="358" t="s">
        <v>23641</v>
      </c>
      <c r="F17622" s="358" t="s">
        <v>14430</v>
      </c>
      <c r="G17622" s="358" t="s">
        <v>14431</v>
      </c>
      <c r="H17622" s="358" t="s">
        <v>14341</v>
      </c>
      <c r="I17622" s="358" t="s">
        <v>14431</v>
      </c>
      <c r="J17622" s="358"/>
      <c r="K17622" s="358"/>
      <c r="L17622" s="358"/>
    </row>
    <row r="17623" spans="2:12">
      <c r="B17623" s="367"/>
      <c r="C17623" s="367"/>
      <c r="D17623" s="367"/>
      <c r="E17623" s="367"/>
      <c r="F17623" s="360"/>
      <c r="G17623" s="360"/>
      <c r="H17623" s="360"/>
      <c r="I17623" s="360"/>
      <c r="J17623" s="365"/>
      <c r="K17623" s="365"/>
      <c r="L17623" s="365"/>
    </row>
    <row r="17624" spans="2:12">
      <c r="B17624" s="367"/>
      <c r="C17624" s="367"/>
      <c r="D17624" s="367"/>
      <c r="E17624" s="367"/>
      <c r="F17624" s="359" t="s">
        <v>14371</v>
      </c>
      <c r="G17624" s="359" t="s">
        <v>14372</v>
      </c>
      <c r="H17624" s="359" t="s">
        <v>14370</v>
      </c>
      <c r="I17624" s="359" t="s">
        <v>14373</v>
      </c>
      <c r="J17624" s="365"/>
      <c r="K17624" s="365"/>
      <c r="L17624" s="365"/>
    </row>
    <row r="17625" spans="2:12">
      <c r="B17625" s="367"/>
      <c r="C17625" s="367"/>
      <c r="D17625" s="367"/>
      <c r="E17625" s="367"/>
      <c r="F17625" s="360"/>
      <c r="G17625" s="360"/>
      <c r="H17625" s="360"/>
      <c r="I17625" s="360"/>
      <c r="J17625" s="365"/>
      <c r="K17625" s="365"/>
      <c r="L17625" s="365"/>
    </row>
    <row r="17626" spans="2:12" ht="28.5">
      <c r="B17626" s="368"/>
      <c r="C17626" s="368"/>
      <c r="D17626" s="368"/>
      <c r="E17626" s="368"/>
      <c r="F17626" s="361" t="s">
        <v>14374</v>
      </c>
      <c r="G17626" s="361" t="s">
        <v>14373</v>
      </c>
      <c r="H17626" s="361" t="s">
        <v>14332</v>
      </c>
      <c r="I17626" s="362"/>
      <c r="J17626" s="366"/>
      <c r="K17626" s="366"/>
      <c r="L17626" s="366"/>
    </row>
    <row r="17627" spans="2:12" ht="28.5">
      <c r="B17627" s="358" t="s">
        <v>23642</v>
      </c>
      <c r="C17627" s="358" t="s">
        <v>27870</v>
      </c>
      <c r="D17627" s="358" t="s">
        <v>23643</v>
      </c>
      <c r="E17627" s="358" t="s">
        <v>23644</v>
      </c>
      <c r="F17627" s="358" t="s">
        <v>14460</v>
      </c>
      <c r="G17627" s="358" t="s">
        <v>14519</v>
      </c>
      <c r="H17627" s="358" t="s">
        <v>14381</v>
      </c>
      <c r="I17627" s="358" t="s">
        <v>14519</v>
      </c>
      <c r="J17627" s="358"/>
      <c r="K17627" s="358"/>
      <c r="L17627" s="358"/>
    </row>
    <row r="17628" spans="2:12">
      <c r="B17628" s="367"/>
      <c r="C17628" s="367"/>
      <c r="D17628" s="367"/>
      <c r="E17628" s="367"/>
      <c r="F17628" s="360"/>
      <c r="G17628" s="360"/>
      <c r="H17628" s="360"/>
      <c r="I17628" s="360"/>
      <c r="J17628" s="365"/>
      <c r="K17628" s="365"/>
      <c r="L17628" s="365"/>
    </row>
    <row r="17629" spans="2:12">
      <c r="B17629" s="367"/>
      <c r="C17629" s="367"/>
      <c r="D17629" s="367"/>
      <c r="E17629" s="367"/>
      <c r="F17629" s="359" t="s">
        <v>14430</v>
      </c>
      <c r="G17629" s="359" t="s">
        <v>14431</v>
      </c>
      <c r="H17629" s="359" t="s">
        <v>14341</v>
      </c>
      <c r="I17629" s="359" t="s">
        <v>14431</v>
      </c>
      <c r="J17629" s="365"/>
      <c r="K17629" s="365"/>
      <c r="L17629" s="365"/>
    </row>
    <row r="17630" spans="2:12">
      <c r="B17630" s="367"/>
      <c r="C17630" s="367"/>
      <c r="D17630" s="367"/>
      <c r="E17630" s="367"/>
      <c r="F17630" s="360"/>
      <c r="G17630" s="360"/>
      <c r="H17630" s="360"/>
      <c r="I17630" s="360"/>
      <c r="J17630" s="365"/>
      <c r="K17630" s="365"/>
      <c r="L17630" s="365"/>
    </row>
    <row r="17631" spans="2:12">
      <c r="B17631" s="367"/>
      <c r="C17631" s="367"/>
      <c r="D17631" s="367"/>
      <c r="E17631" s="367"/>
      <c r="F17631" s="359" t="s">
        <v>14391</v>
      </c>
      <c r="G17631" s="359" t="s">
        <v>14392</v>
      </c>
      <c r="H17631" s="359" t="s">
        <v>14367</v>
      </c>
      <c r="I17631" s="359" t="s">
        <v>14392</v>
      </c>
      <c r="J17631" s="365"/>
      <c r="K17631" s="365"/>
      <c r="L17631" s="365"/>
    </row>
    <row r="17632" spans="2:12">
      <c r="B17632" s="367"/>
      <c r="C17632" s="367"/>
      <c r="D17632" s="367"/>
      <c r="E17632" s="367"/>
      <c r="F17632" s="360"/>
      <c r="G17632" s="360"/>
      <c r="H17632" s="360"/>
      <c r="I17632" s="360"/>
      <c r="J17632" s="365"/>
      <c r="K17632" s="365"/>
      <c r="L17632" s="365"/>
    </row>
    <row r="17633" spans="2:12">
      <c r="B17633" s="367"/>
      <c r="C17633" s="367"/>
      <c r="D17633" s="367"/>
      <c r="E17633" s="367"/>
      <c r="F17633" s="359" t="s">
        <v>14371</v>
      </c>
      <c r="G17633" s="359" t="s">
        <v>14372</v>
      </c>
      <c r="H17633" s="359" t="s">
        <v>14370</v>
      </c>
      <c r="I17633" s="359" t="s">
        <v>14373</v>
      </c>
      <c r="J17633" s="365"/>
      <c r="K17633" s="365"/>
      <c r="L17633" s="365"/>
    </row>
    <row r="17634" spans="2:12">
      <c r="B17634" s="367"/>
      <c r="C17634" s="367"/>
      <c r="D17634" s="367"/>
      <c r="E17634" s="367"/>
      <c r="F17634" s="360"/>
      <c r="G17634" s="360"/>
      <c r="H17634" s="360"/>
      <c r="I17634" s="360"/>
      <c r="J17634" s="365"/>
      <c r="K17634" s="365"/>
      <c r="L17634" s="365"/>
    </row>
    <row r="17635" spans="2:12" ht="28.5">
      <c r="B17635" s="368"/>
      <c r="C17635" s="368"/>
      <c r="D17635" s="368"/>
      <c r="E17635" s="368"/>
      <c r="F17635" s="361" t="s">
        <v>14374</v>
      </c>
      <c r="G17635" s="361" t="s">
        <v>14373</v>
      </c>
      <c r="H17635" s="361" t="s">
        <v>14332</v>
      </c>
      <c r="I17635" s="362"/>
      <c r="J17635" s="366"/>
      <c r="K17635" s="366"/>
      <c r="L17635" s="366"/>
    </row>
    <row r="17636" spans="2:12">
      <c r="B17636" s="358" t="s">
        <v>23645</v>
      </c>
      <c r="C17636" s="358" t="s">
        <v>23646</v>
      </c>
      <c r="D17636" s="358" t="s">
        <v>23647</v>
      </c>
      <c r="E17636" s="358" t="s">
        <v>23648</v>
      </c>
      <c r="F17636" s="358" t="s">
        <v>14420</v>
      </c>
      <c r="G17636" s="358" t="s">
        <v>14421</v>
      </c>
      <c r="H17636" s="358" t="s">
        <v>14381</v>
      </c>
      <c r="I17636" s="358" t="s">
        <v>14421</v>
      </c>
      <c r="J17636" s="358"/>
      <c r="K17636" s="358"/>
      <c r="L17636" s="358"/>
    </row>
    <row r="17637" spans="2:12">
      <c r="B17637" s="367"/>
      <c r="C17637" s="367"/>
      <c r="D17637" s="367"/>
      <c r="E17637" s="367"/>
      <c r="F17637" s="360"/>
      <c r="G17637" s="360"/>
      <c r="H17637" s="360"/>
      <c r="I17637" s="360"/>
      <c r="J17637" s="365"/>
      <c r="K17637" s="365"/>
      <c r="L17637" s="365"/>
    </row>
    <row r="17638" spans="2:12">
      <c r="B17638" s="367"/>
      <c r="C17638" s="367"/>
      <c r="D17638" s="367"/>
      <c r="E17638" s="367"/>
      <c r="F17638" s="359" t="s">
        <v>14420</v>
      </c>
      <c r="G17638" s="359" t="s">
        <v>14429</v>
      </c>
      <c r="H17638" s="359" t="s">
        <v>14341</v>
      </c>
      <c r="I17638" s="359" t="s">
        <v>14429</v>
      </c>
      <c r="J17638" s="365"/>
      <c r="K17638" s="365"/>
      <c r="L17638" s="365"/>
    </row>
    <row r="17639" spans="2:12">
      <c r="B17639" s="367"/>
      <c r="C17639" s="367"/>
      <c r="D17639" s="367"/>
      <c r="E17639" s="367"/>
      <c r="F17639" s="360"/>
      <c r="G17639" s="360"/>
      <c r="H17639" s="360"/>
      <c r="I17639" s="360"/>
      <c r="J17639" s="365"/>
      <c r="K17639" s="365"/>
      <c r="L17639" s="365"/>
    </row>
    <row r="17640" spans="2:12">
      <c r="B17640" s="367"/>
      <c r="C17640" s="367"/>
      <c r="D17640" s="367"/>
      <c r="E17640" s="367"/>
      <c r="F17640" s="359" t="s">
        <v>14460</v>
      </c>
      <c r="G17640" s="359" t="s">
        <v>14519</v>
      </c>
      <c r="H17640" s="359" t="s">
        <v>14367</v>
      </c>
      <c r="I17640" s="359" t="s">
        <v>14519</v>
      </c>
      <c r="J17640" s="365"/>
      <c r="K17640" s="365"/>
      <c r="L17640" s="365"/>
    </row>
    <row r="17641" spans="2:12">
      <c r="B17641" s="367"/>
      <c r="C17641" s="367"/>
      <c r="D17641" s="367"/>
      <c r="E17641" s="367"/>
      <c r="F17641" s="360"/>
      <c r="G17641" s="360"/>
      <c r="H17641" s="360"/>
      <c r="I17641" s="360"/>
      <c r="J17641" s="365"/>
      <c r="K17641" s="365"/>
      <c r="L17641" s="365"/>
    </row>
    <row r="17642" spans="2:12">
      <c r="B17642" s="367"/>
      <c r="C17642" s="367"/>
      <c r="D17642" s="367"/>
      <c r="E17642" s="367"/>
      <c r="F17642" s="359" t="s">
        <v>14389</v>
      </c>
      <c r="G17642" s="359" t="s">
        <v>14390</v>
      </c>
      <c r="H17642" s="359" t="s">
        <v>14370</v>
      </c>
      <c r="I17642" s="359" t="s">
        <v>14390</v>
      </c>
      <c r="J17642" s="365"/>
      <c r="K17642" s="365"/>
      <c r="L17642" s="365"/>
    </row>
    <row r="17643" spans="2:12">
      <c r="B17643" s="367"/>
      <c r="C17643" s="367"/>
      <c r="D17643" s="367"/>
      <c r="E17643" s="367"/>
      <c r="F17643" s="360"/>
      <c r="G17643" s="360"/>
      <c r="H17643" s="360"/>
      <c r="I17643" s="360"/>
      <c r="J17643" s="365"/>
      <c r="K17643" s="365"/>
      <c r="L17643" s="365"/>
    </row>
    <row r="17644" spans="2:12">
      <c r="B17644" s="367"/>
      <c r="C17644" s="367"/>
      <c r="D17644" s="367"/>
      <c r="E17644" s="367"/>
      <c r="F17644" s="359" t="s">
        <v>14430</v>
      </c>
      <c r="G17644" s="359" t="s">
        <v>14431</v>
      </c>
      <c r="H17644" s="359" t="s">
        <v>14332</v>
      </c>
      <c r="I17644" s="359" t="s">
        <v>14431</v>
      </c>
      <c r="J17644" s="365"/>
      <c r="K17644" s="365"/>
      <c r="L17644" s="365"/>
    </row>
    <row r="17645" spans="2:12">
      <c r="B17645" s="367"/>
      <c r="C17645" s="367"/>
      <c r="D17645" s="367"/>
      <c r="E17645" s="367"/>
      <c r="F17645" s="360"/>
      <c r="G17645" s="360"/>
      <c r="H17645" s="360"/>
      <c r="I17645" s="360"/>
      <c r="J17645" s="365"/>
      <c r="K17645" s="365"/>
      <c r="L17645" s="365"/>
    </row>
    <row r="17646" spans="2:12" ht="28.5">
      <c r="B17646" s="368"/>
      <c r="C17646" s="368"/>
      <c r="D17646" s="368"/>
      <c r="E17646" s="368"/>
      <c r="F17646" s="361" t="s">
        <v>14394</v>
      </c>
      <c r="G17646" s="361" t="s">
        <v>14395</v>
      </c>
      <c r="H17646" s="362"/>
      <c r="I17646" s="361" t="s">
        <v>14395</v>
      </c>
      <c r="J17646" s="366"/>
      <c r="K17646" s="366"/>
      <c r="L17646" s="366"/>
    </row>
    <row r="17647" spans="2:12" ht="28.5">
      <c r="B17647" s="358" t="s">
        <v>23649</v>
      </c>
      <c r="C17647" s="358" t="s">
        <v>27871</v>
      </c>
      <c r="D17647" s="358" t="s">
        <v>23650</v>
      </c>
      <c r="E17647" s="358" t="s">
        <v>23651</v>
      </c>
      <c r="F17647" s="358" t="s">
        <v>14394</v>
      </c>
      <c r="G17647" s="358" t="s">
        <v>14395</v>
      </c>
      <c r="H17647" s="358" t="s">
        <v>14370</v>
      </c>
      <c r="I17647" s="358" t="s">
        <v>14395</v>
      </c>
      <c r="J17647" s="358"/>
      <c r="K17647" s="358"/>
      <c r="L17647" s="358"/>
    </row>
    <row r="17648" spans="2:12">
      <c r="B17648" s="368"/>
      <c r="C17648" s="368"/>
      <c r="D17648" s="368"/>
      <c r="E17648" s="368"/>
      <c r="F17648" s="368"/>
      <c r="G17648" s="368"/>
      <c r="H17648" s="368"/>
      <c r="I17648" s="368"/>
      <c r="J17648" s="366"/>
      <c r="K17648" s="366"/>
      <c r="L17648" s="366"/>
    </row>
    <row r="17649" spans="2:12">
      <c r="B17649" s="358" t="s">
        <v>23652</v>
      </c>
      <c r="C17649" s="358" t="s">
        <v>23653</v>
      </c>
      <c r="D17649" s="358" t="s">
        <v>23654</v>
      </c>
      <c r="E17649" s="358" t="s">
        <v>23655</v>
      </c>
      <c r="F17649" s="358" t="s">
        <v>14420</v>
      </c>
      <c r="G17649" s="358" t="s">
        <v>14429</v>
      </c>
      <c r="H17649" s="358" t="s">
        <v>14367</v>
      </c>
      <c r="I17649" s="358" t="s">
        <v>14429</v>
      </c>
      <c r="J17649" s="358"/>
      <c r="K17649" s="358"/>
      <c r="L17649" s="358"/>
    </row>
    <row r="17650" spans="2:12">
      <c r="B17650" s="367"/>
      <c r="C17650" s="367"/>
      <c r="D17650" s="367"/>
      <c r="E17650" s="367"/>
      <c r="F17650" s="360"/>
      <c r="G17650" s="360"/>
      <c r="H17650" s="360"/>
      <c r="I17650" s="360"/>
      <c r="J17650" s="365"/>
      <c r="K17650" s="365"/>
      <c r="L17650" s="365"/>
    </row>
    <row r="17651" spans="2:12">
      <c r="B17651" s="367"/>
      <c r="C17651" s="367"/>
      <c r="D17651" s="367"/>
      <c r="E17651" s="367"/>
      <c r="F17651" s="359" t="s">
        <v>14391</v>
      </c>
      <c r="G17651" s="359" t="s">
        <v>14392</v>
      </c>
      <c r="H17651" s="359" t="s">
        <v>14370</v>
      </c>
      <c r="I17651" s="359" t="s">
        <v>14392</v>
      </c>
      <c r="J17651" s="365"/>
      <c r="K17651" s="365"/>
      <c r="L17651" s="365"/>
    </row>
    <row r="17652" spans="2:12">
      <c r="B17652" s="367"/>
      <c r="C17652" s="367"/>
      <c r="D17652" s="367"/>
      <c r="E17652" s="367"/>
      <c r="F17652" s="360"/>
      <c r="G17652" s="360"/>
      <c r="H17652" s="360"/>
      <c r="I17652" s="360"/>
      <c r="J17652" s="365"/>
      <c r="K17652" s="365"/>
      <c r="L17652" s="365"/>
    </row>
    <row r="17653" spans="2:12">
      <c r="B17653" s="367"/>
      <c r="C17653" s="367"/>
      <c r="D17653" s="367"/>
      <c r="E17653" s="367"/>
      <c r="F17653" s="359" t="s">
        <v>14371</v>
      </c>
      <c r="G17653" s="359" t="s">
        <v>14372</v>
      </c>
      <c r="H17653" s="359" t="s">
        <v>14422</v>
      </c>
      <c r="I17653" s="359" t="s">
        <v>14373</v>
      </c>
      <c r="J17653" s="365"/>
      <c r="K17653" s="365"/>
      <c r="L17653" s="365"/>
    </row>
    <row r="17654" spans="2:12">
      <c r="B17654" s="367"/>
      <c r="C17654" s="367"/>
      <c r="D17654" s="367"/>
      <c r="E17654" s="367"/>
      <c r="F17654" s="360"/>
      <c r="G17654" s="360"/>
      <c r="H17654" s="360"/>
      <c r="I17654" s="360"/>
      <c r="J17654" s="365"/>
      <c r="K17654" s="365"/>
      <c r="L17654" s="365"/>
    </row>
    <row r="17655" spans="2:12" ht="28.5">
      <c r="B17655" s="368"/>
      <c r="C17655" s="368"/>
      <c r="D17655" s="368"/>
      <c r="E17655" s="368"/>
      <c r="F17655" s="361" t="s">
        <v>14374</v>
      </c>
      <c r="G17655" s="361" t="s">
        <v>14373</v>
      </c>
      <c r="H17655" s="362"/>
      <c r="I17655" s="362"/>
      <c r="J17655" s="366"/>
      <c r="K17655" s="366"/>
      <c r="L17655" s="366"/>
    </row>
    <row r="17656" spans="2:12">
      <c r="B17656" s="358" t="s">
        <v>23656</v>
      </c>
      <c r="C17656" s="358" t="s">
        <v>23657</v>
      </c>
      <c r="D17656" s="358" t="s">
        <v>23658</v>
      </c>
      <c r="E17656" s="358" t="s">
        <v>23659</v>
      </c>
      <c r="F17656" s="358" t="s">
        <v>14460</v>
      </c>
      <c r="G17656" s="358" t="s">
        <v>14519</v>
      </c>
      <c r="H17656" s="358" t="s">
        <v>14381</v>
      </c>
      <c r="I17656" s="358" t="s">
        <v>14519</v>
      </c>
      <c r="J17656" s="358"/>
      <c r="K17656" s="358"/>
      <c r="L17656" s="358"/>
    </row>
    <row r="17657" spans="2:12">
      <c r="B17657" s="367"/>
      <c r="C17657" s="367"/>
      <c r="D17657" s="367"/>
      <c r="E17657" s="367"/>
      <c r="F17657" s="360"/>
      <c r="G17657" s="360"/>
      <c r="H17657" s="360"/>
      <c r="I17657" s="360"/>
      <c r="J17657" s="365"/>
      <c r="K17657" s="365"/>
      <c r="L17657" s="365"/>
    </row>
    <row r="17658" spans="2:12" ht="28.5">
      <c r="B17658" s="367"/>
      <c r="C17658" s="367"/>
      <c r="D17658" s="367"/>
      <c r="E17658" s="367"/>
      <c r="F17658" s="359" t="s">
        <v>14394</v>
      </c>
      <c r="G17658" s="359" t="s">
        <v>14395</v>
      </c>
      <c r="H17658" s="359" t="s">
        <v>14370</v>
      </c>
      <c r="I17658" s="359" t="s">
        <v>14395</v>
      </c>
      <c r="J17658" s="365"/>
      <c r="K17658" s="365"/>
      <c r="L17658" s="365"/>
    </row>
    <row r="17659" spans="2:12">
      <c r="B17659" s="367"/>
      <c r="C17659" s="367"/>
      <c r="D17659" s="367"/>
      <c r="E17659" s="367"/>
      <c r="F17659" s="360"/>
      <c r="G17659" s="360"/>
      <c r="H17659" s="360"/>
      <c r="I17659" s="360"/>
      <c r="J17659" s="365"/>
      <c r="K17659" s="365"/>
      <c r="L17659" s="365"/>
    </row>
    <row r="17660" spans="2:12">
      <c r="B17660" s="368"/>
      <c r="C17660" s="368"/>
      <c r="D17660" s="368"/>
      <c r="E17660" s="368"/>
      <c r="F17660" s="362"/>
      <c r="G17660" s="362"/>
      <c r="H17660" s="361" t="s">
        <v>14422</v>
      </c>
      <c r="I17660" s="362"/>
      <c r="J17660" s="366"/>
      <c r="K17660" s="366"/>
      <c r="L17660" s="366"/>
    </row>
    <row r="17661" spans="2:12">
      <c r="B17661" s="358" t="s">
        <v>23660</v>
      </c>
      <c r="C17661" s="358" t="s">
        <v>23661</v>
      </c>
      <c r="D17661" s="358" t="s">
        <v>23662</v>
      </c>
      <c r="E17661" s="358" t="s">
        <v>23663</v>
      </c>
      <c r="F17661" s="358" t="s">
        <v>14420</v>
      </c>
      <c r="G17661" s="358" t="s">
        <v>14429</v>
      </c>
      <c r="H17661" s="358" t="s">
        <v>14367</v>
      </c>
      <c r="I17661" s="358" t="s">
        <v>14429</v>
      </c>
      <c r="J17661" s="358"/>
      <c r="K17661" s="358"/>
      <c r="L17661" s="358"/>
    </row>
    <row r="17662" spans="2:12">
      <c r="B17662" s="367"/>
      <c r="C17662" s="367"/>
      <c r="D17662" s="367"/>
      <c r="E17662" s="367"/>
      <c r="F17662" s="360"/>
      <c r="G17662" s="360"/>
      <c r="H17662" s="360"/>
      <c r="I17662" s="360"/>
      <c r="J17662" s="365"/>
      <c r="K17662" s="365"/>
      <c r="L17662" s="365"/>
    </row>
    <row r="17663" spans="2:12">
      <c r="B17663" s="368"/>
      <c r="C17663" s="368"/>
      <c r="D17663" s="368"/>
      <c r="E17663" s="368"/>
      <c r="F17663" s="361" t="s">
        <v>14391</v>
      </c>
      <c r="G17663" s="361" t="s">
        <v>14392</v>
      </c>
      <c r="H17663" s="361" t="s">
        <v>14422</v>
      </c>
      <c r="I17663" s="361" t="s">
        <v>14392</v>
      </c>
      <c r="J17663" s="366"/>
      <c r="K17663" s="366"/>
      <c r="L17663" s="366"/>
    </row>
    <row r="17664" spans="2:12">
      <c r="B17664" s="358" t="s">
        <v>23664</v>
      </c>
      <c r="C17664" s="358" t="s">
        <v>27872</v>
      </c>
      <c r="D17664" s="358" t="s">
        <v>23665</v>
      </c>
      <c r="E17664" s="358" t="s">
        <v>23666</v>
      </c>
      <c r="F17664" s="358" t="s">
        <v>14420</v>
      </c>
      <c r="G17664" s="358" t="s">
        <v>14421</v>
      </c>
      <c r="H17664" s="358" t="s">
        <v>14341</v>
      </c>
      <c r="I17664" s="358" t="s">
        <v>14421</v>
      </c>
      <c r="J17664" s="358"/>
      <c r="K17664" s="358"/>
      <c r="L17664" s="358"/>
    </row>
    <row r="17665" spans="2:12">
      <c r="B17665" s="367"/>
      <c r="C17665" s="367"/>
      <c r="D17665" s="367"/>
      <c r="E17665" s="367"/>
      <c r="F17665" s="360"/>
      <c r="G17665" s="360"/>
      <c r="H17665" s="360"/>
      <c r="I17665" s="360"/>
      <c r="J17665" s="365"/>
      <c r="K17665" s="365"/>
      <c r="L17665" s="365"/>
    </row>
    <row r="17666" spans="2:12">
      <c r="B17666" s="367"/>
      <c r="C17666" s="367"/>
      <c r="D17666" s="367"/>
      <c r="E17666" s="367"/>
      <c r="F17666" s="359" t="s">
        <v>14420</v>
      </c>
      <c r="G17666" s="359" t="s">
        <v>14429</v>
      </c>
      <c r="H17666" s="359" t="s">
        <v>14367</v>
      </c>
      <c r="I17666" s="359" t="s">
        <v>14429</v>
      </c>
      <c r="J17666" s="365"/>
      <c r="K17666" s="365"/>
      <c r="L17666" s="365"/>
    </row>
    <row r="17667" spans="2:12">
      <c r="B17667" s="367"/>
      <c r="C17667" s="367"/>
      <c r="D17667" s="367"/>
      <c r="E17667" s="367"/>
      <c r="F17667" s="360"/>
      <c r="G17667" s="360"/>
      <c r="H17667" s="360"/>
      <c r="I17667" s="360"/>
      <c r="J17667" s="365"/>
      <c r="K17667" s="365"/>
      <c r="L17667" s="365"/>
    </row>
    <row r="17668" spans="2:12">
      <c r="B17668" s="367"/>
      <c r="C17668" s="367"/>
      <c r="D17668" s="367"/>
      <c r="E17668" s="367"/>
      <c r="F17668" s="359" t="s">
        <v>14389</v>
      </c>
      <c r="G17668" s="359" t="s">
        <v>14390</v>
      </c>
      <c r="H17668" s="359" t="s">
        <v>14370</v>
      </c>
      <c r="I17668" s="359" t="s">
        <v>14390</v>
      </c>
      <c r="J17668" s="365"/>
      <c r="K17668" s="365"/>
      <c r="L17668" s="365"/>
    </row>
    <row r="17669" spans="2:12">
      <c r="B17669" s="367"/>
      <c r="C17669" s="367"/>
      <c r="D17669" s="367"/>
      <c r="E17669" s="367"/>
      <c r="F17669" s="360"/>
      <c r="G17669" s="360"/>
      <c r="H17669" s="360"/>
      <c r="I17669" s="360"/>
      <c r="J17669" s="365"/>
      <c r="K17669" s="365"/>
      <c r="L17669" s="365"/>
    </row>
    <row r="17670" spans="2:12">
      <c r="B17670" s="367"/>
      <c r="C17670" s="367"/>
      <c r="D17670" s="367"/>
      <c r="E17670" s="367"/>
      <c r="F17670" s="359" t="s">
        <v>14430</v>
      </c>
      <c r="G17670" s="359" t="s">
        <v>14431</v>
      </c>
      <c r="H17670" s="359" t="s">
        <v>14332</v>
      </c>
      <c r="I17670" s="359" t="s">
        <v>14431</v>
      </c>
      <c r="J17670" s="365"/>
      <c r="K17670" s="365"/>
      <c r="L17670" s="365"/>
    </row>
    <row r="17671" spans="2:12">
      <c r="B17671" s="367"/>
      <c r="C17671" s="367"/>
      <c r="D17671" s="367"/>
      <c r="E17671" s="367"/>
      <c r="F17671" s="360"/>
      <c r="G17671" s="360"/>
      <c r="H17671" s="360"/>
      <c r="I17671" s="360"/>
      <c r="J17671" s="365"/>
      <c r="K17671" s="365"/>
      <c r="L17671" s="365"/>
    </row>
    <row r="17672" spans="2:12" ht="28.5">
      <c r="B17672" s="368"/>
      <c r="C17672" s="368"/>
      <c r="D17672" s="368"/>
      <c r="E17672" s="368"/>
      <c r="F17672" s="361" t="s">
        <v>14394</v>
      </c>
      <c r="G17672" s="361" t="s">
        <v>14395</v>
      </c>
      <c r="H17672" s="362"/>
      <c r="I17672" s="361" t="s">
        <v>14395</v>
      </c>
      <c r="J17672" s="366"/>
      <c r="K17672" s="366"/>
      <c r="L17672" s="366"/>
    </row>
    <row r="17673" spans="2:12">
      <c r="B17673" s="358" t="s">
        <v>23667</v>
      </c>
      <c r="C17673" s="358" t="s">
        <v>23668</v>
      </c>
      <c r="D17673" s="358" t="s">
        <v>23669</v>
      </c>
      <c r="E17673" s="358" t="s">
        <v>23670</v>
      </c>
      <c r="F17673" s="358" t="s">
        <v>14420</v>
      </c>
      <c r="G17673" s="358" t="s">
        <v>14421</v>
      </c>
      <c r="H17673" s="358" t="s">
        <v>14341</v>
      </c>
      <c r="I17673" s="358" t="s">
        <v>14421</v>
      </c>
      <c r="J17673" s="358"/>
      <c r="K17673" s="358"/>
      <c r="L17673" s="358"/>
    </row>
    <row r="17674" spans="2:12">
      <c r="B17674" s="367"/>
      <c r="C17674" s="367"/>
      <c r="D17674" s="367"/>
      <c r="E17674" s="367"/>
      <c r="F17674" s="360"/>
      <c r="G17674" s="360"/>
      <c r="H17674" s="360"/>
      <c r="I17674" s="360"/>
      <c r="J17674" s="365"/>
      <c r="K17674" s="365"/>
      <c r="L17674" s="365"/>
    </row>
    <row r="17675" spans="2:12">
      <c r="B17675" s="367"/>
      <c r="C17675" s="367"/>
      <c r="D17675" s="367"/>
      <c r="E17675" s="367"/>
      <c r="F17675" s="359" t="s">
        <v>14420</v>
      </c>
      <c r="G17675" s="359" t="s">
        <v>14429</v>
      </c>
      <c r="H17675" s="359" t="s">
        <v>14367</v>
      </c>
      <c r="I17675" s="359" t="s">
        <v>14429</v>
      </c>
      <c r="J17675" s="365"/>
      <c r="K17675" s="365"/>
      <c r="L17675" s="365"/>
    </row>
    <row r="17676" spans="2:12">
      <c r="B17676" s="367"/>
      <c r="C17676" s="367"/>
      <c r="D17676" s="367"/>
      <c r="E17676" s="367"/>
      <c r="F17676" s="360"/>
      <c r="G17676" s="360"/>
      <c r="H17676" s="360"/>
      <c r="I17676" s="360"/>
      <c r="J17676" s="365"/>
      <c r="K17676" s="365"/>
      <c r="L17676" s="365"/>
    </row>
    <row r="17677" spans="2:12">
      <c r="B17677" s="367"/>
      <c r="C17677" s="367"/>
      <c r="D17677" s="367"/>
      <c r="E17677" s="367"/>
      <c r="F17677" s="359" t="s">
        <v>14356</v>
      </c>
      <c r="G17677" s="359" t="s">
        <v>14340</v>
      </c>
      <c r="H17677" s="359" t="s">
        <v>14370</v>
      </c>
      <c r="I17677" s="359" t="s">
        <v>14340</v>
      </c>
      <c r="J17677" s="365"/>
      <c r="K17677" s="365"/>
      <c r="L17677" s="365"/>
    </row>
    <row r="17678" spans="2:12">
      <c r="B17678" s="367"/>
      <c r="C17678" s="367"/>
      <c r="D17678" s="367"/>
      <c r="E17678" s="367"/>
      <c r="F17678" s="360"/>
      <c r="G17678" s="360"/>
      <c r="H17678" s="360"/>
      <c r="I17678" s="360"/>
      <c r="J17678" s="365"/>
      <c r="K17678" s="365"/>
      <c r="L17678" s="365"/>
    </row>
    <row r="17679" spans="2:12">
      <c r="B17679" s="367"/>
      <c r="C17679" s="367"/>
      <c r="D17679" s="367"/>
      <c r="E17679" s="367"/>
      <c r="F17679" s="359" t="s">
        <v>14391</v>
      </c>
      <c r="G17679" s="359" t="s">
        <v>14392</v>
      </c>
      <c r="H17679" s="359" t="s">
        <v>14332</v>
      </c>
      <c r="I17679" s="359" t="s">
        <v>14392</v>
      </c>
      <c r="J17679" s="365"/>
      <c r="K17679" s="365"/>
      <c r="L17679" s="365"/>
    </row>
    <row r="17680" spans="2:12">
      <c r="B17680" s="367"/>
      <c r="C17680" s="367"/>
      <c r="D17680" s="367"/>
      <c r="E17680" s="367"/>
      <c r="F17680" s="360"/>
      <c r="G17680" s="360"/>
      <c r="H17680" s="360"/>
      <c r="I17680" s="360"/>
      <c r="J17680" s="365"/>
      <c r="K17680" s="365"/>
      <c r="L17680" s="365"/>
    </row>
    <row r="17681" spans="2:12">
      <c r="B17681" s="367"/>
      <c r="C17681" s="367"/>
      <c r="D17681" s="367"/>
      <c r="E17681" s="367"/>
      <c r="F17681" s="359" t="s">
        <v>14371</v>
      </c>
      <c r="G17681" s="359" t="s">
        <v>14372</v>
      </c>
      <c r="H17681" s="360"/>
      <c r="I17681" s="359" t="s">
        <v>14373</v>
      </c>
      <c r="J17681" s="365"/>
      <c r="K17681" s="365"/>
      <c r="L17681" s="365"/>
    </row>
    <row r="17682" spans="2:12">
      <c r="B17682" s="367"/>
      <c r="C17682" s="367"/>
      <c r="D17682" s="367"/>
      <c r="E17682" s="367"/>
      <c r="F17682" s="360"/>
      <c r="G17682" s="360"/>
      <c r="H17682" s="360"/>
      <c r="I17682" s="360"/>
      <c r="J17682" s="365"/>
      <c r="K17682" s="365"/>
      <c r="L17682" s="365"/>
    </row>
    <row r="17683" spans="2:12" ht="28.5">
      <c r="B17683" s="368"/>
      <c r="C17683" s="368"/>
      <c r="D17683" s="368"/>
      <c r="E17683" s="368"/>
      <c r="F17683" s="361" t="s">
        <v>14374</v>
      </c>
      <c r="G17683" s="361" t="s">
        <v>14373</v>
      </c>
      <c r="H17683" s="362"/>
      <c r="I17683" s="362"/>
      <c r="J17683" s="366"/>
      <c r="K17683" s="366"/>
      <c r="L17683" s="366"/>
    </row>
    <row r="17684" spans="2:12" ht="42.75">
      <c r="B17684" s="358" t="s">
        <v>23671</v>
      </c>
      <c r="C17684" s="358" t="s">
        <v>27873</v>
      </c>
      <c r="D17684" s="358" t="s">
        <v>23672</v>
      </c>
      <c r="E17684" s="358" t="s">
        <v>23673</v>
      </c>
      <c r="F17684" s="358" t="s">
        <v>14420</v>
      </c>
      <c r="G17684" s="358" t="s">
        <v>14429</v>
      </c>
      <c r="H17684" s="358" t="s">
        <v>14341</v>
      </c>
      <c r="I17684" s="358" t="s">
        <v>14429</v>
      </c>
      <c r="J17684" s="358"/>
      <c r="K17684" s="358"/>
      <c r="L17684" s="358"/>
    </row>
    <row r="17685" spans="2:12">
      <c r="B17685" s="367"/>
      <c r="C17685" s="367"/>
      <c r="D17685" s="367"/>
      <c r="E17685" s="367"/>
      <c r="F17685" s="360"/>
      <c r="G17685" s="360"/>
      <c r="H17685" s="360"/>
      <c r="I17685" s="360"/>
      <c r="J17685" s="365"/>
      <c r="K17685" s="365"/>
      <c r="L17685" s="365"/>
    </row>
    <row r="17686" spans="2:12">
      <c r="B17686" s="367"/>
      <c r="C17686" s="367"/>
      <c r="D17686" s="367"/>
      <c r="E17686" s="367"/>
      <c r="F17686" s="359" t="s">
        <v>14430</v>
      </c>
      <c r="G17686" s="359" t="s">
        <v>14431</v>
      </c>
      <c r="H17686" s="359" t="s">
        <v>14367</v>
      </c>
      <c r="I17686" s="359" t="s">
        <v>14431</v>
      </c>
      <c r="J17686" s="365"/>
      <c r="K17686" s="365"/>
      <c r="L17686" s="365"/>
    </row>
    <row r="17687" spans="2:12">
      <c r="B17687" s="367"/>
      <c r="C17687" s="367"/>
      <c r="D17687" s="367"/>
      <c r="E17687" s="367"/>
      <c r="F17687" s="360"/>
      <c r="G17687" s="360"/>
      <c r="H17687" s="360"/>
      <c r="I17687" s="360"/>
      <c r="J17687" s="365"/>
      <c r="K17687" s="365"/>
      <c r="L17687" s="365"/>
    </row>
    <row r="17688" spans="2:12">
      <c r="B17688" s="367"/>
      <c r="C17688" s="367"/>
      <c r="D17688" s="367"/>
      <c r="E17688" s="367"/>
      <c r="F17688" s="359" t="s">
        <v>14371</v>
      </c>
      <c r="G17688" s="359" t="s">
        <v>14372</v>
      </c>
      <c r="H17688" s="359" t="s">
        <v>14370</v>
      </c>
      <c r="I17688" s="359" t="s">
        <v>14373</v>
      </c>
      <c r="J17688" s="365"/>
      <c r="K17688" s="365"/>
      <c r="L17688" s="365"/>
    </row>
    <row r="17689" spans="2:12">
      <c r="B17689" s="367"/>
      <c r="C17689" s="367"/>
      <c r="D17689" s="367"/>
      <c r="E17689" s="367"/>
      <c r="F17689" s="360"/>
      <c r="G17689" s="360"/>
      <c r="H17689" s="360"/>
      <c r="I17689" s="360"/>
      <c r="J17689" s="365"/>
      <c r="K17689" s="365"/>
      <c r="L17689" s="365"/>
    </row>
    <row r="17690" spans="2:12" ht="28.5">
      <c r="B17690" s="368"/>
      <c r="C17690" s="368"/>
      <c r="D17690" s="368"/>
      <c r="E17690" s="368"/>
      <c r="F17690" s="361" t="s">
        <v>14374</v>
      </c>
      <c r="G17690" s="361" t="s">
        <v>14373</v>
      </c>
      <c r="H17690" s="361" t="s">
        <v>14332</v>
      </c>
      <c r="I17690" s="362"/>
      <c r="J17690" s="366"/>
      <c r="K17690" s="366"/>
      <c r="L17690" s="366"/>
    </row>
    <row r="17691" spans="2:12" ht="28.5">
      <c r="B17691" s="358" t="s">
        <v>23674</v>
      </c>
      <c r="C17691" s="358" t="s">
        <v>23675</v>
      </c>
      <c r="D17691" s="358" t="s">
        <v>23676</v>
      </c>
      <c r="E17691" s="358" t="s">
        <v>23677</v>
      </c>
      <c r="F17691" s="358" t="s">
        <v>14420</v>
      </c>
      <c r="G17691" s="358" t="s">
        <v>14459</v>
      </c>
      <c r="H17691" s="358" t="s">
        <v>14341</v>
      </c>
      <c r="I17691" s="358" t="s">
        <v>14459</v>
      </c>
      <c r="J17691" s="358"/>
      <c r="K17691" s="358"/>
      <c r="L17691" s="358"/>
    </row>
    <row r="17692" spans="2:12">
      <c r="B17692" s="367"/>
      <c r="C17692" s="367"/>
      <c r="D17692" s="367"/>
      <c r="E17692" s="367"/>
      <c r="F17692" s="360"/>
      <c r="G17692" s="360"/>
      <c r="H17692" s="360"/>
      <c r="I17692" s="360"/>
      <c r="J17692" s="365"/>
      <c r="K17692" s="365"/>
      <c r="L17692" s="365"/>
    </row>
    <row r="17693" spans="2:12">
      <c r="B17693" s="367"/>
      <c r="C17693" s="367"/>
      <c r="D17693" s="367"/>
      <c r="E17693" s="367"/>
      <c r="F17693" s="359" t="s">
        <v>14420</v>
      </c>
      <c r="G17693" s="359" t="s">
        <v>14429</v>
      </c>
      <c r="H17693" s="359" t="s">
        <v>14367</v>
      </c>
      <c r="I17693" s="359" t="s">
        <v>14429</v>
      </c>
      <c r="J17693" s="365"/>
      <c r="K17693" s="365"/>
      <c r="L17693" s="365"/>
    </row>
    <row r="17694" spans="2:12">
      <c r="B17694" s="367"/>
      <c r="C17694" s="367"/>
      <c r="D17694" s="367"/>
      <c r="E17694" s="367"/>
      <c r="F17694" s="360"/>
      <c r="G17694" s="360"/>
      <c r="H17694" s="360"/>
      <c r="I17694" s="360"/>
      <c r="J17694" s="365"/>
      <c r="K17694" s="365"/>
      <c r="L17694" s="365"/>
    </row>
    <row r="17695" spans="2:12">
      <c r="B17695" s="367"/>
      <c r="C17695" s="367"/>
      <c r="D17695" s="367"/>
      <c r="E17695" s="367"/>
      <c r="F17695" s="359" t="s">
        <v>14430</v>
      </c>
      <c r="G17695" s="359" t="s">
        <v>14431</v>
      </c>
      <c r="H17695" s="359" t="s">
        <v>14370</v>
      </c>
      <c r="I17695" s="359" t="s">
        <v>14431</v>
      </c>
      <c r="J17695" s="365"/>
      <c r="K17695" s="365"/>
      <c r="L17695" s="365"/>
    </row>
    <row r="17696" spans="2:12">
      <c r="B17696" s="367"/>
      <c r="C17696" s="367"/>
      <c r="D17696" s="367"/>
      <c r="E17696" s="367"/>
      <c r="F17696" s="360"/>
      <c r="G17696" s="360"/>
      <c r="H17696" s="360"/>
      <c r="I17696" s="360"/>
      <c r="J17696" s="365"/>
      <c r="K17696" s="365"/>
      <c r="L17696" s="365"/>
    </row>
    <row r="17697" spans="2:12">
      <c r="B17697" s="367"/>
      <c r="C17697" s="367"/>
      <c r="D17697" s="367"/>
      <c r="E17697" s="367"/>
      <c r="F17697" s="359" t="s">
        <v>14371</v>
      </c>
      <c r="G17697" s="359" t="s">
        <v>14372</v>
      </c>
      <c r="H17697" s="359" t="s">
        <v>14332</v>
      </c>
      <c r="I17697" s="359" t="s">
        <v>14373</v>
      </c>
      <c r="J17697" s="365"/>
      <c r="K17697" s="365"/>
      <c r="L17697" s="365"/>
    </row>
    <row r="17698" spans="2:12">
      <c r="B17698" s="367"/>
      <c r="C17698" s="367"/>
      <c r="D17698" s="367"/>
      <c r="E17698" s="367"/>
      <c r="F17698" s="360"/>
      <c r="G17698" s="360"/>
      <c r="H17698" s="360"/>
      <c r="I17698" s="360"/>
      <c r="J17698" s="365"/>
      <c r="K17698" s="365"/>
      <c r="L17698" s="365"/>
    </row>
    <row r="17699" spans="2:12" ht="28.5">
      <c r="B17699" s="368"/>
      <c r="C17699" s="368"/>
      <c r="D17699" s="368"/>
      <c r="E17699" s="368"/>
      <c r="F17699" s="361" t="s">
        <v>14374</v>
      </c>
      <c r="G17699" s="361" t="s">
        <v>14373</v>
      </c>
      <c r="H17699" s="362"/>
      <c r="I17699" s="362"/>
      <c r="J17699" s="366"/>
      <c r="K17699" s="366"/>
      <c r="L17699" s="366"/>
    </row>
    <row r="17700" spans="2:12">
      <c r="B17700" s="358" t="s">
        <v>10584</v>
      </c>
      <c r="C17700" s="358" t="s">
        <v>27874</v>
      </c>
      <c r="D17700" s="358" t="s">
        <v>29547</v>
      </c>
      <c r="E17700" s="358" t="s">
        <v>29549</v>
      </c>
      <c r="F17700" s="358" t="s">
        <v>14376</v>
      </c>
      <c r="G17700" s="358" t="s">
        <v>14669</v>
      </c>
      <c r="H17700" s="358" t="s">
        <v>14378</v>
      </c>
      <c r="I17700" s="358" t="s">
        <v>14669</v>
      </c>
      <c r="J17700" s="358"/>
      <c r="K17700" s="358"/>
      <c r="L17700" s="358"/>
    </row>
    <row r="17701" spans="2:12">
      <c r="B17701" s="367"/>
      <c r="C17701" s="360"/>
      <c r="D17701" s="360"/>
      <c r="E17701" s="360"/>
      <c r="F17701" s="360"/>
      <c r="G17701" s="360"/>
      <c r="H17701" s="360"/>
      <c r="I17701" s="360"/>
      <c r="J17701" s="365"/>
      <c r="K17701" s="365"/>
      <c r="L17701" s="365"/>
    </row>
    <row r="17702" spans="2:12">
      <c r="B17702" s="367"/>
      <c r="C17702" s="359" t="s">
        <v>10583</v>
      </c>
      <c r="D17702" s="359" t="s">
        <v>29548</v>
      </c>
      <c r="E17702" s="359" t="s">
        <v>29550</v>
      </c>
      <c r="F17702" s="359" t="s">
        <v>14426</v>
      </c>
      <c r="G17702" s="359" t="s">
        <v>14427</v>
      </c>
      <c r="H17702" s="359" t="s">
        <v>14381</v>
      </c>
      <c r="I17702" s="359" t="s">
        <v>14427</v>
      </c>
      <c r="J17702" s="365"/>
      <c r="K17702" s="365"/>
      <c r="L17702" s="365"/>
    </row>
    <row r="17703" spans="2:12">
      <c r="B17703" s="367"/>
      <c r="C17703" s="360"/>
      <c r="D17703" s="360"/>
      <c r="E17703" s="360"/>
      <c r="F17703" s="360"/>
      <c r="G17703" s="360"/>
      <c r="H17703" s="360"/>
      <c r="I17703" s="360"/>
      <c r="J17703" s="365"/>
      <c r="K17703" s="365"/>
      <c r="L17703" s="365"/>
    </row>
    <row r="17704" spans="2:12">
      <c r="B17704" s="367"/>
      <c r="C17704" s="360"/>
      <c r="D17704" s="360"/>
      <c r="E17704" s="360"/>
      <c r="F17704" s="359" t="s">
        <v>14382</v>
      </c>
      <c r="G17704" s="359" t="s">
        <v>14483</v>
      </c>
      <c r="H17704" s="359" t="s">
        <v>14370</v>
      </c>
      <c r="I17704" s="359" t="s">
        <v>14483</v>
      </c>
      <c r="J17704" s="365"/>
      <c r="K17704" s="365"/>
      <c r="L17704" s="365"/>
    </row>
    <row r="17705" spans="2:12">
      <c r="B17705" s="367"/>
      <c r="C17705" s="360"/>
      <c r="D17705" s="360"/>
      <c r="E17705" s="360"/>
      <c r="F17705" s="360"/>
      <c r="G17705" s="360"/>
      <c r="H17705" s="360"/>
      <c r="I17705" s="360"/>
      <c r="J17705" s="365"/>
      <c r="K17705" s="365"/>
      <c r="L17705" s="365"/>
    </row>
    <row r="17706" spans="2:12">
      <c r="B17706" s="367"/>
      <c r="C17706" s="360"/>
      <c r="D17706" s="360"/>
      <c r="E17706" s="360"/>
      <c r="F17706" s="359" t="s">
        <v>14382</v>
      </c>
      <c r="G17706" s="359" t="s">
        <v>14579</v>
      </c>
      <c r="H17706" s="359" t="s">
        <v>14332</v>
      </c>
      <c r="I17706" s="359" t="s">
        <v>14579</v>
      </c>
      <c r="J17706" s="365"/>
      <c r="K17706" s="365"/>
      <c r="L17706" s="365"/>
    </row>
    <row r="17707" spans="2:12">
      <c r="B17707" s="367"/>
      <c r="C17707" s="360"/>
      <c r="D17707" s="360"/>
      <c r="E17707" s="360"/>
      <c r="F17707" s="360"/>
      <c r="G17707" s="360"/>
      <c r="H17707" s="360"/>
      <c r="I17707" s="360"/>
      <c r="J17707" s="365"/>
      <c r="K17707" s="365"/>
      <c r="L17707" s="365"/>
    </row>
    <row r="17708" spans="2:12">
      <c r="B17708" s="367"/>
      <c r="C17708" s="360"/>
      <c r="D17708" s="360"/>
      <c r="E17708" s="360"/>
      <c r="F17708" s="359" t="s">
        <v>14382</v>
      </c>
      <c r="G17708" s="359" t="s">
        <v>14383</v>
      </c>
      <c r="H17708" s="360"/>
      <c r="I17708" s="359" t="s">
        <v>14383</v>
      </c>
      <c r="J17708" s="365"/>
      <c r="K17708" s="365"/>
      <c r="L17708" s="365"/>
    </row>
    <row r="17709" spans="2:12">
      <c r="B17709" s="367"/>
      <c r="C17709" s="360"/>
      <c r="D17709" s="360"/>
      <c r="E17709" s="360"/>
      <c r="F17709" s="360"/>
      <c r="G17709" s="360"/>
      <c r="H17709" s="360"/>
      <c r="I17709" s="360"/>
      <c r="J17709" s="365"/>
      <c r="K17709" s="365"/>
      <c r="L17709" s="365"/>
    </row>
    <row r="17710" spans="2:12">
      <c r="B17710" s="367"/>
      <c r="C17710" s="360"/>
      <c r="D17710" s="360"/>
      <c r="E17710" s="360"/>
      <c r="F17710" s="359" t="s">
        <v>14371</v>
      </c>
      <c r="G17710" s="359" t="s">
        <v>14372</v>
      </c>
      <c r="H17710" s="360"/>
      <c r="I17710" s="359" t="s">
        <v>14373</v>
      </c>
      <c r="J17710" s="365"/>
      <c r="K17710" s="365"/>
      <c r="L17710" s="365"/>
    </row>
    <row r="17711" spans="2:12">
      <c r="B17711" s="367"/>
      <c r="C17711" s="360"/>
      <c r="D17711" s="360"/>
      <c r="E17711" s="360"/>
      <c r="F17711" s="360"/>
      <c r="G17711" s="360"/>
      <c r="H17711" s="360"/>
      <c r="I17711" s="360"/>
      <c r="J17711" s="365"/>
      <c r="K17711" s="365"/>
      <c r="L17711" s="365"/>
    </row>
    <row r="17712" spans="2:12" ht="28.5">
      <c r="B17712" s="368"/>
      <c r="C17712" s="362"/>
      <c r="D17712" s="362"/>
      <c r="E17712" s="362"/>
      <c r="F17712" s="361" t="s">
        <v>14374</v>
      </c>
      <c r="G17712" s="361" t="s">
        <v>14373</v>
      </c>
      <c r="H17712" s="362"/>
      <c r="I17712" s="362"/>
      <c r="J17712" s="366"/>
      <c r="K17712" s="366"/>
      <c r="L17712" s="366"/>
    </row>
    <row r="17713" spans="2:12" ht="28.5">
      <c r="B17713" s="358" t="s">
        <v>10591</v>
      </c>
      <c r="C17713" s="358" t="s">
        <v>23678</v>
      </c>
      <c r="D17713" s="358" t="s">
        <v>29551</v>
      </c>
      <c r="E17713" s="358" t="s">
        <v>10593</v>
      </c>
      <c r="F17713" s="358" t="s">
        <v>14376</v>
      </c>
      <c r="G17713" s="358" t="s">
        <v>14669</v>
      </c>
      <c r="H17713" s="358" t="s">
        <v>14378</v>
      </c>
      <c r="I17713" s="358" t="s">
        <v>14669</v>
      </c>
      <c r="J17713" s="358"/>
      <c r="K17713" s="358"/>
      <c r="L17713" s="358"/>
    </row>
    <row r="17714" spans="2:12">
      <c r="B17714" s="367"/>
      <c r="C17714" s="360"/>
      <c r="D17714" s="367"/>
      <c r="E17714" s="360"/>
      <c r="F17714" s="360"/>
      <c r="G17714" s="360"/>
      <c r="H17714" s="360"/>
      <c r="I17714" s="360"/>
      <c r="J17714" s="365"/>
      <c r="K17714" s="365"/>
      <c r="L17714" s="365"/>
    </row>
    <row r="17715" spans="2:12" ht="28.5">
      <c r="B17715" s="367"/>
      <c r="C17715" s="359" t="s">
        <v>10590</v>
      </c>
      <c r="D17715" s="367"/>
      <c r="E17715" s="359" t="s">
        <v>29552</v>
      </c>
      <c r="F17715" s="359" t="s">
        <v>14382</v>
      </c>
      <c r="G17715" s="359" t="s">
        <v>14483</v>
      </c>
      <c r="H17715" s="359" t="s">
        <v>14381</v>
      </c>
      <c r="I17715" s="359" t="s">
        <v>14483</v>
      </c>
      <c r="J17715" s="365"/>
      <c r="K17715" s="365"/>
      <c r="L17715" s="365"/>
    </row>
    <row r="17716" spans="2:12">
      <c r="B17716" s="367"/>
      <c r="C17716" s="360"/>
      <c r="D17716" s="367"/>
      <c r="E17716" s="360"/>
      <c r="F17716" s="360"/>
      <c r="G17716" s="360"/>
      <c r="H17716" s="360"/>
      <c r="I17716" s="360"/>
      <c r="J17716" s="365"/>
      <c r="K17716" s="365"/>
      <c r="L17716" s="365"/>
    </row>
    <row r="17717" spans="2:12">
      <c r="B17717" s="367"/>
      <c r="C17717" s="360"/>
      <c r="D17717" s="367"/>
      <c r="E17717" s="360"/>
      <c r="F17717" s="359" t="s">
        <v>14382</v>
      </c>
      <c r="G17717" s="359" t="s">
        <v>14579</v>
      </c>
      <c r="H17717" s="359" t="s">
        <v>14370</v>
      </c>
      <c r="I17717" s="359" t="s">
        <v>14579</v>
      </c>
      <c r="J17717" s="365"/>
      <c r="K17717" s="365"/>
      <c r="L17717" s="365"/>
    </row>
    <row r="17718" spans="2:12">
      <c r="B17718" s="367"/>
      <c r="C17718" s="360"/>
      <c r="D17718" s="367"/>
      <c r="E17718" s="360"/>
      <c r="F17718" s="360"/>
      <c r="G17718" s="360"/>
      <c r="H17718" s="360"/>
      <c r="I17718" s="360"/>
      <c r="J17718" s="365"/>
      <c r="K17718" s="365"/>
      <c r="L17718" s="365"/>
    </row>
    <row r="17719" spans="2:12">
      <c r="B17719" s="367"/>
      <c r="C17719" s="360"/>
      <c r="D17719" s="367"/>
      <c r="E17719" s="360"/>
      <c r="F17719" s="359" t="s">
        <v>14382</v>
      </c>
      <c r="G17719" s="359" t="s">
        <v>14383</v>
      </c>
      <c r="H17719" s="359" t="s">
        <v>14332</v>
      </c>
      <c r="I17719" s="359" t="s">
        <v>14383</v>
      </c>
      <c r="J17719" s="365"/>
      <c r="K17719" s="365"/>
      <c r="L17719" s="365"/>
    </row>
    <row r="17720" spans="2:12">
      <c r="B17720" s="367"/>
      <c r="C17720" s="360"/>
      <c r="D17720" s="367"/>
      <c r="E17720" s="360"/>
      <c r="F17720" s="360"/>
      <c r="G17720" s="360"/>
      <c r="H17720" s="360"/>
      <c r="I17720" s="360"/>
      <c r="J17720" s="365"/>
      <c r="K17720" s="365"/>
      <c r="L17720" s="365"/>
    </row>
    <row r="17721" spans="2:12" ht="28.5">
      <c r="B17721" s="368"/>
      <c r="C17721" s="362"/>
      <c r="D17721" s="368"/>
      <c r="E17721" s="362"/>
      <c r="F17721" s="361" t="s">
        <v>14394</v>
      </c>
      <c r="G17721" s="361" t="s">
        <v>14395</v>
      </c>
      <c r="H17721" s="362"/>
      <c r="I17721" s="361" t="s">
        <v>14395</v>
      </c>
      <c r="J17721" s="366"/>
      <c r="K17721" s="366"/>
      <c r="L17721" s="366"/>
    </row>
    <row r="17722" spans="2:12">
      <c r="B17722" s="358" t="s">
        <v>10596</v>
      </c>
      <c r="C17722" s="358" t="s">
        <v>23679</v>
      </c>
      <c r="D17722" s="358" t="s">
        <v>13275</v>
      </c>
      <c r="E17722" s="358" t="s">
        <v>7206</v>
      </c>
      <c r="F17722" s="358" t="s">
        <v>14376</v>
      </c>
      <c r="G17722" s="358" t="s">
        <v>14669</v>
      </c>
      <c r="H17722" s="358" t="s">
        <v>14381</v>
      </c>
      <c r="I17722" s="358" t="s">
        <v>14669</v>
      </c>
      <c r="J17722" s="358"/>
      <c r="K17722" s="358"/>
      <c r="L17722" s="358"/>
    </row>
    <row r="17723" spans="2:12">
      <c r="B17723" s="367"/>
      <c r="C17723" s="367"/>
      <c r="D17723" s="367"/>
      <c r="E17723" s="367"/>
      <c r="F17723" s="360"/>
      <c r="G17723" s="360"/>
      <c r="H17723" s="360"/>
      <c r="I17723" s="360"/>
      <c r="J17723" s="365"/>
      <c r="K17723" s="365"/>
      <c r="L17723" s="365"/>
    </row>
    <row r="17724" spans="2:12">
      <c r="B17724" s="367"/>
      <c r="C17724" s="367"/>
      <c r="D17724" s="367"/>
      <c r="E17724" s="367"/>
      <c r="F17724" s="359" t="s">
        <v>14420</v>
      </c>
      <c r="G17724" s="359" t="s">
        <v>14429</v>
      </c>
      <c r="H17724" s="359" t="s">
        <v>14367</v>
      </c>
      <c r="I17724" s="359" t="s">
        <v>14429</v>
      </c>
      <c r="J17724" s="365"/>
      <c r="K17724" s="365"/>
      <c r="L17724" s="365"/>
    </row>
    <row r="17725" spans="2:12">
      <c r="B17725" s="367"/>
      <c r="C17725" s="367"/>
      <c r="D17725" s="367"/>
      <c r="E17725" s="367"/>
      <c r="F17725" s="360"/>
      <c r="G17725" s="360"/>
      <c r="H17725" s="360"/>
      <c r="I17725" s="360"/>
      <c r="J17725" s="365"/>
      <c r="K17725" s="365"/>
      <c r="L17725" s="365"/>
    </row>
    <row r="17726" spans="2:12" ht="28.5">
      <c r="B17726" s="367"/>
      <c r="C17726" s="367"/>
      <c r="D17726" s="367"/>
      <c r="E17726" s="367"/>
      <c r="F17726" s="359" t="s">
        <v>14394</v>
      </c>
      <c r="G17726" s="359" t="s">
        <v>14395</v>
      </c>
      <c r="H17726" s="359" t="s">
        <v>14370</v>
      </c>
      <c r="I17726" s="359" t="s">
        <v>14395</v>
      </c>
      <c r="J17726" s="365"/>
      <c r="K17726" s="365"/>
      <c r="L17726" s="365"/>
    </row>
    <row r="17727" spans="2:12">
      <c r="B17727" s="367"/>
      <c r="C17727" s="367"/>
      <c r="D17727" s="367"/>
      <c r="E17727" s="367"/>
      <c r="F17727" s="360"/>
      <c r="G17727" s="360"/>
      <c r="H17727" s="360"/>
      <c r="I17727" s="360"/>
      <c r="J17727" s="365"/>
      <c r="K17727" s="365"/>
      <c r="L17727" s="365"/>
    </row>
    <row r="17728" spans="2:12">
      <c r="B17728" s="368"/>
      <c r="C17728" s="368"/>
      <c r="D17728" s="368"/>
      <c r="E17728" s="368"/>
      <c r="F17728" s="362"/>
      <c r="G17728" s="362"/>
      <c r="H17728" s="361" t="s">
        <v>14332</v>
      </c>
      <c r="I17728" s="362"/>
      <c r="J17728" s="366"/>
      <c r="K17728" s="366"/>
      <c r="L17728" s="366"/>
    </row>
    <row r="17729" spans="2:12">
      <c r="B17729" s="358" t="s">
        <v>10601</v>
      </c>
      <c r="C17729" s="358" t="s">
        <v>23680</v>
      </c>
      <c r="D17729" s="358" t="s">
        <v>13274</v>
      </c>
      <c r="E17729" s="358" t="s">
        <v>7203</v>
      </c>
      <c r="F17729" s="358" t="s">
        <v>29553</v>
      </c>
      <c r="G17729" s="358" t="s">
        <v>14669</v>
      </c>
      <c r="H17729" s="358" t="s">
        <v>14378</v>
      </c>
      <c r="I17729" s="358" t="s">
        <v>14669</v>
      </c>
      <c r="J17729" s="358"/>
      <c r="K17729" s="358"/>
      <c r="L17729" s="358"/>
    </row>
    <row r="17730" spans="2:12">
      <c r="B17730" s="367"/>
      <c r="C17730" s="360"/>
      <c r="D17730" s="367"/>
      <c r="E17730" s="367"/>
      <c r="F17730" s="360"/>
      <c r="G17730" s="360"/>
      <c r="H17730" s="360"/>
      <c r="I17730" s="360"/>
      <c r="J17730" s="365"/>
      <c r="K17730" s="365"/>
      <c r="L17730" s="365"/>
    </row>
    <row r="17731" spans="2:12">
      <c r="B17731" s="367"/>
      <c r="C17731" s="359" t="s">
        <v>27875</v>
      </c>
      <c r="D17731" s="367"/>
      <c r="E17731" s="367"/>
      <c r="F17731" s="359" t="s">
        <v>29554</v>
      </c>
      <c r="G17731" s="359" t="s">
        <v>14890</v>
      </c>
      <c r="H17731" s="359" t="s">
        <v>14381</v>
      </c>
      <c r="I17731" s="359" t="s">
        <v>14890</v>
      </c>
      <c r="J17731" s="365"/>
      <c r="K17731" s="365"/>
      <c r="L17731" s="365"/>
    </row>
    <row r="17732" spans="2:12">
      <c r="B17732" s="367"/>
      <c r="C17732" s="360"/>
      <c r="D17732" s="367"/>
      <c r="E17732" s="367"/>
      <c r="F17732" s="360"/>
      <c r="G17732" s="360"/>
      <c r="H17732" s="360"/>
      <c r="I17732" s="360"/>
      <c r="J17732" s="365"/>
      <c r="K17732" s="365"/>
      <c r="L17732" s="365"/>
    </row>
    <row r="17733" spans="2:12">
      <c r="B17733" s="367"/>
      <c r="C17733" s="360"/>
      <c r="D17733" s="367"/>
      <c r="E17733" s="367"/>
      <c r="F17733" s="359" t="s">
        <v>14382</v>
      </c>
      <c r="G17733" s="359" t="s">
        <v>15234</v>
      </c>
      <c r="H17733" s="359" t="s">
        <v>14370</v>
      </c>
      <c r="I17733" s="359" t="s">
        <v>15234</v>
      </c>
      <c r="J17733" s="365"/>
      <c r="K17733" s="365"/>
      <c r="L17733" s="365"/>
    </row>
    <row r="17734" spans="2:12">
      <c r="B17734" s="367"/>
      <c r="C17734" s="360"/>
      <c r="D17734" s="367"/>
      <c r="E17734" s="367"/>
      <c r="F17734" s="360"/>
      <c r="G17734" s="360"/>
      <c r="H17734" s="360"/>
      <c r="I17734" s="360"/>
      <c r="J17734" s="365"/>
      <c r="K17734" s="365"/>
      <c r="L17734" s="365"/>
    </row>
    <row r="17735" spans="2:12">
      <c r="B17735" s="367"/>
      <c r="C17735" s="360"/>
      <c r="D17735" s="367"/>
      <c r="E17735" s="367"/>
      <c r="F17735" s="359" t="s">
        <v>14382</v>
      </c>
      <c r="G17735" s="359" t="s">
        <v>14483</v>
      </c>
      <c r="H17735" s="359" t="s">
        <v>14332</v>
      </c>
      <c r="I17735" s="359" t="s">
        <v>14483</v>
      </c>
      <c r="J17735" s="365"/>
      <c r="K17735" s="365"/>
      <c r="L17735" s="365"/>
    </row>
    <row r="17736" spans="2:12">
      <c r="B17736" s="367"/>
      <c r="C17736" s="360"/>
      <c r="D17736" s="367"/>
      <c r="E17736" s="367"/>
      <c r="F17736" s="360"/>
      <c r="G17736" s="360"/>
      <c r="H17736" s="360"/>
      <c r="I17736" s="360"/>
      <c r="J17736" s="365"/>
      <c r="K17736" s="365"/>
      <c r="L17736" s="365"/>
    </row>
    <row r="17737" spans="2:12">
      <c r="B17737" s="367"/>
      <c r="C17737" s="360"/>
      <c r="D17737" s="367"/>
      <c r="E17737" s="367"/>
      <c r="F17737" s="359" t="s">
        <v>14382</v>
      </c>
      <c r="G17737" s="359" t="s">
        <v>14579</v>
      </c>
      <c r="H17737" s="360"/>
      <c r="I17737" s="359" t="s">
        <v>14579</v>
      </c>
      <c r="J17737" s="365"/>
      <c r="K17737" s="365"/>
      <c r="L17737" s="365"/>
    </row>
    <row r="17738" spans="2:12">
      <c r="B17738" s="367"/>
      <c r="C17738" s="360"/>
      <c r="D17738" s="367"/>
      <c r="E17738" s="367"/>
      <c r="F17738" s="360"/>
      <c r="G17738" s="360"/>
      <c r="H17738" s="360"/>
      <c r="I17738" s="360"/>
      <c r="J17738" s="365"/>
      <c r="K17738" s="365"/>
      <c r="L17738" s="365"/>
    </row>
    <row r="17739" spans="2:12" ht="28.5">
      <c r="B17739" s="367"/>
      <c r="C17739" s="360"/>
      <c r="D17739" s="367"/>
      <c r="E17739" s="367"/>
      <c r="F17739" s="359" t="s">
        <v>14394</v>
      </c>
      <c r="G17739" s="359" t="s">
        <v>14383</v>
      </c>
      <c r="H17739" s="360"/>
      <c r="I17739" s="359" t="s">
        <v>14383</v>
      </c>
      <c r="J17739" s="365"/>
      <c r="K17739" s="365"/>
      <c r="L17739" s="365"/>
    </row>
    <row r="17740" spans="2:12">
      <c r="B17740" s="367"/>
      <c r="C17740" s="360"/>
      <c r="D17740" s="367"/>
      <c r="E17740" s="367"/>
      <c r="F17740" s="360"/>
      <c r="G17740" s="360"/>
      <c r="H17740" s="360"/>
      <c r="I17740" s="360"/>
      <c r="J17740" s="365"/>
      <c r="K17740" s="365"/>
      <c r="L17740" s="365"/>
    </row>
    <row r="17741" spans="2:12">
      <c r="B17741" s="368"/>
      <c r="C17741" s="362"/>
      <c r="D17741" s="368"/>
      <c r="E17741" s="368"/>
      <c r="F17741" s="362"/>
      <c r="G17741" s="361" t="s">
        <v>14395</v>
      </c>
      <c r="H17741" s="362"/>
      <c r="I17741" s="361" t="s">
        <v>14395</v>
      </c>
      <c r="J17741" s="366"/>
      <c r="K17741" s="366"/>
      <c r="L17741" s="366"/>
    </row>
    <row r="17742" spans="2:12">
      <c r="B17742" s="358" t="s">
        <v>10606</v>
      </c>
      <c r="C17742" s="358" t="s">
        <v>23681</v>
      </c>
      <c r="D17742" s="358" t="s">
        <v>10607</v>
      </c>
      <c r="E17742" s="358" t="s">
        <v>10609</v>
      </c>
      <c r="F17742" s="358" t="s">
        <v>28860</v>
      </c>
      <c r="G17742" s="358" t="s">
        <v>14669</v>
      </c>
      <c r="H17742" s="358" t="s">
        <v>14381</v>
      </c>
      <c r="I17742" s="358" t="s">
        <v>14669</v>
      </c>
      <c r="J17742" s="358"/>
      <c r="K17742" s="358"/>
      <c r="L17742" s="358"/>
    </row>
    <row r="17743" spans="2:12">
      <c r="B17743" s="367"/>
      <c r="C17743" s="360"/>
      <c r="D17743" s="360"/>
      <c r="E17743" s="360"/>
      <c r="F17743" s="360"/>
      <c r="G17743" s="360"/>
      <c r="H17743" s="360"/>
      <c r="I17743" s="360"/>
      <c r="J17743" s="365"/>
      <c r="K17743" s="365"/>
      <c r="L17743" s="365"/>
    </row>
    <row r="17744" spans="2:12" ht="28.5">
      <c r="B17744" s="367"/>
      <c r="C17744" s="359" t="s">
        <v>27876</v>
      </c>
      <c r="D17744" s="359" t="s">
        <v>10608</v>
      </c>
      <c r="E17744" s="359" t="s">
        <v>10610</v>
      </c>
      <c r="F17744" s="359" t="s">
        <v>14420</v>
      </c>
      <c r="G17744" s="359" t="s">
        <v>14427</v>
      </c>
      <c r="H17744" s="359" t="s">
        <v>14367</v>
      </c>
      <c r="I17744" s="359" t="s">
        <v>14427</v>
      </c>
      <c r="J17744" s="365"/>
      <c r="K17744" s="365"/>
      <c r="L17744" s="365"/>
    </row>
    <row r="17745" spans="2:12">
      <c r="B17745" s="367"/>
      <c r="C17745" s="360"/>
      <c r="D17745" s="360"/>
      <c r="E17745" s="360"/>
      <c r="F17745" s="360"/>
      <c r="G17745" s="360"/>
      <c r="H17745" s="360"/>
      <c r="I17745" s="360"/>
      <c r="J17745" s="365"/>
      <c r="K17745" s="365"/>
      <c r="L17745" s="365"/>
    </row>
    <row r="17746" spans="2:12" ht="28.5">
      <c r="B17746" s="367"/>
      <c r="C17746" s="359" t="s">
        <v>10605</v>
      </c>
      <c r="D17746" s="360"/>
      <c r="E17746" s="360"/>
      <c r="F17746" s="359" t="s">
        <v>14394</v>
      </c>
      <c r="G17746" s="359" t="s">
        <v>14429</v>
      </c>
      <c r="H17746" s="359" t="s">
        <v>14370</v>
      </c>
      <c r="I17746" s="359" t="s">
        <v>14429</v>
      </c>
      <c r="J17746" s="365"/>
      <c r="K17746" s="365"/>
      <c r="L17746" s="365"/>
    </row>
    <row r="17747" spans="2:12">
      <c r="B17747" s="367"/>
      <c r="C17747" s="360"/>
      <c r="D17747" s="360"/>
      <c r="E17747" s="360"/>
      <c r="F17747" s="360"/>
      <c r="G17747" s="360"/>
      <c r="H17747" s="360"/>
      <c r="I17747" s="360"/>
      <c r="J17747" s="365"/>
      <c r="K17747" s="365"/>
      <c r="L17747" s="365"/>
    </row>
    <row r="17748" spans="2:12">
      <c r="B17748" s="368"/>
      <c r="C17748" s="362"/>
      <c r="D17748" s="362"/>
      <c r="E17748" s="362"/>
      <c r="F17748" s="362"/>
      <c r="G17748" s="361" t="s">
        <v>14395</v>
      </c>
      <c r="H17748" s="361" t="s">
        <v>14332</v>
      </c>
      <c r="I17748" s="361" t="s">
        <v>14395</v>
      </c>
      <c r="J17748" s="366"/>
      <c r="K17748" s="366"/>
      <c r="L17748" s="366"/>
    </row>
    <row r="17749" spans="2:12">
      <c r="B17749" s="358" t="s">
        <v>10612</v>
      </c>
      <c r="C17749" s="358" t="s">
        <v>27877</v>
      </c>
      <c r="D17749" s="358" t="s">
        <v>359</v>
      </c>
      <c r="E17749" s="358" t="s">
        <v>360</v>
      </c>
      <c r="F17749" s="358" t="s">
        <v>14376</v>
      </c>
      <c r="G17749" s="358" t="s">
        <v>14669</v>
      </c>
      <c r="H17749" s="358" t="s">
        <v>14381</v>
      </c>
      <c r="I17749" s="358" t="s">
        <v>14669</v>
      </c>
      <c r="J17749" s="358"/>
      <c r="K17749" s="358"/>
      <c r="L17749" s="358"/>
    </row>
    <row r="17750" spans="2:12">
      <c r="B17750" s="367"/>
      <c r="C17750" s="367"/>
      <c r="D17750" s="367"/>
      <c r="E17750" s="367"/>
      <c r="F17750" s="360"/>
      <c r="G17750" s="360"/>
      <c r="H17750" s="360"/>
      <c r="I17750" s="360"/>
      <c r="J17750" s="365"/>
      <c r="K17750" s="365"/>
      <c r="L17750" s="365"/>
    </row>
    <row r="17751" spans="2:12">
      <c r="B17751" s="367"/>
      <c r="C17751" s="367"/>
      <c r="D17751" s="367"/>
      <c r="E17751" s="367"/>
      <c r="F17751" s="359" t="s">
        <v>14371</v>
      </c>
      <c r="G17751" s="359" t="s">
        <v>14372</v>
      </c>
      <c r="H17751" s="359" t="s">
        <v>14370</v>
      </c>
      <c r="I17751" s="359" t="s">
        <v>14373</v>
      </c>
      <c r="J17751" s="365"/>
      <c r="K17751" s="365"/>
      <c r="L17751" s="365"/>
    </row>
    <row r="17752" spans="2:12">
      <c r="B17752" s="367"/>
      <c r="C17752" s="367"/>
      <c r="D17752" s="367"/>
      <c r="E17752" s="367"/>
      <c r="F17752" s="360"/>
      <c r="G17752" s="360"/>
      <c r="H17752" s="360"/>
      <c r="I17752" s="360"/>
      <c r="J17752" s="365"/>
      <c r="K17752" s="365"/>
      <c r="L17752" s="365"/>
    </row>
    <row r="17753" spans="2:12" ht="28.5">
      <c r="B17753" s="368"/>
      <c r="C17753" s="368"/>
      <c r="D17753" s="368"/>
      <c r="E17753" s="368"/>
      <c r="F17753" s="361" t="s">
        <v>14374</v>
      </c>
      <c r="G17753" s="361" t="s">
        <v>14373</v>
      </c>
      <c r="H17753" s="361" t="s">
        <v>14332</v>
      </c>
      <c r="I17753" s="362"/>
      <c r="J17753" s="366"/>
      <c r="K17753" s="366"/>
      <c r="L17753" s="366"/>
    </row>
    <row r="17754" spans="2:12">
      <c r="B17754" s="358" t="s">
        <v>23682</v>
      </c>
      <c r="C17754" s="358" t="s">
        <v>23683</v>
      </c>
      <c r="D17754" s="358" t="s">
        <v>23684</v>
      </c>
      <c r="E17754" s="358" t="s">
        <v>23685</v>
      </c>
      <c r="F17754" s="358" t="s">
        <v>14382</v>
      </c>
      <c r="G17754" s="358" t="s">
        <v>14483</v>
      </c>
      <c r="H17754" s="358" t="s">
        <v>14378</v>
      </c>
      <c r="I17754" s="358" t="s">
        <v>14483</v>
      </c>
      <c r="J17754" s="358"/>
      <c r="K17754" s="358"/>
      <c r="L17754" s="358"/>
    </row>
    <row r="17755" spans="2:12">
      <c r="B17755" s="367"/>
      <c r="C17755" s="367"/>
      <c r="D17755" s="367"/>
      <c r="E17755" s="367"/>
      <c r="F17755" s="360"/>
      <c r="G17755" s="360"/>
      <c r="H17755" s="360"/>
      <c r="I17755" s="360"/>
      <c r="J17755" s="365"/>
      <c r="K17755" s="365"/>
      <c r="L17755" s="365"/>
    </row>
    <row r="17756" spans="2:12">
      <c r="B17756" s="367"/>
      <c r="C17756" s="367"/>
      <c r="D17756" s="367"/>
      <c r="E17756" s="367"/>
      <c r="F17756" s="359" t="s">
        <v>14382</v>
      </c>
      <c r="G17756" s="359" t="s">
        <v>14579</v>
      </c>
      <c r="H17756" s="359" t="s">
        <v>14341</v>
      </c>
      <c r="I17756" s="359" t="s">
        <v>14579</v>
      </c>
      <c r="J17756" s="365"/>
      <c r="K17756" s="365"/>
      <c r="L17756" s="365"/>
    </row>
    <row r="17757" spans="2:12">
      <c r="B17757" s="367"/>
      <c r="C17757" s="367"/>
      <c r="D17757" s="367"/>
      <c r="E17757" s="367"/>
      <c r="F17757" s="360"/>
      <c r="G17757" s="360"/>
      <c r="H17757" s="360"/>
      <c r="I17757" s="360"/>
      <c r="J17757" s="365"/>
      <c r="K17757" s="365"/>
      <c r="L17757" s="365"/>
    </row>
    <row r="17758" spans="2:12">
      <c r="B17758" s="367"/>
      <c r="C17758" s="367"/>
      <c r="D17758" s="367"/>
      <c r="E17758" s="367"/>
      <c r="F17758" s="359" t="s">
        <v>14382</v>
      </c>
      <c r="G17758" s="359" t="s">
        <v>14383</v>
      </c>
      <c r="H17758" s="359" t="s">
        <v>14370</v>
      </c>
      <c r="I17758" s="359" t="s">
        <v>14383</v>
      </c>
      <c r="J17758" s="365"/>
      <c r="K17758" s="365"/>
      <c r="L17758" s="365"/>
    </row>
    <row r="17759" spans="2:12">
      <c r="B17759" s="367"/>
      <c r="C17759" s="367"/>
      <c r="D17759" s="367"/>
      <c r="E17759" s="367"/>
      <c r="F17759" s="360"/>
      <c r="G17759" s="360"/>
      <c r="H17759" s="360"/>
      <c r="I17759" s="360"/>
      <c r="J17759" s="365"/>
      <c r="K17759" s="365"/>
      <c r="L17759" s="365"/>
    </row>
    <row r="17760" spans="2:12">
      <c r="B17760" s="367"/>
      <c r="C17760" s="367"/>
      <c r="D17760" s="367"/>
      <c r="E17760" s="367"/>
      <c r="F17760" s="359" t="s">
        <v>14430</v>
      </c>
      <c r="G17760" s="359" t="s">
        <v>14431</v>
      </c>
      <c r="H17760" s="359" t="s">
        <v>14332</v>
      </c>
      <c r="I17760" s="359" t="s">
        <v>14431</v>
      </c>
      <c r="J17760" s="365"/>
      <c r="K17760" s="365"/>
      <c r="L17760" s="365"/>
    </row>
    <row r="17761" spans="2:12">
      <c r="B17761" s="367"/>
      <c r="C17761" s="367"/>
      <c r="D17761" s="367"/>
      <c r="E17761" s="367"/>
      <c r="F17761" s="360"/>
      <c r="G17761" s="360"/>
      <c r="H17761" s="360"/>
      <c r="I17761" s="360"/>
      <c r="J17761" s="365"/>
      <c r="K17761" s="365"/>
      <c r="L17761" s="365"/>
    </row>
    <row r="17762" spans="2:12">
      <c r="B17762" s="367"/>
      <c r="C17762" s="367"/>
      <c r="D17762" s="367"/>
      <c r="E17762" s="367"/>
      <c r="F17762" s="359" t="s">
        <v>14391</v>
      </c>
      <c r="G17762" s="359" t="s">
        <v>14392</v>
      </c>
      <c r="H17762" s="360"/>
      <c r="I17762" s="359" t="s">
        <v>14392</v>
      </c>
      <c r="J17762" s="365"/>
      <c r="K17762" s="365"/>
      <c r="L17762" s="365"/>
    </row>
    <row r="17763" spans="2:12">
      <c r="B17763" s="367"/>
      <c r="C17763" s="367"/>
      <c r="D17763" s="367"/>
      <c r="E17763" s="367"/>
      <c r="F17763" s="360"/>
      <c r="G17763" s="360"/>
      <c r="H17763" s="360"/>
      <c r="I17763" s="360"/>
      <c r="J17763" s="365"/>
      <c r="K17763" s="365"/>
      <c r="L17763" s="365"/>
    </row>
    <row r="17764" spans="2:12">
      <c r="B17764" s="367"/>
      <c r="C17764" s="367"/>
      <c r="D17764" s="367"/>
      <c r="E17764" s="367"/>
      <c r="F17764" s="359" t="s">
        <v>14371</v>
      </c>
      <c r="G17764" s="359" t="s">
        <v>14372</v>
      </c>
      <c r="H17764" s="360"/>
      <c r="I17764" s="359" t="s">
        <v>14373</v>
      </c>
      <c r="J17764" s="365"/>
      <c r="K17764" s="365"/>
      <c r="L17764" s="365"/>
    </row>
    <row r="17765" spans="2:12">
      <c r="B17765" s="367"/>
      <c r="C17765" s="367"/>
      <c r="D17765" s="367"/>
      <c r="E17765" s="367"/>
      <c r="F17765" s="360"/>
      <c r="G17765" s="360"/>
      <c r="H17765" s="360"/>
      <c r="I17765" s="360"/>
      <c r="J17765" s="365"/>
      <c r="K17765" s="365"/>
      <c r="L17765" s="365"/>
    </row>
    <row r="17766" spans="2:12" ht="28.5">
      <c r="B17766" s="368"/>
      <c r="C17766" s="368"/>
      <c r="D17766" s="368"/>
      <c r="E17766" s="368"/>
      <c r="F17766" s="361" t="s">
        <v>14374</v>
      </c>
      <c r="G17766" s="361" t="s">
        <v>14373</v>
      </c>
      <c r="H17766" s="362"/>
      <c r="I17766" s="362"/>
      <c r="J17766" s="366"/>
      <c r="K17766" s="366"/>
      <c r="L17766" s="366"/>
    </row>
    <row r="17767" spans="2:12" ht="42.75">
      <c r="B17767" s="358" t="s">
        <v>23686</v>
      </c>
      <c r="C17767" s="358" t="s">
        <v>30377</v>
      </c>
      <c r="D17767" s="358" t="s">
        <v>23687</v>
      </c>
      <c r="E17767" s="358" t="s">
        <v>8356</v>
      </c>
      <c r="F17767" s="358" t="s">
        <v>14420</v>
      </c>
      <c r="G17767" s="358" t="s">
        <v>14421</v>
      </c>
      <c r="H17767" s="358" t="s">
        <v>14367</v>
      </c>
      <c r="I17767" s="358" t="s">
        <v>14421</v>
      </c>
      <c r="J17767" s="358"/>
      <c r="K17767" s="358"/>
      <c r="L17767" s="358"/>
    </row>
    <row r="17768" spans="2:12">
      <c r="B17768" s="367"/>
      <c r="C17768" s="367"/>
      <c r="D17768" s="367"/>
      <c r="E17768" s="367"/>
      <c r="F17768" s="360"/>
      <c r="G17768" s="360"/>
      <c r="H17768" s="360"/>
      <c r="I17768" s="360"/>
      <c r="J17768" s="365"/>
      <c r="K17768" s="365"/>
      <c r="L17768" s="365"/>
    </row>
    <row r="17769" spans="2:12">
      <c r="B17769" s="367"/>
      <c r="C17769" s="367"/>
      <c r="D17769" s="367"/>
      <c r="E17769" s="367"/>
      <c r="F17769" s="359" t="s">
        <v>14420</v>
      </c>
      <c r="G17769" s="359" t="s">
        <v>14429</v>
      </c>
      <c r="H17769" s="359" t="s">
        <v>14422</v>
      </c>
      <c r="I17769" s="359" t="s">
        <v>14429</v>
      </c>
      <c r="J17769" s="365"/>
      <c r="K17769" s="365"/>
      <c r="L17769" s="365"/>
    </row>
    <row r="17770" spans="2:12">
      <c r="B17770" s="367"/>
      <c r="C17770" s="367"/>
      <c r="D17770" s="367"/>
      <c r="E17770" s="367"/>
      <c r="F17770" s="360"/>
      <c r="G17770" s="360"/>
      <c r="H17770" s="360"/>
      <c r="I17770" s="360"/>
      <c r="J17770" s="365"/>
      <c r="K17770" s="365"/>
      <c r="L17770" s="365"/>
    </row>
    <row r="17771" spans="2:12">
      <c r="B17771" s="368"/>
      <c r="C17771" s="368"/>
      <c r="D17771" s="368"/>
      <c r="E17771" s="368"/>
      <c r="F17771" s="361" t="s">
        <v>14389</v>
      </c>
      <c r="G17771" s="361" t="s">
        <v>14390</v>
      </c>
      <c r="H17771" s="362"/>
      <c r="I17771" s="361" t="s">
        <v>14390</v>
      </c>
      <c r="J17771" s="366"/>
      <c r="K17771" s="366"/>
      <c r="L17771" s="366"/>
    </row>
    <row r="17772" spans="2:12">
      <c r="B17772" s="358" t="s">
        <v>23688</v>
      </c>
      <c r="C17772" s="358" t="s">
        <v>23689</v>
      </c>
      <c r="D17772" s="358" t="s">
        <v>345</v>
      </c>
      <c r="E17772" s="358" t="s">
        <v>346</v>
      </c>
      <c r="F17772" s="358" t="s">
        <v>14443</v>
      </c>
      <c r="G17772" s="358" t="s">
        <v>14444</v>
      </c>
      <c r="H17772" s="358" t="s">
        <v>14381</v>
      </c>
      <c r="I17772" s="358" t="s">
        <v>14444</v>
      </c>
      <c r="J17772" s="358"/>
      <c r="K17772" s="358"/>
      <c r="L17772" s="358"/>
    </row>
    <row r="17773" spans="2:12">
      <c r="B17773" s="367"/>
      <c r="C17773" s="360"/>
      <c r="D17773" s="367"/>
      <c r="E17773" s="367"/>
      <c r="F17773" s="360"/>
      <c r="G17773" s="360"/>
      <c r="H17773" s="360"/>
      <c r="I17773" s="360"/>
      <c r="J17773" s="365"/>
      <c r="K17773" s="365"/>
      <c r="L17773" s="365"/>
    </row>
    <row r="17774" spans="2:12" ht="28.5">
      <c r="B17774" s="367"/>
      <c r="C17774" s="359" t="s">
        <v>23690</v>
      </c>
      <c r="D17774" s="367"/>
      <c r="E17774" s="367"/>
      <c r="F17774" s="359" t="s">
        <v>14420</v>
      </c>
      <c r="G17774" s="359" t="s">
        <v>14429</v>
      </c>
      <c r="H17774" s="359" t="s">
        <v>14341</v>
      </c>
      <c r="I17774" s="359" t="s">
        <v>14429</v>
      </c>
      <c r="J17774" s="365"/>
      <c r="K17774" s="365"/>
      <c r="L17774" s="365"/>
    </row>
    <row r="17775" spans="2:12">
      <c r="B17775" s="367"/>
      <c r="C17775" s="360"/>
      <c r="D17775" s="367"/>
      <c r="E17775" s="367"/>
      <c r="F17775" s="360"/>
      <c r="G17775" s="360"/>
      <c r="H17775" s="360"/>
      <c r="I17775" s="360"/>
      <c r="J17775" s="365"/>
      <c r="K17775" s="365"/>
      <c r="L17775" s="365"/>
    </row>
    <row r="17776" spans="2:12">
      <c r="B17776" s="367"/>
      <c r="C17776" s="360"/>
      <c r="D17776" s="367"/>
      <c r="E17776" s="367"/>
      <c r="F17776" s="359" t="s">
        <v>14430</v>
      </c>
      <c r="G17776" s="359" t="s">
        <v>14431</v>
      </c>
      <c r="H17776" s="359" t="s">
        <v>14367</v>
      </c>
      <c r="I17776" s="359" t="s">
        <v>14431</v>
      </c>
      <c r="J17776" s="365"/>
      <c r="K17776" s="365"/>
      <c r="L17776" s="365"/>
    </row>
    <row r="17777" spans="2:12">
      <c r="B17777" s="367"/>
      <c r="C17777" s="360"/>
      <c r="D17777" s="367"/>
      <c r="E17777" s="367"/>
      <c r="F17777" s="360"/>
      <c r="G17777" s="360"/>
      <c r="H17777" s="360"/>
      <c r="I17777" s="360"/>
      <c r="J17777" s="365"/>
      <c r="K17777" s="365"/>
      <c r="L17777" s="365"/>
    </row>
    <row r="17778" spans="2:12">
      <c r="B17778" s="367"/>
      <c r="C17778" s="360"/>
      <c r="D17778" s="367"/>
      <c r="E17778" s="367"/>
      <c r="F17778" s="359" t="s">
        <v>14371</v>
      </c>
      <c r="G17778" s="359" t="s">
        <v>14372</v>
      </c>
      <c r="H17778" s="359" t="s">
        <v>14370</v>
      </c>
      <c r="I17778" s="359" t="s">
        <v>14373</v>
      </c>
      <c r="J17778" s="365"/>
      <c r="K17778" s="365"/>
      <c r="L17778" s="365"/>
    </row>
    <row r="17779" spans="2:12">
      <c r="B17779" s="367"/>
      <c r="C17779" s="360"/>
      <c r="D17779" s="367"/>
      <c r="E17779" s="367"/>
      <c r="F17779" s="360"/>
      <c r="G17779" s="360"/>
      <c r="H17779" s="360"/>
      <c r="I17779" s="360"/>
      <c r="J17779" s="365"/>
      <c r="K17779" s="365"/>
      <c r="L17779" s="365"/>
    </row>
    <row r="17780" spans="2:12" ht="28.5">
      <c r="B17780" s="368"/>
      <c r="C17780" s="362"/>
      <c r="D17780" s="368"/>
      <c r="E17780" s="368"/>
      <c r="F17780" s="361" t="s">
        <v>14374</v>
      </c>
      <c r="G17780" s="361" t="s">
        <v>14373</v>
      </c>
      <c r="H17780" s="361" t="s">
        <v>14332</v>
      </c>
      <c r="I17780" s="362"/>
      <c r="J17780" s="366"/>
      <c r="K17780" s="366"/>
      <c r="L17780" s="366"/>
    </row>
    <row r="17781" spans="2:12" ht="28.5">
      <c r="B17781" s="358" t="s">
        <v>10613</v>
      </c>
      <c r="C17781" s="358" t="s">
        <v>29555</v>
      </c>
      <c r="D17781" s="358" t="s">
        <v>345</v>
      </c>
      <c r="E17781" s="358" t="s">
        <v>346</v>
      </c>
      <c r="F17781" s="358" t="s">
        <v>14376</v>
      </c>
      <c r="G17781" s="358" t="s">
        <v>14669</v>
      </c>
      <c r="H17781" s="358" t="s">
        <v>14381</v>
      </c>
      <c r="I17781" s="358" t="s">
        <v>14669</v>
      </c>
      <c r="J17781" s="358"/>
      <c r="K17781" s="358"/>
      <c r="L17781" s="358"/>
    </row>
    <row r="17782" spans="2:12">
      <c r="B17782" s="367"/>
      <c r="C17782" s="367"/>
      <c r="D17782" s="367"/>
      <c r="E17782" s="367"/>
      <c r="F17782" s="360"/>
      <c r="G17782" s="360"/>
      <c r="H17782" s="360"/>
      <c r="I17782" s="360"/>
      <c r="J17782" s="365"/>
      <c r="K17782" s="365"/>
      <c r="L17782" s="365"/>
    </row>
    <row r="17783" spans="2:12">
      <c r="B17783" s="367"/>
      <c r="C17783" s="367"/>
      <c r="D17783" s="367"/>
      <c r="E17783" s="367"/>
      <c r="F17783" s="359" t="s">
        <v>14420</v>
      </c>
      <c r="G17783" s="359" t="s">
        <v>14429</v>
      </c>
      <c r="H17783" s="359" t="s">
        <v>14341</v>
      </c>
      <c r="I17783" s="359" t="s">
        <v>14429</v>
      </c>
      <c r="J17783" s="365"/>
      <c r="K17783" s="365"/>
      <c r="L17783" s="365"/>
    </row>
    <row r="17784" spans="2:12">
      <c r="B17784" s="367"/>
      <c r="C17784" s="367"/>
      <c r="D17784" s="367"/>
      <c r="E17784" s="367"/>
      <c r="F17784" s="360"/>
      <c r="G17784" s="360"/>
      <c r="H17784" s="360"/>
      <c r="I17784" s="360"/>
      <c r="J17784" s="365"/>
      <c r="K17784" s="365"/>
      <c r="L17784" s="365"/>
    </row>
    <row r="17785" spans="2:12">
      <c r="B17785" s="367"/>
      <c r="C17785" s="367"/>
      <c r="D17785" s="367"/>
      <c r="E17785" s="367"/>
      <c r="F17785" s="359" t="s">
        <v>14430</v>
      </c>
      <c r="G17785" s="359" t="s">
        <v>14431</v>
      </c>
      <c r="H17785" s="359" t="s">
        <v>14367</v>
      </c>
      <c r="I17785" s="359" t="s">
        <v>14431</v>
      </c>
      <c r="J17785" s="365"/>
      <c r="K17785" s="365"/>
      <c r="L17785" s="365"/>
    </row>
    <row r="17786" spans="2:12">
      <c r="B17786" s="367"/>
      <c r="C17786" s="367"/>
      <c r="D17786" s="367"/>
      <c r="E17786" s="367"/>
      <c r="F17786" s="360"/>
      <c r="G17786" s="360"/>
      <c r="H17786" s="360"/>
      <c r="I17786" s="360"/>
      <c r="J17786" s="365"/>
      <c r="K17786" s="365"/>
      <c r="L17786" s="365"/>
    </row>
    <row r="17787" spans="2:12">
      <c r="B17787" s="367"/>
      <c r="C17787" s="367"/>
      <c r="D17787" s="367"/>
      <c r="E17787" s="367"/>
      <c r="F17787" s="359" t="s">
        <v>14371</v>
      </c>
      <c r="G17787" s="359" t="s">
        <v>14372</v>
      </c>
      <c r="H17787" s="359" t="s">
        <v>14370</v>
      </c>
      <c r="I17787" s="359" t="s">
        <v>14373</v>
      </c>
      <c r="J17787" s="365"/>
      <c r="K17787" s="365"/>
      <c r="L17787" s="365"/>
    </row>
    <row r="17788" spans="2:12">
      <c r="B17788" s="367"/>
      <c r="C17788" s="367"/>
      <c r="D17788" s="367"/>
      <c r="E17788" s="367"/>
      <c r="F17788" s="360"/>
      <c r="G17788" s="360"/>
      <c r="H17788" s="360"/>
      <c r="I17788" s="360"/>
      <c r="J17788" s="365"/>
      <c r="K17788" s="365"/>
      <c r="L17788" s="365"/>
    </row>
    <row r="17789" spans="2:12" ht="28.5">
      <c r="B17789" s="368"/>
      <c r="C17789" s="368"/>
      <c r="D17789" s="368"/>
      <c r="E17789" s="368"/>
      <c r="F17789" s="361" t="s">
        <v>14374</v>
      </c>
      <c r="G17789" s="361" t="s">
        <v>14373</v>
      </c>
      <c r="H17789" s="361" t="s">
        <v>14332</v>
      </c>
      <c r="I17789" s="362"/>
      <c r="J17789" s="366"/>
      <c r="K17789" s="366"/>
      <c r="L17789" s="366"/>
    </row>
    <row r="17790" spans="2:12">
      <c r="B17790" s="358" t="s">
        <v>23691</v>
      </c>
      <c r="C17790" s="358" t="s">
        <v>23692</v>
      </c>
      <c r="D17790" s="358" t="s">
        <v>8356</v>
      </c>
      <c r="E17790" s="358" t="s">
        <v>23693</v>
      </c>
      <c r="F17790" s="358" t="s">
        <v>14460</v>
      </c>
      <c r="G17790" s="358" t="s">
        <v>14519</v>
      </c>
      <c r="H17790" s="358" t="s">
        <v>14381</v>
      </c>
      <c r="I17790" s="358" t="s">
        <v>14519</v>
      </c>
      <c r="J17790" s="358"/>
      <c r="K17790" s="358"/>
      <c r="L17790" s="358"/>
    </row>
    <row r="17791" spans="2:12">
      <c r="B17791" s="367"/>
      <c r="C17791" s="360"/>
      <c r="D17791" s="367"/>
      <c r="E17791" s="367"/>
      <c r="F17791" s="360"/>
      <c r="G17791" s="360"/>
      <c r="H17791" s="360"/>
      <c r="I17791" s="360"/>
      <c r="J17791" s="365"/>
      <c r="K17791" s="365"/>
      <c r="L17791" s="365"/>
    </row>
    <row r="17792" spans="2:12" ht="28.5">
      <c r="B17792" s="367"/>
      <c r="C17792" s="359" t="s">
        <v>23694</v>
      </c>
      <c r="D17792" s="367"/>
      <c r="E17792" s="367"/>
      <c r="F17792" s="359" t="s">
        <v>14371</v>
      </c>
      <c r="G17792" s="359" t="s">
        <v>14372</v>
      </c>
      <c r="H17792" s="359" t="s">
        <v>14370</v>
      </c>
      <c r="I17792" s="359" t="s">
        <v>14373</v>
      </c>
      <c r="J17792" s="365"/>
      <c r="K17792" s="365"/>
      <c r="L17792" s="365"/>
    </row>
    <row r="17793" spans="2:12">
      <c r="B17793" s="367"/>
      <c r="C17793" s="360"/>
      <c r="D17793" s="367"/>
      <c r="E17793" s="367"/>
      <c r="F17793" s="360"/>
      <c r="G17793" s="360"/>
      <c r="H17793" s="360"/>
      <c r="I17793" s="360"/>
      <c r="J17793" s="365"/>
      <c r="K17793" s="365"/>
      <c r="L17793" s="365"/>
    </row>
    <row r="17794" spans="2:12" ht="28.5">
      <c r="B17794" s="368"/>
      <c r="C17794" s="362"/>
      <c r="D17794" s="368"/>
      <c r="E17794" s="368"/>
      <c r="F17794" s="361" t="s">
        <v>14374</v>
      </c>
      <c r="G17794" s="361" t="s">
        <v>14373</v>
      </c>
      <c r="H17794" s="361" t="s">
        <v>14422</v>
      </c>
      <c r="I17794" s="362"/>
      <c r="J17794" s="366"/>
      <c r="K17794" s="366"/>
      <c r="L17794" s="366"/>
    </row>
    <row r="17795" spans="2:12">
      <c r="B17795" s="358" t="s">
        <v>23695</v>
      </c>
      <c r="C17795" s="358" t="s">
        <v>23696</v>
      </c>
      <c r="D17795" s="358" t="s">
        <v>23697</v>
      </c>
      <c r="E17795" s="358" t="s">
        <v>23698</v>
      </c>
      <c r="F17795" s="358" t="s">
        <v>14426</v>
      </c>
      <c r="G17795" s="358" t="s">
        <v>14427</v>
      </c>
      <c r="H17795" s="358" t="s">
        <v>14381</v>
      </c>
      <c r="I17795" s="358" t="s">
        <v>14427</v>
      </c>
      <c r="J17795" s="358"/>
      <c r="K17795" s="358"/>
      <c r="L17795" s="358"/>
    </row>
    <row r="17796" spans="2:12">
      <c r="B17796" s="367"/>
      <c r="C17796" s="360"/>
      <c r="D17796" s="367"/>
      <c r="E17796" s="367"/>
      <c r="F17796" s="360"/>
      <c r="G17796" s="360"/>
      <c r="H17796" s="360"/>
      <c r="I17796" s="360"/>
      <c r="J17796" s="365"/>
      <c r="K17796" s="365"/>
      <c r="L17796" s="365"/>
    </row>
    <row r="17797" spans="2:12">
      <c r="B17797" s="367"/>
      <c r="C17797" s="359" t="s">
        <v>27878</v>
      </c>
      <c r="D17797" s="367"/>
      <c r="E17797" s="367"/>
      <c r="F17797" s="359" t="s">
        <v>14420</v>
      </c>
      <c r="G17797" s="359" t="s">
        <v>14459</v>
      </c>
      <c r="H17797" s="359" t="s">
        <v>14367</v>
      </c>
      <c r="I17797" s="359" t="s">
        <v>14459</v>
      </c>
      <c r="J17797" s="365"/>
      <c r="K17797" s="365"/>
      <c r="L17797" s="365"/>
    </row>
    <row r="17798" spans="2:12">
      <c r="B17798" s="367"/>
      <c r="C17798" s="360"/>
      <c r="D17798" s="367"/>
      <c r="E17798" s="367"/>
      <c r="F17798" s="360"/>
      <c r="G17798" s="360"/>
      <c r="H17798" s="360"/>
      <c r="I17798" s="360"/>
      <c r="J17798" s="365"/>
      <c r="K17798" s="365"/>
      <c r="L17798" s="365"/>
    </row>
    <row r="17799" spans="2:12">
      <c r="B17799" s="367"/>
      <c r="C17799" s="360"/>
      <c r="D17799" s="367"/>
      <c r="E17799" s="367"/>
      <c r="F17799" s="359" t="s">
        <v>14420</v>
      </c>
      <c r="G17799" s="359" t="s">
        <v>14421</v>
      </c>
      <c r="H17799" s="359" t="s">
        <v>14422</v>
      </c>
      <c r="I17799" s="359" t="s">
        <v>14421</v>
      </c>
      <c r="J17799" s="365"/>
      <c r="K17799" s="365"/>
      <c r="L17799" s="365"/>
    </row>
    <row r="17800" spans="2:12">
      <c r="B17800" s="367"/>
      <c r="C17800" s="360"/>
      <c r="D17800" s="367"/>
      <c r="E17800" s="367"/>
      <c r="F17800" s="360"/>
      <c r="G17800" s="360"/>
      <c r="H17800" s="360"/>
      <c r="I17800" s="360"/>
      <c r="J17800" s="365"/>
      <c r="K17800" s="365"/>
      <c r="L17800" s="365"/>
    </row>
    <row r="17801" spans="2:12">
      <c r="B17801" s="367"/>
      <c r="C17801" s="360"/>
      <c r="D17801" s="367"/>
      <c r="E17801" s="367"/>
      <c r="F17801" s="359" t="s">
        <v>14420</v>
      </c>
      <c r="G17801" s="359" t="s">
        <v>14429</v>
      </c>
      <c r="H17801" s="360"/>
      <c r="I17801" s="359" t="s">
        <v>14429</v>
      </c>
      <c r="J17801" s="365"/>
      <c r="K17801" s="365"/>
      <c r="L17801" s="365"/>
    </row>
    <row r="17802" spans="2:12">
      <c r="B17802" s="367"/>
      <c r="C17802" s="360"/>
      <c r="D17802" s="367"/>
      <c r="E17802" s="367"/>
      <c r="F17802" s="360"/>
      <c r="G17802" s="360"/>
      <c r="H17802" s="360"/>
      <c r="I17802" s="360"/>
      <c r="J17802" s="365"/>
      <c r="K17802" s="365"/>
      <c r="L17802" s="365"/>
    </row>
    <row r="17803" spans="2:12">
      <c r="B17803" s="367"/>
      <c r="C17803" s="360"/>
      <c r="D17803" s="367"/>
      <c r="E17803" s="367"/>
      <c r="F17803" s="359" t="s">
        <v>14386</v>
      </c>
      <c r="G17803" s="359" t="s">
        <v>14387</v>
      </c>
      <c r="H17803" s="360"/>
      <c r="I17803" s="359" t="s">
        <v>14387</v>
      </c>
      <c r="J17803" s="365"/>
      <c r="K17803" s="365"/>
      <c r="L17803" s="365"/>
    </row>
    <row r="17804" spans="2:12">
      <c r="B17804" s="367"/>
      <c r="C17804" s="360"/>
      <c r="D17804" s="367"/>
      <c r="E17804" s="367"/>
      <c r="F17804" s="360"/>
      <c r="G17804" s="360"/>
      <c r="H17804" s="360"/>
      <c r="I17804" s="360"/>
      <c r="J17804" s="365"/>
      <c r="K17804" s="365"/>
      <c r="L17804" s="365"/>
    </row>
    <row r="17805" spans="2:12">
      <c r="B17805" s="368"/>
      <c r="C17805" s="362"/>
      <c r="D17805" s="368"/>
      <c r="E17805" s="368"/>
      <c r="F17805" s="361" t="s">
        <v>14391</v>
      </c>
      <c r="G17805" s="361" t="s">
        <v>14392</v>
      </c>
      <c r="H17805" s="362"/>
      <c r="I17805" s="361" t="s">
        <v>14392</v>
      </c>
      <c r="J17805" s="366"/>
      <c r="K17805" s="366"/>
      <c r="L17805" s="366"/>
    </row>
    <row r="17806" spans="2:12" ht="28.5">
      <c r="B17806" s="358" t="s">
        <v>23699</v>
      </c>
      <c r="C17806" s="358" t="s">
        <v>27879</v>
      </c>
      <c r="D17806" s="358" t="s">
        <v>23700</v>
      </c>
      <c r="E17806" s="358" t="s">
        <v>8356</v>
      </c>
      <c r="F17806" s="358" t="s">
        <v>14420</v>
      </c>
      <c r="G17806" s="358" t="s">
        <v>14429</v>
      </c>
      <c r="H17806" s="358" t="s">
        <v>14367</v>
      </c>
      <c r="I17806" s="358" t="s">
        <v>14429</v>
      </c>
      <c r="J17806" s="358"/>
      <c r="K17806" s="358"/>
      <c r="L17806" s="358"/>
    </row>
    <row r="17807" spans="2:12">
      <c r="B17807" s="367"/>
      <c r="C17807" s="367"/>
      <c r="D17807" s="367"/>
      <c r="E17807" s="367"/>
      <c r="F17807" s="360"/>
      <c r="G17807" s="360"/>
      <c r="H17807" s="360"/>
      <c r="I17807" s="360"/>
      <c r="J17807" s="365"/>
      <c r="K17807" s="365"/>
      <c r="L17807" s="365"/>
    </row>
    <row r="17808" spans="2:12">
      <c r="B17808" s="367"/>
      <c r="C17808" s="367"/>
      <c r="D17808" s="367"/>
      <c r="E17808" s="367"/>
      <c r="F17808" s="359" t="s">
        <v>14391</v>
      </c>
      <c r="G17808" s="359" t="s">
        <v>14392</v>
      </c>
      <c r="H17808" s="359" t="s">
        <v>14370</v>
      </c>
      <c r="I17808" s="359" t="s">
        <v>14392</v>
      </c>
      <c r="J17808" s="365"/>
      <c r="K17808" s="365"/>
      <c r="L17808" s="365"/>
    </row>
    <row r="17809" spans="2:12">
      <c r="B17809" s="367"/>
      <c r="C17809" s="367"/>
      <c r="D17809" s="367"/>
      <c r="E17809" s="367"/>
      <c r="F17809" s="360"/>
      <c r="G17809" s="360"/>
      <c r="H17809" s="360"/>
      <c r="I17809" s="360"/>
      <c r="J17809" s="365"/>
      <c r="K17809" s="365"/>
      <c r="L17809" s="365"/>
    </row>
    <row r="17810" spans="2:12" ht="28.5">
      <c r="B17810" s="368"/>
      <c r="C17810" s="368"/>
      <c r="D17810" s="368"/>
      <c r="E17810" s="368"/>
      <c r="F17810" s="361" t="s">
        <v>14394</v>
      </c>
      <c r="G17810" s="361" t="s">
        <v>14395</v>
      </c>
      <c r="H17810" s="361" t="s">
        <v>14422</v>
      </c>
      <c r="I17810" s="361" t="s">
        <v>14395</v>
      </c>
      <c r="J17810" s="366"/>
      <c r="K17810" s="366"/>
      <c r="L17810" s="366"/>
    </row>
    <row r="17811" spans="2:12">
      <c r="B17811" s="358" t="s">
        <v>10616</v>
      </c>
      <c r="C17811" s="358" t="s">
        <v>27880</v>
      </c>
      <c r="D17811" s="358" t="s">
        <v>199</v>
      </c>
      <c r="E17811" s="358" t="s">
        <v>200</v>
      </c>
      <c r="F17811" s="358" t="s">
        <v>14376</v>
      </c>
      <c r="G17811" s="358" t="s">
        <v>14669</v>
      </c>
      <c r="H17811" s="358" t="s">
        <v>14381</v>
      </c>
      <c r="I17811" s="358" t="s">
        <v>14669</v>
      </c>
      <c r="J17811" s="358"/>
      <c r="K17811" s="358"/>
      <c r="L17811" s="358"/>
    </row>
    <row r="17812" spans="2:12">
      <c r="B17812" s="367"/>
      <c r="C17812" s="360"/>
      <c r="D17812" s="367"/>
      <c r="E17812" s="367"/>
      <c r="F17812" s="360"/>
      <c r="G17812" s="360"/>
      <c r="H17812" s="360"/>
      <c r="I17812" s="360"/>
      <c r="J17812" s="365"/>
      <c r="K17812" s="365"/>
      <c r="L17812" s="365"/>
    </row>
    <row r="17813" spans="2:12">
      <c r="B17813" s="367"/>
      <c r="C17813" s="359" t="s">
        <v>10615</v>
      </c>
      <c r="D17813" s="367"/>
      <c r="E17813" s="367"/>
      <c r="F17813" s="359" t="s">
        <v>14420</v>
      </c>
      <c r="G17813" s="359" t="s">
        <v>14429</v>
      </c>
      <c r="H17813" s="359" t="s">
        <v>14367</v>
      </c>
      <c r="I17813" s="359" t="s">
        <v>14429</v>
      </c>
      <c r="J17813" s="365"/>
      <c r="K17813" s="365"/>
      <c r="L17813" s="365"/>
    </row>
    <row r="17814" spans="2:12">
      <c r="B17814" s="367"/>
      <c r="C17814" s="360"/>
      <c r="D17814" s="367"/>
      <c r="E17814" s="367"/>
      <c r="F17814" s="360"/>
      <c r="G17814" s="360"/>
      <c r="H17814" s="360"/>
      <c r="I17814" s="360"/>
      <c r="J17814" s="365"/>
      <c r="K17814" s="365"/>
      <c r="L17814" s="365"/>
    </row>
    <row r="17815" spans="2:12">
      <c r="B17815" s="368"/>
      <c r="C17815" s="362"/>
      <c r="D17815" s="368"/>
      <c r="E17815" s="368"/>
      <c r="F17815" s="362"/>
      <c r="G17815" s="362"/>
      <c r="H17815" s="361" t="s">
        <v>14332</v>
      </c>
      <c r="I17815" s="362"/>
      <c r="J17815" s="366"/>
      <c r="K17815" s="366"/>
      <c r="L17815" s="366"/>
    </row>
    <row r="17816" spans="2:12">
      <c r="B17816" s="358" t="s">
        <v>23701</v>
      </c>
      <c r="C17816" s="358" t="s">
        <v>27881</v>
      </c>
      <c r="D17816" s="358" t="s">
        <v>23702</v>
      </c>
      <c r="E17816" s="358" t="s">
        <v>23703</v>
      </c>
      <c r="F17816" s="358" t="s">
        <v>14443</v>
      </c>
      <c r="G17816" s="358" t="s">
        <v>14444</v>
      </c>
      <c r="H17816" s="358" t="s">
        <v>14378</v>
      </c>
      <c r="I17816" s="358" t="s">
        <v>14444</v>
      </c>
      <c r="J17816" s="358"/>
      <c r="K17816" s="358"/>
      <c r="L17816" s="358"/>
    </row>
    <row r="17817" spans="2:12">
      <c r="B17817" s="367"/>
      <c r="C17817" s="360"/>
      <c r="D17817" s="360"/>
      <c r="E17817" s="360"/>
      <c r="F17817" s="360"/>
      <c r="G17817" s="360"/>
      <c r="H17817" s="360"/>
      <c r="I17817" s="360"/>
      <c r="J17817" s="365"/>
      <c r="K17817" s="365"/>
      <c r="L17817" s="365"/>
    </row>
    <row r="17818" spans="2:12" ht="28.5">
      <c r="B17818" s="367"/>
      <c r="C17818" s="359" t="s">
        <v>27882</v>
      </c>
      <c r="D17818" s="359" t="s">
        <v>23704</v>
      </c>
      <c r="E17818" s="359" t="s">
        <v>23705</v>
      </c>
      <c r="F17818" s="359" t="s">
        <v>14382</v>
      </c>
      <c r="G17818" s="359" t="s">
        <v>14483</v>
      </c>
      <c r="H17818" s="359" t="s">
        <v>14381</v>
      </c>
      <c r="I17818" s="359" t="s">
        <v>14483</v>
      </c>
      <c r="J17818" s="365"/>
      <c r="K17818" s="365"/>
      <c r="L17818" s="365"/>
    </row>
    <row r="17819" spans="2:12">
      <c r="B17819" s="367"/>
      <c r="C17819" s="360"/>
      <c r="D17819" s="360"/>
      <c r="E17819" s="360"/>
      <c r="F17819" s="360"/>
      <c r="G17819" s="360"/>
      <c r="H17819" s="360"/>
      <c r="I17819" s="360"/>
      <c r="J17819" s="365"/>
      <c r="K17819" s="365"/>
      <c r="L17819" s="365"/>
    </row>
    <row r="17820" spans="2:12">
      <c r="B17820" s="367"/>
      <c r="C17820" s="360"/>
      <c r="D17820" s="360"/>
      <c r="E17820" s="360"/>
      <c r="F17820" s="359" t="s">
        <v>14382</v>
      </c>
      <c r="G17820" s="359" t="s">
        <v>14579</v>
      </c>
      <c r="H17820" s="359" t="s">
        <v>14332</v>
      </c>
      <c r="I17820" s="359" t="s">
        <v>14579</v>
      </c>
      <c r="J17820" s="365"/>
      <c r="K17820" s="365"/>
      <c r="L17820" s="365"/>
    </row>
    <row r="17821" spans="2:12">
      <c r="B17821" s="367"/>
      <c r="C17821" s="360"/>
      <c r="D17821" s="360"/>
      <c r="E17821" s="360"/>
      <c r="F17821" s="360"/>
      <c r="G17821" s="360"/>
      <c r="H17821" s="360"/>
      <c r="I17821" s="360"/>
      <c r="J17821" s="365"/>
      <c r="K17821" s="365"/>
      <c r="L17821" s="365"/>
    </row>
    <row r="17822" spans="2:12">
      <c r="B17822" s="367"/>
      <c r="C17822" s="360"/>
      <c r="D17822" s="360"/>
      <c r="E17822" s="360"/>
      <c r="F17822" s="359" t="s">
        <v>14382</v>
      </c>
      <c r="G17822" s="359" t="s">
        <v>14383</v>
      </c>
      <c r="H17822" s="360"/>
      <c r="I17822" s="359" t="s">
        <v>14383</v>
      </c>
      <c r="J17822" s="365"/>
      <c r="K17822" s="365"/>
      <c r="L17822" s="365"/>
    </row>
    <row r="17823" spans="2:12">
      <c r="B17823" s="367"/>
      <c r="C17823" s="360"/>
      <c r="D17823" s="360"/>
      <c r="E17823" s="360"/>
      <c r="F17823" s="360"/>
      <c r="G17823" s="360"/>
      <c r="H17823" s="360"/>
      <c r="I17823" s="360"/>
      <c r="J17823" s="365"/>
      <c r="K17823" s="365"/>
      <c r="L17823" s="365"/>
    </row>
    <row r="17824" spans="2:12" ht="28.5">
      <c r="B17824" s="368"/>
      <c r="C17824" s="362"/>
      <c r="D17824" s="362"/>
      <c r="E17824" s="362"/>
      <c r="F17824" s="361" t="s">
        <v>14472</v>
      </c>
      <c r="G17824" s="361" t="s">
        <v>14473</v>
      </c>
      <c r="H17824" s="362"/>
      <c r="I17824" s="361" t="s">
        <v>14473</v>
      </c>
      <c r="J17824" s="366"/>
      <c r="K17824" s="366"/>
      <c r="L17824" s="366"/>
    </row>
    <row r="17825" spans="2:12" ht="28.5">
      <c r="B17825" s="358" t="s">
        <v>23706</v>
      </c>
      <c r="C17825" s="358" t="s">
        <v>30378</v>
      </c>
      <c r="D17825" s="358" t="s">
        <v>23707</v>
      </c>
      <c r="E17825" s="358" t="s">
        <v>23708</v>
      </c>
      <c r="F17825" s="358" t="s">
        <v>14386</v>
      </c>
      <c r="G17825" s="358" t="s">
        <v>14387</v>
      </c>
      <c r="H17825" s="358" t="s">
        <v>14367</v>
      </c>
      <c r="I17825" s="358" t="s">
        <v>14387</v>
      </c>
      <c r="J17825" s="358"/>
      <c r="K17825" s="358"/>
      <c r="L17825" s="358"/>
    </row>
    <row r="17826" spans="2:12">
      <c r="B17826" s="367"/>
      <c r="C17826" s="367"/>
      <c r="D17826" s="367"/>
      <c r="E17826" s="367"/>
      <c r="F17826" s="360"/>
      <c r="G17826" s="360"/>
      <c r="H17826" s="360"/>
      <c r="I17826" s="360"/>
      <c r="J17826" s="365"/>
      <c r="K17826" s="365"/>
      <c r="L17826" s="365"/>
    </row>
    <row r="17827" spans="2:12" ht="28.5">
      <c r="B17827" s="367"/>
      <c r="C17827" s="367"/>
      <c r="D17827" s="367"/>
      <c r="E17827" s="367"/>
      <c r="F17827" s="359" t="s">
        <v>14394</v>
      </c>
      <c r="G17827" s="359" t="s">
        <v>14395</v>
      </c>
      <c r="H17827" s="359" t="s">
        <v>14370</v>
      </c>
      <c r="I17827" s="359" t="s">
        <v>14395</v>
      </c>
      <c r="J17827" s="365"/>
      <c r="K17827" s="365"/>
      <c r="L17827" s="365"/>
    </row>
    <row r="17828" spans="2:12">
      <c r="B17828" s="367"/>
      <c r="C17828" s="367"/>
      <c r="D17828" s="367"/>
      <c r="E17828" s="367"/>
      <c r="F17828" s="360"/>
      <c r="G17828" s="360"/>
      <c r="H17828" s="360"/>
      <c r="I17828" s="360"/>
      <c r="J17828" s="365"/>
      <c r="K17828" s="365"/>
      <c r="L17828" s="365"/>
    </row>
    <row r="17829" spans="2:12">
      <c r="B17829" s="368"/>
      <c r="C17829" s="368"/>
      <c r="D17829" s="368"/>
      <c r="E17829" s="368"/>
      <c r="F17829" s="362"/>
      <c r="G17829" s="362"/>
      <c r="H17829" s="361" t="s">
        <v>14422</v>
      </c>
      <c r="I17829" s="362"/>
      <c r="J17829" s="366"/>
      <c r="K17829" s="366"/>
      <c r="L17829" s="366"/>
    </row>
    <row r="17830" spans="2:12">
      <c r="B17830" s="358" t="s">
        <v>23709</v>
      </c>
      <c r="C17830" s="358" t="s">
        <v>23710</v>
      </c>
      <c r="D17830" s="358" t="s">
        <v>23711</v>
      </c>
      <c r="E17830" s="358" t="s">
        <v>23712</v>
      </c>
      <c r="F17830" s="358" t="s">
        <v>14420</v>
      </c>
      <c r="G17830" s="358" t="s">
        <v>14459</v>
      </c>
      <c r="H17830" s="358" t="s">
        <v>14367</v>
      </c>
      <c r="I17830" s="358" t="s">
        <v>14459</v>
      </c>
      <c r="J17830" s="358"/>
      <c r="K17830" s="358"/>
      <c r="L17830" s="358"/>
    </row>
    <row r="17831" spans="2:12">
      <c r="B17831" s="367"/>
      <c r="C17831" s="367"/>
      <c r="D17831" s="367"/>
      <c r="E17831" s="367"/>
      <c r="F17831" s="360"/>
      <c r="G17831" s="360"/>
      <c r="H17831" s="360"/>
      <c r="I17831" s="360"/>
      <c r="J17831" s="365"/>
      <c r="K17831" s="365"/>
      <c r="L17831" s="365"/>
    </row>
    <row r="17832" spans="2:12">
      <c r="B17832" s="367"/>
      <c r="C17832" s="367"/>
      <c r="D17832" s="367"/>
      <c r="E17832" s="367"/>
      <c r="F17832" s="359" t="s">
        <v>14420</v>
      </c>
      <c r="G17832" s="359" t="s">
        <v>14429</v>
      </c>
      <c r="H17832" s="359" t="s">
        <v>14370</v>
      </c>
      <c r="I17832" s="359" t="s">
        <v>14429</v>
      </c>
      <c r="J17832" s="365"/>
      <c r="K17832" s="365"/>
      <c r="L17832" s="365"/>
    </row>
    <row r="17833" spans="2:12">
      <c r="B17833" s="367"/>
      <c r="C17833" s="367"/>
      <c r="D17833" s="367"/>
      <c r="E17833" s="367"/>
      <c r="F17833" s="360"/>
      <c r="G17833" s="360"/>
      <c r="H17833" s="360"/>
      <c r="I17833" s="360"/>
      <c r="J17833" s="365"/>
      <c r="K17833" s="365"/>
      <c r="L17833" s="365"/>
    </row>
    <row r="17834" spans="2:12">
      <c r="B17834" s="367"/>
      <c r="C17834" s="367"/>
      <c r="D17834" s="367"/>
      <c r="E17834" s="367"/>
      <c r="F17834" s="359" t="s">
        <v>14389</v>
      </c>
      <c r="G17834" s="359" t="s">
        <v>14390</v>
      </c>
      <c r="H17834" s="359" t="s">
        <v>14422</v>
      </c>
      <c r="I17834" s="359" t="s">
        <v>14390</v>
      </c>
      <c r="J17834" s="365"/>
      <c r="K17834" s="365"/>
      <c r="L17834" s="365"/>
    </row>
    <row r="17835" spans="2:12">
      <c r="B17835" s="367"/>
      <c r="C17835" s="367"/>
      <c r="D17835" s="367"/>
      <c r="E17835" s="367"/>
      <c r="F17835" s="360"/>
      <c r="G17835" s="360"/>
      <c r="H17835" s="360"/>
      <c r="I17835" s="360"/>
      <c r="J17835" s="365"/>
      <c r="K17835" s="365"/>
      <c r="L17835" s="365"/>
    </row>
    <row r="17836" spans="2:12">
      <c r="B17836" s="367"/>
      <c r="C17836" s="367"/>
      <c r="D17836" s="367"/>
      <c r="E17836" s="367"/>
      <c r="F17836" s="359" t="s">
        <v>14391</v>
      </c>
      <c r="G17836" s="359" t="s">
        <v>14392</v>
      </c>
      <c r="H17836" s="360"/>
      <c r="I17836" s="359" t="s">
        <v>14392</v>
      </c>
      <c r="J17836" s="365"/>
      <c r="K17836" s="365"/>
      <c r="L17836" s="365"/>
    </row>
    <row r="17837" spans="2:12">
      <c r="B17837" s="367"/>
      <c r="C17837" s="367"/>
      <c r="D17837" s="367"/>
      <c r="E17837" s="367"/>
      <c r="F17837" s="360"/>
      <c r="G17837" s="360"/>
      <c r="H17837" s="360"/>
      <c r="I17837" s="360"/>
      <c r="J17837" s="365"/>
      <c r="K17837" s="365"/>
      <c r="L17837" s="365"/>
    </row>
    <row r="17838" spans="2:12">
      <c r="B17838" s="367"/>
      <c r="C17838" s="367"/>
      <c r="D17838" s="367"/>
      <c r="E17838" s="367"/>
      <c r="F17838" s="359" t="s">
        <v>14371</v>
      </c>
      <c r="G17838" s="359" t="s">
        <v>14372</v>
      </c>
      <c r="H17838" s="360"/>
      <c r="I17838" s="359" t="s">
        <v>14373</v>
      </c>
      <c r="J17838" s="365"/>
      <c r="K17838" s="365"/>
      <c r="L17838" s="365"/>
    </row>
    <row r="17839" spans="2:12">
      <c r="B17839" s="367"/>
      <c r="C17839" s="367"/>
      <c r="D17839" s="367"/>
      <c r="E17839" s="367"/>
      <c r="F17839" s="360"/>
      <c r="G17839" s="360"/>
      <c r="H17839" s="360"/>
      <c r="I17839" s="360"/>
      <c r="J17839" s="365"/>
      <c r="K17839" s="365"/>
      <c r="L17839" s="365"/>
    </row>
    <row r="17840" spans="2:12" ht="28.5">
      <c r="B17840" s="368"/>
      <c r="C17840" s="368"/>
      <c r="D17840" s="368"/>
      <c r="E17840" s="368"/>
      <c r="F17840" s="361" t="s">
        <v>14374</v>
      </c>
      <c r="G17840" s="361" t="s">
        <v>14373</v>
      </c>
      <c r="H17840" s="362"/>
      <c r="I17840" s="362"/>
      <c r="J17840" s="366"/>
      <c r="K17840" s="366"/>
      <c r="L17840" s="366"/>
    </row>
    <row r="17841" spans="2:12" ht="28.5">
      <c r="B17841" s="358" t="s">
        <v>23713</v>
      </c>
      <c r="C17841" s="358" t="s">
        <v>23714</v>
      </c>
      <c r="D17841" s="358" t="s">
        <v>23715</v>
      </c>
      <c r="E17841" s="358" t="s">
        <v>23716</v>
      </c>
      <c r="F17841" s="358" t="s">
        <v>14356</v>
      </c>
      <c r="G17841" s="358" t="s">
        <v>14340</v>
      </c>
      <c r="H17841" s="358" t="s">
        <v>14341</v>
      </c>
      <c r="I17841" s="358" t="s">
        <v>14340</v>
      </c>
      <c r="J17841" s="358"/>
      <c r="K17841" s="358"/>
      <c r="L17841" s="358"/>
    </row>
    <row r="17842" spans="2:12">
      <c r="B17842" s="367"/>
      <c r="C17842" s="367"/>
      <c r="D17842" s="367"/>
      <c r="E17842" s="367"/>
      <c r="F17842" s="360"/>
      <c r="G17842" s="360"/>
      <c r="H17842" s="360"/>
      <c r="I17842" s="360"/>
      <c r="J17842" s="365"/>
      <c r="K17842" s="365"/>
      <c r="L17842" s="365"/>
    </row>
    <row r="17843" spans="2:12" ht="28.5">
      <c r="B17843" s="368"/>
      <c r="C17843" s="368"/>
      <c r="D17843" s="368"/>
      <c r="E17843" s="368"/>
      <c r="F17843" s="361" t="s">
        <v>14472</v>
      </c>
      <c r="G17843" s="361" t="s">
        <v>14473</v>
      </c>
      <c r="H17843" s="361" t="s">
        <v>14332</v>
      </c>
      <c r="I17843" s="361" t="s">
        <v>14473</v>
      </c>
      <c r="J17843" s="366"/>
      <c r="K17843" s="366"/>
      <c r="L17843" s="366"/>
    </row>
    <row r="17844" spans="2:12" ht="28.5">
      <c r="B17844" s="358" t="s">
        <v>23717</v>
      </c>
      <c r="C17844" s="358" t="s">
        <v>27883</v>
      </c>
      <c r="D17844" s="358" t="s">
        <v>23718</v>
      </c>
      <c r="E17844" s="358" t="s">
        <v>23719</v>
      </c>
      <c r="F17844" s="358" t="s">
        <v>14462</v>
      </c>
      <c r="G17844" s="358" t="s">
        <v>14463</v>
      </c>
      <c r="H17844" s="358" t="s">
        <v>8356</v>
      </c>
      <c r="I17844" s="358" t="s">
        <v>14463</v>
      </c>
      <c r="J17844" s="358"/>
      <c r="K17844" s="358"/>
      <c r="L17844" s="358"/>
    </row>
    <row r="17845" spans="2:12">
      <c r="B17845" s="368"/>
      <c r="C17845" s="368"/>
      <c r="D17845" s="368"/>
      <c r="E17845" s="368"/>
      <c r="F17845" s="368"/>
      <c r="G17845" s="368"/>
      <c r="H17845" s="368"/>
      <c r="I17845" s="368"/>
      <c r="J17845" s="366"/>
      <c r="K17845" s="366"/>
      <c r="L17845" s="366"/>
    </row>
    <row r="17846" spans="2:12">
      <c r="B17846" s="358" t="s">
        <v>23720</v>
      </c>
      <c r="C17846" s="358" t="s">
        <v>23721</v>
      </c>
      <c r="D17846" s="358" t="s">
        <v>23722</v>
      </c>
      <c r="E17846" s="358" t="s">
        <v>23723</v>
      </c>
      <c r="F17846" s="358" t="s">
        <v>14389</v>
      </c>
      <c r="G17846" s="358" t="s">
        <v>14390</v>
      </c>
      <c r="H17846" s="358" t="s">
        <v>14367</v>
      </c>
      <c r="I17846" s="358" t="s">
        <v>14390</v>
      </c>
      <c r="J17846" s="358"/>
      <c r="K17846" s="358"/>
      <c r="L17846" s="358"/>
    </row>
    <row r="17847" spans="2:12">
      <c r="B17847" s="367"/>
      <c r="C17847" s="367"/>
      <c r="D17847" s="367"/>
      <c r="E17847" s="367"/>
      <c r="F17847" s="360"/>
      <c r="G17847" s="360"/>
      <c r="H17847" s="360"/>
      <c r="I17847" s="360"/>
      <c r="J17847" s="365"/>
      <c r="K17847" s="365"/>
      <c r="L17847" s="365"/>
    </row>
    <row r="17848" spans="2:12" ht="28.5">
      <c r="B17848" s="367"/>
      <c r="C17848" s="367"/>
      <c r="D17848" s="367"/>
      <c r="E17848" s="367"/>
      <c r="F17848" s="359" t="s">
        <v>14394</v>
      </c>
      <c r="G17848" s="359" t="s">
        <v>14395</v>
      </c>
      <c r="H17848" s="359" t="s">
        <v>14370</v>
      </c>
      <c r="I17848" s="359" t="s">
        <v>14395</v>
      </c>
      <c r="J17848" s="365"/>
      <c r="K17848" s="365"/>
      <c r="L17848" s="365"/>
    </row>
    <row r="17849" spans="2:12">
      <c r="B17849" s="367"/>
      <c r="C17849" s="367"/>
      <c r="D17849" s="367"/>
      <c r="E17849" s="367"/>
      <c r="F17849" s="360"/>
      <c r="G17849" s="360"/>
      <c r="H17849" s="360"/>
      <c r="I17849" s="360"/>
      <c r="J17849" s="365"/>
      <c r="K17849" s="365"/>
      <c r="L17849" s="365"/>
    </row>
    <row r="17850" spans="2:12">
      <c r="B17850" s="368"/>
      <c r="C17850" s="368"/>
      <c r="D17850" s="368"/>
      <c r="E17850" s="368"/>
      <c r="F17850" s="362"/>
      <c r="G17850" s="362"/>
      <c r="H17850" s="361" t="s">
        <v>14422</v>
      </c>
      <c r="I17850" s="362"/>
      <c r="J17850" s="366"/>
      <c r="K17850" s="366"/>
      <c r="L17850" s="366"/>
    </row>
    <row r="17851" spans="2:12" ht="28.5">
      <c r="B17851" s="358" t="s">
        <v>23724</v>
      </c>
      <c r="C17851" s="358" t="s">
        <v>23725</v>
      </c>
      <c r="D17851" s="358" t="s">
        <v>23726</v>
      </c>
      <c r="E17851" s="358" t="s">
        <v>23727</v>
      </c>
      <c r="F17851" s="358" t="s">
        <v>14391</v>
      </c>
      <c r="G17851" s="358" t="s">
        <v>14392</v>
      </c>
      <c r="H17851" s="358" t="s">
        <v>14367</v>
      </c>
      <c r="I17851" s="358" t="s">
        <v>14392</v>
      </c>
      <c r="J17851" s="358"/>
      <c r="K17851" s="358"/>
      <c r="L17851" s="358"/>
    </row>
    <row r="17852" spans="2:12">
      <c r="B17852" s="367"/>
      <c r="C17852" s="367"/>
      <c r="D17852" s="367"/>
      <c r="E17852" s="367"/>
      <c r="F17852" s="360"/>
      <c r="G17852" s="360"/>
      <c r="H17852" s="360"/>
      <c r="I17852" s="360"/>
      <c r="J17852" s="365"/>
      <c r="K17852" s="365"/>
      <c r="L17852" s="365"/>
    </row>
    <row r="17853" spans="2:12" ht="28.5">
      <c r="B17853" s="368"/>
      <c r="C17853" s="368"/>
      <c r="D17853" s="368"/>
      <c r="E17853" s="368"/>
      <c r="F17853" s="361" t="s">
        <v>14472</v>
      </c>
      <c r="G17853" s="361" t="s">
        <v>14473</v>
      </c>
      <c r="H17853" s="361" t="s">
        <v>14422</v>
      </c>
      <c r="I17853" s="361" t="s">
        <v>14473</v>
      </c>
      <c r="J17853" s="366"/>
      <c r="K17853" s="366"/>
      <c r="L17853" s="366"/>
    </row>
    <row r="17854" spans="2:12">
      <c r="B17854" s="358" t="s">
        <v>23728</v>
      </c>
      <c r="C17854" s="358" t="s">
        <v>23729</v>
      </c>
      <c r="D17854" s="358" t="s">
        <v>23730</v>
      </c>
      <c r="E17854" s="358" t="s">
        <v>23731</v>
      </c>
      <c r="F17854" s="358" t="s">
        <v>14505</v>
      </c>
      <c r="G17854" s="358" t="s">
        <v>14506</v>
      </c>
      <c r="H17854" s="358" t="s">
        <v>14328</v>
      </c>
      <c r="I17854" s="358" t="s">
        <v>14506</v>
      </c>
      <c r="J17854" s="358"/>
      <c r="K17854" s="358"/>
      <c r="L17854" s="358"/>
    </row>
    <row r="17855" spans="2:12">
      <c r="B17855" s="367"/>
      <c r="C17855" s="367"/>
      <c r="D17855" s="367"/>
      <c r="E17855" s="367"/>
      <c r="F17855" s="360"/>
      <c r="G17855" s="360"/>
      <c r="H17855" s="360"/>
      <c r="I17855" s="360"/>
      <c r="J17855" s="365"/>
      <c r="K17855" s="365"/>
      <c r="L17855" s="365"/>
    </row>
    <row r="17856" spans="2:12">
      <c r="B17856" s="367"/>
      <c r="C17856" s="367"/>
      <c r="D17856" s="367"/>
      <c r="E17856" s="367"/>
      <c r="F17856" s="359" t="s">
        <v>14356</v>
      </c>
      <c r="G17856" s="359" t="s">
        <v>14340</v>
      </c>
      <c r="H17856" s="359" t="s">
        <v>14341</v>
      </c>
      <c r="I17856" s="359" t="s">
        <v>14340</v>
      </c>
      <c r="J17856" s="365"/>
      <c r="K17856" s="365"/>
      <c r="L17856" s="365"/>
    </row>
    <row r="17857" spans="2:12">
      <c r="B17857" s="367"/>
      <c r="C17857" s="367"/>
      <c r="D17857" s="367"/>
      <c r="E17857" s="367"/>
      <c r="F17857" s="360"/>
      <c r="G17857" s="360"/>
      <c r="H17857" s="360"/>
      <c r="I17857" s="360"/>
      <c r="J17857" s="365"/>
      <c r="K17857" s="365"/>
      <c r="L17857" s="365"/>
    </row>
    <row r="17858" spans="2:12">
      <c r="B17858" s="367"/>
      <c r="C17858" s="367"/>
      <c r="D17858" s="367"/>
      <c r="E17858" s="367"/>
      <c r="F17858" s="359" t="s">
        <v>14420</v>
      </c>
      <c r="G17858" s="359" t="s">
        <v>14429</v>
      </c>
      <c r="H17858" s="359" t="s">
        <v>14367</v>
      </c>
      <c r="I17858" s="359" t="s">
        <v>14429</v>
      </c>
      <c r="J17858" s="365"/>
      <c r="K17858" s="365"/>
      <c r="L17858" s="365"/>
    </row>
    <row r="17859" spans="2:12">
      <c r="B17859" s="367"/>
      <c r="C17859" s="367"/>
      <c r="D17859" s="367"/>
      <c r="E17859" s="367"/>
      <c r="F17859" s="360"/>
      <c r="G17859" s="360"/>
      <c r="H17859" s="360"/>
      <c r="I17859" s="360"/>
      <c r="J17859" s="365"/>
      <c r="K17859" s="365"/>
      <c r="L17859" s="365"/>
    </row>
    <row r="17860" spans="2:12" ht="28.5">
      <c r="B17860" s="368"/>
      <c r="C17860" s="368"/>
      <c r="D17860" s="368"/>
      <c r="E17860" s="368"/>
      <c r="F17860" s="361" t="s">
        <v>14472</v>
      </c>
      <c r="G17860" s="361" t="s">
        <v>14473</v>
      </c>
      <c r="H17860" s="361" t="s">
        <v>14332</v>
      </c>
      <c r="I17860" s="361" t="s">
        <v>14473</v>
      </c>
      <c r="J17860" s="366"/>
      <c r="K17860" s="366"/>
      <c r="L17860" s="366"/>
    </row>
    <row r="17861" spans="2:12" ht="28.5">
      <c r="B17861" s="358" t="s">
        <v>23732</v>
      </c>
      <c r="C17861" s="358" t="s">
        <v>23733</v>
      </c>
      <c r="D17861" s="358" t="s">
        <v>23734</v>
      </c>
      <c r="E17861" s="358" t="s">
        <v>8356</v>
      </c>
      <c r="F17861" s="358" t="s">
        <v>14472</v>
      </c>
      <c r="G17861" s="358" t="s">
        <v>14473</v>
      </c>
      <c r="H17861" s="358" t="s">
        <v>8356</v>
      </c>
      <c r="I17861" s="358" t="s">
        <v>14473</v>
      </c>
      <c r="J17861" s="358"/>
      <c r="K17861" s="358"/>
      <c r="L17861" s="358"/>
    </row>
    <row r="17862" spans="2:12">
      <c r="B17862" s="368"/>
      <c r="C17862" s="368"/>
      <c r="D17862" s="368"/>
      <c r="E17862" s="368"/>
      <c r="F17862" s="368"/>
      <c r="G17862" s="368"/>
      <c r="H17862" s="368"/>
      <c r="I17862" s="368"/>
      <c r="J17862" s="366"/>
      <c r="K17862" s="366"/>
      <c r="L17862" s="366"/>
    </row>
    <row r="17863" spans="2:12" ht="28.5">
      <c r="B17863" s="358" t="s">
        <v>23735</v>
      </c>
      <c r="C17863" s="358" t="s">
        <v>27884</v>
      </c>
      <c r="D17863" s="358" t="s">
        <v>23736</v>
      </c>
      <c r="E17863" s="358" t="s">
        <v>23737</v>
      </c>
      <c r="F17863" s="358" t="s">
        <v>14420</v>
      </c>
      <c r="G17863" s="358" t="s">
        <v>14429</v>
      </c>
      <c r="H17863" s="358" t="s">
        <v>14367</v>
      </c>
      <c r="I17863" s="358" t="s">
        <v>14429</v>
      </c>
      <c r="J17863" s="358"/>
      <c r="K17863" s="358"/>
      <c r="L17863" s="358"/>
    </row>
    <row r="17864" spans="2:12">
      <c r="B17864" s="367"/>
      <c r="C17864" s="367"/>
      <c r="D17864" s="367"/>
      <c r="E17864" s="367"/>
      <c r="F17864" s="360"/>
      <c r="G17864" s="360"/>
      <c r="H17864" s="360"/>
      <c r="I17864" s="360"/>
      <c r="J17864" s="365"/>
      <c r="K17864" s="365"/>
      <c r="L17864" s="365"/>
    </row>
    <row r="17865" spans="2:12">
      <c r="B17865" s="367"/>
      <c r="C17865" s="367"/>
      <c r="D17865" s="367"/>
      <c r="E17865" s="367"/>
      <c r="F17865" s="359" t="s">
        <v>14391</v>
      </c>
      <c r="G17865" s="359" t="s">
        <v>14392</v>
      </c>
      <c r="H17865" s="359" t="s">
        <v>14422</v>
      </c>
      <c r="I17865" s="359" t="s">
        <v>14392</v>
      </c>
      <c r="J17865" s="365"/>
      <c r="K17865" s="365"/>
      <c r="L17865" s="365"/>
    </row>
    <row r="17866" spans="2:12">
      <c r="B17866" s="367"/>
      <c r="C17866" s="367"/>
      <c r="D17866" s="367"/>
      <c r="E17866" s="367"/>
      <c r="F17866" s="360"/>
      <c r="G17866" s="360"/>
      <c r="H17866" s="360"/>
      <c r="I17866" s="360"/>
      <c r="J17866" s="365"/>
      <c r="K17866" s="365"/>
      <c r="L17866" s="365"/>
    </row>
    <row r="17867" spans="2:12" ht="28.5">
      <c r="B17867" s="368"/>
      <c r="C17867" s="368"/>
      <c r="D17867" s="368"/>
      <c r="E17867" s="368"/>
      <c r="F17867" s="361" t="s">
        <v>14472</v>
      </c>
      <c r="G17867" s="361" t="s">
        <v>14473</v>
      </c>
      <c r="H17867" s="362"/>
      <c r="I17867" s="361" t="s">
        <v>14473</v>
      </c>
      <c r="J17867" s="366"/>
      <c r="K17867" s="366"/>
      <c r="L17867" s="366"/>
    </row>
    <row r="17868" spans="2:12">
      <c r="B17868" s="358" t="s">
        <v>23738</v>
      </c>
      <c r="C17868" s="358" t="s">
        <v>23739</v>
      </c>
      <c r="D17868" s="358" t="s">
        <v>23740</v>
      </c>
      <c r="E17868" s="358" t="s">
        <v>23741</v>
      </c>
      <c r="F17868" s="358" t="s">
        <v>14356</v>
      </c>
      <c r="G17868" s="358" t="s">
        <v>14340</v>
      </c>
      <c r="H17868" s="358" t="s">
        <v>14341</v>
      </c>
      <c r="I17868" s="358" t="s">
        <v>14340</v>
      </c>
      <c r="J17868" s="358"/>
      <c r="K17868" s="358"/>
      <c r="L17868" s="358"/>
    </row>
    <row r="17869" spans="2:12">
      <c r="B17869" s="367"/>
      <c r="C17869" s="367"/>
      <c r="D17869" s="367"/>
      <c r="E17869" s="367"/>
      <c r="F17869" s="360"/>
      <c r="G17869" s="360"/>
      <c r="H17869" s="360"/>
      <c r="I17869" s="360"/>
      <c r="J17869" s="365"/>
      <c r="K17869" s="365"/>
      <c r="L17869" s="365"/>
    </row>
    <row r="17870" spans="2:12">
      <c r="B17870" s="367"/>
      <c r="C17870" s="367"/>
      <c r="D17870" s="367"/>
      <c r="E17870" s="367"/>
      <c r="F17870" s="359" t="s">
        <v>14420</v>
      </c>
      <c r="G17870" s="359" t="s">
        <v>14459</v>
      </c>
      <c r="H17870" s="359" t="s">
        <v>14381</v>
      </c>
      <c r="I17870" s="359" t="s">
        <v>14459</v>
      </c>
      <c r="J17870" s="365"/>
      <c r="K17870" s="365"/>
      <c r="L17870" s="365"/>
    </row>
    <row r="17871" spans="2:12">
      <c r="B17871" s="367"/>
      <c r="C17871" s="367"/>
      <c r="D17871" s="367"/>
      <c r="E17871" s="367"/>
      <c r="F17871" s="360"/>
      <c r="G17871" s="360"/>
      <c r="H17871" s="360"/>
      <c r="I17871" s="360"/>
      <c r="J17871" s="365"/>
      <c r="K17871" s="365"/>
      <c r="L17871" s="365"/>
    </row>
    <row r="17872" spans="2:12">
      <c r="B17872" s="367"/>
      <c r="C17872" s="367"/>
      <c r="D17872" s="367"/>
      <c r="E17872" s="367"/>
      <c r="F17872" s="359" t="s">
        <v>14420</v>
      </c>
      <c r="G17872" s="359" t="s">
        <v>14421</v>
      </c>
      <c r="H17872" s="359" t="s">
        <v>14367</v>
      </c>
      <c r="I17872" s="359" t="s">
        <v>14421</v>
      </c>
      <c r="J17872" s="365"/>
      <c r="K17872" s="365"/>
      <c r="L17872" s="365"/>
    </row>
    <row r="17873" spans="2:12">
      <c r="B17873" s="367"/>
      <c r="C17873" s="367"/>
      <c r="D17873" s="367"/>
      <c r="E17873" s="367"/>
      <c r="F17873" s="360"/>
      <c r="G17873" s="360"/>
      <c r="H17873" s="360"/>
      <c r="I17873" s="360"/>
      <c r="J17873" s="365"/>
      <c r="K17873" s="365"/>
      <c r="L17873" s="365"/>
    </row>
    <row r="17874" spans="2:12">
      <c r="B17874" s="367"/>
      <c r="C17874" s="367"/>
      <c r="D17874" s="367"/>
      <c r="E17874" s="367"/>
      <c r="F17874" s="359" t="s">
        <v>14420</v>
      </c>
      <c r="G17874" s="359" t="s">
        <v>14429</v>
      </c>
      <c r="H17874" s="359" t="s">
        <v>14370</v>
      </c>
      <c r="I17874" s="359" t="s">
        <v>14429</v>
      </c>
      <c r="J17874" s="365"/>
      <c r="K17874" s="365"/>
      <c r="L17874" s="365"/>
    </row>
    <row r="17875" spans="2:12">
      <c r="B17875" s="367"/>
      <c r="C17875" s="367"/>
      <c r="D17875" s="367"/>
      <c r="E17875" s="367"/>
      <c r="F17875" s="360"/>
      <c r="G17875" s="360"/>
      <c r="H17875" s="360"/>
      <c r="I17875" s="360"/>
      <c r="J17875" s="365"/>
      <c r="K17875" s="365"/>
      <c r="L17875" s="365"/>
    </row>
    <row r="17876" spans="2:12">
      <c r="B17876" s="367"/>
      <c r="C17876" s="367"/>
      <c r="D17876" s="367"/>
      <c r="E17876" s="367"/>
      <c r="F17876" s="359" t="s">
        <v>14460</v>
      </c>
      <c r="G17876" s="359" t="s">
        <v>14461</v>
      </c>
      <c r="H17876" s="359" t="s">
        <v>14332</v>
      </c>
      <c r="I17876" s="359" t="s">
        <v>14461</v>
      </c>
      <c r="J17876" s="365"/>
      <c r="K17876" s="365"/>
      <c r="L17876" s="365"/>
    </row>
    <row r="17877" spans="2:12">
      <c r="B17877" s="367"/>
      <c r="C17877" s="367"/>
      <c r="D17877" s="367"/>
      <c r="E17877" s="367"/>
      <c r="F17877" s="360"/>
      <c r="G17877" s="360"/>
      <c r="H17877" s="360"/>
      <c r="I17877" s="360"/>
      <c r="J17877" s="365"/>
      <c r="K17877" s="365"/>
      <c r="L17877" s="365"/>
    </row>
    <row r="17878" spans="2:12">
      <c r="B17878" s="367"/>
      <c r="C17878" s="367"/>
      <c r="D17878" s="367"/>
      <c r="E17878" s="367"/>
      <c r="F17878" s="359" t="s">
        <v>14391</v>
      </c>
      <c r="G17878" s="359" t="s">
        <v>14392</v>
      </c>
      <c r="H17878" s="360"/>
      <c r="I17878" s="359" t="s">
        <v>14392</v>
      </c>
      <c r="J17878" s="365"/>
      <c r="K17878" s="365"/>
      <c r="L17878" s="365"/>
    </row>
    <row r="17879" spans="2:12">
      <c r="B17879" s="367"/>
      <c r="C17879" s="367"/>
      <c r="D17879" s="367"/>
      <c r="E17879" s="367"/>
      <c r="F17879" s="360"/>
      <c r="G17879" s="360"/>
      <c r="H17879" s="360"/>
      <c r="I17879" s="360"/>
      <c r="J17879" s="365"/>
      <c r="K17879" s="365"/>
      <c r="L17879" s="365"/>
    </row>
    <row r="17880" spans="2:12">
      <c r="B17880" s="368"/>
      <c r="C17880" s="368"/>
      <c r="D17880" s="368"/>
      <c r="E17880" s="368"/>
      <c r="F17880" s="361" t="s">
        <v>14371</v>
      </c>
      <c r="G17880" s="361" t="s">
        <v>14372</v>
      </c>
      <c r="H17880" s="362"/>
      <c r="I17880" s="361" t="s">
        <v>14372</v>
      </c>
      <c r="J17880" s="366"/>
      <c r="K17880" s="366"/>
      <c r="L17880" s="366"/>
    </row>
    <row r="17881" spans="2:12" ht="28.5">
      <c r="B17881" s="358" t="s">
        <v>23742</v>
      </c>
      <c r="C17881" s="358" t="s">
        <v>27885</v>
      </c>
      <c r="D17881" s="358" t="s">
        <v>23743</v>
      </c>
      <c r="E17881" s="358" t="s">
        <v>23744</v>
      </c>
      <c r="F17881" s="358" t="s">
        <v>14420</v>
      </c>
      <c r="G17881" s="358" t="s">
        <v>14421</v>
      </c>
      <c r="H17881" s="358" t="s">
        <v>14341</v>
      </c>
      <c r="I17881" s="358" t="s">
        <v>14421</v>
      </c>
      <c r="J17881" s="358"/>
      <c r="K17881" s="358"/>
      <c r="L17881" s="358"/>
    </row>
    <row r="17882" spans="2:12">
      <c r="B17882" s="367"/>
      <c r="C17882" s="367"/>
      <c r="D17882" s="367"/>
      <c r="E17882" s="367"/>
      <c r="F17882" s="360"/>
      <c r="G17882" s="360"/>
      <c r="H17882" s="360"/>
      <c r="I17882" s="360"/>
      <c r="J17882" s="365"/>
      <c r="K17882" s="365"/>
      <c r="L17882" s="365"/>
    </row>
    <row r="17883" spans="2:12">
      <c r="B17883" s="367"/>
      <c r="C17883" s="367"/>
      <c r="D17883" s="367"/>
      <c r="E17883" s="367"/>
      <c r="F17883" s="359" t="s">
        <v>14420</v>
      </c>
      <c r="G17883" s="359" t="s">
        <v>14429</v>
      </c>
      <c r="H17883" s="359" t="s">
        <v>14381</v>
      </c>
      <c r="I17883" s="359" t="s">
        <v>14429</v>
      </c>
      <c r="J17883" s="365"/>
      <c r="K17883" s="365"/>
      <c r="L17883" s="365"/>
    </row>
    <row r="17884" spans="2:12">
      <c r="B17884" s="367"/>
      <c r="C17884" s="367"/>
      <c r="D17884" s="367"/>
      <c r="E17884" s="367"/>
      <c r="F17884" s="360"/>
      <c r="G17884" s="360"/>
      <c r="H17884" s="360"/>
      <c r="I17884" s="360"/>
      <c r="J17884" s="365"/>
      <c r="K17884" s="365"/>
      <c r="L17884" s="365"/>
    </row>
    <row r="17885" spans="2:12">
      <c r="B17885" s="367"/>
      <c r="C17885" s="367"/>
      <c r="D17885" s="367"/>
      <c r="E17885" s="367"/>
      <c r="F17885" s="359" t="s">
        <v>14460</v>
      </c>
      <c r="G17885" s="359" t="s">
        <v>14461</v>
      </c>
      <c r="H17885" s="359" t="s">
        <v>14367</v>
      </c>
      <c r="I17885" s="359" t="s">
        <v>14461</v>
      </c>
      <c r="J17885" s="365"/>
      <c r="K17885" s="365"/>
      <c r="L17885" s="365"/>
    </row>
    <row r="17886" spans="2:12">
      <c r="B17886" s="367"/>
      <c r="C17886" s="367"/>
      <c r="D17886" s="367"/>
      <c r="E17886" s="367"/>
      <c r="F17886" s="360"/>
      <c r="G17886" s="360"/>
      <c r="H17886" s="360"/>
      <c r="I17886" s="360"/>
      <c r="J17886" s="365"/>
      <c r="K17886" s="365"/>
      <c r="L17886" s="365"/>
    </row>
    <row r="17887" spans="2:12">
      <c r="B17887" s="367"/>
      <c r="C17887" s="367"/>
      <c r="D17887" s="367"/>
      <c r="E17887" s="367"/>
      <c r="F17887" s="359" t="s">
        <v>14430</v>
      </c>
      <c r="G17887" s="359" t="s">
        <v>14431</v>
      </c>
      <c r="H17887" s="359" t="s">
        <v>14370</v>
      </c>
      <c r="I17887" s="359" t="s">
        <v>14431</v>
      </c>
      <c r="J17887" s="365"/>
      <c r="K17887" s="365"/>
      <c r="L17887" s="365"/>
    </row>
    <row r="17888" spans="2:12">
      <c r="B17888" s="367"/>
      <c r="C17888" s="367"/>
      <c r="D17888" s="367"/>
      <c r="E17888" s="367"/>
      <c r="F17888" s="360"/>
      <c r="G17888" s="360"/>
      <c r="H17888" s="360"/>
      <c r="I17888" s="360"/>
      <c r="J17888" s="365"/>
      <c r="K17888" s="365"/>
      <c r="L17888" s="365"/>
    </row>
    <row r="17889" spans="2:12">
      <c r="B17889" s="367"/>
      <c r="C17889" s="367"/>
      <c r="D17889" s="367"/>
      <c r="E17889" s="367"/>
      <c r="F17889" s="359" t="s">
        <v>14371</v>
      </c>
      <c r="G17889" s="359" t="s">
        <v>14372</v>
      </c>
      <c r="H17889" s="359" t="s">
        <v>14332</v>
      </c>
      <c r="I17889" s="359" t="s">
        <v>14373</v>
      </c>
      <c r="J17889" s="365"/>
      <c r="K17889" s="365"/>
      <c r="L17889" s="365"/>
    </row>
    <row r="17890" spans="2:12">
      <c r="B17890" s="367"/>
      <c r="C17890" s="367"/>
      <c r="D17890" s="367"/>
      <c r="E17890" s="367"/>
      <c r="F17890" s="360"/>
      <c r="G17890" s="360"/>
      <c r="H17890" s="360"/>
      <c r="I17890" s="360"/>
      <c r="J17890" s="365"/>
      <c r="K17890" s="365"/>
      <c r="L17890" s="365"/>
    </row>
    <row r="17891" spans="2:12" ht="28.5">
      <c r="B17891" s="368"/>
      <c r="C17891" s="368"/>
      <c r="D17891" s="368"/>
      <c r="E17891" s="368"/>
      <c r="F17891" s="361" t="s">
        <v>14374</v>
      </c>
      <c r="G17891" s="361" t="s">
        <v>14373</v>
      </c>
      <c r="H17891" s="362"/>
      <c r="I17891" s="362"/>
      <c r="J17891" s="366"/>
      <c r="K17891" s="366"/>
      <c r="L17891" s="366"/>
    </row>
    <row r="17892" spans="2:12" ht="28.5">
      <c r="B17892" s="358" t="s">
        <v>23745</v>
      </c>
      <c r="C17892" s="358" t="s">
        <v>27886</v>
      </c>
      <c r="D17892" s="358" t="s">
        <v>23746</v>
      </c>
      <c r="E17892" s="358" t="s">
        <v>23747</v>
      </c>
      <c r="F17892" s="358" t="s">
        <v>14391</v>
      </c>
      <c r="G17892" s="358" t="s">
        <v>14392</v>
      </c>
      <c r="H17892" s="358" t="s">
        <v>14367</v>
      </c>
      <c r="I17892" s="358" t="s">
        <v>14392</v>
      </c>
      <c r="J17892" s="358"/>
      <c r="K17892" s="358"/>
      <c r="L17892" s="358"/>
    </row>
    <row r="17893" spans="2:12">
      <c r="B17893" s="367"/>
      <c r="C17893" s="367"/>
      <c r="D17893" s="367"/>
      <c r="E17893" s="367"/>
      <c r="F17893" s="360"/>
      <c r="G17893" s="360"/>
      <c r="H17893" s="360"/>
      <c r="I17893" s="360"/>
      <c r="J17893" s="365"/>
      <c r="K17893" s="365"/>
      <c r="L17893" s="365"/>
    </row>
    <row r="17894" spans="2:12" ht="28.5">
      <c r="B17894" s="368"/>
      <c r="C17894" s="368"/>
      <c r="D17894" s="368"/>
      <c r="E17894" s="368"/>
      <c r="F17894" s="361" t="s">
        <v>14462</v>
      </c>
      <c r="G17894" s="361" t="s">
        <v>14463</v>
      </c>
      <c r="H17894" s="361" t="s">
        <v>14422</v>
      </c>
      <c r="I17894" s="361" t="s">
        <v>14463</v>
      </c>
      <c r="J17894" s="366"/>
      <c r="K17894" s="366"/>
      <c r="L17894" s="366"/>
    </row>
    <row r="17895" spans="2:12" ht="28.5">
      <c r="B17895" s="358" t="s">
        <v>23748</v>
      </c>
      <c r="C17895" s="358" t="s">
        <v>30379</v>
      </c>
      <c r="D17895" s="358" t="s">
        <v>23749</v>
      </c>
      <c r="E17895" s="358" t="s">
        <v>23750</v>
      </c>
      <c r="F17895" s="358" t="s">
        <v>14391</v>
      </c>
      <c r="G17895" s="358" t="s">
        <v>14392</v>
      </c>
      <c r="H17895" s="358" t="s">
        <v>14367</v>
      </c>
      <c r="I17895" s="358" t="s">
        <v>14392</v>
      </c>
      <c r="J17895" s="358"/>
      <c r="K17895" s="358"/>
      <c r="L17895" s="358"/>
    </row>
    <row r="17896" spans="2:12">
      <c r="B17896" s="367"/>
      <c r="C17896" s="367"/>
      <c r="D17896" s="367"/>
      <c r="E17896" s="367"/>
      <c r="F17896" s="360"/>
      <c r="G17896" s="360"/>
      <c r="H17896" s="360"/>
      <c r="I17896" s="360"/>
      <c r="J17896" s="365"/>
      <c r="K17896" s="365"/>
      <c r="L17896" s="365"/>
    </row>
    <row r="17897" spans="2:12">
      <c r="B17897" s="367"/>
      <c r="C17897" s="367"/>
      <c r="D17897" s="367"/>
      <c r="E17897" s="367"/>
      <c r="F17897" s="359" t="s">
        <v>14371</v>
      </c>
      <c r="G17897" s="359" t="s">
        <v>14372</v>
      </c>
      <c r="H17897" s="359" t="s">
        <v>14370</v>
      </c>
      <c r="I17897" s="359" t="s">
        <v>14373</v>
      </c>
      <c r="J17897" s="365"/>
      <c r="K17897" s="365"/>
      <c r="L17897" s="365"/>
    </row>
    <row r="17898" spans="2:12">
      <c r="B17898" s="367"/>
      <c r="C17898" s="367"/>
      <c r="D17898" s="367"/>
      <c r="E17898" s="367"/>
      <c r="F17898" s="360"/>
      <c r="G17898" s="360"/>
      <c r="H17898" s="360"/>
      <c r="I17898" s="360"/>
      <c r="J17898" s="365"/>
      <c r="K17898" s="365"/>
      <c r="L17898" s="365"/>
    </row>
    <row r="17899" spans="2:12" ht="28.5">
      <c r="B17899" s="368"/>
      <c r="C17899" s="368"/>
      <c r="D17899" s="368"/>
      <c r="E17899" s="368"/>
      <c r="F17899" s="361" t="s">
        <v>14374</v>
      </c>
      <c r="G17899" s="361" t="s">
        <v>14373</v>
      </c>
      <c r="H17899" s="361" t="s">
        <v>14422</v>
      </c>
      <c r="I17899" s="362"/>
      <c r="J17899" s="366"/>
      <c r="K17899" s="366"/>
      <c r="L17899" s="366"/>
    </row>
    <row r="17900" spans="2:12">
      <c r="B17900" s="358" t="s">
        <v>23751</v>
      </c>
      <c r="C17900" s="358" t="s">
        <v>23752</v>
      </c>
      <c r="D17900" s="358" t="s">
        <v>23753</v>
      </c>
      <c r="E17900" s="358" t="s">
        <v>23754</v>
      </c>
      <c r="F17900" s="358" t="s">
        <v>14356</v>
      </c>
      <c r="G17900" s="358" t="s">
        <v>14340</v>
      </c>
      <c r="H17900" s="358" t="s">
        <v>14341</v>
      </c>
      <c r="I17900" s="358" t="s">
        <v>14340</v>
      </c>
      <c r="J17900" s="358"/>
      <c r="K17900" s="358"/>
      <c r="L17900" s="358"/>
    </row>
    <row r="17901" spans="2:12">
      <c r="B17901" s="367"/>
      <c r="C17901" s="367"/>
      <c r="D17901" s="367"/>
      <c r="E17901" s="367"/>
      <c r="F17901" s="360"/>
      <c r="G17901" s="360"/>
      <c r="H17901" s="360"/>
      <c r="I17901" s="360"/>
      <c r="J17901" s="365"/>
      <c r="K17901" s="365"/>
      <c r="L17901" s="365"/>
    </row>
    <row r="17902" spans="2:12">
      <c r="B17902" s="367"/>
      <c r="C17902" s="367"/>
      <c r="D17902" s="367"/>
      <c r="E17902" s="367"/>
      <c r="F17902" s="359" t="s">
        <v>14420</v>
      </c>
      <c r="G17902" s="359" t="s">
        <v>14421</v>
      </c>
      <c r="H17902" s="359" t="s">
        <v>14367</v>
      </c>
      <c r="I17902" s="359" t="s">
        <v>14421</v>
      </c>
      <c r="J17902" s="365"/>
      <c r="K17902" s="365"/>
      <c r="L17902" s="365"/>
    </row>
    <row r="17903" spans="2:12">
      <c r="B17903" s="367"/>
      <c r="C17903" s="367"/>
      <c r="D17903" s="367"/>
      <c r="E17903" s="367"/>
      <c r="F17903" s="360"/>
      <c r="G17903" s="360"/>
      <c r="H17903" s="360"/>
      <c r="I17903" s="360"/>
      <c r="J17903" s="365"/>
      <c r="K17903" s="365"/>
      <c r="L17903" s="365"/>
    </row>
    <row r="17904" spans="2:12">
      <c r="B17904" s="367"/>
      <c r="C17904" s="367"/>
      <c r="D17904" s="367"/>
      <c r="E17904" s="367"/>
      <c r="F17904" s="359" t="s">
        <v>14420</v>
      </c>
      <c r="G17904" s="359" t="s">
        <v>14429</v>
      </c>
      <c r="H17904" s="359" t="s">
        <v>14370</v>
      </c>
      <c r="I17904" s="359" t="s">
        <v>14429</v>
      </c>
      <c r="J17904" s="365"/>
      <c r="K17904" s="365"/>
      <c r="L17904" s="365"/>
    </row>
    <row r="17905" spans="2:12">
      <c r="B17905" s="367"/>
      <c r="C17905" s="367"/>
      <c r="D17905" s="367"/>
      <c r="E17905" s="367"/>
      <c r="F17905" s="360"/>
      <c r="G17905" s="360"/>
      <c r="H17905" s="360"/>
      <c r="I17905" s="360"/>
      <c r="J17905" s="365"/>
      <c r="K17905" s="365"/>
      <c r="L17905" s="365"/>
    </row>
    <row r="17906" spans="2:12">
      <c r="B17906" s="367"/>
      <c r="C17906" s="367"/>
      <c r="D17906" s="367"/>
      <c r="E17906" s="367"/>
      <c r="F17906" s="359" t="s">
        <v>14371</v>
      </c>
      <c r="G17906" s="359" t="s">
        <v>14372</v>
      </c>
      <c r="H17906" s="359" t="s">
        <v>14332</v>
      </c>
      <c r="I17906" s="359" t="s">
        <v>14373</v>
      </c>
      <c r="J17906" s="365"/>
      <c r="K17906" s="365"/>
      <c r="L17906" s="365"/>
    </row>
    <row r="17907" spans="2:12">
      <c r="B17907" s="367"/>
      <c r="C17907" s="367"/>
      <c r="D17907" s="367"/>
      <c r="E17907" s="367"/>
      <c r="F17907" s="360"/>
      <c r="G17907" s="360"/>
      <c r="H17907" s="360"/>
      <c r="I17907" s="360"/>
      <c r="J17907" s="365"/>
      <c r="K17907" s="365"/>
      <c r="L17907" s="365"/>
    </row>
    <row r="17908" spans="2:12" ht="28.5">
      <c r="B17908" s="368"/>
      <c r="C17908" s="368"/>
      <c r="D17908" s="368"/>
      <c r="E17908" s="368"/>
      <c r="F17908" s="361" t="s">
        <v>14374</v>
      </c>
      <c r="G17908" s="361" t="s">
        <v>14373</v>
      </c>
      <c r="H17908" s="362"/>
      <c r="I17908" s="362"/>
      <c r="J17908" s="366"/>
      <c r="K17908" s="366"/>
      <c r="L17908" s="366"/>
    </row>
    <row r="17909" spans="2:12">
      <c r="B17909" s="358" t="s">
        <v>23755</v>
      </c>
      <c r="C17909" s="358" t="s">
        <v>23756</v>
      </c>
      <c r="D17909" s="358" t="s">
        <v>23757</v>
      </c>
      <c r="E17909" s="358" t="s">
        <v>23758</v>
      </c>
      <c r="F17909" s="358" t="s">
        <v>14420</v>
      </c>
      <c r="G17909" s="358" t="s">
        <v>14429</v>
      </c>
      <c r="H17909" s="358" t="s">
        <v>14341</v>
      </c>
      <c r="I17909" s="358" t="s">
        <v>14429</v>
      </c>
      <c r="J17909" s="358"/>
      <c r="K17909" s="358"/>
      <c r="L17909" s="358"/>
    </row>
    <row r="17910" spans="2:12">
      <c r="B17910" s="367"/>
      <c r="C17910" s="367"/>
      <c r="D17910" s="367"/>
      <c r="E17910" s="367"/>
      <c r="F17910" s="360"/>
      <c r="G17910" s="360"/>
      <c r="H17910" s="360"/>
      <c r="I17910" s="360"/>
      <c r="J17910" s="365"/>
      <c r="K17910" s="365"/>
      <c r="L17910" s="365"/>
    </row>
    <row r="17911" spans="2:12">
      <c r="B17911" s="367"/>
      <c r="C17911" s="367"/>
      <c r="D17911" s="367"/>
      <c r="E17911" s="367"/>
      <c r="F17911" s="359" t="s">
        <v>14389</v>
      </c>
      <c r="G17911" s="359" t="s">
        <v>14390</v>
      </c>
      <c r="H17911" s="359" t="s">
        <v>14367</v>
      </c>
      <c r="I17911" s="359" t="s">
        <v>14390</v>
      </c>
      <c r="J17911" s="365"/>
      <c r="K17911" s="365"/>
      <c r="L17911" s="365"/>
    </row>
    <row r="17912" spans="2:12">
      <c r="B17912" s="367"/>
      <c r="C17912" s="367"/>
      <c r="D17912" s="367"/>
      <c r="E17912" s="367"/>
      <c r="F17912" s="360"/>
      <c r="G17912" s="360"/>
      <c r="H17912" s="360"/>
      <c r="I17912" s="360"/>
      <c r="J17912" s="365"/>
      <c r="K17912" s="365"/>
      <c r="L17912" s="365"/>
    </row>
    <row r="17913" spans="2:12">
      <c r="B17913" s="367"/>
      <c r="C17913" s="367"/>
      <c r="D17913" s="367"/>
      <c r="E17913" s="367"/>
      <c r="F17913" s="359" t="s">
        <v>14430</v>
      </c>
      <c r="G17913" s="359" t="s">
        <v>14431</v>
      </c>
      <c r="H17913" s="359" t="s">
        <v>14332</v>
      </c>
      <c r="I17913" s="359" t="s">
        <v>14431</v>
      </c>
      <c r="J17913" s="365"/>
      <c r="K17913" s="365"/>
      <c r="L17913" s="365"/>
    </row>
    <row r="17914" spans="2:12">
      <c r="B17914" s="367"/>
      <c r="C17914" s="367"/>
      <c r="D17914" s="367"/>
      <c r="E17914" s="367"/>
      <c r="F17914" s="360"/>
      <c r="G17914" s="360"/>
      <c r="H17914" s="360"/>
      <c r="I17914" s="360"/>
      <c r="J17914" s="365"/>
      <c r="K17914" s="365"/>
      <c r="L17914" s="365"/>
    </row>
    <row r="17915" spans="2:12" ht="28.5">
      <c r="B17915" s="368"/>
      <c r="C17915" s="368"/>
      <c r="D17915" s="368"/>
      <c r="E17915" s="368"/>
      <c r="F17915" s="361" t="s">
        <v>14472</v>
      </c>
      <c r="G17915" s="361" t="s">
        <v>14473</v>
      </c>
      <c r="H17915" s="362"/>
      <c r="I17915" s="361" t="s">
        <v>14473</v>
      </c>
      <c r="J17915" s="366"/>
      <c r="K17915" s="366"/>
      <c r="L17915" s="366"/>
    </row>
    <row r="17916" spans="2:12" ht="28.5">
      <c r="B17916" s="358" t="s">
        <v>23759</v>
      </c>
      <c r="C17916" s="358" t="s">
        <v>27887</v>
      </c>
      <c r="D17916" s="358" t="s">
        <v>23760</v>
      </c>
      <c r="E17916" s="358" t="s">
        <v>23761</v>
      </c>
      <c r="F17916" s="358" t="s">
        <v>14420</v>
      </c>
      <c r="G17916" s="358" t="s">
        <v>14429</v>
      </c>
      <c r="H17916" s="358" t="s">
        <v>14341</v>
      </c>
      <c r="I17916" s="358" t="s">
        <v>14429</v>
      </c>
      <c r="J17916" s="358"/>
      <c r="K17916" s="358"/>
      <c r="L17916" s="358"/>
    </row>
    <row r="17917" spans="2:12">
      <c r="B17917" s="367"/>
      <c r="C17917" s="367"/>
      <c r="D17917" s="367"/>
      <c r="E17917" s="367"/>
      <c r="F17917" s="360"/>
      <c r="G17917" s="360"/>
      <c r="H17917" s="360"/>
      <c r="I17917" s="360"/>
      <c r="J17917" s="365"/>
      <c r="K17917" s="365"/>
      <c r="L17917" s="365"/>
    </row>
    <row r="17918" spans="2:12">
      <c r="B17918" s="367"/>
      <c r="C17918" s="367"/>
      <c r="D17918" s="367"/>
      <c r="E17918" s="367"/>
      <c r="F17918" s="359" t="s">
        <v>14430</v>
      </c>
      <c r="G17918" s="359" t="s">
        <v>14431</v>
      </c>
      <c r="H17918" s="359" t="s">
        <v>14367</v>
      </c>
      <c r="I17918" s="359" t="s">
        <v>14431</v>
      </c>
      <c r="J17918" s="365"/>
      <c r="K17918" s="365"/>
      <c r="L17918" s="365"/>
    </row>
    <row r="17919" spans="2:12">
      <c r="B17919" s="367"/>
      <c r="C17919" s="367"/>
      <c r="D17919" s="367"/>
      <c r="E17919" s="367"/>
      <c r="F17919" s="360"/>
      <c r="G17919" s="360"/>
      <c r="H17919" s="360"/>
      <c r="I17919" s="360"/>
      <c r="J17919" s="365"/>
      <c r="K17919" s="365"/>
      <c r="L17919" s="365"/>
    </row>
    <row r="17920" spans="2:12">
      <c r="B17920" s="367"/>
      <c r="C17920" s="367"/>
      <c r="D17920" s="367"/>
      <c r="E17920" s="367"/>
      <c r="F17920" s="359" t="s">
        <v>14371</v>
      </c>
      <c r="G17920" s="359" t="s">
        <v>14372</v>
      </c>
      <c r="H17920" s="359" t="s">
        <v>14370</v>
      </c>
      <c r="I17920" s="359" t="s">
        <v>14373</v>
      </c>
      <c r="J17920" s="365"/>
      <c r="K17920" s="365"/>
      <c r="L17920" s="365"/>
    </row>
    <row r="17921" spans="2:12">
      <c r="B17921" s="367"/>
      <c r="C17921" s="367"/>
      <c r="D17921" s="367"/>
      <c r="E17921" s="367"/>
      <c r="F17921" s="360"/>
      <c r="G17921" s="360"/>
      <c r="H17921" s="360"/>
      <c r="I17921" s="360"/>
      <c r="J17921" s="365"/>
      <c r="K17921" s="365"/>
      <c r="L17921" s="365"/>
    </row>
    <row r="17922" spans="2:12" ht="28.5">
      <c r="B17922" s="368"/>
      <c r="C17922" s="368"/>
      <c r="D17922" s="368"/>
      <c r="E17922" s="368"/>
      <c r="F17922" s="361" t="s">
        <v>14374</v>
      </c>
      <c r="G17922" s="361" t="s">
        <v>14373</v>
      </c>
      <c r="H17922" s="361" t="s">
        <v>14332</v>
      </c>
      <c r="I17922" s="362"/>
      <c r="J17922" s="366"/>
      <c r="K17922" s="366"/>
      <c r="L17922" s="366"/>
    </row>
    <row r="17923" spans="2:12" ht="28.5">
      <c r="B17923" s="358" t="s">
        <v>23762</v>
      </c>
      <c r="C17923" s="358" t="s">
        <v>27888</v>
      </c>
      <c r="D17923" s="358" t="s">
        <v>23763</v>
      </c>
      <c r="E17923" s="358" t="s">
        <v>8356</v>
      </c>
      <c r="F17923" s="358" t="s">
        <v>14418</v>
      </c>
      <c r="G17923" s="358" t="s">
        <v>14419</v>
      </c>
      <c r="H17923" s="358" t="s">
        <v>14328</v>
      </c>
      <c r="I17923" s="358" t="s">
        <v>14419</v>
      </c>
      <c r="J17923" s="358"/>
      <c r="K17923" s="358"/>
      <c r="L17923" s="358"/>
    </row>
    <row r="17924" spans="2:12">
      <c r="B17924" s="367"/>
      <c r="C17924" s="360"/>
      <c r="D17924" s="367"/>
      <c r="E17924" s="367"/>
      <c r="F17924" s="360"/>
      <c r="G17924" s="360"/>
      <c r="H17924" s="360"/>
      <c r="I17924" s="360"/>
      <c r="J17924" s="365"/>
      <c r="K17924" s="365"/>
      <c r="L17924" s="365"/>
    </row>
    <row r="17925" spans="2:12" ht="42.75">
      <c r="B17925" s="367"/>
      <c r="C17925" s="359" t="s">
        <v>30380</v>
      </c>
      <c r="D17925" s="367"/>
      <c r="E17925" s="367"/>
      <c r="F17925" s="359" t="s">
        <v>14420</v>
      </c>
      <c r="G17925" s="359" t="s">
        <v>14459</v>
      </c>
      <c r="H17925" s="359" t="s">
        <v>14341</v>
      </c>
      <c r="I17925" s="359" t="s">
        <v>14459</v>
      </c>
      <c r="J17925" s="365"/>
      <c r="K17925" s="365"/>
      <c r="L17925" s="365"/>
    </row>
    <row r="17926" spans="2:12">
      <c r="B17926" s="367"/>
      <c r="C17926" s="360"/>
      <c r="D17926" s="367"/>
      <c r="E17926" s="367"/>
      <c r="F17926" s="360"/>
      <c r="G17926" s="360"/>
      <c r="H17926" s="360"/>
      <c r="I17926" s="360"/>
      <c r="J17926" s="365"/>
      <c r="K17926" s="365"/>
      <c r="L17926" s="365"/>
    </row>
    <row r="17927" spans="2:12" ht="42.75">
      <c r="B17927" s="367"/>
      <c r="C17927" s="359" t="s">
        <v>30381</v>
      </c>
      <c r="D17927" s="367"/>
      <c r="E17927" s="367"/>
      <c r="F17927" s="359" t="s">
        <v>14420</v>
      </c>
      <c r="G17927" s="359" t="s">
        <v>14421</v>
      </c>
      <c r="H17927" s="359" t="s">
        <v>14381</v>
      </c>
      <c r="I17927" s="359" t="s">
        <v>14421</v>
      </c>
      <c r="J17927" s="365"/>
      <c r="K17927" s="365"/>
      <c r="L17927" s="365"/>
    </row>
    <row r="17928" spans="2:12">
      <c r="B17928" s="367"/>
      <c r="C17928" s="360"/>
      <c r="D17928" s="367"/>
      <c r="E17928" s="367"/>
      <c r="F17928" s="360"/>
      <c r="G17928" s="360"/>
      <c r="H17928" s="360"/>
      <c r="I17928" s="360"/>
      <c r="J17928" s="365"/>
      <c r="K17928" s="365"/>
      <c r="L17928" s="365"/>
    </row>
    <row r="17929" spans="2:12" ht="28.5">
      <c r="B17929" s="367"/>
      <c r="C17929" s="359" t="s">
        <v>30382</v>
      </c>
      <c r="D17929" s="367"/>
      <c r="E17929" s="367"/>
      <c r="F17929" s="359" t="s">
        <v>14420</v>
      </c>
      <c r="G17929" s="359" t="s">
        <v>14429</v>
      </c>
      <c r="H17929" s="359" t="s">
        <v>14367</v>
      </c>
      <c r="I17929" s="359" t="s">
        <v>14429</v>
      </c>
      <c r="J17929" s="365"/>
      <c r="K17929" s="365"/>
      <c r="L17929" s="365"/>
    </row>
    <row r="17930" spans="2:12">
      <c r="B17930" s="367"/>
      <c r="C17930" s="360"/>
      <c r="D17930" s="367"/>
      <c r="E17930" s="367"/>
      <c r="F17930" s="360"/>
      <c r="G17930" s="360"/>
      <c r="H17930" s="360"/>
      <c r="I17930" s="360"/>
      <c r="J17930" s="365"/>
      <c r="K17930" s="365"/>
      <c r="L17930" s="365"/>
    </row>
    <row r="17931" spans="2:12">
      <c r="B17931" s="367"/>
      <c r="C17931" s="360"/>
      <c r="D17931" s="367"/>
      <c r="E17931" s="367"/>
      <c r="F17931" s="359" t="s">
        <v>21692</v>
      </c>
      <c r="G17931" s="359" t="s">
        <v>23764</v>
      </c>
      <c r="H17931" s="359" t="s">
        <v>14332</v>
      </c>
      <c r="I17931" s="359" t="s">
        <v>23764</v>
      </c>
      <c r="J17931" s="365"/>
      <c r="K17931" s="365"/>
      <c r="L17931" s="365"/>
    </row>
    <row r="17932" spans="2:12">
      <c r="B17932" s="367"/>
      <c r="C17932" s="360"/>
      <c r="D17932" s="367"/>
      <c r="E17932" s="367"/>
      <c r="F17932" s="360"/>
      <c r="G17932" s="360"/>
      <c r="H17932" s="360"/>
      <c r="I17932" s="360"/>
      <c r="J17932" s="365"/>
      <c r="K17932" s="365"/>
      <c r="L17932" s="365"/>
    </row>
    <row r="17933" spans="2:12">
      <c r="B17933" s="367"/>
      <c r="C17933" s="360"/>
      <c r="D17933" s="367"/>
      <c r="E17933" s="367"/>
      <c r="F17933" s="359" t="s">
        <v>14430</v>
      </c>
      <c r="G17933" s="359" t="s">
        <v>14431</v>
      </c>
      <c r="H17933" s="360"/>
      <c r="I17933" s="359" t="s">
        <v>14431</v>
      </c>
      <c r="J17933" s="365"/>
      <c r="K17933" s="365"/>
      <c r="L17933" s="365"/>
    </row>
    <row r="17934" spans="2:12">
      <c r="B17934" s="367"/>
      <c r="C17934" s="360"/>
      <c r="D17934" s="367"/>
      <c r="E17934" s="367"/>
      <c r="F17934" s="360"/>
      <c r="G17934" s="360"/>
      <c r="H17934" s="360"/>
      <c r="I17934" s="360"/>
      <c r="J17934" s="365"/>
      <c r="K17934" s="365"/>
      <c r="L17934" s="365"/>
    </row>
    <row r="17935" spans="2:12">
      <c r="B17935" s="367"/>
      <c r="C17935" s="360"/>
      <c r="D17935" s="367"/>
      <c r="E17935" s="367"/>
      <c r="F17935" s="359" t="s">
        <v>14391</v>
      </c>
      <c r="G17935" s="359" t="s">
        <v>14392</v>
      </c>
      <c r="H17935" s="360"/>
      <c r="I17935" s="359" t="s">
        <v>14392</v>
      </c>
      <c r="J17935" s="365"/>
      <c r="K17935" s="365"/>
      <c r="L17935" s="365"/>
    </row>
    <row r="17936" spans="2:12">
      <c r="B17936" s="367"/>
      <c r="C17936" s="360"/>
      <c r="D17936" s="367"/>
      <c r="E17936" s="367"/>
      <c r="F17936" s="360"/>
      <c r="G17936" s="360"/>
      <c r="H17936" s="360"/>
      <c r="I17936" s="360"/>
      <c r="J17936" s="365"/>
      <c r="K17936" s="365"/>
      <c r="L17936" s="365"/>
    </row>
    <row r="17937" spans="2:12" ht="28.5">
      <c r="B17937" s="368"/>
      <c r="C17937" s="362"/>
      <c r="D17937" s="368"/>
      <c r="E17937" s="368"/>
      <c r="F17937" s="361" t="s">
        <v>14472</v>
      </c>
      <c r="G17937" s="361" t="s">
        <v>14473</v>
      </c>
      <c r="H17937" s="362"/>
      <c r="I17937" s="361" t="s">
        <v>14473</v>
      </c>
      <c r="J17937" s="366"/>
      <c r="K17937" s="366"/>
      <c r="L17937" s="366"/>
    </row>
    <row r="17938" spans="2:12">
      <c r="B17938" s="358" t="s">
        <v>23765</v>
      </c>
      <c r="C17938" s="358" t="s">
        <v>23766</v>
      </c>
      <c r="D17938" s="358" t="s">
        <v>8356</v>
      </c>
      <c r="E17938" s="358" t="s">
        <v>23767</v>
      </c>
      <c r="F17938" s="358" t="s">
        <v>14443</v>
      </c>
      <c r="G17938" s="358" t="s">
        <v>14444</v>
      </c>
      <c r="H17938" s="358" t="s">
        <v>14381</v>
      </c>
      <c r="I17938" s="358" t="s">
        <v>14444</v>
      </c>
      <c r="J17938" s="358"/>
      <c r="K17938" s="358"/>
      <c r="L17938" s="358"/>
    </row>
    <row r="17939" spans="2:12">
      <c r="B17939" s="367"/>
      <c r="C17939" s="360"/>
      <c r="D17939" s="367"/>
      <c r="E17939" s="367"/>
      <c r="F17939" s="360"/>
      <c r="G17939" s="360"/>
      <c r="H17939" s="360"/>
      <c r="I17939" s="360"/>
      <c r="J17939" s="365"/>
      <c r="K17939" s="365"/>
      <c r="L17939" s="365"/>
    </row>
    <row r="17940" spans="2:12">
      <c r="B17940" s="367"/>
      <c r="C17940" s="359" t="s">
        <v>27889</v>
      </c>
      <c r="D17940" s="367"/>
      <c r="E17940" s="367"/>
      <c r="F17940" s="359" t="s">
        <v>14371</v>
      </c>
      <c r="G17940" s="359" t="s">
        <v>14372</v>
      </c>
      <c r="H17940" s="359" t="s">
        <v>14370</v>
      </c>
      <c r="I17940" s="359" t="s">
        <v>14373</v>
      </c>
      <c r="J17940" s="365"/>
      <c r="K17940" s="365"/>
      <c r="L17940" s="365"/>
    </row>
    <row r="17941" spans="2:12">
      <c r="B17941" s="367"/>
      <c r="C17941" s="360"/>
      <c r="D17941" s="367"/>
      <c r="E17941" s="367"/>
      <c r="F17941" s="360"/>
      <c r="G17941" s="360"/>
      <c r="H17941" s="360"/>
      <c r="I17941" s="360"/>
      <c r="J17941" s="365"/>
      <c r="K17941" s="365"/>
      <c r="L17941" s="365"/>
    </row>
    <row r="17942" spans="2:12" ht="28.5">
      <c r="B17942" s="368"/>
      <c r="C17942" s="362"/>
      <c r="D17942" s="368"/>
      <c r="E17942" s="368"/>
      <c r="F17942" s="361" t="s">
        <v>14374</v>
      </c>
      <c r="G17942" s="361" t="s">
        <v>14373</v>
      </c>
      <c r="H17942" s="361" t="s">
        <v>14422</v>
      </c>
      <c r="I17942" s="362"/>
      <c r="J17942" s="366"/>
      <c r="K17942" s="366"/>
      <c r="L17942" s="366"/>
    </row>
    <row r="17943" spans="2:12" ht="28.5">
      <c r="B17943" s="358" t="s">
        <v>23768</v>
      </c>
      <c r="C17943" s="358" t="s">
        <v>27890</v>
      </c>
      <c r="D17943" s="358" t="s">
        <v>23769</v>
      </c>
      <c r="E17943" s="358" t="s">
        <v>8356</v>
      </c>
      <c r="F17943" s="358" t="s">
        <v>14339</v>
      </c>
      <c r="G17943" s="358" t="s">
        <v>14340</v>
      </c>
      <c r="H17943" s="358" t="s">
        <v>14341</v>
      </c>
      <c r="I17943" s="358" t="s">
        <v>14340</v>
      </c>
      <c r="J17943" s="358"/>
      <c r="K17943" s="358"/>
      <c r="L17943" s="358"/>
    </row>
    <row r="17944" spans="2:12">
      <c r="B17944" s="367"/>
      <c r="C17944" s="367"/>
      <c r="D17944" s="367"/>
      <c r="E17944" s="367"/>
      <c r="F17944" s="360"/>
      <c r="G17944" s="360"/>
      <c r="H17944" s="360"/>
      <c r="I17944" s="360"/>
      <c r="J17944" s="365"/>
      <c r="K17944" s="365"/>
      <c r="L17944" s="365"/>
    </row>
    <row r="17945" spans="2:12">
      <c r="B17945" s="367"/>
      <c r="C17945" s="367"/>
      <c r="D17945" s="367"/>
      <c r="E17945" s="367"/>
      <c r="F17945" s="359" t="s">
        <v>14391</v>
      </c>
      <c r="G17945" s="359" t="s">
        <v>14392</v>
      </c>
      <c r="H17945" s="359" t="s">
        <v>14367</v>
      </c>
      <c r="I17945" s="359" t="s">
        <v>14392</v>
      </c>
      <c r="J17945" s="365"/>
      <c r="K17945" s="365"/>
      <c r="L17945" s="365"/>
    </row>
    <row r="17946" spans="2:12">
      <c r="B17946" s="367"/>
      <c r="C17946" s="367"/>
      <c r="D17946" s="367"/>
      <c r="E17946" s="367"/>
      <c r="F17946" s="360"/>
      <c r="G17946" s="360"/>
      <c r="H17946" s="360"/>
      <c r="I17946" s="360"/>
      <c r="J17946" s="365"/>
      <c r="K17946" s="365"/>
      <c r="L17946" s="365"/>
    </row>
    <row r="17947" spans="2:12">
      <c r="B17947" s="367"/>
      <c r="C17947" s="367"/>
      <c r="D17947" s="367"/>
      <c r="E17947" s="367"/>
      <c r="F17947" s="359" t="s">
        <v>14371</v>
      </c>
      <c r="G17947" s="359" t="s">
        <v>14372</v>
      </c>
      <c r="H17947" s="359" t="s">
        <v>14370</v>
      </c>
      <c r="I17947" s="359" t="s">
        <v>14373</v>
      </c>
      <c r="J17947" s="365"/>
      <c r="K17947" s="365"/>
      <c r="L17947" s="365"/>
    </row>
    <row r="17948" spans="2:12">
      <c r="B17948" s="367"/>
      <c r="C17948" s="367"/>
      <c r="D17948" s="367"/>
      <c r="E17948" s="367"/>
      <c r="F17948" s="360"/>
      <c r="G17948" s="360"/>
      <c r="H17948" s="360"/>
      <c r="I17948" s="360"/>
      <c r="J17948" s="365"/>
      <c r="K17948" s="365"/>
      <c r="L17948" s="365"/>
    </row>
    <row r="17949" spans="2:12" ht="28.5">
      <c r="B17949" s="368"/>
      <c r="C17949" s="368"/>
      <c r="D17949" s="368"/>
      <c r="E17949" s="368"/>
      <c r="F17949" s="361" t="s">
        <v>14374</v>
      </c>
      <c r="G17949" s="361" t="s">
        <v>14373</v>
      </c>
      <c r="H17949" s="361" t="s">
        <v>14332</v>
      </c>
      <c r="I17949" s="362"/>
      <c r="J17949" s="366"/>
      <c r="K17949" s="366"/>
      <c r="L17949" s="366"/>
    </row>
    <row r="17950" spans="2:12" ht="42.75">
      <c r="B17950" s="358" t="s">
        <v>23770</v>
      </c>
      <c r="C17950" s="358" t="s">
        <v>27891</v>
      </c>
      <c r="D17950" s="358" t="s">
        <v>23771</v>
      </c>
      <c r="E17950" s="358" t="s">
        <v>23772</v>
      </c>
      <c r="F17950" s="358" t="s">
        <v>14430</v>
      </c>
      <c r="G17950" s="358" t="s">
        <v>14431</v>
      </c>
      <c r="H17950" s="358" t="s">
        <v>14341</v>
      </c>
      <c r="I17950" s="358" t="s">
        <v>14431</v>
      </c>
      <c r="J17950" s="358"/>
      <c r="K17950" s="358"/>
      <c r="L17950" s="358"/>
    </row>
    <row r="17951" spans="2:12">
      <c r="B17951" s="367"/>
      <c r="C17951" s="367"/>
      <c r="D17951" s="367"/>
      <c r="E17951" s="367"/>
      <c r="F17951" s="360"/>
      <c r="G17951" s="360"/>
      <c r="H17951" s="360"/>
      <c r="I17951" s="360"/>
      <c r="J17951" s="365"/>
      <c r="K17951" s="365"/>
      <c r="L17951" s="365"/>
    </row>
    <row r="17952" spans="2:12">
      <c r="B17952" s="367"/>
      <c r="C17952" s="367"/>
      <c r="D17952" s="367"/>
      <c r="E17952" s="367"/>
      <c r="F17952" s="359" t="s">
        <v>14371</v>
      </c>
      <c r="G17952" s="359" t="s">
        <v>14372</v>
      </c>
      <c r="H17952" s="359" t="s">
        <v>14370</v>
      </c>
      <c r="I17952" s="359" t="s">
        <v>14373</v>
      </c>
      <c r="J17952" s="365"/>
      <c r="K17952" s="365"/>
      <c r="L17952" s="365"/>
    </row>
    <row r="17953" spans="2:12">
      <c r="B17953" s="367"/>
      <c r="C17953" s="367"/>
      <c r="D17953" s="367"/>
      <c r="E17953" s="367"/>
      <c r="F17953" s="360"/>
      <c r="G17953" s="360"/>
      <c r="H17953" s="360"/>
      <c r="I17953" s="360"/>
      <c r="J17953" s="365"/>
      <c r="K17953" s="365"/>
      <c r="L17953" s="365"/>
    </row>
    <row r="17954" spans="2:12" ht="28.5">
      <c r="B17954" s="368"/>
      <c r="C17954" s="368"/>
      <c r="D17954" s="368"/>
      <c r="E17954" s="368"/>
      <c r="F17954" s="361" t="s">
        <v>14374</v>
      </c>
      <c r="G17954" s="361" t="s">
        <v>14373</v>
      </c>
      <c r="H17954" s="361" t="s">
        <v>14332</v>
      </c>
      <c r="I17954" s="362"/>
      <c r="J17954" s="366"/>
      <c r="K17954" s="366"/>
      <c r="L17954" s="366"/>
    </row>
    <row r="17955" spans="2:12" ht="85.5">
      <c r="B17955" s="358" t="s">
        <v>23773</v>
      </c>
      <c r="C17955" s="358" t="s">
        <v>29556</v>
      </c>
      <c r="D17955" s="358" t="s">
        <v>23774</v>
      </c>
      <c r="E17955" s="358" t="s">
        <v>23775</v>
      </c>
      <c r="F17955" s="358" t="s">
        <v>14472</v>
      </c>
      <c r="G17955" s="358" t="s">
        <v>14473</v>
      </c>
      <c r="H17955" s="358" t="s">
        <v>8356</v>
      </c>
      <c r="I17955" s="358" t="s">
        <v>14473</v>
      </c>
      <c r="J17955" s="358"/>
      <c r="K17955" s="358"/>
      <c r="L17955" s="358"/>
    </row>
    <row r="17956" spans="2:12">
      <c r="B17956" s="368"/>
      <c r="C17956" s="368"/>
      <c r="D17956" s="368"/>
      <c r="E17956" s="368"/>
      <c r="F17956" s="368"/>
      <c r="G17956" s="368"/>
      <c r="H17956" s="368"/>
      <c r="I17956" s="368"/>
      <c r="J17956" s="366"/>
      <c r="K17956" s="366"/>
      <c r="L17956" s="366"/>
    </row>
    <row r="17957" spans="2:12" ht="28.5">
      <c r="B17957" s="358" t="s">
        <v>23776</v>
      </c>
      <c r="C17957" s="358" t="s">
        <v>23777</v>
      </c>
      <c r="D17957" s="358" t="s">
        <v>23778</v>
      </c>
      <c r="E17957" s="358" t="s">
        <v>23779</v>
      </c>
      <c r="F17957" s="358" t="s">
        <v>16426</v>
      </c>
      <c r="G17957" s="358" t="s">
        <v>15011</v>
      </c>
      <c r="H17957" s="358" t="s">
        <v>14954</v>
      </c>
      <c r="I17957" s="358" t="s">
        <v>15011</v>
      </c>
      <c r="J17957" s="358"/>
      <c r="K17957" s="358"/>
      <c r="L17957" s="358" t="s">
        <v>14513</v>
      </c>
    </row>
    <row r="17958" spans="2:12">
      <c r="B17958" s="367"/>
      <c r="C17958" s="360"/>
      <c r="D17958" s="360"/>
      <c r="E17958" s="360"/>
      <c r="F17958" s="360"/>
      <c r="G17958" s="360"/>
      <c r="H17958" s="360"/>
      <c r="I17958" s="360"/>
      <c r="J17958" s="365"/>
      <c r="K17958" s="365"/>
      <c r="L17958" s="367"/>
    </row>
    <row r="17959" spans="2:12" ht="28.5">
      <c r="B17959" s="367"/>
      <c r="C17959" s="359" t="s">
        <v>23780</v>
      </c>
      <c r="D17959" s="359" t="s">
        <v>23781</v>
      </c>
      <c r="E17959" s="359" t="s">
        <v>23782</v>
      </c>
      <c r="F17959" s="359" t="s">
        <v>14443</v>
      </c>
      <c r="G17959" s="359" t="s">
        <v>14444</v>
      </c>
      <c r="H17959" s="359" t="s">
        <v>14381</v>
      </c>
      <c r="I17959" s="359" t="s">
        <v>14444</v>
      </c>
      <c r="J17959" s="365"/>
      <c r="K17959" s="365"/>
      <c r="L17959" s="367"/>
    </row>
    <row r="17960" spans="2:12">
      <c r="B17960" s="367"/>
      <c r="C17960" s="360"/>
      <c r="D17960" s="360"/>
      <c r="E17960" s="360"/>
      <c r="F17960" s="360"/>
      <c r="G17960" s="360"/>
      <c r="H17960" s="360"/>
      <c r="I17960" s="360"/>
      <c r="J17960" s="365"/>
      <c r="K17960" s="365"/>
      <c r="L17960" s="367"/>
    </row>
    <row r="17961" spans="2:12" ht="28.5">
      <c r="B17961" s="367"/>
      <c r="C17961" s="359" t="s">
        <v>23783</v>
      </c>
      <c r="D17961" s="359" t="s">
        <v>23784</v>
      </c>
      <c r="E17961" s="359" t="s">
        <v>23785</v>
      </c>
      <c r="F17961" s="359" t="s">
        <v>14420</v>
      </c>
      <c r="G17961" s="359" t="s">
        <v>14421</v>
      </c>
      <c r="H17961" s="359" t="s">
        <v>14367</v>
      </c>
      <c r="I17961" s="359" t="s">
        <v>14421</v>
      </c>
      <c r="J17961" s="365"/>
      <c r="K17961" s="365"/>
      <c r="L17961" s="367"/>
    </row>
    <row r="17962" spans="2:12">
      <c r="B17962" s="367"/>
      <c r="C17962" s="360"/>
      <c r="D17962" s="360"/>
      <c r="E17962" s="360"/>
      <c r="F17962" s="360"/>
      <c r="G17962" s="360"/>
      <c r="H17962" s="360"/>
      <c r="I17962" s="360"/>
      <c r="J17962" s="365"/>
      <c r="K17962" s="365"/>
      <c r="L17962" s="367"/>
    </row>
    <row r="17963" spans="2:12" ht="28.5">
      <c r="B17963" s="367"/>
      <c r="C17963" s="359" t="s">
        <v>29557</v>
      </c>
      <c r="D17963" s="359" t="s">
        <v>23786</v>
      </c>
      <c r="E17963" s="359" t="s">
        <v>23787</v>
      </c>
      <c r="F17963" s="359" t="s">
        <v>14420</v>
      </c>
      <c r="G17963" s="359" t="s">
        <v>14429</v>
      </c>
      <c r="H17963" s="359" t="s">
        <v>14370</v>
      </c>
      <c r="I17963" s="359" t="s">
        <v>14429</v>
      </c>
      <c r="J17963" s="365"/>
      <c r="K17963" s="365"/>
      <c r="L17963" s="367"/>
    </row>
    <row r="17964" spans="2:12">
      <c r="B17964" s="367"/>
      <c r="C17964" s="360"/>
      <c r="D17964" s="360"/>
      <c r="E17964" s="360"/>
      <c r="F17964" s="360"/>
      <c r="G17964" s="360"/>
      <c r="H17964" s="360"/>
      <c r="I17964" s="360"/>
      <c r="J17964" s="365"/>
      <c r="K17964" s="365"/>
      <c r="L17964" s="367"/>
    </row>
    <row r="17965" spans="2:12">
      <c r="B17965" s="367"/>
      <c r="C17965" s="359" t="s">
        <v>29558</v>
      </c>
      <c r="D17965" s="360"/>
      <c r="E17965" s="360"/>
      <c r="F17965" s="359" t="s">
        <v>14460</v>
      </c>
      <c r="G17965" s="359" t="s">
        <v>14461</v>
      </c>
      <c r="H17965" s="359" t="s">
        <v>14332</v>
      </c>
      <c r="I17965" s="359" t="s">
        <v>14461</v>
      </c>
      <c r="J17965" s="365"/>
      <c r="K17965" s="365"/>
      <c r="L17965" s="367"/>
    </row>
    <row r="17966" spans="2:12">
      <c r="B17966" s="367"/>
      <c r="C17966" s="360"/>
      <c r="D17966" s="360"/>
      <c r="E17966" s="360"/>
      <c r="F17966" s="360"/>
      <c r="G17966" s="360"/>
      <c r="H17966" s="360"/>
      <c r="I17966" s="360"/>
      <c r="J17966" s="365"/>
      <c r="K17966" s="365"/>
      <c r="L17966" s="367"/>
    </row>
    <row r="17967" spans="2:12">
      <c r="B17967" s="367"/>
      <c r="C17967" s="359" t="s">
        <v>29559</v>
      </c>
      <c r="D17967" s="360"/>
      <c r="E17967" s="360"/>
      <c r="F17967" s="359" t="s">
        <v>14386</v>
      </c>
      <c r="G17967" s="359" t="s">
        <v>14387</v>
      </c>
      <c r="H17967" s="360"/>
      <c r="I17967" s="359" t="s">
        <v>14387</v>
      </c>
      <c r="J17967" s="365"/>
      <c r="K17967" s="365"/>
      <c r="L17967" s="367"/>
    </row>
    <row r="17968" spans="2:12">
      <c r="B17968" s="367"/>
      <c r="C17968" s="360"/>
      <c r="D17968" s="360"/>
      <c r="E17968" s="360"/>
      <c r="F17968" s="360"/>
      <c r="G17968" s="360"/>
      <c r="H17968" s="360"/>
      <c r="I17968" s="360"/>
      <c r="J17968" s="365"/>
      <c r="K17968" s="365"/>
      <c r="L17968" s="367"/>
    </row>
    <row r="17969" spans="2:12">
      <c r="B17969" s="367"/>
      <c r="C17969" s="360"/>
      <c r="D17969" s="360"/>
      <c r="E17969" s="360"/>
      <c r="F17969" s="359" t="s">
        <v>14389</v>
      </c>
      <c r="G17969" s="359" t="s">
        <v>14390</v>
      </c>
      <c r="H17969" s="360"/>
      <c r="I17969" s="359" t="s">
        <v>14390</v>
      </c>
      <c r="J17969" s="365"/>
      <c r="K17969" s="365"/>
      <c r="L17969" s="367"/>
    </row>
    <row r="17970" spans="2:12">
      <c r="B17970" s="367"/>
      <c r="C17970" s="360"/>
      <c r="D17970" s="360"/>
      <c r="E17970" s="360"/>
      <c r="F17970" s="360"/>
      <c r="G17970" s="360"/>
      <c r="H17970" s="360"/>
      <c r="I17970" s="360"/>
      <c r="J17970" s="365"/>
      <c r="K17970" s="365"/>
      <c r="L17970" s="367"/>
    </row>
    <row r="17971" spans="2:12">
      <c r="B17971" s="367"/>
      <c r="C17971" s="360"/>
      <c r="D17971" s="360"/>
      <c r="E17971" s="360"/>
      <c r="F17971" s="359" t="s">
        <v>14391</v>
      </c>
      <c r="G17971" s="359" t="s">
        <v>14392</v>
      </c>
      <c r="H17971" s="360"/>
      <c r="I17971" s="359" t="s">
        <v>14392</v>
      </c>
      <c r="J17971" s="365"/>
      <c r="K17971" s="365"/>
      <c r="L17971" s="367"/>
    </row>
    <row r="17972" spans="2:12">
      <c r="B17972" s="367"/>
      <c r="C17972" s="360"/>
      <c r="D17972" s="360"/>
      <c r="E17972" s="360"/>
      <c r="F17972" s="360"/>
      <c r="G17972" s="360"/>
      <c r="H17972" s="360"/>
      <c r="I17972" s="360"/>
      <c r="J17972" s="365"/>
      <c r="K17972" s="365"/>
      <c r="L17972" s="367"/>
    </row>
    <row r="17973" spans="2:12">
      <c r="B17973" s="368"/>
      <c r="C17973" s="362"/>
      <c r="D17973" s="362"/>
      <c r="E17973" s="362"/>
      <c r="F17973" s="361" t="s">
        <v>14371</v>
      </c>
      <c r="G17973" s="361" t="s">
        <v>14372</v>
      </c>
      <c r="H17973" s="362"/>
      <c r="I17973" s="361" t="s">
        <v>14372</v>
      </c>
      <c r="J17973" s="366"/>
      <c r="K17973" s="366"/>
      <c r="L17973" s="368"/>
    </row>
    <row r="17974" spans="2:12">
      <c r="B17974" s="358" t="s">
        <v>23788</v>
      </c>
      <c r="C17974" s="358" t="s">
        <v>29560</v>
      </c>
      <c r="D17974" s="358" t="s">
        <v>23789</v>
      </c>
      <c r="E17974" s="358" t="s">
        <v>23790</v>
      </c>
      <c r="F17974" s="358" t="s">
        <v>14443</v>
      </c>
      <c r="G17974" s="358" t="s">
        <v>14444</v>
      </c>
      <c r="H17974" s="358" t="s">
        <v>14381</v>
      </c>
      <c r="I17974" s="358" t="s">
        <v>14444</v>
      </c>
      <c r="J17974" s="358"/>
      <c r="K17974" s="358"/>
      <c r="L17974" s="358" t="s">
        <v>10376</v>
      </c>
    </row>
    <row r="17975" spans="2:12">
      <c r="B17975" s="367"/>
      <c r="C17975" s="360"/>
      <c r="D17975" s="367"/>
      <c r="E17975" s="367"/>
      <c r="F17975" s="360"/>
      <c r="G17975" s="360"/>
      <c r="H17975" s="360"/>
      <c r="I17975" s="360"/>
      <c r="J17975" s="365"/>
      <c r="K17975" s="365"/>
      <c r="L17975" s="367"/>
    </row>
    <row r="17976" spans="2:12" ht="28.5">
      <c r="B17976" s="368"/>
      <c r="C17976" s="361" t="s">
        <v>29561</v>
      </c>
      <c r="D17976" s="368"/>
      <c r="E17976" s="368"/>
      <c r="F17976" s="361" t="s">
        <v>14472</v>
      </c>
      <c r="G17976" s="361" t="s">
        <v>14473</v>
      </c>
      <c r="H17976" s="361" t="s">
        <v>14422</v>
      </c>
      <c r="I17976" s="361" t="s">
        <v>14473</v>
      </c>
      <c r="J17976" s="366"/>
      <c r="K17976" s="366"/>
      <c r="L17976" s="368"/>
    </row>
    <row r="17977" spans="2:12">
      <c r="B17977" s="358" t="s">
        <v>10618</v>
      </c>
      <c r="C17977" s="358" t="s">
        <v>23791</v>
      </c>
      <c r="D17977" s="358" t="s">
        <v>10619</v>
      </c>
      <c r="E17977" s="358" t="s">
        <v>10620</v>
      </c>
      <c r="F17977" s="358" t="s">
        <v>28860</v>
      </c>
      <c r="G17977" s="358" t="s">
        <v>14669</v>
      </c>
      <c r="H17977" s="358" t="s">
        <v>14381</v>
      </c>
      <c r="I17977" s="358" t="s">
        <v>14669</v>
      </c>
      <c r="J17977" s="358"/>
      <c r="K17977" s="358"/>
      <c r="L17977" s="358"/>
    </row>
    <row r="17978" spans="2:12">
      <c r="B17978" s="367"/>
      <c r="C17978" s="360"/>
      <c r="D17978" s="367"/>
      <c r="E17978" s="367"/>
      <c r="F17978" s="367"/>
      <c r="G17978" s="360"/>
      <c r="H17978" s="360"/>
      <c r="I17978" s="360"/>
      <c r="J17978" s="365"/>
      <c r="K17978" s="365"/>
      <c r="L17978" s="365"/>
    </row>
    <row r="17979" spans="2:12">
      <c r="B17979" s="368"/>
      <c r="C17979" s="361" t="s">
        <v>23792</v>
      </c>
      <c r="D17979" s="368"/>
      <c r="E17979" s="368"/>
      <c r="F17979" s="368"/>
      <c r="G17979" s="361" t="s">
        <v>14427</v>
      </c>
      <c r="H17979" s="361" t="s">
        <v>14332</v>
      </c>
      <c r="I17979" s="361" t="s">
        <v>14427</v>
      </c>
      <c r="J17979" s="366"/>
      <c r="K17979" s="366"/>
      <c r="L17979" s="366"/>
    </row>
    <row r="17980" spans="2:12" ht="28.5">
      <c r="B17980" s="358" t="s">
        <v>23793</v>
      </c>
      <c r="C17980" s="358" t="s">
        <v>23794</v>
      </c>
      <c r="D17980" s="358" t="s">
        <v>8356</v>
      </c>
      <c r="E17980" s="358" t="s">
        <v>23795</v>
      </c>
      <c r="F17980" s="358" t="s">
        <v>14394</v>
      </c>
      <c r="G17980" s="358" t="s">
        <v>14395</v>
      </c>
      <c r="H17980" s="358" t="s">
        <v>14370</v>
      </c>
      <c r="I17980" s="358" t="s">
        <v>14395</v>
      </c>
      <c r="J17980" s="358"/>
      <c r="K17980" s="358"/>
      <c r="L17980" s="358"/>
    </row>
    <row r="17981" spans="2:12">
      <c r="B17981" s="367"/>
      <c r="C17981" s="360"/>
      <c r="D17981" s="367"/>
      <c r="E17981" s="367"/>
      <c r="F17981" s="367"/>
      <c r="G17981" s="367"/>
      <c r="H17981" s="367"/>
      <c r="I17981" s="367"/>
      <c r="J17981" s="365"/>
      <c r="K17981" s="365"/>
      <c r="L17981" s="365"/>
    </row>
    <row r="17982" spans="2:12">
      <c r="B17982" s="368"/>
      <c r="C17982" s="361" t="s">
        <v>27892</v>
      </c>
      <c r="D17982" s="368"/>
      <c r="E17982" s="368"/>
      <c r="F17982" s="368"/>
      <c r="G17982" s="368"/>
      <c r="H17982" s="368"/>
      <c r="I17982" s="368"/>
      <c r="J17982" s="366"/>
      <c r="K17982" s="366"/>
      <c r="L17982" s="366"/>
    </row>
    <row r="17983" spans="2:12" ht="28.5">
      <c r="B17983" s="358" t="s">
        <v>23796</v>
      </c>
      <c r="C17983" s="358" t="s">
        <v>29562</v>
      </c>
      <c r="D17983" s="358" t="s">
        <v>23797</v>
      </c>
      <c r="E17983" s="358" t="s">
        <v>23798</v>
      </c>
      <c r="F17983" s="358" t="s">
        <v>14507</v>
      </c>
      <c r="G17983" s="358" t="s">
        <v>14508</v>
      </c>
      <c r="H17983" s="358" t="s">
        <v>14381</v>
      </c>
      <c r="I17983" s="358" t="s">
        <v>14508</v>
      </c>
      <c r="J17983" s="358"/>
      <c r="K17983" s="358"/>
      <c r="L17983" s="358"/>
    </row>
    <row r="17984" spans="2:12">
      <c r="B17984" s="367"/>
      <c r="C17984" s="367"/>
      <c r="D17984" s="360"/>
      <c r="E17984" s="360"/>
      <c r="F17984" s="360"/>
      <c r="G17984" s="360"/>
      <c r="H17984" s="360"/>
      <c r="I17984" s="360"/>
      <c r="J17984" s="365"/>
      <c r="K17984" s="365"/>
      <c r="L17984" s="365"/>
    </row>
    <row r="17985" spans="2:12">
      <c r="B17985" s="367"/>
      <c r="C17985" s="367"/>
      <c r="D17985" s="359" t="s">
        <v>23799</v>
      </c>
      <c r="E17985" s="359" t="s">
        <v>23800</v>
      </c>
      <c r="F17985" s="359" t="s">
        <v>14386</v>
      </c>
      <c r="G17985" s="359" t="s">
        <v>14387</v>
      </c>
      <c r="H17985" s="359" t="s">
        <v>14332</v>
      </c>
      <c r="I17985" s="359" t="s">
        <v>14387</v>
      </c>
      <c r="J17985" s="365"/>
      <c r="K17985" s="365"/>
      <c r="L17985" s="365"/>
    </row>
    <row r="17986" spans="2:12">
      <c r="B17986" s="367"/>
      <c r="C17986" s="367"/>
      <c r="D17986" s="360"/>
      <c r="E17986" s="360"/>
      <c r="F17986" s="360"/>
      <c r="G17986" s="360"/>
      <c r="H17986" s="360"/>
      <c r="I17986" s="360"/>
      <c r="J17986" s="365"/>
      <c r="K17986" s="365"/>
      <c r="L17986" s="365"/>
    </row>
    <row r="17987" spans="2:12" ht="28.5">
      <c r="B17987" s="367"/>
      <c r="C17987" s="367"/>
      <c r="D17987" s="359" t="s">
        <v>23801</v>
      </c>
      <c r="E17987" s="359" t="s">
        <v>23802</v>
      </c>
      <c r="F17987" s="359" t="s">
        <v>14389</v>
      </c>
      <c r="G17987" s="359" t="s">
        <v>14390</v>
      </c>
      <c r="H17987" s="360"/>
      <c r="I17987" s="359" t="s">
        <v>14390</v>
      </c>
      <c r="J17987" s="365"/>
      <c r="K17987" s="365"/>
      <c r="L17987" s="365"/>
    </row>
    <row r="17988" spans="2:12">
      <c r="B17988" s="367"/>
      <c r="C17988" s="367"/>
      <c r="D17988" s="360"/>
      <c r="E17988" s="360"/>
      <c r="F17988" s="360"/>
      <c r="G17988" s="360"/>
      <c r="H17988" s="360"/>
      <c r="I17988" s="360"/>
      <c r="J17988" s="365"/>
      <c r="K17988" s="365"/>
      <c r="L17988" s="365"/>
    </row>
    <row r="17989" spans="2:12">
      <c r="B17989" s="367"/>
      <c r="C17989" s="367"/>
      <c r="D17989" s="360"/>
      <c r="E17989" s="360"/>
      <c r="F17989" s="359" t="s">
        <v>14814</v>
      </c>
      <c r="G17989" s="359" t="s">
        <v>14815</v>
      </c>
      <c r="H17989" s="360"/>
      <c r="I17989" s="359" t="s">
        <v>14815</v>
      </c>
      <c r="J17989" s="365"/>
      <c r="K17989" s="365"/>
      <c r="L17989" s="365"/>
    </row>
    <row r="17990" spans="2:12">
      <c r="B17990" s="367"/>
      <c r="C17990" s="367"/>
      <c r="D17990" s="360"/>
      <c r="E17990" s="360"/>
      <c r="F17990" s="360"/>
      <c r="G17990" s="360"/>
      <c r="H17990" s="360"/>
      <c r="I17990" s="360"/>
      <c r="J17990" s="365"/>
      <c r="K17990" s="365"/>
      <c r="L17990" s="365"/>
    </row>
    <row r="17991" spans="2:12">
      <c r="B17991" s="367"/>
      <c r="C17991" s="367"/>
      <c r="D17991" s="360"/>
      <c r="E17991" s="360"/>
      <c r="F17991" s="359" t="s">
        <v>14391</v>
      </c>
      <c r="G17991" s="359" t="s">
        <v>14392</v>
      </c>
      <c r="H17991" s="360"/>
      <c r="I17991" s="359" t="s">
        <v>14392</v>
      </c>
      <c r="J17991" s="365"/>
      <c r="K17991" s="365"/>
      <c r="L17991" s="365"/>
    </row>
    <row r="17992" spans="2:12">
      <c r="B17992" s="367"/>
      <c r="C17992" s="367"/>
      <c r="D17992" s="360"/>
      <c r="E17992" s="360"/>
      <c r="F17992" s="360"/>
      <c r="G17992" s="360"/>
      <c r="H17992" s="360"/>
      <c r="I17992" s="360"/>
      <c r="J17992" s="365"/>
      <c r="K17992" s="365"/>
      <c r="L17992" s="365"/>
    </row>
    <row r="17993" spans="2:12" ht="28.5">
      <c r="B17993" s="368"/>
      <c r="C17993" s="368"/>
      <c r="D17993" s="362"/>
      <c r="E17993" s="362"/>
      <c r="F17993" s="361" t="s">
        <v>14472</v>
      </c>
      <c r="G17993" s="361" t="s">
        <v>14473</v>
      </c>
      <c r="H17993" s="362"/>
      <c r="I17993" s="361" t="s">
        <v>14473</v>
      </c>
      <c r="J17993" s="366"/>
      <c r="K17993" s="366"/>
      <c r="L17993" s="366"/>
    </row>
    <row r="17994" spans="2:12">
      <c r="B17994" s="358" t="s">
        <v>23803</v>
      </c>
      <c r="C17994" s="358" t="s">
        <v>23804</v>
      </c>
      <c r="D17994" s="358" t="s">
        <v>8356</v>
      </c>
      <c r="E17994" s="358" t="s">
        <v>23805</v>
      </c>
      <c r="F17994" s="358" t="s">
        <v>14391</v>
      </c>
      <c r="G17994" s="358" t="s">
        <v>14392</v>
      </c>
      <c r="H17994" s="358" t="s">
        <v>14367</v>
      </c>
      <c r="I17994" s="358" t="s">
        <v>14392</v>
      </c>
      <c r="J17994" s="358"/>
      <c r="K17994" s="358" t="s">
        <v>14820</v>
      </c>
      <c r="L17994" s="358"/>
    </row>
    <row r="17995" spans="2:12">
      <c r="B17995" s="367"/>
      <c r="C17995" s="360"/>
      <c r="D17995" s="367"/>
      <c r="E17995" s="367"/>
      <c r="F17995" s="360"/>
      <c r="G17995" s="360"/>
      <c r="H17995" s="360"/>
      <c r="I17995" s="360"/>
      <c r="J17995" s="365"/>
      <c r="K17995" s="367"/>
      <c r="L17995" s="365"/>
    </row>
    <row r="17996" spans="2:12">
      <c r="B17996" s="367"/>
      <c r="C17996" s="359" t="s">
        <v>27893</v>
      </c>
      <c r="D17996" s="367"/>
      <c r="E17996" s="367"/>
      <c r="F17996" s="359" t="s">
        <v>14371</v>
      </c>
      <c r="G17996" s="359" t="s">
        <v>14372</v>
      </c>
      <c r="H17996" s="359" t="s">
        <v>14370</v>
      </c>
      <c r="I17996" s="359" t="s">
        <v>14373</v>
      </c>
      <c r="J17996" s="365"/>
      <c r="K17996" s="367"/>
      <c r="L17996" s="365"/>
    </row>
    <row r="17997" spans="2:12">
      <c r="B17997" s="367"/>
      <c r="C17997" s="360"/>
      <c r="D17997" s="367"/>
      <c r="E17997" s="367"/>
      <c r="F17997" s="360"/>
      <c r="G17997" s="360"/>
      <c r="H17997" s="360"/>
      <c r="I17997" s="360"/>
      <c r="J17997" s="365"/>
      <c r="K17997" s="367"/>
      <c r="L17997" s="365"/>
    </row>
    <row r="17998" spans="2:12" ht="28.5">
      <c r="B17998" s="368"/>
      <c r="C17998" s="362"/>
      <c r="D17998" s="368"/>
      <c r="E17998" s="368"/>
      <c r="F17998" s="361" t="s">
        <v>14374</v>
      </c>
      <c r="G17998" s="361" t="s">
        <v>14373</v>
      </c>
      <c r="H17998" s="361" t="s">
        <v>14422</v>
      </c>
      <c r="I17998" s="362"/>
      <c r="J17998" s="366"/>
      <c r="K17998" s="368"/>
      <c r="L17998" s="366"/>
    </row>
    <row r="17999" spans="2:12" ht="28.5">
      <c r="B17999" s="358" t="s">
        <v>23806</v>
      </c>
      <c r="C17999" s="358" t="s">
        <v>27894</v>
      </c>
      <c r="D17999" s="358" t="s">
        <v>23807</v>
      </c>
      <c r="E17999" s="358" t="s">
        <v>23808</v>
      </c>
      <c r="F17999" s="358" t="s">
        <v>14430</v>
      </c>
      <c r="G17999" s="358" t="s">
        <v>14431</v>
      </c>
      <c r="H17999" s="358" t="s">
        <v>14341</v>
      </c>
      <c r="I17999" s="358" t="s">
        <v>14431</v>
      </c>
      <c r="J17999" s="358"/>
      <c r="K17999" s="358" t="s">
        <v>14820</v>
      </c>
      <c r="L17999" s="358"/>
    </row>
    <row r="18000" spans="2:12">
      <c r="B18000" s="367"/>
      <c r="C18000" s="367"/>
      <c r="D18000" s="367"/>
      <c r="E18000" s="367"/>
      <c r="F18000" s="360"/>
      <c r="G18000" s="360"/>
      <c r="H18000" s="360"/>
      <c r="I18000" s="360"/>
      <c r="J18000" s="365"/>
      <c r="K18000" s="367"/>
      <c r="L18000" s="365"/>
    </row>
    <row r="18001" spans="2:12">
      <c r="B18001" s="367"/>
      <c r="C18001" s="367"/>
      <c r="D18001" s="367"/>
      <c r="E18001" s="367"/>
      <c r="F18001" s="359" t="s">
        <v>14371</v>
      </c>
      <c r="G18001" s="359" t="s">
        <v>14372</v>
      </c>
      <c r="H18001" s="359" t="s">
        <v>14370</v>
      </c>
      <c r="I18001" s="359" t="s">
        <v>14373</v>
      </c>
      <c r="J18001" s="365"/>
      <c r="K18001" s="367"/>
      <c r="L18001" s="365"/>
    </row>
    <row r="18002" spans="2:12">
      <c r="B18002" s="367"/>
      <c r="C18002" s="367"/>
      <c r="D18002" s="367"/>
      <c r="E18002" s="367"/>
      <c r="F18002" s="360"/>
      <c r="G18002" s="360"/>
      <c r="H18002" s="360"/>
      <c r="I18002" s="360"/>
      <c r="J18002" s="365"/>
      <c r="K18002" s="367"/>
      <c r="L18002" s="365"/>
    </row>
    <row r="18003" spans="2:12" ht="28.5">
      <c r="B18003" s="368"/>
      <c r="C18003" s="368"/>
      <c r="D18003" s="368"/>
      <c r="E18003" s="368"/>
      <c r="F18003" s="361" t="s">
        <v>14374</v>
      </c>
      <c r="G18003" s="361" t="s">
        <v>14373</v>
      </c>
      <c r="H18003" s="361" t="s">
        <v>14332</v>
      </c>
      <c r="I18003" s="362"/>
      <c r="J18003" s="366"/>
      <c r="K18003" s="368"/>
      <c r="L18003" s="366"/>
    </row>
    <row r="18004" spans="2:12">
      <c r="B18004" s="358" t="s">
        <v>23809</v>
      </c>
      <c r="C18004" s="358" t="s">
        <v>23810</v>
      </c>
      <c r="D18004" s="358" t="s">
        <v>23811</v>
      </c>
      <c r="E18004" s="358" t="s">
        <v>23812</v>
      </c>
      <c r="F18004" s="358" t="s">
        <v>14507</v>
      </c>
      <c r="G18004" s="358" t="s">
        <v>14873</v>
      </c>
      <c r="H18004" s="358" t="s">
        <v>14381</v>
      </c>
      <c r="I18004" s="358" t="s">
        <v>14873</v>
      </c>
      <c r="J18004" s="358"/>
      <c r="K18004" s="358"/>
      <c r="L18004" s="358"/>
    </row>
    <row r="18005" spans="2:12">
      <c r="B18005" s="367"/>
      <c r="C18005" s="367"/>
      <c r="D18005" s="367"/>
      <c r="E18005" s="367"/>
      <c r="F18005" s="360"/>
      <c r="G18005" s="360"/>
      <c r="H18005" s="360"/>
      <c r="I18005" s="360"/>
      <c r="J18005" s="365"/>
      <c r="K18005" s="365"/>
      <c r="L18005" s="365"/>
    </row>
    <row r="18006" spans="2:12">
      <c r="B18006" s="367"/>
      <c r="C18006" s="367"/>
      <c r="D18006" s="367"/>
      <c r="E18006" s="367"/>
      <c r="F18006" s="359" t="s">
        <v>14420</v>
      </c>
      <c r="G18006" s="359" t="s">
        <v>14429</v>
      </c>
      <c r="H18006" s="359" t="s">
        <v>14367</v>
      </c>
      <c r="I18006" s="359" t="s">
        <v>14429</v>
      </c>
      <c r="J18006" s="365"/>
      <c r="K18006" s="365"/>
      <c r="L18006" s="365"/>
    </row>
    <row r="18007" spans="2:12">
      <c r="B18007" s="367"/>
      <c r="C18007" s="367"/>
      <c r="D18007" s="367"/>
      <c r="E18007" s="367"/>
      <c r="F18007" s="360"/>
      <c r="G18007" s="360"/>
      <c r="H18007" s="360"/>
      <c r="I18007" s="360"/>
      <c r="J18007" s="365"/>
      <c r="K18007" s="365"/>
      <c r="L18007" s="365"/>
    </row>
    <row r="18008" spans="2:12">
      <c r="B18008" s="367"/>
      <c r="C18008" s="367"/>
      <c r="D18008" s="367"/>
      <c r="E18008" s="367"/>
      <c r="F18008" s="359" t="s">
        <v>14386</v>
      </c>
      <c r="G18008" s="359" t="s">
        <v>14387</v>
      </c>
      <c r="H18008" s="359" t="s">
        <v>14370</v>
      </c>
      <c r="I18008" s="359" t="s">
        <v>14387</v>
      </c>
      <c r="J18008" s="365"/>
      <c r="K18008" s="365"/>
      <c r="L18008" s="365"/>
    </row>
    <row r="18009" spans="2:12">
      <c r="B18009" s="367"/>
      <c r="C18009" s="367"/>
      <c r="D18009" s="367"/>
      <c r="E18009" s="367"/>
      <c r="F18009" s="360"/>
      <c r="G18009" s="360"/>
      <c r="H18009" s="360"/>
      <c r="I18009" s="360"/>
      <c r="J18009" s="365"/>
      <c r="K18009" s="365"/>
      <c r="L18009" s="365"/>
    </row>
    <row r="18010" spans="2:12">
      <c r="B18010" s="367"/>
      <c r="C18010" s="367"/>
      <c r="D18010" s="367"/>
      <c r="E18010" s="367"/>
      <c r="F18010" s="359" t="s">
        <v>14391</v>
      </c>
      <c r="G18010" s="359" t="s">
        <v>14392</v>
      </c>
      <c r="H18010" s="359" t="s">
        <v>14422</v>
      </c>
      <c r="I18010" s="359" t="s">
        <v>14392</v>
      </c>
      <c r="J18010" s="365"/>
      <c r="K18010" s="365"/>
      <c r="L18010" s="365"/>
    </row>
    <row r="18011" spans="2:12">
      <c r="B18011" s="367"/>
      <c r="C18011" s="367"/>
      <c r="D18011" s="367"/>
      <c r="E18011" s="367"/>
      <c r="F18011" s="360"/>
      <c r="G18011" s="360"/>
      <c r="H18011" s="360"/>
      <c r="I18011" s="360"/>
      <c r="J18011" s="365"/>
      <c r="K18011" s="365"/>
      <c r="L18011" s="365"/>
    </row>
    <row r="18012" spans="2:12">
      <c r="B18012" s="367"/>
      <c r="C18012" s="367"/>
      <c r="D18012" s="367"/>
      <c r="E18012" s="367"/>
      <c r="F18012" s="359" t="s">
        <v>14371</v>
      </c>
      <c r="G18012" s="359" t="s">
        <v>14372</v>
      </c>
      <c r="H18012" s="360"/>
      <c r="I18012" s="359" t="s">
        <v>14373</v>
      </c>
      <c r="J18012" s="365"/>
      <c r="K18012" s="365"/>
      <c r="L18012" s="365"/>
    </row>
    <row r="18013" spans="2:12">
      <c r="B18013" s="367"/>
      <c r="C18013" s="367"/>
      <c r="D18013" s="367"/>
      <c r="E18013" s="367"/>
      <c r="F18013" s="360"/>
      <c r="G18013" s="360"/>
      <c r="H18013" s="360"/>
      <c r="I18013" s="360"/>
      <c r="J18013" s="365"/>
      <c r="K18013" s="365"/>
      <c r="L18013" s="365"/>
    </row>
    <row r="18014" spans="2:12" ht="28.5">
      <c r="B18014" s="368"/>
      <c r="C18014" s="368"/>
      <c r="D18014" s="368"/>
      <c r="E18014" s="368"/>
      <c r="F18014" s="361" t="s">
        <v>14374</v>
      </c>
      <c r="G18014" s="361" t="s">
        <v>14373</v>
      </c>
      <c r="H18014" s="362"/>
      <c r="I18014" s="362"/>
      <c r="J18014" s="366"/>
      <c r="K18014" s="366"/>
      <c r="L18014" s="366"/>
    </row>
    <row r="18015" spans="2:12">
      <c r="B18015" s="358" t="s">
        <v>23813</v>
      </c>
      <c r="C18015" s="358" t="s">
        <v>23814</v>
      </c>
      <c r="D18015" s="358" t="s">
        <v>23815</v>
      </c>
      <c r="E18015" s="358" t="s">
        <v>23816</v>
      </c>
      <c r="F18015" s="358" t="s">
        <v>14443</v>
      </c>
      <c r="G18015" s="358" t="s">
        <v>14444</v>
      </c>
      <c r="H18015" s="358" t="s">
        <v>14341</v>
      </c>
      <c r="I18015" s="358" t="s">
        <v>14444</v>
      </c>
      <c r="J18015" s="358"/>
      <c r="K18015" s="358" t="s">
        <v>14820</v>
      </c>
      <c r="L18015" s="358"/>
    </row>
    <row r="18016" spans="2:12">
      <c r="B18016" s="367"/>
      <c r="C18016" s="367"/>
      <c r="D18016" s="367"/>
      <c r="E18016" s="367"/>
      <c r="F18016" s="360"/>
      <c r="G18016" s="360"/>
      <c r="H18016" s="360"/>
      <c r="I18016" s="360"/>
      <c r="J18016" s="365"/>
      <c r="K18016" s="367"/>
      <c r="L18016" s="365"/>
    </row>
    <row r="18017" spans="2:12">
      <c r="B18017" s="367"/>
      <c r="C18017" s="367"/>
      <c r="D18017" s="367"/>
      <c r="E18017" s="367"/>
      <c r="F18017" s="359" t="s">
        <v>14384</v>
      </c>
      <c r="G18017" s="359" t="s">
        <v>14428</v>
      </c>
      <c r="H18017" s="359" t="s">
        <v>14381</v>
      </c>
      <c r="I18017" s="359" t="s">
        <v>14428</v>
      </c>
      <c r="J18017" s="365"/>
      <c r="K18017" s="367"/>
      <c r="L18017" s="365"/>
    </row>
    <row r="18018" spans="2:12">
      <c r="B18018" s="367"/>
      <c r="C18018" s="367"/>
      <c r="D18018" s="367"/>
      <c r="E18018" s="367"/>
      <c r="F18018" s="360"/>
      <c r="G18018" s="360"/>
      <c r="H18018" s="360"/>
      <c r="I18018" s="360"/>
      <c r="J18018" s="365"/>
      <c r="K18018" s="367"/>
      <c r="L18018" s="365"/>
    </row>
    <row r="18019" spans="2:12">
      <c r="B18019" s="367"/>
      <c r="C18019" s="367"/>
      <c r="D18019" s="367"/>
      <c r="E18019" s="367"/>
      <c r="F18019" s="359" t="s">
        <v>14420</v>
      </c>
      <c r="G18019" s="359" t="s">
        <v>14429</v>
      </c>
      <c r="H18019" s="359" t="s">
        <v>14367</v>
      </c>
      <c r="I18019" s="359" t="s">
        <v>14429</v>
      </c>
      <c r="J18019" s="365"/>
      <c r="K18019" s="367"/>
      <c r="L18019" s="365"/>
    </row>
    <row r="18020" spans="2:12">
      <c r="B18020" s="367"/>
      <c r="C18020" s="367"/>
      <c r="D18020" s="367"/>
      <c r="E18020" s="367"/>
      <c r="F18020" s="360"/>
      <c r="G18020" s="360"/>
      <c r="H18020" s="360"/>
      <c r="I18020" s="360"/>
      <c r="J18020" s="365"/>
      <c r="K18020" s="367"/>
      <c r="L18020" s="365"/>
    </row>
    <row r="18021" spans="2:12">
      <c r="B18021" s="367"/>
      <c r="C18021" s="367"/>
      <c r="D18021" s="367"/>
      <c r="E18021" s="367"/>
      <c r="F18021" s="359" t="s">
        <v>14430</v>
      </c>
      <c r="G18021" s="359" t="s">
        <v>14431</v>
      </c>
      <c r="H18021" s="359" t="s">
        <v>14370</v>
      </c>
      <c r="I18021" s="359" t="s">
        <v>14431</v>
      </c>
      <c r="J18021" s="365"/>
      <c r="K18021" s="367"/>
      <c r="L18021" s="365"/>
    </row>
    <row r="18022" spans="2:12">
      <c r="B18022" s="367"/>
      <c r="C18022" s="367"/>
      <c r="D18022" s="367"/>
      <c r="E18022" s="367"/>
      <c r="F18022" s="360"/>
      <c r="G18022" s="360"/>
      <c r="H18022" s="360"/>
      <c r="I18022" s="360"/>
      <c r="J18022" s="365"/>
      <c r="K18022" s="367"/>
      <c r="L18022" s="365"/>
    </row>
    <row r="18023" spans="2:12">
      <c r="B18023" s="367"/>
      <c r="C18023" s="367"/>
      <c r="D18023" s="367"/>
      <c r="E18023" s="367"/>
      <c r="F18023" s="359" t="s">
        <v>14391</v>
      </c>
      <c r="G18023" s="359" t="s">
        <v>14392</v>
      </c>
      <c r="H18023" s="359" t="s">
        <v>14332</v>
      </c>
      <c r="I18023" s="359" t="s">
        <v>14392</v>
      </c>
      <c r="J18023" s="365"/>
      <c r="K18023" s="367"/>
      <c r="L18023" s="365"/>
    </row>
    <row r="18024" spans="2:12">
      <c r="B18024" s="367"/>
      <c r="C18024" s="367"/>
      <c r="D18024" s="367"/>
      <c r="E18024" s="367"/>
      <c r="F18024" s="360"/>
      <c r="G18024" s="360"/>
      <c r="H18024" s="360"/>
      <c r="I18024" s="360"/>
      <c r="J18024" s="365"/>
      <c r="K18024" s="367"/>
      <c r="L18024" s="365"/>
    </row>
    <row r="18025" spans="2:12">
      <c r="B18025" s="367"/>
      <c r="C18025" s="367"/>
      <c r="D18025" s="367"/>
      <c r="E18025" s="367"/>
      <c r="F18025" s="359" t="s">
        <v>14371</v>
      </c>
      <c r="G18025" s="359" t="s">
        <v>14372</v>
      </c>
      <c r="H18025" s="360"/>
      <c r="I18025" s="359" t="s">
        <v>14373</v>
      </c>
      <c r="J18025" s="365"/>
      <c r="K18025" s="367"/>
      <c r="L18025" s="365"/>
    </row>
    <row r="18026" spans="2:12">
      <c r="B18026" s="367"/>
      <c r="C18026" s="367"/>
      <c r="D18026" s="367"/>
      <c r="E18026" s="367"/>
      <c r="F18026" s="360"/>
      <c r="G18026" s="360"/>
      <c r="H18026" s="360"/>
      <c r="I18026" s="360"/>
      <c r="J18026" s="365"/>
      <c r="K18026" s="367"/>
      <c r="L18026" s="365"/>
    </row>
    <row r="18027" spans="2:12" ht="28.5">
      <c r="B18027" s="368"/>
      <c r="C18027" s="368"/>
      <c r="D18027" s="368"/>
      <c r="E18027" s="368"/>
      <c r="F18027" s="361" t="s">
        <v>14374</v>
      </c>
      <c r="G18027" s="361" t="s">
        <v>14373</v>
      </c>
      <c r="H18027" s="362"/>
      <c r="I18027" s="362"/>
      <c r="J18027" s="366"/>
      <c r="K18027" s="368"/>
      <c r="L18027" s="366"/>
    </row>
    <row r="18028" spans="2:12">
      <c r="B18028" s="358" t="s">
        <v>10622</v>
      </c>
      <c r="C18028" s="358" t="s">
        <v>10621</v>
      </c>
      <c r="D18028" s="358" t="s">
        <v>10623</v>
      </c>
      <c r="E18028" s="358" t="s">
        <v>10624</v>
      </c>
      <c r="F18028" s="358" t="s">
        <v>14376</v>
      </c>
      <c r="G18028" s="358" t="s">
        <v>14669</v>
      </c>
      <c r="H18028" s="358" t="s">
        <v>14381</v>
      </c>
      <c r="I18028" s="358" t="s">
        <v>14669</v>
      </c>
      <c r="J18028" s="358"/>
      <c r="K18028" s="358"/>
      <c r="L18028" s="358"/>
    </row>
    <row r="18029" spans="2:12">
      <c r="B18029" s="367"/>
      <c r="C18029" s="367"/>
      <c r="D18029" s="367"/>
      <c r="E18029" s="367"/>
      <c r="F18029" s="360"/>
      <c r="G18029" s="360"/>
      <c r="H18029" s="360"/>
      <c r="I18029" s="360"/>
      <c r="J18029" s="365"/>
      <c r="K18029" s="365"/>
      <c r="L18029" s="365"/>
    </row>
    <row r="18030" spans="2:12">
      <c r="B18030" s="367"/>
      <c r="C18030" s="367"/>
      <c r="D18030" s="367"/>
      <c r="E18030" s="367"/>
      <c r="F18030" s="359" t="s">
        <v>14889</v>
      </c>
      <c r="G18030" s="359" t="s">
        <v>14890</v>
      </c>
      <c r="H18030" s="359" t="s">
        <v>14367</v>
      </c>
      <c r="I18030" s="359" t="s">
        <v>14890</v>
      </c>
      <c r="J18030" s="365"/>
      <c r="K18030" s="365"/>
      <c r="L18030" s="365"/>
    </row>
    <row r="18031" spans="2:12">
      <c r="B18031" s="367"/>
      <c r="C18031" s="367"/>
      <c r="D18031" s="367"/>
      <c r="E18031" s="367"/>
      <c r="F18031" s="360"/>
      <c r="G18031" s="360"/>
      <c r="H18031" s="360"/>
      <c r="I18031" s="360"/>
      <c r="J18031" s="365"/>
      <c r="K18031" s="365"/>
      <c r="L18031" s="365"/>
    </row>
    <row r="18032" spans="2:12">
      <c r="B18032" s="367"/>
      <c r="C18032" s="367"/>
      <c r="D18032" s="367"/>
      <c r="E18032" s="367"/>
      <c r="F18032" s="359" t="s">
        <v>14460</v>
      </c>
      <c r="G18032" s="359" t="s">
        <v>14461</v>
      </c>
      <c r="H18032" s="359" t="s">
        <v>14332</v>
      </c>
      <c r="I18032" s="359" t="s">
        <v>14461</v>
      </c>
      <c r="J18032" s="365"/>
      <c r="K18032" s="365"/>
      <c r="L18032" s="365"/>
    </row>
    <row r="18033" spans="2:12">
      <c r="B18033" s="367"/>
      <c r="C18033" s="367"/>
      <c r="D18033" s="367"/>
      <c r="E18033" s="367"/>
      <c r="F18033" s="360"/>
      <c r="G18033" s="360"/>
      <c r="H18033" s="360"/>
      <c r="I18033" s="360"/>
      <c r="J18033" s="365"/>
      <c r="K18033" s="365"/>
      <c r="L18033" s="365"/>
    </row>
    <row r="18034" spans="2:12">
      <c r="B18034" s="367"/>
      <c r="C18034" s="367"/>
      <c r="D18034" s="367"/>
      <c r="E18034" s="367"/>
      <c r="F18034" s="359" t="s">
        <v>14391</v>
      </c>
      <c r="G18034" s="359" t="s">
        <v>14392</v>
      </c>
      <c r="H18034" s="360"/>
      <c r="I18034" s="359" t="s">
        <v>14392</v>
      </c>
      <c r="J18034" s="365"/>
      <c r="K18034" s="365"/>
      <c r="L18034" s="365"/>
    </row>
    <row r="18035" spans="2:12">
      <c r="B18035" s="367"/>
      <c r="C18035" s="367"/>
      <c r="D18035" s="367"/>
      <c r="E18035" s="367"/>
      <c r="F18035" s="360"/>
      <c r="G18035" s="360"/>
      <c r="H18035" s="360"/>
      <c r="I18035" s="360"/>
      <c r="J18035" s="365"/>
      <c r="K18035" s="365"/>
      <c r="L18035" s="365"/>
    </row>
    <row r="18036" spans="2:12" ht="28.5">
      <c r="B18036" s="368"/>
      <c r="C18036" s="368"/>
      <c r="D18036" s="368"/>
      <c r="E18036" s="368"/>
      <c r="F18036" s="361" t="s">
        <v>14472</v>
      </c>
      <c r="G18036" s="361" t="s">
        <v>14473</v>
      </c>
      <c r="H18036" s="362"/>
      <c r="I18036" s="361" t="s">
        <v>14473</v>
      </c>
      <c r="J18036" s="366"/>
      <c r="K18036" s="366"/>
      <c r="L18036" s="366"/>
    </row>
    <row r="18037" spans="2:12" ht="28.5">
      <c r="B18037" s="358" t="s">
        <v>23817</v>
      </c>
      <c r="C18037" s="358" t="s">
        <v>27895</v>
      </c>
      <c r="D18037" s="358" t="s">
        <v>23818</v>
      </c>
      <c r="E18037" s="358" t="s">
        <v>23819</v>
      </c>
      <c r="F18037" s="358" t="s">
        <v>14384</v>
      </c>
      <c r="G18037" s="358" t="s">
        <v>29027</v>
      </c>
      <c r="H18037" s="358" t="s">
        <v>14381</v>
      </c>
      <c r="I18037" s="358" t="s">
        <v>14428</v>
      </c>
      <c r="J18037" s="358"/>
      <c r="K18037" s="358"/>
      <c r="L18037" s="358"/>
    </row>
    <row r="18038" spans="2:12">
      <c r="B18038" s="367"/>
      <c r="C18038" s="367"/>
      <c r="D18038" s="367"/>
      <c r="E18038" s="367"/>
      <c r="F18038" s="360"/>
      <c r="G18038" s="360"/>
      <c r="H18038" s="360"/>
      <c r="I18038" s="360"/>
      <c r="J18038" s="365"/>
      <c r="K18038" s="365"/>
      <c r="L18038" s="365"/>
    </row>
    <row r="18039" spans="2:12">
      <c r="B18039" s="367"/>
      <c r="C18039" s="367"/>
      <c r="D18039" s="367"/>
      <c r="E18039" s="367"/>
      <c r="F18039" s="359" t="s">
        <v>14420</v>
      </c>
      <c r="G18039" s="359" t="s">
        <v>14473</v>
      </c>
      <c r="H18039" s="359" t="s">
        <v>14367</v>
      </c>
      <c r="I18039" s="359" t="s">
        <v>14429</v>
      </c>
      <c r="J18039" s="365"/>
      <c r="K18039" s="365"/>
      <c r="L18039" s="365"/>
    </row>
    <row r="18040" spans="2:12">
      <c r="B18040" s="367"/>
      <c r="C18040" s="367"/>
      <c r="D18040" s="367"/>
      <c r="E18040" s="367"/>
      <c r="F18040" s="360"/>
      <c r="G18040" s="360"/>
      <c r="H18040" s="360"/>
      <c r="I18040" s="360"/>
      <c r="J18040" s="365"/>
      <c r="K18040" s="365"/>
      <c r="L18040" s="365"/>
    </row>
    <row r="18041" spans="2:12" ht="28.5">
      <c r="B18041" s="368"/>
      <c r="C18041" s="368"/>
      <c r="D18041" s="368"/>
      <c r="E18041" s="368"/>
      <c r="F18041" s="361" t="s">
        <v>14472</v>
      </c>
      <c r="G18041" s="362"/>
      <c r="H18041" s="361" t="s">
        <v>14332</v>
      </c>
      <c r="I18041" s="361" t="s">
        <v>14473</v>
      </c>
      <c r="J18041" s="366"/>
      <c r="K18041" s="366"/>
      <c r="L18041" s="366"/>
    </row>
    <row r="18042" spans="2:12" ht="28.5">
      <c r="B18042" s="358" t="s">
        <v>23820</v>
      </c>
      <c r="C18042" s="358" t="s">
        <v>27896</v>
      </c>
      <c r="D18042" s="358" t="s">
        <v>23821</v>
      </c>
      <c r="E18042" s="358" t="s">
        <v>8356</v>
      </c>
      <c r="F18042" s="358" t="s">
        <v>14389</v>
      </c>
      <c r="G18042" s="358" t="s">
        <v>14390</v>
      </c>
      <c r="H18042" s="358" t="s">
        <v>14367</v>
      </c>
      <c r="I18042" s="358" t="s">
        <v>14390</v>
      </c>
      <c r="J18042" s="358"/>
      <c r="K18042" s="358"/>
      <c r="L18042" s="358"/>
    </row>
    <row r="18043" spans="2:12">
      <c r="B18043" s="367"/>
      <c r="C18043" s="367"/>
      <c r="D18043" s="367"/>
      <c r="E18043" s="367"/>
      <c r="F18043" s="360"/>
      <c r="G18043" s="360"/>
      <c r="H18043" s="360"/>
      <c r="I18043" s="360"/>
      <c r="J18043" s="365"/>
      <c r="K18043" s="365"/>
      <c r="L18043" s="365"/>
    </row>
    <row r="18044" spans="2:12">
      <c r="B18044" s="367"/>
      <c r="C18044" s="367"/>
      <c r="D18044" s="367"/>
      <c r="E18044" s="367"/>
      <c r="F18044" s="359" t="s">
        <v>14391</v>
      </c>
      <c r="G18044" s="359" t="s">
        <v>14392</v>
      </c>
      <c r="H18044" s="359" t="s">
        <v>14422</v>
      </c>
      <c r="I18044" s="359" t="s">
        <v>14392</v>
      </c>
      <c r="J18044" s="365"/>
      <c r="K18044" s="365"/>
      <c r="L18044" s="365"/>
    </row>
    <row r="18045" spans="2:12">
      <c r="B18045" s="367"/>
      <c r="C18045" s="367"/>
      <c r="D18045" s="367"/>
      <c r="E18045" s="367"/>
      <c r="F18045" s="360"/>
      <c r="G18045" s="360"/>
      <c r="H18045" s="360"/>
      <c r="I18045" s="360"/>
      <c r="J18045" s="365"/>
      <c r="K18045" s="365"/>
      <c r="L18045" s="365"/>
    </row>
    <row r="18046" spans="2:12" ht="28.5">
      <c r="B18046" s="368"/>
      <c r="C18046" s="368"/>
      <c r="D18046" s="368"/>
      <c r="E18046" s="368"/>
      <c r="F18046" s="361" t="s">
        <v>14462</v>
      </c>
      <c r="G18046" s="361" t="s">
        <v>14463</v>
      </c>
      <c r="H18046" s="362"/>
      <c r="I18046" s="361" t="s">
        <v>14463</v>
      </c>
      <c r="J18046" s="366"/>
      <c r="K18046" s="366"/>
      <c r="L18046" s="366"/>
    </row>
    <row r="18047" spans="2:12" ht="28.5">
      <c r="B18047" s="358" t="s">
        <v>23822</v>
      </c>
      <c r="C18047" s="358" t="s">
        <v>27897</v>
      </c>
      <c r="D18047" s="358" t="s">
        <v>23823</v>
      </c>
      <c r="E18047" s="358" t="s">
        <v>23824</v>
      </c>
      <c r="F18047" s="358" t="s">
        <v>14507</v>
      </c>
      <c r="G18047" s="358" t="s">
        <v>14873</v>
      </c>
      <c r="H18047" s="358" t="s">
        <v>14341</v>
      </c>
      <c r="I18047" s="358" t="s">
        <v>14873</v>
      </c>
      <c r="J18047" s="358"/>
      <c r="K18047" s="358"/>
      <c r="L18047" s="358"/>
    </row>
    <row r="18048" spans="2:12">
      <c r="B18048" s="367"/>
      <c r="C18048" s="367"/>
      <c r="D18048" s="367"/>
      <c r="E18048" s="367"/>
      <c r="F18048" s="360"/>
      <c r="G18048" s="360"/>
      <c r="H18048" s="360"/>
      <c r="I18048" s="360"/>
      <c r="J18048" s="365"/>
      <c r="K18048" s="365"/>
      <c r="L18048" s="365"/>
    </row>
    <row r="18049" spans="2:12">
      <c r="B18049" s="367"/>
      <c r="C18049" s="367"/>
      <c r="D18049" s="367"/>
      <c r="E18049" s="367"/>
      <c r="F18049" s="359" t="s">
        <v>14420</v>
      </c>
      <c r="G18049" s="359" t="s">
        <v>14429</v>
      </c>
      <c r="H18049" s="359" t="s">
        <v>14381</v>
      </c>
      <c r="I18049" s="359" t="s">
        <v>14429</v>
      </c>
      <c r="J18049" s="365"/>
      <c r="K18049" s="365"/>
      <c r="L18049" s="365"/>
    </row>
    <row r="18050" spans="2:12">
      <c r="B18050" s="367"/>
      <c r="C18050" s="367"/>
      <c r="D18050" s="367"/>
      <c r="E18050" s="367"/>
      <c r="F18050" s="360"/>
      <c r="G18050" s="360"/>
      <c r="H18050" s="360"/>
      <c r="I18050" s="360"/>
      <c r="J18050" s="365"/>
      <c r="K18050" s="365"/>
      <c r="L18050" s="365"/>
    </row>
    <row r="18051" spans="2:12">
      <c r="B18051" s="367"/>
      <c r="C18051" s="367"/>
      <c r="D18051" s="367"/>
      <c r="E18051" s="367"/>
      <c r="F18051" s="359" t="s">
        <v>14356</v>
      </c>
      <c r="G18051" s="359" t="s">
        <v>14340</v>
      </c>
      <c r="H18051" s="359" t="s">
        <v>14367</v>
      </c>
      <c r="I18051" s="359" t="s">
        <v>14340</v>
      </c>
      <c r="J18051" s="365"/>
      <c r="K18051" s="365"/>
      <c r="L18051" s="365"/>
    </row>
    <row r="18052" spans="2:12">
      <c r="B18052" s="367"/>
      <c r="C18052" s="367"/>
      <c r="D18052" s="367"/>
      <c r="E18052" s="367"/>
      <c r="F18052" s="360"/>
      <c r="G18052" s="360"/>
      <c r="H18052" s="360"/>
      <c r="I18052" s="360"/>
      <c r="J18052" s="365"/>
      <c r="K18052" s="365"/>
      <c r="L18052" s="365"/>
    </row>
    <row r="18053" spans="2:12">
      <c r="B18053" s="367"/>
      <c r="C18053" s="367"/>
      <c r="D18053" s="367"/>
      <c r="E18053" s="367"/>
      <c r="F18053" s="359" t="s">
        <v>14391</v>
      </c>
      <c r="G18053" s="359" t="s">
        <v>14392</v>
      </c>
      <c r="H18053" s="359" t="s">
        <v>14370</v>
      </c>
      <c r="I18053" s="359" t="s">
        <v>14392</v>
      </c>
      <c r="J18053" s="365"/>
      <c r="K18053" s="365"/>
      <c r="L18053" s="365"/>
    </row>
    <row r="18054" spans="2:12">
      <c r="B18054" s="367"/>
      <c r="C18054" s="367"/>
      <c r="D18054" s="367"/>
      <c r="E18054" s="367"/>
      <c r="F18054" s="360"/>
      <c r="G18054" s="360"/>
      <c r="H18054" s="360"/>
      <c r="I18054" s="360"/>
      <c r="J18054" s="365"/>
      <c r="K18054" s="365"/>
      <c r="L18054" s="365"/>
    </row>
    <row r="18055" spans="2:12" ht="28.5">
      <c r="B18055" s="368"/>
      <c r="C18055" s="368"/>
      <c r="D18055" s="368"/>
      <c r="E18055" s="368"/>
      <c r="F18055" s="361" t="s">
        <v>14394</v>
      </c>
      <c r="G18055" s="361" t="s">
        <v>14395</v>
      </c>
      <c r="H18055" s="361" t="s">
        <v>14332</v>
      </c>
      <c r="I18055" s="361" t="s">
        <v>14395</v>
      </c>
      <c r="J18055" s="366"/>
      <c r="K18055" s="366"/>
      <c r="L18055" s="366"/>
    </row>
    <row r="18056" spans="2:12">
      <c r="B18056" s="358" t="s">
        <v>13203</v>
      </c>
      <c r="C18056" s="358" t="s">
        <v>30383</v>
      </c>
      <c r="D18056" s="358" t="s">
        <v>13204</v>
      </c>
      <c r="E18056" s="358" t="s">
        <v>13205</v>
      </c>
      <c r="F18056" s="358" t="s">
        <v>14424</v>
      </c>
      <c r="G18056" s="358" t="s">
        <v>16648</v>
      </c>
      <c r="H18056" s="358" t="s">
        <v>14341</v>
      </c>
      <c r="I18056" s="358" t="s">
        <v>16648</v>
      </c>
      <c r="J18056" s="358" t="s">
        <v>14355</v>
      </c>
      <c r="K18056" s="358"/>
      <c r="L18056" s="358"/>
    </row>
    <row r="18057" spans="2:12">
      <c r="B18057" s="367"/>
      <c r="C18057" s="367"/>
      <c r="D18057" s="367"/>
      <c r="E18057" s="367"/>
      <c r="F18057" s="360"/>
      <c r="G18057" s="360"/>
      <c r="H18057" s="360"/>
      <c r="I18057" s="360"/>
      <c r="J18057" s="367"/>
      <c r="K18057" s="365"/>
      <c r="L18057" s="365"/>
    </row>
    <row r="18058" spans="2:12">
      <c r="B18058" s="367"/>
      <c r="C18058" s="367"/>
      <c r="D18058" s="367"/>
      <c r="E18058" s="367"/>
      <c r="F18058" s="359" t="s">
        <v>14420</v>
      </c>
      <c r="G18058" s="359" t="s">
        <v>14429</v>
      </c>
      <c r="H18058" s="359" t="s">
        <v>14381</v>
      </c>
      <c r="I18058" s="359" t="s">
        <v>14429</v>
      </c>
      <c r="J18058" s="367"/>
      <c r="K18058" s="365"/>
      <c r="L18058" s="365"/>
    </row>
    <row r="18059" spans="2:12">
      <c r="B18059" s="367"/>
      <c r="C18059" s="367"/>
      <c r="D18059" s="367"/>
      <c r="E18059" s="367"/>
      <c r="F18059" s="360"/>
      <c r="G18059" s="360"/>
      <c r="H18059" s="360"/>
      <c r="I18059" s="360"/>
      <c r="J18059" s="367"/>
      <c r="K18059" s="365"/>
      <c r="L18059" s="365"/>
    </row>
    <row r="18060" spans="2:12">
      <c r="B18060" s="367"/>
      <c r="C18060" s="367"/>
      <c r="D18060" s="367"/>
      <c r="E18060" s="367"/>
      <c r="F18060" s="359" t="s">
        <v>14339</v>
      </c>
      <c r="G18060" s="359" t="s">
        <v>14340</v>
      </c>
      <c r="H18060" s="359" t="s">
        <v>14367</v>
      </c>
      <c r="I18060" s="359" t="s">
        <v>14340</v>
      </c>
      <c r="J18060" s="367"/>
      <c r="K18060" s="365"/>
      <c r="L18060" s="365"/>
    </row>
    <row r="18061" spans="2:12">
      <c r="B18061" s="367"/>
      <c r="C18061" s="367"/>
      <c r="D18061" s="367"/>
      <c r="E18061" s="367"/>
      <c r="F18061" s="360"/>
      <c r="G18061" s="360"/>
      <c r="H18061" s="360"/>
      <c r="I18061" s="360"/>
      <c r="J18061" s="367"/>
      <c r="K18061" s="365"/>
      <c r="L18061" s="365"/>
    </row>
    <row r="18062" spans="2:12">
      <c r="B18062" s="368"/>
      <c r="C18062" s="368"/>
      <c r="D18062" s="368"/>
      <c r="E18062" s="368"/>
      <c r="F18062" s="362"/>
      <c r="G18062" s="362"/>
      <c r="H18062" s="361" t="s">
        <v>14332</v>
      </c>
      <c r="I18062" s="362"/>
      <c r="J18062" s="368"/>
      <c r="K18062" s="366"/>
      <c r="L18062" s="366"/>
    </row>
    <row r="18063" spans="2:12" ht="28.5">
      <c r="B18063" s="358" t="s">
        <v>23825</v>
      </c>
      <c r="C18063" s="358" t="s">
        <v>27898</v>
      </c>
      <c r="D18063" s="358" t="s">
        <v>23826</v>
      </c>
      <c r="E18063" s="358" t="s">
        <v>1782</v>
      </c>
      <c r="F18063" s="358" t="s">
        <v>15370</v>
      </c>
      <c r="G18063" s="358" t="s">
        <v>15097</v>
      </c>
      <c r="H18063" s="358" t="s">
        <v>14328</v>
      </c>
      <c r="I18063" s="358" t="s">
        <v>15097</v>
      </c>
      <c r="J18063" s="358"/>
      <c r="K18063" s="358"/>
      <c r="L18063" s="358"/>
    </row>
    <row r="18064" spans="2:12">
      <c r="B18064" s="367"/>
      <c r="C18064" s="367"/>
      <c r="D18064" s="367"/>
      <c r="E18064" s="367"/>
      <c r="F18064" s="360"/>
      <c r="G18064" s="360"/>
      <c r="H18064" s="360"/>
      <c r="I18064" s="360"/>
      <c r="J18064" s="365"/>
      <c r="K18064" s="365"/>
      <c r="L18064" s="365"/>
    </row>
    <row r="18065" spans="2:12">
      <c r="B18065" s="367"/>
      <c r="C18065" s="367"/>
      <c r="D18065" s="367"/>
      <c r="E18065" s="367"/>
      <c r="F18065" s="359" t="s">
        <v>14507</v>
      </c>
      <c r="G18065" s="359" t="s">
        <v>14819</v>
      </c>
      <c r="H18065" s="359" t="s">
        <v>14381</v>
      </c>
      <c r="I18065" s="359" t="s">
        <v>14819</v>
      </c>
      <c r="J18065" s="365"/>
      <c r="K18065" s="365"/>
      <c r="L18065" s="365"/>
    </row>
    <row r="18066" spans="2:12">
      <c r="B18066" s="367"/>
      <c r="C18066" s="367"/>
      <c r="D18066" s="367"/>
      <c r="E18066" s="367"/>
      <c r="F18066" s="360"/>
      <c r="G18066" s="360"/>
      <c r="H18066" s="360"/>
      <c r="I18066" s="360"/>
      <c r="J18066" s="365"/>
      <c r="K18066" s="365"/>
      <c r="L18066" s="365"/>
    </row>
    <row r="18067" spans="2:12">
      <c r="B18067" s="367"/>
      <c r="C18067" s="367"/>
      <c r="D18067" s="367"/>
      <c r="E18067" s="367"/>
      <c r="F18067" s="359" t="s">
        <v>14420</v>
      </c>
      <c r="G18067" s="359" t="s">
        <v>14429</v>
      </c>
      <c r="H18067" s="359" t="s">
        <v>14367</v>
      </c>
      <c r="I18067" s="359" t="s">
        <v>14429</v>
      </c>
      <c r="J18067" s="365"/>
      <c r="K18067" s="365"/>
      <c r="L18067" s="365"/>
    </row>
    <row r="18068" spans="2:12">
      <c r="B18068" s="367"/>
      <c r="C18068" s="367"/>
      <c r="D18068" s="367"/>
      <c r="E18068" s="367"/>
      <c r="F18068" s="360"/>
      <c r="G18068" s="360"/>
      <c r="H18068" s="360"/>
      <c r="I18068" s="360"/>
      <c r="J18068" s="365"/>
      <c r="K18068" s="365"/>
      <c r="L18068" s="365"/>
    </row>
    <row r="18069" spans="2:12">
      <c r="B18069" s="367"/>
      <c r="C18069" s="367"/>
      <c r="D18069" s="367"/>
      <c r="E18069" s="367"/>
      <c r="F18069" s="359" t="s">
        <v>14389</v>
      </c>
      <c r="G18069" s="359" t="s">
        <v>14390</v>
      </c>
      <c r="H18069" s="359" t="s">
        <v>14370</v>
      </c>
      <c r="I18069" s="359" t="s">
        <v>14390</v>
      </c>
      <c r="J18069" s="365"/>
      <c r="K18069" s="365"/>
      <c r="L18069" s="365"/>
    </row>
    <row r="18070" spans="2:12">
      <c r="B18070" s="367"/>
      <c r="C18070" s="367"/>
      <c r="D18070" s="367"/>
      <c r="E18070" s="367"/>
      <c r="F18070" s="360"/>
      <c r="G18070" s="360"/>
      <c r="H18070" s="360"/>
      <c r="I18070" s="360"/>
      <c r="J18070" s="365"/>
      <c r="K18070" s="365"/>
      <c r="L18070" s="365"/>
    </row>
    <row r="18071" spans="2:12">
      <c r="B18071" s="367"/>
      <c r="C18071" s="367"/>
      <c r="D18071" s="367"/>
      <c r="E18071" s="367"/>
      <c r="F18071" s="359" t="s">
        <v>14391</v>
      </c>
      <c r="G18071" s="359" t="s">
        <v>14392</v>
      </c>
      <c r="H18071" s="359" t="s">
        <v>14422</v>
      </c>
      <c r="I18071" s="359" t="s">
        <v>14392</v>
      </c>
      <c r="J18071" s="365"/>
      <c r="K18071" s="365"/>
      <c r="L18071" s="365"/>
    </row>
    <row r="18072" spans="2:12">
      <c r="B18072" s="367"/>
      <c r="C18072" s="367"/>
      <c r="D18072" s="367"/>
      <c r="E18072" s="367"/>
      <c r="F18072" s="360"/>
      <c r="G18072" s="360"/>
      <c r="H18072" s="360"/>
      <c r="I18072" s="360"/>
      <c r="J18072" s="365"/>
      <c r="K18072" s="365"/>
      <c r="L18072" s="365"/>
    </row>
    <row r="18073" spans="2:12" ht="28.5">
      <c r="B18073" s="368"/>
      <c r="C18073" s="368"/>
      <c r="D18073" s="368"/>
      <c r="E18073" s="368"/>
      <c r="F18073" s="361" t="s">
        <v>14394</v>
      </c>
      <c r="G18073" s="361" t="s">
        <v>14395</v>
      </c>
      <c r="H18073" s="362"/>
      <c r="I18073" s="361" t="s">
        <v>14395</v>
      </c>
      <c r="J18073" s="366"/>
      <c r="K18073" s="366"/>
      <c r="L18073" s="366"/>
    </row>
    <row r="18074" spans="2:12">
      <c r="B18074" s="358" t="s">
        <v>23827</v>
      </c>
      <c r="C18074" s="358" t="s">
        <v>23828</v>
      </c>
      <c r="D18074" s="358" t="s">
        <v>23829</v>
      </c>
      <c r="E18074" s="358" t="s">
        <v>23830</v>
      </c>
      <c r="F18074" s="358" t="s">
        <v>14420</v>
      </c>
      <c r="G18074" s="358" t="s">
        <v>14429</v>
      </c>
      <c r="H18074" s="358" t="s">
        <v>14367</v>
      </c>
      <c r="I18074" s="358" t="s">
        <v>14429</v>
      </c>
      <c r="J18074" s="358"/>
      <c r="K18074" s="358"/>
      <c r="L18074" s="358"/>
    </row>
    <row r="18075" spans="2:12">
      <c r="B18075" s="367"/>
      <c r="C18075" s="360"/>
      <c r="D18075" s="367"/>
      <c r="E18075" s="367"/>
      <c r="F18075" s="360"/>
      <c r="G18075" s="360"/>
      <c r="H18075" s="360"/>
      <c r="I18075" s="360"/>
      <c r="J18075" s="365"/>
      <c r="K18075" s="365"/>
      <c r="L18075" s="365"/>
    </row>
    <row r="18076" spans="2:12" ht="28.5">
      <c r="B18076" s="367"/>
      <c r="C18076" s="359" t="s">
        <v>27899</v>
      </c>
      <c r="D18076" s="367"/>
      <c r="E18076" s="367"/>
      <c r="F18076" s="359" t="s">
        <v>14371</v>
      </c>
      <c r="G18076" s="359" t="s">
        <v>14372</v>
      </c>
      <c r="H18076" s="359" t="s">
        <v>14370</v>
      </c>
      <c r="I18076" s="359" t="s">
        <v>14373</v>
      </c>
      <c r="J18076" s="365"/>
      <c r="K18076" s="365"/>
      <c r="L18076" s="365"/>
    </row>
    <row r="18077" spans="2:12">
      <c r="B18077" s="367"/>
      <c r="C18077" s="360"/>
      <c r="D18077" s="367"/>
      <c r="E18077" s="367"/>
      <c r="F18077" s="360"/>
      <c r="G18077" s="360"/>
      <c r="H18077" s="360"/>
      <c r="I18077" s="360"/>
      <c r="J18077" s="365"/>
      <c r="K18077" s="365"/>
      <c r="L18077" s="365"/>
    </row>
    <row r="18078" spans="2:12" ht="28.5">
      <c r="B18078" s="368"/>
      <c r="C18078" s="362"/>
      <c r="D18078" s="368"/>
      <c r="E18078" s="368"/>
      <c r="F18078" s="361" t="s">
        <v>14374</v>
      </c>
      <c r="G18078" s="361" t="s">
        <v>14373</v>
      </c>
      <c r="H18078" s="361" t="s">
        <v>14422</v>
      </c>
      <c r="I18078" s="362"/>
      <c r="J18078" s="366"/>
      <c r="K18078" s="366"/>
      <c r="L18078" s="366"/>
    </row>
    <row r="18079" spans="2:12" ht="42.75">
      <c r="B18079" s="358" t="s">
        <v>23831</v>
      </c>
      <c r="C18079" s="358" t="s">
        <v>30384</v>
      </c>
      <c r="D18079" s="358" t="s">
        <v>13208</v>
      </c>
      <c r="E18079" s="358" t="s">
        <v>13209</v>
      </c>
      <c r="F18079" s="358" t="s">
        <v>14472</v>
      </c>
      <c r="G18079" s="358" t="s">
        <v>14473</v>
      </c>
      <c r="H18079" s="358" t="s">
        <v>8356</v>
      </c>
      <c r="I18079" s="358" t="s">
        <v>14473</v>
      </c>
      <c r="J18079" s="358"/>
      <c r="K18079" s="358"/>
      <c r="L18079" s="358"/>
    </row>
    <row r="18080" spans="2:12">
      <c r="B18080" s="368"/>
      <c r="C18080" s="368"/>
      <c r="D18080" s="368"/>
      <c r="E18080" s="368"/>
      <c r="F18080" s="368"/>
      <c r="G18080" s="368"/>
      <c r="H18080" s="368"/>
      <c r="I18080" s="368"/>
      <c r="J18080" s="366"/>
      <c r="K18080" s="366"/>
      <c r="L18080" s="366"/>
    </row>
    <row r="18081" spans="2:12" ht="42.75">
      <c r="B18081" s="358" t="s">
        <v>13207</v>
      </c>
      <c r="C18081" s="358" t="s">
        <v>30385</v>
      </c>
      <c r="D18081" s="358" t="s">
        <v>13208</v>
      </c>
      <c r="E18081" s="358" t="s">
        <v>13209</v>
      </c>
      <c r="F18081" s="358" t="s">
        <v>14424</v>
      </c>
      <c r="G18081" s="358" t="s">
        <v>16648</v>
      </c>
      <c r="H18081" s="358" t="s">
        <v>14381</v>
      </c>
      <c r="I18081" s="358" t="s">
        <v>16648</v>
      </c>
      <c r="J18081" s="358"/>
      <c r="K18081" s="358"/>
      <c r="L18081" s="358"/>
    </row>
    <row r="18082" spans="2:12">
      <c r="B18082" s="367"/>
      <c r="C18082" s="367"/>
      <c r="D18082" s="367"/>
      <c r="E18082" s="367"/>
      <c r="F18082" s="360"/>
      <c r="G18082" s="360"/>
      <c r="H18082" s="360"/>
      <c r="I18082" s="360"/>
      <c r="J18082" s="365"/>
      <c r="K18082" s="365"/>
      <c r="L18082" s="365"/>
    </row>
    <row r="18083" spans="2:12" ht="28.5">
      <c r="B18083" s="368"/>
      <c r="C18083" s="368"/>
      <c r="D18083" s="368"/>
      <c r="E18083" s="368"/>
      <c r="F18083" s="361" t="s">
        <v>14472</v>
      </c>
      <c r="G18083" s="361" t="s">
        <v>14473</v>
      </c>
      <c r="H18083" s="361" t="s">
        <v>14332</v>
      </c>
      <c r="I18083" s="361" t="s">
        <v>14473</v>
      </c>
      <c r="J18083" s="366"/>
      <c r="K18083" s="366"/>
      <c r="L18083" s="366"/>
    </row>
    <row r="18084" spans="2:12" ht="28.5">
      <c r="B18084" s="358" t="s">
        <v>23832</v>
      </c>
      <c r="C18084" s="358" t="s">
        <v>23833</v>
      </c>
      <c r="D18084" s="358" t="s">
        <v>23834</v>
      </c>
      <c r="E18084" s="358" t="s">
        <v>23835</v>
      </c>
      <c r="F18084" s="358" t="s">
        <v>14443</v>
      </c>
      <c r="G18084" s="358" t="s">
        <v>14444</v>
      </c>
      <c r="H18084" s="358" t="s">
        <v>14341</v>
      </c>
      <c r="I18084" s="358" t="s">
        <v>14444</v>
      </c>
      <c r="J18084" s="358"/>
      <c r="K18084" s="358"/>
      <c r="L18084" s="358"/>
    </row>
    <row r="18085" spans="2:12">
      <c r="B18085" s="367"/>
      <c r="C18085" s="367"/>
      <c r="D18085" s="367"/>
      <c r="E18085" s="367"/>
      <c r="F18085" s="360"/>
      <c r="G18085" s="360"/>
      <c r="H18085" s="360"/>
      <c r="I18085" s="360"/>
      <c r="J18085" s="365"/>
      <c r="K18085" s="365"/>
      <c r="L18085" s="365"/>
    </row>
    <row r="18086" spans="2:12">
      <c r="B18086" s="367"/>
      <c r="C18086" s="367"/>
      <c r="D18086" s="367"/>
      <c r="E18086" s="367"/>
      <c r="F18086" s="359" t="s">
        <v>14420</v>
      </c>
      <c r="G18086" s="359" t="s">
        <v>14429</v>
      </c>
      <c r="H18086" s="359" t="s">
        <v>14381</v>
      </c>
      <c r="I18086" s="359" t="s">
        <v>14429</v>
      </c>
      <c r="J18086" s="365"/>
      <c r="K18086" s="365"/>
      <c r="L18086" s="365"/>
    </row>
    <row r="18087" spans="2:12">
      <c r="B18087" s="367"/>
      <c r="C18087" s="367"/>
      <c r="D18087" s="367"/>
      <c r="E18087" s="367"/>
      <c r="F18087" s="360"/>
      <c r="G18087" s="360"/>
      <c r="H18087" s="360"/>
      <c r="I18087" s="360"/>
      <c r="J18087" s="365"/>
      <c r="K18087" s="365"/>
      <c r="L18087" s="365"/>
    </row>
    <row r="18088" spans="2:12">
      <c r="B18088" s="367"/>
      <c r="C18088" s="367"/>
      <c r="D18088" s="367"/>
      <c r="E18088" s="367"/>
      <c r="F18088" s="359" t="s">
        <v>14356</v>
      </c>
      <c r="G18088" s="359" t="s">
        <v>14340</v>
      </c>
      <c r="H18088" s="359" t="s">
        <v>14367</v>
      </c>
      <c r="I18088" s="359" t="s">
        <v>14340</v>
      </c>
      <c r="J18088" s="365"/>
      <c r="K18088" s="365"/>
      <c r="L18088" s="365"/>
    </row>
    <row r="18089" spans="2:12">
      <c r="B18089" s="367"/>
      <c r="C18089" s="367"/>
      <c r="D18089" s="367"/>
      <c r="E18089" s="367"/>
      <c r="F18089" s="360"/>
      <c r="G18089" s="360"/>
      <c r="H18089" s="360"/>
      <c r="I18089" s="360"/>
      <c r="J18089" s="365"/>
      <c r="K18089" s="365"/>
      <c r="L18089" s="365"/>
    </row>
    <row r="18090" spans="2:12">
      <c r="B18090" s="367"/>
      <c r="C18090" s="367"/>
      <c r="D18090" s="367"/>
      <c r="E18090" s="367"/>
      <c r="F18090" s="359" t="s">
        <v>14391</v>
      </c>
      <c r="G18090" s="359" t="s">
        <v>14392</v>
      </c>
      <c r="H18090" s="359" t="s">
        <v>14370</v>
      </c>
      <c r="I18090" s="359" t="s">
        <v>14392</v>
      </c>
      <c r="J18090" s="365"/>
      <c r="K18090" s="365"/>
      <c r="L18090" s="365"/>
    </row>
    <row r="18091" spans="2:12">
      <c r="B18091" s="367"/>
      <c r="C18091" s="367"/>
      <c r="D18091" s="367"/>
      <c r="E18091" s="367"/>
      <c r="F18091" s="360"/>
      <c r="G18091" s="360"/>
      <c r="H18091" s="360"/>
      <c r="I18091" s="360"/>
      <c r="J18091" s="365"/>
      <c r="K18091" s="365"/>
      <c r="L18091" s="365"/>
    </row>
    <row r="18092" spans="2:12" ht="28.5">
      <c r="B18092" s="368"/>
      <c r="C18092" s="368"/>
      <c r="D18092" s="368"/>
      <c r="E18092" s="368"/>
      <c r="F18092" s="361" t="s">
        <v>14394</v>
      </c>
      <c r="G18092" s="361" t="s">
        <v>14395</v>
      </c>
      <c r="H18092" s="361" t="s">
        <v>14332</v>
      </c>
      <c r="I18092" s="361" t="s">
        <v>14395</v>
      </c>
      <c r="J18092" s="366"/>
      <c r="K18092" s="366"/>
      <c r="L18092" s="366"/>
    </row>
    <row r="18093" spans="2:12">
      <c r="B18093" s="358" t="s">
        <v>23836</v>
      </c>
      <c r="C18093" s="358" t="s">
        <v>23837</v>
      </c>
      <c r="D18093" s="358" t="s">
        <v>23838</v>
      </c>
      <c r="E18093" s="358" t="s">
        <v>23839</v>
      </c>
      <c r="F18093" s="358" t="s">
        <v>14420</v>
      </c>
      <c r="G18093" s="358" t="s">
        <v>14421</v>
      </c>
      <c r="H18093" s="358" t="s">
        <v>14341</v>
      </c>
      <c r="I18093" s="358" t="s">
        <v>14421</v>
      </c>
      <c r="J18093" s="358"/>
      <c r="K18093" s="358"/>
      <c r="L18093" s="358"/>
    </row>
    <row r="18094" spans="2:12">
      <c r="B18094" s="367"/>
      <c r="C18094" s="367"/>
      <c r="D18094" s="367"/>
      <c r="E18094" s="367"/>
      <c r="F18094" s="360"/>
      <c r="G18094" s="360"/>
      <c r="H18094" s="360"/>
      <c r="I18094" s="360"/>
      <c r="J18094" s="365"/>
      <c r="K18094" s="365"/>
      <c r="L18094" s="365"/>
    </row>
    <row r="18095" spans="2:12">
      <c r="B18095" s="367"/>
      <c r="C18095" s="367"/>
      <c r="D18095" s="367"/>
      <c r="E18095" s="367"/>
      <c r="F18095" s="359" t="s">
        <v>14420</v>
      </c>
      <c r="G18095" s="359" t="s">
        <v>14429</v>
      </c>
      <c r="H18095" s="359" t="s">
        <v>14367</v>
      </c>
      <c r="I18095" s="359" t="s">
        <v>14429</v>
      </c>
      <c r="J18095" s="365"/>
      <c r="K18095" s="365"/>
      <c r="L18095" s="365"/>
    </row>
    <row r="18096" spans="2:12">
      <c r="B18096" s="367"/>
      <c r="C18096" s="367"/>
      <c r="D18096" s="367"/>
      <c r="E18096" s="367"/>
      <c r="F18096" s="360"/>
      <c r="G18096" s="360"/>
      <c r="H18096" s="360"/>
      <c r="I18096" s="360"/>
      <c r="J18096" s="365"/>
      <c r="K18096" s="365"/>
      <c r="L18096" s="365"/>
    </row>
    <row r="18097" spans="2:12">
      <c r="B18097" s="367"/>
      <c r="C18097" s="367"/>
      <c r="D18097" s="367"/>
      <c r="E18097" s="367"/>
      <c r="F18097" s="359" t="s">
        <v>14356</v>
      </c>
      <c r="G18097" s="359" t="s">
        <v>14340</v>
      </c>
      <c r="H18097" s="359" t="s">
        <v>14332</v>
      </c>
      <c r="I18097" s="359" t="s">
        <v>14340</v>
      </c>
      <c r="J18097" s="365"/>
      <c r="K18097" s="365"/>
      <c r="L18097" s="365"/>
    </row>
    <row r="18098" spans="2:12">
      <c r="B18098" s="367"/>
      <c r="C18098" s="367"/>
      <c r="D18098" s="367"/>
      <c r="E18098" s="367"/>
      <c r="F18098" s="360"/>
      <c r="G18098" s="360"/>
      <c r="H18098" s="360"/>
      <c r="I18098" s="360"/>
      <c r="J18098" s="365"/>
      <c r="K18098" s="365"/>
      <c r="L18098" s="365"/>
    </row>
    <row r="18099" spans="2:12" ht="28.5">
      <c r="B18099" s="368"/>
      <c r="C18099" s="368"/>
      <c r="D18099" s="368"/>
      <c r="E18099" s="368"/>
      <c r="F18099" s="361" t="s">
        <v>14472</v>
      </c>
      <c r="G18099" s="361" t="s">
        <v>14473</v>
      </c>
      <c r="H18099" s="362"/>
      <c r="I18099" s="361" t="s">
        <v>14473</v>
      </c>
      <c r="J18099" s="366"/>
      <c r="K18099" s="366"/>
      <c r="L18099" s="366"/>
    </row>
    <row r="18100" spans="2:12" ht="28.5">
      <c r="B18100" s="358" t="s">
        <v>23840</v>
      </c>
      <c r="C18100" s="358" t="s">
        <v>27900</v>
      </c>
      <c r="D18100" s="358" t="s">
        <v>23841</v>
      </c>
      <c r="E18100" s="358" t="s">
        <v>23842</v>
      </c>
      <c r="F18100" s="358" t="s">
        <v>14420</v>
      </c>
      <c r="G18100" s="358" t="s">
        <v>14429</v>
      </c>
      <c r="H18100" s="358" t="s">
        <v>14367</v>
      </c>
      <c r="I18100" s="358" t="s">
        <v>14429</v>
      </c>
      <c r="J18100" s="358"/>
      <c r="K18100" s="358"/>
      <c r="L18100" s="358"/>
    </row>
    <row r="18101" spans="2:12">
      <c r="B18101" s="367"/>
      <c r="C18101" s="367"/>
      <c r="D18101" s="367"/>
      <c r="E18101" s="367"/>
      <c r="F18101" s="360"/>
      <c r="G18101" s="360"/>
      <c r="H18101" s="360"/>
      <c r="I18101" s="360"/>
      <c r="J18101" s="365"/>
      <c r="K18101" s="365"/>
      <c r="L18101" s="365"/>
    </row>
    <row r="18102" spans="2:12">
      <c r="B18102" s="368"/>
      <c r="C18102" s="368"/>
      <c r="D18102" s="368"/>
      <c r="E18102" s="368"/>
      <c r="F18102" s="361" t="s">
        <v>14391</v>
      </c>
      <c r="G18102" s="361" t="s">
        <v>14392</v>
      </c>
      <c r="H18102" s="361" t="s">
        <v>14422</v>
      </c>
      <c r="I18102" s="361" t="s">
        <v>14392</v>
      </c>
      <c r="J18102" s="366"/>
      <c r="K18102" s="366"/>
      <c r="L18102" s="366"/>
    </row>
    <row r="18103" spans="2:12">
      <c r="B18103" s="358" t="s">
        <v>23843</v>
      </c>
      <c r="C18103" s="358" t="s">
        <v>23844</v>
      </c>
      <c r="D18103" s="358" t="s">
        <v>23845</v>
      </c>
      <c r="E18103" s="358" t="s">
        <v>23846</v>
      </c>
      <c r="F18103" s="358" t="s">
        <v>14420</v>
      </c>
      <c r="G18103" s="358" t="s">
        <v>14429</v>
      </c>
      <c r="H18103" s="358" t="s">
        <v>14367</v>
      </c>
      <c r="I18103" s="358" t="s">
        <v>14429</v>
      </c>
      <c r="J18103" s="358"/>
      <c r="K18103" s="358"/>
      <c r="L18103" s="358"/>
    </row>
    <row r="18104" spans="2:12">
      <c r="B18104" s="367"/>
      <c r="C18104" s="367"/>
      <c r="D18104" s="367"/>
      <c r="E18104" s="367"/>
      <c r="F18104" s="367"/>
      <c r="G18104" s="367"/>
      <c r="H18104" s="360"/>
      <c r="I18104" s="367"/>
      <c r="J18104" s="365"/>
      <c r="K18104" s="365"/>
      <c r="L18104" s="365"/>
    </row>
    <row r="18105" spans="2:12">
      <c r="B18105" s="368"/>
      <c r="C18105" s="368"/>
      <c r="D18105" s="368"/>
      <c r="E18105" s="368"/>
      <c r="F18105" s="368"/>
      <c r="G18105" s="368"/>
      <c r="H18105" s="361" t="s">
        <v>14422</v>
      </c>
      <c r="I18105" s="368"/>
      <c r="J18105" s="366"/>
      <c r="K18105" s="366"/>
      <c r="L18105" s="366"/>
    </row>
    <row r="18106" spans="2:12">
      <c r="B18106" s="358" t="s">
        <v>23847</v>
      </c>
      <c r="C18106" s="358" t="s">
        <v>27901</v>
      </c>
      <c r="D18106" s="358" t="s">
        <v>23848</v>
      </c>
      <c r="E18106" s="358" t="s">
        <v>23849</v>
      </c>
      <c r="F18106" s="358" t="s">
        <v>14430</v>
      </c>
      <c r="G18106" s="358" t="s">
        <v>14431</v>
      </c>
      <c r="H18106" s="358" t="s">
        <v>14341</v>
      </c>
      <c r="I18106" s="358" t="s">
        <v>14431</v>
      </c>
      <c r="J18106" s="358"/>
      <c r="K18106" s="358"/>
      <c r="L18106" s="358"/>
    </row>
    <row r="18107" spans="2:12">
      <c r="B18107" s="367"/>
      <c r="C18107" s="367"/>
      <c r="D18107" s="367"/>
      <c r="E18107" s="367"/>
      <c r="F18107" s="367"/>
      <c r="G18107" s="367"/>
      <c r="H18107" s="360"/>
      <c r="I18107" s="367"/>
      <c r="J18107" s="365"/>
      <c r="K18107" s="365"/>
      <c r="L18107" s="365"/>
    </row>
    <row r="18108" spans="2:12">
      <c r="B18108" s="368"/>
      <c r="C18108" s="368"/>
      <c r="D18108" s="368"/>
      <c r="E18108" s="368"/>
      <c r="F18108" s="368"/>
      <c r="G18108" s="368"/>
      <c r="H18108" s="361" t="s">
        <v>14332</v>
      </c>
      <c r="I18108" s="368"/>
      <c r="J18108" s="366"/>
      <c r="K18108" s="366"/>
      <c r="L18108" s="366"/>
    </row>
    <row r="18109" spans="2:12" ht="28.5">
      <c r="B18109" s="358" t="s">
        <v>23850</v>
      </c>
      <c r="C18109" s="358" t="s">
        <v>23851</v>
      </c>
      <c r="D18109" s="358" t="s">
        <v>23852</v>
      </c>
      <c r="E18109" s="358" t="s">
        <v>23853</v>
      </c>
      <c r="F18109" s="358" t="s">
        <v>14420</v>
      </c>
      <c r="G18109" s="358" t="s">
        <v>14429</v>
      </c>
      <c r="H18109" s="358" t="s">
        <v>14367</v>
      </c>
      <c r="I18109" s="358" t="s">
        <v>14429</v>
      </c>
      <c r="J18109" s="358"/>
      <c r="K18109" s="358" t="s">
        <v>14820</v>
      </c>
      <c r="L18109" s="358"/>
    </row>
    <row r="18110" spans="2:12">
      <c r="B18110" s="367"/>
      <c r="C18110" s="367"/>
      <c r="D18110" s="367"/>
      <c r="E18110" s="367"/>
      <c r="F18110" s="360"/>
      <c r="G18110" s="360"/>
      <c r="H18110" s="360"/>
      <c r="I18110" s="360"/>
      <c r="J18110" s="365"/>
      <c r="K18110" s="367"/>
      <c r="L18110" s="365"/>
    </row>
    <row r="18111" spans="2:12">
      <c r="B18111" s="367"/>
      <c r="C18111" s="367"/>
      <c r="D18111" s="367"/>
      <c r="E18111" s="367"/>
      <c r="F18111" s="359" t="s">
        <v>14391</v>
      </c>
      <c r="G18111" s="359" t="s">
        <v>14392</v>
      </c>
      <c r="H18111" s="359" t="s">
        <v>14370</v>
      </c>
      <c r="I18111" s="359" t="s">
        <v>14392</v>
      </c>
      <c r="J18111" s="365"/>
      <c r="K18111" s="367"/>
      <c r="L18111" s="365"/>
    </row>
    <row r="18112" spans="2:12">
      <c r="B18112" s="367"/>
      <c r="C18112" s="367"/>
      <c r="D18112" s="367"/>
      <c r="E18112" s="367"/>
      <c r="F18112" s="360"/>
      <c r="G18112" s="360"/>
      <c r="H18112" s="360"/>
      <c r="I18112" s="360"/>
      <c r="J18112" s="365"/>
      <c r="K18112" s="367"/>
      <c r="L18112" s="365"/>
    </row>
    <row r="18113" spans="2:12">
      <c r="B18113" s="367"/>
      <c r="C18113" s="367"/>
      <c r="D18113" s="367"/>
      <c r="E18113" s="367"/>
      <c r="F18113" s="359" t="s">
        <v>14371</v>
      </c>
      <c r="G18113" s="359" t="s">
        <v>14372</v>
      </c>
      <c r="H18113" s="359" t="s">
        <v>14422</v>
      </c>
      <c r="I18113" s="359" t="s">
        <v>14373</v>
      </c>
      <c r="J18113" s="365"/>
      <c r="K18113" s="367"/>
      <c r="L18113" s="365"/>
    </row>
    <row r="18114" spans="2:12">
      <c r="B18114" s="367"/>
      <c r="C18114" s="367"/>
      <c r="D18114" s="367"/>
      <c r="E18114" s="367"/>
      <c r="F18114" s="360"/>
      <c r="G18114" s="360"/>
      <c r="H18114" s="360"/>
      <c r="I18114" s="360"/>
      <c r="J18114" s="365"/>
      <c r="K18114" s="367"/>
      <c r="L18114" s="365"/>
    </row>
    <row r="18115" spans="2:12" ht="28.5">
      <c r="B18115" s="368"/>
      <c r="C18115" s="368"/>
      <c r="D18115" s="368"/>
      <c r="E18115" s="368"/>
      <c r="F18115" s="361" t="s">
        <v>14374</v>
      </c>
      <c r="G18115" s="361" t="s">
        <v>14373</v>
      </c>
      <c r="H18115" s="362"/>
      <c r="I18115" s="362"/>
      <c r="J18115" s="366"/>
      <c r="K18115" s="368"/>
      <c r="L18115" s="366"/>
    </row>
    <row r="18116" spans="2:12" ht="28.5">
      <c r="B18116" s="358" t="s">
        <v>23854</v>
      </c>
      <c r="C18116" s="358" t="s">
        <v>23855</v>
      </c>
      <c r="D18116" s="358" t="s">
        <v>23856</v>
      </c>
      <c r="E18116" s="358" t="s">
        <v>23857</v>
      </c>
      <c r="F18116" s="358" t="s">
        <v>14472</v>
      </c>
      <c r="G18116" s="358" t="s">
        <v>14473</v>
      </c>
      <c r="H18116" s="358" t="s">
        <v>8356</v>
      </c>
      <c r="I18116" s="358" t="s">
        <v>14473</v>
      </c>
      <c r="J18116" s="358"/>
      <c r="K18116" s="358"/>
      <c r="L18116" s="358"/>
    </row>
    <row r="18117" spans="2:12">
      <c r="B18117" s="368"/>
      <c r="C18117" s="368"/>
      <c r="D18117" s="368"/>
      <c r="E18117" s="368"/>
      <c r="F18117" s="368"/>
      <c r="G18117" s="368"/>
      <c r="H18117" s="368"/>
      <c r="I18117" s="368"/>
      <c r="J18117" s="366"/>
      <c r="K18117" s="366"/>
      <c r="L18117" s="366"/>
    </row>
    <row r="18118" spans="2:12">
      <c r="B18118" s="358" t="s">
        <v>23858</v>
      </c>
      <c r="C18118" s="358" t="s">
        <v>23859</v>
      </c>
      <c r="D18118" s="358" t="s">
        <v>23860</v>
      </c>
      <c r="E18118" s="358" t="s">
        <v>23861</v>
      </c>
      <c r="F18118" s="358" t="s">
        <v>14426</v>
      </c>
      <c r="G18118" s="358" t="s">
        <v>14427</v>
      </c>
      <c r="H18118" s="358" t="s">
        <v>14381</v>
      </c>
      <c r="I18118" s="358" t="s">
        <v>14427</v>
      </c>
      <c r="J18118" s="358"/>
      <c r="K18118" s="358"/>
      <c r="L18118" s="358"/>
    </row>
    <row r="18119" spans="2:12">
      <c r="B18119" s="367"/>
      <c r="C18119" s="367"/>
      <c r="D18119" s="367"/>
      <c r="E18119" s="367"/>
      <c r="F18119" s="360"/>
      <c r="G18119" s="360"/>
      <c r="H18119" s="360"/>
      <c r="I18119" s="360"/>
      <c r="J18119" s="365"/>
      <c r="K18119" s="365"/>
      <c r="L18119" s="365"/>
    </row>
    <row r="18120" spans="2:12">
      <c r="B18120" s="367"/>
      <c r="C18120" s="367"/>
      <c r="D18120" s="367"/>
      <c r="E18120" s="367"/>
      <c r="F18120" s="359" t="s">
        <v>14420</v>
      </c>
      <c r="G18120" s="359" t="s">
        <v>14429</v>
      </c>
      <c r="H18120" s="359" t="s">
        <v>14367</v>
      </c>
      <c r="I18120" s="359" t="s">
        <v>14429</v>
      </c>
      <c r="J18120" s="365"/>
      <c r="K18120" s="365"/>
      <c r="L18120" s="365"/>
    </row>
    <row r="18121" spans="2:12">
      <c r="B18121" s="367"/>
      <c r="C18121" s="367"/>
      <c r="D18121" s="367"/>
      <c r="E18121" s="367"/>
      <c r="F18121" s="360"/>
      <c r="G18121" s="360"/>
      <c r="H18121" s="360"/>
      <c r="I18121" s="360"/>
      <c r="J18121" s="365"/>
      <c r="K18121" s="365"/>
      <c r="L18121" s="365"/>
    </row>
    <row r="18122" spans="2:12">
      <c r="B18122" s="367"/>
      <c r="C18122" s="367"/>
      <c r="D18122" s="367"/>
      <c r="E18122" s="367"/>
      <c r="F18122" s="359" t="s">
        <v>14460</v>
      </c>
      <c r="G18122" s="359" t="s">
        <v>14461</v>
      </c>
      <c r="H18122" s="359" t="s">
        <v>14370</v>
      </c>
      <c r="I18122" s="359" t="s">
        <v>14461</v>
      </c>
      <c r="J18122" s="365"/>
      <c r="K18122" s="365"/>
      <c r="L18122" s="365"/>
    </row>
    <row r="18123" spans="2:12">
      <c r="B18123" s="367"/>
      <c r="C18123" s="367"/>
      <c r="D18123" s="367"/>
      <c r="E18123" s="367"/>
      <c r="F18123" s="360"/>
      <c r="G18123" s="360"/>
      <c r="H18123" s="360"/>
      <c r="I18123" s="360"/>
      <c r="J18123" s="365"/>
      <c r="K18123" s="365"/>
      <c r="L18123" s="365"/>
    </row>
    <row r="18124" spans="2:12">
      <c r="B18124" s="367"/>
      <c r="C18124" s="367"/>
      <c r="D18124" s="367"/>
      <c r="E18124" s="367"/>
      <c r="F18124" s="359" t="s">
        <v>14371</v>
      </c>
      <c r="G18124" s="359" t="s">
        <v>14372</v>
      </c>
      <c r="H18124" s="359" t="s">
        <v>14422</v>
      </c>
      <c r="I18124" s="359" t="s">
        <v>14373</v>
      </c>
      <c r="J18124" s="365"/>
      <c r="K18124" s="365"/>
      <c r="L18124" s="365"/>
    </row>
    <row r="18125" spans="2:12">
      <c r="B18125" s="367"/>
      <c r="C18125" s="367"/>
      <c r="D18125" s="367"/>
      <c r="E18125" s="367"/>
      <c r="F18125" s="360"/>
      <c r="G18125" s="360"/>
      <c r="H18125" s="360"/>
      <c r="I18125" s="360"/>
      <c r="J18125" s="365"/>
      <c r="K18125" s="365"/>
      <c r="L18125" s="365"/>
    </row>
    <row r="18126" spans="2:12" ht="28.5">
      <c r="B18126" s="368"/>
      <c r="C18126" s="368"/>
      <c r="D18126" s="368"/>
      <c r="E18126" s="368"/>
      <c r="F18126" s="361" t="s">
        <v>14374</v>
      </c>
      <c r="G18126" s="361" t="s">
        <v>14373</v>
      </c>
      <c r="H18126" s="362"/>
      <c r="I18126" s="362"/>
      <c r="J18126" s="366"/>
      <c r="K18126" s="366"/>
      <c r="L18126" s="366"/>
    </row>
    <row r="18127" spans="2:12">
      <c r="B18127" s="358" t="s">
        <v>23862</v>
      </c>
      <c r="C18127" s="358" t="s">
        <v>27902</v>
      </c>
      <c r="D18127" s="358" t="s">
        <v>23863</v>
      </c>
      <c r="E18127" s="358" t="s">
        <v>8356</v>
      </c>
      <c r="F18127" s="358" t="s">
        <v>14391</v>
      </c>
      <c r="G18127" s="358" t="s">
        <v>14392</v>
      </c>
      <c r="H18127" s="358" t="s">
        <v>14367</v>
      </c>
      <c r="I18127" s="358" t="s">
        <v>14392</v>
      </c>
      <c r="J18127" s="358"/>
      <c r="K18127" s="358"/>
      <c r="L18127" s="358"/>
    </row>
    <row r="18128" spans="2:12">
      <c r="B18128" s="367"/>
      <c r="C18128" s="367"/>
      <c r="D18128" s="367"/>
      <c r="E18128" s="367"/>
      <c r="F18128" s="360"/>
      <c r="G18128" s="360"/>
      <c r="H18128" s="360"/>
      <c r="I18128" s="360"/>
      <c r="J18128" s="365"/>
      <c r="K18128" s="365"/>
      <c r="L18128" s="365"/>
    </row>
    <row r="18129" spans="2:12" ht="28.5">
      <c r="B18129" s="368"/>
      <c r="C18129" s="368"/>
      <c r="D18129" s="368"/>
      <c r="E18129" s="368"/>
      <c r="F18129" s="361" t="s">
        <v>14462</v>
      </c>
      <c r="G18129" s="361" t="s">
        <v>14463</v>
      </c>
      <c r="H18129" s="361" t="s">
        <v>14422</v>
      </c>
      <c r="I18129" s="361" t="s">
        <v>14463</v>
      </c>
      <c r="J18129" s="366"/>
      <c r="K18129" s="366"/>
      <c r="L18129" s="366"/>
    </row>
    <row r="18130" spans="2:12" ht="28.5">
      <c r="B18130" s="358" t="s">
        <v>23864</v>
      </c>
      <c r="C18130" s="358" t="s">
        <v>27903</v>
      </c>
      <c r="D18130" s="358" t="s">
        <v>23865</v>
      </c>
      <c r="E18130" s="358" t="s">
        <v>8356</v>
      </c>
      <c r="F18130" s="358" t="s">
        <v>14462</v>
      </c>
      <c r="G18130" s="358" t="s">
        <v>14463</v>
      </c>
      <c r="H18130" s="358" t="s">
        <v>8356</v>
      </c>
      <c r="I18130" s="358" t="s">
        <v>14463</v>
      </c>
      <c r="J18130" s="358"/>
      <c r="K18130" s="358"/>
      <c r="L18130" s="358"/>
    </row>
    <row r="18131" spans="2:12">
      <c r="B18131" s="367"/>
      <c r="C18131" s="360"/>
      <c r="D18131" s="367"/>
      <c r="E18131" s="367"/>
      <c r="F18131" s="367"/>
      <c r="G18131" s="367"/>
      <c r="H18131" s="367"/>
      <c r="I18131" s="367"/>
      <c r="J18131" s="365"/>
      <c r="K18131" s="365"/>
      <c r="L18131" s="365"/>
    </row>
    <row r="18132" spans="2:12" ht="28.5">
      <c r="B18132" s="367"/>
      <c r="C18132" s="359" t="s">
        <v>27904</v>
      </c>
      <c r="D18132" s="367"/>
      <c r="E18132" s="367"/>
      <c r="F18132" s="367"/>
      <c r="G18132" s="367"/>
      <c r="H18132" s="367"/>
      <c r="I18132" s="367"/>
      <c r="J18132" s="365"/>
      <c r="K18132" s="365"/>
      <c r="L18132" s="365"/>
    </row>
    <row r="18133" spans="2:12">
      <c r="B18133" s="367"/>
      <c r="C18133" s="360"/>
      <c r="D18133" s="367"/>
      <c r="E18133" s="367"/>
      <c r="F18133" s="367"/>
      <c r="G18133" s="367"/>
      <c r="H18133" s="367"/>
      <c r="I18133" s="367"/>
      <c r="J18133" s="365"/>
      <c r="K18133" s="365"/>
      <c r="L18133" s="365"/>
    </row>
    <row r="18134" spans="2:12" ht="28.5">
      <c r="B18134" s="367"/>
      <c r="C18134" s="359" t="s">
        <v>27905</v>
      </c>
      <c r="D18134" s="367"/>
      <c r="E18134" s="367"/>
      <c r="F18134" s="367"/>
      <c r="G18134" s="367"/>
      <c r="H18134" s="367"/>
      <c r="I18134" s="367"/>
      <c r="J18134" s="365"/>
      <c r="K18134" s="365"/>
      <c r="L18134" s="365"/>
    </row>
    <row r="18135" spans="2:12">
      <c r="B18135" s="367"/>
      <c r="C18135" s="360"/>
      <c r="D18135" s="367"/>
      <c r="E18135" s="367"/>
      <c r="F18135" s="367"/>
      <c r="G18135" s="367"/>
      <c r="H18135" s="367"/>
      <c r="I18135" s="367"/>
      <c r="J18135" s="365"/>
      <c r="K18135" s="365"/>
      <c r="L18135" s="365"/>
    </row>
    <row r="18136" spans="2:12" ht="28.5">
      <c r="B18136" s="368"/>
      <c r="C18136" s="361" t="s">
        <v>30386</v>
      </c>
      <c r="D18136" s="368"/>
      <c r="E18136" s="368"/>
      <c r="F18136" s="368"/>
      <c r="G18136" s="368"/>
      <c r="H18136" s="368"/>
      <c r="I18136" s="368"/>
      <c r="J18136" s="366"/>
      <c r="K18136" s="366"/>
      <c r="L18136" s="366"/>
    </row>
    <row r="18137" spans="2:12">
      <c r="B18137" s="358" t="s">
        <v>23866</v>
      </c>
      <c r="C18137" s="358" t="s">
        <v>30387</v>
      </c>
      <c r="D18137" s="358" t="s">
        <v>23867</v>
      </c>
      <c r="E18137" s="358" t="s">
        <v>8356</v>
      </c>
      <c r="F18137" s="358" t="s">
        <v>14420</v>
      </c>
      <c r="G18137" s="358" t="s">
        <v>14429</v>
      </c>
      <c r="H18137" s="358" t="s">
        <v>14367</v>
      </c>
      <c r="I18137" s="358" t="s">
        <v>14429</v>
      </c>
      <c r="J18137" s="358"/>
      <c r="K18137" s="358"/>
      <c r="L18137" s="358"/>
    </row>
    <row r="18138" spans="2:12">
      <c r="B18138" s="367"/>
      <c r="C18138" s="360"/>
      <c r="D18138" s="367"/>
      <c r="E18138" s="367"/>
      <c r="F18138" s="360"/>
      <c r="G18138" s="360"/>
      <c r="H18138" s="360"/>
      <c r="I18138" s="360"/>
      <c r="J18138" s="365"/>
      <c r="K18138" s="365"/>
      <c r="L18138" s="365"/>
    </row>
    <row r="18139" spans="2:12">
      <c r="B18139" s="367"/>
      <c r="C18139" s="359" t="s">
        <v>29563</v>
      </c>
      <c r="D18139" s="367"/>
      <c r="E18139" s="367"/>
      <c r="F18139" s="359" t="s">
        <v>14391</v>
      </c>
      <c r="G18139" s="359" t="s">
        <v>14392</v>
      </c>
      <c r="H18139" s="359" t="s">
        <v>14422</v>
      </c>
      <c r="I18139" s="359" t="s">
        <v>14392</v>
      </c>
      <c r="J18139" s="365"/>
      <c r="K18139" s="365"/>
      <c r="L18139" s="365"/>
    </row>
    <row r="18140" spans="2:12">
      <c r="B18140" s="367"/>
      <c r="C18140" s="360"/>
      <c r="D18140" s="367"/>
      <c r="E18140" s="367"/>
      <c r="F18140" s="360"/>
      <c r="G18140" s="360"/>
      <c r="H18140" s="360"/>
      <c r="I18140" s="360"/>
      <c r="J18140" s="365"/>
      <c r="K18140" s="365"/>
      <c r="L18140" s="365"/>
    </row>
    <row r="18141" spans="2:12" ht="28.5">
      <c r="B18141" s="368"/>
      <c r="C18141" s="362"/>
      <c r="D18141" s="368"/>
      <c r="E18141" s="368"/>
      <c r="F18141" s="361" t="s">
        <v>14472</v>
      </c>
      <c r="G18141" s="361" t="s">
        <v>14473</v>
      </c>
      <c r="H18141" s="362"/>
      <c r="I18141" s="361" t="s">
        <v>14473</v>
      </c>
      <c r="J18141" s="366"/>
      <c r="K18141" s="366"/>
      <c r="L18141" s="366"/>
    </row>
    <row r="18142" spans="2:12" ht="42.75">
      <c r="B18142" s="358" t="s">
        <v>23868</v>
      </c>
      <c r="C18142" s="358" t="s">
        <v>23869</v>
      </c>
      <c r="D18142" s="358" t="s">
        <v>23870</v>
      </c>
      <c r="E18142" s="358" t="s">
        <v>23871</v>
      </c>
      <c r="F18142" s="358" t="s">
        <v>14462</v>
      </c>
      <c r="G18142" s="358" t="s">
        <v>14463</v>
      </c>
      <c r="H18142" s="358" t="s">
        <v>8356</v>
      </c>
      <c r="I18142" s="358" t="s">
        <v>14463</v>
      </c>
      <c r="J18142" s="358"/>
      <c r="K18142" s="358"/>
      <c r="L18142" s="358"/>
    </row>
    <row r="18143" spans="2:12">
      <c r="B18143" s="367"/>
      <c r="C18143" s="360"/>
      <c r="D18143" s="367"/>
      <c r="E18143" s="367"/>
      <c r="F18143" s="367"/>
      <c r="G18143" s="367"/>
      <c r="H18143" s="367"/>
      <c r="I18143" s="367"/>
      <c r="J18143" s="365"/>
      <c r="K18143" s="365"/>
      <c r="L18143" s="365"/>
    </row>
    <row r="18144" spans="2:12" ht="28.5">
      <c r="B18144" s="368"/>
      <c r="C18144" s="361" t="s">
        <v>23872</v>
      </c>
      <c r="D18144" s="368"/>
      <c r="E18144" s="368"/>
      <c r="F18144" s="368"/>
      <c r="G18144" s="368"/>
      <c r="H18144" s="368"/>
      <c r="I18144" s="368"/>
      <c r="J18144" s="366"/>
      <c r="K18144" s="366"/>
      <c r="L18144" s="366"/>
    </row>
    <row r="18145" spans="2:12" ht="42.75">
      <c r="B18145" s="358" t="s">
        <v>23873</v>
      </c>
      <c r="C18145" s="358" t="s">
        <v>29564</v>
      </c>
      <c r="D18145" s="358" t="s">
        <v>23874</v>
      </c>
      <c r="E18145" s="358" t="s">
        <v>8356</v>
      </c>
      <c r="F18145" s="358" t="s">
        <v>14394</v>
      </c>
      <c r="G18145" s="358" t="s">
        <v>14395</v>
      </c>
      <c r="H18145" s="358" t="s">
        <v>14370</v>
      </c>
      <c r="I18145" s="358" t="s">
        <v>14395</v>
      </c>
      <c r="J18145" s="358"/>
      <c r="K18145" s="358"/>
      <c r="L18145" s="358"/>
    </row>
    <row r="18146" spans="2:12">
      <c r="B18146" s="368"/>
      <c r="C18146" s="368"/>
      <c r="D18146" s="368"/>
      <c r="E18146" s="368"/>
      <c r="F18146" s="368"/>
      <c r="G18146" s="368"/>
      <c r="H18146" s="368"/>
      <c r="I18146" s="368"/>
      <c r="J18146" s="366"/>
      <c r="K18146" s="366"/>
      <c r="L18146" s="366"/>
    </row>
    <row r="18147" spans="2:12" ht="28.5">
      <c r="B18147" s="358" t="s">
        <v>23875</v>
      </c>
      <c r="C18147" s="358" t="s">
        <v>23876</v>
      </c>
      <c r="D18147" s="358" t="s">
        <v>23877</v>
      </c>
      <c r="E18147" s="358" t="s">
        <v>8356</v>
      </c>
      <c r="F18147" s="358" t="s">
        <v>14420</v>
      </c>
      <c r="G18147" s="358" t="s">
        <v>14429</v>
      </c>
      <c r="H18147" s="358" t="s">
        <v>14341</v>
      </c>
      <c r="I18147" s="358" t="s">
        <v>14429</v>
      </c>
      <c r="J18147" s="358"/>
      <c r="K18147" s="358"/>
      <c r="L18147" s="358"/>
    </row>
    <row r="18148" spans="2:12">
      <c r="B18148" s="367"/>
      <c r="C18148" s="367"/>
      <c r="D18148" s="367"/>
      <c r="E18148" s="367"/>
      <c r="F18148" s="360"/>
      <c r="G18148" s="360"/>
      <c r="H18148" s="360"/>
      <c r="I18148" s="360"/>
      <c r="J18148" s="365"/>
      <c r="K18148" s="365"/>
      <c r="L18148" s="365"/>
    </row>
    <row r="18149" spans="2:12">
      <c r="B18149" s="367"/>
      <c r="C18149" s="367"/>
      <c r="D18149" s="367"/>
      <c r="E18149" s="367"/>
      <c r="F18149" s="359" t="s">
        <v>14339</v>
      </c>
      <c r="G18149" s="359" t="s">
        <v>14340</v>
      </c>
      <c r="H18149" s="359" t="s">
        <v>14367</v>
      </c>
      <c r="I18149" s="359" t="s">
        <v>14340</v>
      </c>
      <c r="J18149" s="365"/>
      <c r="K18149" s="365"/>
      <c r="L18149" s="365"/>
    </row>
    <row r="18150" spans="2:12">
      <c r="B18150" s="367"/>
      <c r="C18150" s="367"/>
      <c r="D18150" s="367"/>
      <c r="E18150" s="367"/>
      <c r="F18150" s="360"/>
      <c r="G18150" s="360"/>
      <c r="H18150" s="360"/>
      <c r="I18150" s="360"/>
      <c r="J18150" s="365"/>
      <c r="K18150" s="365"/>
      <c r="L18150" s="365"/>
    </row>
    <row r="18151" spans="2:12">
      <c r="B18151" s="367"/>
      <c r="C18151" s="367"/>
      <c r="D18151" s="367"/>
      <c r="E18151" s="367"/>
      <c r="F18151" s="359" t="s">
        <v>14371</v>
      </c>
      <c r="G18151" s="359" t="s">
        <v>14372</v>
      </c>
      <c r="H18151" s="359" t="s">
        <v>14370</v>
      </c>
      <c r="I18151" s="359" t="s">
        <v>14373</v>
      </c>
      <c r="J18151" s="365"/>
      <c r="K18151" s="365"/>
      <c r="L18151" s="365"/>
    </row>
    <row r="18152" spans="2:12">
      <c r="B18152" s="367"/>
      <c r="C18152" s="367"/>
      <c r="D18152" s="367"/>
      <c r="E18152" s="367"/>
      <c r="F18152" s="360"/>
      <c r="G18152" s="360"/>
      <c r="H18152" s="360"/>
      <c r="I18152" s="360"/>
      <c r="J18152" s="365"/>
      <c r="K18152" s="365"/>
      <c r="L18152" s="365"/>
    </row>
    <row r="18153" spans="2:12" ht="28.5">
      <c r="B18153" s="368"/>
      <c r="C18153" s="368"/>
      <c r="D18153" s="368"/>
      <c r="E18153" s="368"/>
      <c r="F18153" s="361" t="s">
        <v>14374</v>
      </c>
      <c r="G18153" s="361" t="s">
        <v>14373</v>
      </c>
      <c r="H18153" s="361" t="s">
        <v>14332</v>
      </c>
      <c r="I18153" s="362"/>
      <c r="J18153" s="366"/>
      <c r="K18153" s="366"/>
      <c r="L18153" s="366"/>
    </row>
    <row r="18154" spans="2:12" ht="28.5">
      <c r="B18154" s="358" t="s">
        <v>23878</v>
      </c>
      <c r="C18154" s="358" t="s">
        <v>27906</v>
      </c>
      <c r="D18154" s="358" t="s">
        <v>23879</v>
      </c>
      <c r="E18154" s="358" t="s">
        <v>8356</v>
      </c>
      <c r="F18154" s="358" t="s">
        <v>14420</v>
      </c>
      <c r="G18154" s="358" t="s">
        <v>14429</v>
      </c>
      <c r="H18154" s="358" t="s">
        <v>14341</v>
      </c>
      <c r="I18154" s="358" t="s">
        <v>14429</v>
      </c>
      <c r="J18154" s="358"/>
      <c r="K18154" s="358"/>
      <c r="L18154" s="358"/>
    </row>
    <row r="18155" spans="2:12">
      <c r="B18155" s="367"/>
      <c r="C18155" s="367"/>
      <c r="D18155" s="367"/>
      <c r="E18155" s="367"/>
      <c r="F18155" s="360"/>
      <c r="G18155" s="360"/>
      <c r="H18155" s="360"/>
      <c r="I18155" s="360"/>
      <c r="J18155" s="365"/>
      <c r="K18155" s="365"/>
      <c r="L18155" s="365"/>
    </row>
    <row r="18156" spans="2:12">
      <c r="B18156" s="367"/>
      <c r="C18156" s="367"/>
      <c r="D18156" s="367"/>
      <c r="E18156" s="367"/>
      <c r="F18156" s="359" t="s">
        <v>14430</v>
      </c>
      <c r="G18156" s="359" t="s">
        <v>14431</v>
      </c>
      <c r="H18156" s="359" t="s">
        <v>14367</v>
      </c>
      <c r="I18156" s="359" t="s">
        <v>14431</v>
      </c>
      <c r="J18156" s="365"/>
      <c r="K18156" s="365"/>
      <c r="L18156" s="365"/>
    </row>
    <row r="18157" spans="2:12">
      <c r="B18157" s="367"/>
      <c r="C18157" s="367"/>
      <c r="D18157" s="367"/>
      <c r="E18157" s="367"/>
      <c r="F18157" s="360"/>
      <c r="G18157" s="360"/>
      <c r="H18157" s="360"/>
      <c r="I18157" s="360"/>
      <c r="J18157" s="365"/>
      <c r="K18157" s="365"/>
      <c r="L18157" s="365"/>
    </row>
    <row r="18158" spans="2:12">
      <c r="B18158" s="367"/>
      <c r="C18158" s="367"/>
      <c r="D18158" s="367"/>
      <c r="E18158" s="367"/>
      <c r="F18158" s="359" t="s">
        <v>14391</v>
      </c>
      <c r="G18158" s="359" t="s">
        <v>14392</v>
      </c>
      <c r="H18158" s="359" t="s">
        <v>14332</v>
      </c>
      <c r="I18158" s="359" t="s">
        <v>14392</v>
      </c>
      <c r="J18158" s="365"/>
      <c r="K18158" s="365"/>
      <c r="L18158" s="365"/>
    </row>
    <row r="18159" spans="2:12">
      <c r="B18159" s="367"/>
      <c r="C18159" s="367"/>
      <c r="D18159" s="367"/>
      <c r="E18159" s="367"/>
      <c r="F18159" s="360"/>
      <c r="G18159" s="360"/>
      <c r="H18159" s="360"/>
      <c r="I18159" s="360"/>
      <c r="J18159" s="365"/>
      <c r="K18159" s="365"/>
      <c r="L18159" s="365"/>
    </row>
    <row r="18160" spans="2:12" ht="28.5">
      <c r="B18160" s="368"/>
      <c r="C18160" s="368"/>
      <c r="D18160" s="368"/>
      <c r="E18160" s="368"/>
      <c r="F18160" s="361" t="s">
        <v>14472</v>
      </c>
      <c r="G18160" s="361" t="s">
        <v>14473</v>
      </c>
      <c r="H18160" s="362"/>
      <c r="I18160" s="361" t="s">
        <v>14473</v>
      </c>
      <c r="J18160" s="366"/>
      <c r="K18160" s="366"/>
      <c r="L18160" s="366"/>
    </row>
    <row r="18161" spans="2:12" ht="28.5">
      <c r="B18161" s="358" t="s">
        <v>23880</v>
      </c>
      <c r="C18161" s="358" t="s">
        <v>27907</v>
      </c>
      <c r="D18161" s="358" t="s">
        <v>23881</v>
      </c>
      <c r="E18161" s="358" t="s">
        <v>23882</v>
      </c>
      <c r="F18161" s="358" t="s">
        <v>14389</v>
      </c>
      <c r="G18161" s="358" t="s">
        <v>14390</v>
      </c>
      <c r="H18161" s="358" t="s">
        <v>14341</v>
      </c>
      <c r="I18161" s="358" t="s">
        <v>14390</v>
      </c>
      <c r="J18161" s="358"/>
      <c r="K18161" s="358" t="s">
        <v>14820</v>
      </c>
      <c r="L18161" s="358"/>
    </row>
    <row r="18162" spans="2:12">
      <c r="B18162" s="367"/>
      <c r="C18162" s="367"/>
      <c r="D18162" s="367"/>
      <c r="E18162" s="367"/>
      <c r="F18162" s="360"/>
      <c r="G18162" s="360"/>
      <c r="H18162" s="360"/>
      <c r="I18162" s="360"/>
      <c r="J18162" s="365"/>
      <c r="K18162" s="367"/>
      <c r="L18162" s="365"/>
    </row>
    <row r="18163" spans="2:12">
      <c r="B18163" s="367"/>
      <c r="C18163" s="367"/>
      <c r="D18163" s="367"/>
      <c r="E18163" s="367"/>
      <c r="F18163" s="359" t="s">
        <v>14430</v>
      </c>
      <c r="G18163" s="359" t="s">
        <v>14431</v>
      </c>
      <c r="H18163" s="359" t="s">
        <v>14367</v>
      </c>
      <c r="I18163" s="359" t="s">
        <v>14431</v>
      </c>
      <c r="J18163" s="365"/>
      <c r="K18163" s="367"/>
      <c r="L18163" s="365"/>
    </row>
    <row r="18164" spans="2:12">
      <c r="B18164" s="367"/>
      <c r="C18164" s="367"/>
      <c r="D18164" s="367"/>
      <c r="E18164" s="367"/>
      <c r="F18164" s="360"/>
      <c r="G18164" s="360"/>
      <c r="H18164" s="360"/>
      <c r="I18164" s="360"/>
      <c r="J18164" s="365"/>
      <c r="K18164" s="367"/>
      <c r="L18164" s="365"/>
    </row>
    <row r="18165" spans="2:12">
      <c r="B18165" s="367"/>
      <c r="C18165" s="367"/>
      <c r="D18165" s="367"/>
      <c r="E18165" s="367"/>
      <c r="F18165" s="359" t="s">
        <v>14391</v>
      </c>
      <c r="G18165" s="359" t="s">
        <v>14392</v>
      </c>
      <c r="H18165" s="359" t="s">
        <v>14370</v>
      </c>
      <c r="I18165" s="359" t="s">
        <v>14392</v>
      </c>
      <c r="J18165" s="365"/>
      <c r="K18165" s="367"/>
      <c r="L18165" s="365"/>
    </row>
    <row r="18166" spans="2:12">
      <c r="B18166" s="367"/>
      <c r="C18166" s="367"/>
      <c r="D18166" s="367"/>
      <c r="E18166" s="367"/>
      <c r="F18166" s="360"/>
      <c r="G18166" s="360"/>
      <c r="H18166" s="360"/>
      <c r="I18166" s="360"/>
      <c r="J18166" s="365"/>
      <c r="K18166" s="367"/>
      <c r="L18166" s="365"/>
    </row>
    <row r="18167" spans="2:12">
      <c r="B18167" s="367"/>
      <c r="C18167" s="367"/>
      <c r="D18167" s="367"/>
      <c r="E18167" s="367"/>
      <c r="F18167" s="359" t="s">
        <v>14371</v>
      </c>
      <c r="G18167" s="359" t="s">
        <v>14372</v>
      </c>
      <c r="H18167" s="359" t="s">
        <v>14332</v>
      </c>
      <c r="I18167" s="359" t="s">
        <v>14373</v>
      </c>
      <c r="J18167" s="365"/>
      <c r="K18167" s="367"/>
      <c r="L18167" s="365"/>
    </row>
    <row r="18168" spans="2:12">
      <c r="B18168" s="367"/>
      <c r="C18168" s="367"/>
      <c r="D18168" s="367"/>
      <c r="E18168" s="367"/>
      <c r="F18168" s="360"/>
      <c r="G18168" s="360"/>
      <c r="H18168" s="360"/>
      <c r="I18168" s="360"/>
      <c r="J18168" s="365"/>
      <c r="K18168" s="367"/>
      <c r="L18168" s="365"/>
    </row>
    <row r="18169" spans="2:12" ht="28.5">
      <c r="B18169" s="368"/>
      <c r="C18169" s="368"/>
      <c r="D18169" s="368"/>
      <c r="E18169" s="368"/>
      <c r="F18169" s="361" t="s">
        <v>14374</v>
      </c>
      <c r="G18169" s="361" t="s">
        <v>14373</v>
      </c>
      <c r="H18169" s="362"/>
      <c r="I18169" s="362"/>
      <c r="J18169" s="366"/>
      <c r="K18169" s="368"/>
      <c r="L18169" s="366"/>
    </row>
    <row r="18170" spans="2:12" ht="85.5">
      <c r="B18170" s="358" t="s">
        <v>23883</v>
      </c>
      <c r="C18170" s="358" t="s">
        <v>23884</v>
      </c>
      <c r="D18170" s="358" t="s">
        <v>23885</v>
      </c>
      <c r="E18170" s="358" t="s">
        <v>23886</v>
      </c>
      <c r="F18170" s="358" t="s">
        <v>14430</v>
      </c>
      <c r="G18170" s="358" t="s">
        <v>14431</v>
      </c>
      <c r="H18170" s="358" t="s">
        <v>14341</v>
      </c>
      <c r="I18170" s="358" t="s">
        <v>14431</v>
      </c>
      <c r="J18170" s="358"/>
      <c r="K18170" s="358"/>
      <c r="L18170" s="358"/>
    </row>
    <row r="18171" spans="2:12">
      <c r="B18171" s="367"/>
      <c r="C18171" s="367"/>
      <c r="D18171" s="367"/>
      <c r="E18171" s="367"/>
      <c r="F18171" s="360"/>
      <c r="G18171" s="360"/>
      <c r="H18171" s="360"/>
      <c r="I18171" s="360"/>
      <c r="J18171" s="365"/>
      <c r="K18171" s="365"/>
      <c r="L18171" s="365"/>
    </row>
    <row r="18172" spans="2:12">
      <c r="B18172" s="367"/>
      <c r="C18172" s="367"/>
      <c r="D18172" s="367"/>
      <c r="E18172" s="367"/>
      <c r="F18172" s="359" t="s">
        <v>14391</v>
      </c>
      <c r="G18172" s="359" t="s">
        <v>14392</v>
      </c>
      <c r="H18172" s="359" t="s">
        <v>14367</v>
      </c>
      <c r="I18172" s="359" t="s">
        <v>14392</v>
      </c>
      <c r="J18172" s="365"/>
      <c r="K18172" s="365"/>
      <c r="L18172" s="365"/>
    </row>
    <row r="18173" spans="2:12">
      <c r="B18173" s="367"/>
      <c r="C18173" s="367"/>
      <c r="D18173" s="367"/>
      <c r="E18173" s="367"/>
      <c r="F18173" s="360"/>
      <c r="G18173" s="360"/>
      <c r="H18173" s="360"/>
      <c r="I18173" s="360"/>
      <c r="J18173" s="365"/>
      <c r="K18173" s="365"/>
      <c r="L18173" s="365"/>
    </row>
    <row r="18174" spans="2:12" ht="28.5">
      <c r="B18174" s="368"/>
      <c r="C18174" s="368"/>
      <c r="D18174" s="368"/>
      <c r="E18174" s="368"/>
      <c r="F18174" s="361" t="s">
        <v>14472</v>
      </c>
      <c r="G18174" s="361" t="s">
        <v>14473</v>
      </c>
      <c r="H18174" s="361" t="s">
        <v>14332</v>
      </c>
      <c r="I18174" s="361" t="s">
        <v>14473</v>
      </c>
      <c r="J18174" s="366"/>
      <c r="K18174" s="366"/>
      <c r="L18174" s="366"/>
    </row>
    <row r="18175" spans="2:12" ht="71.25">
      <c r="B18175" s="358" t="s">
        <v>23887</v>
      </c>
      <c r="C18175" s="358" t="s">
        <v>29565</v>
      </c>
      <c r="D18175" s="358" t="s">
        <v>23888</v>
      </c>
      <c r="E18175" s="358" t="s">
        <v>23889</v>
      </c>
      <c r="F18175" s="358" t="s">
        <v>14430</v>
      </c>
      <c r="G18175" s="358" t="s">
        <v>14431</v>
      </c>
      <c r="H18175" s="358" t="s">
        <v>14341</v>
      </c>
      <c r="I18175" s="358" t="s">
        <v>14431</v>
      </c>
      <c r="J18175" s="358"/>
      <c r="K18175" s="358"/>
      <c r="L18175" s="358"/>
    </row>
    <row r="18176" spans="2:12">
      <c r="B18176" s="367"/>
      <c r="C18176" s="360"/>
      <c r="D18176" s="367"/>
      <c r="E18176" s="367"/>
      <c r="F18176" s="367"/>
      <c r="G18176" s="367"/>
      <c r="H18176" s="360"/>
      <c r="I18176" s="367"/>
      <c r="J18176" s="365"/>
      <c r="K18176" s="365"/>
      <c r="L18176" s="365"/>
    </row>
    <row r="18177" spans="2:12" ht="71.25">
      <c r="B18177" s="368"/>
      <c r="C18177" s="361" t="s">
        <v>29566</v>
      </c>
      <c r="D18177" s="368"/>
      <c r="E18177" s="368"/>
      <c r="F18177" s="368"/>
      <c r="G18177" s="368"/>
      <c r="H18177" s="361" t="s">
        <v>14332</v>
      </c>
      <c r="I18177" s="368"/>
      <c r="J18177" s="366"/>
      <c r="K18177" s="366"/>
      <c r="L18177" s="366"/>
    </row>
    <row r="18178" spans="2:12">
      <c r="B18178" s="358" t="s">
        <v>23890</v>
      </c>
      <c r="C18178" s="358" t="s">
        <v>23891</v>
      </c>
      <c r="D18178" s="358" t="s">
        <v>23892</v>
      </c>
      <c r="E18178" s="358" t="s">
        <v>23893</v>
      </c>
      <c r="F18178" s="358" t="s">
        <v>14426</v>
      </c>
      <c r="G18178" s="358" t="s">
        <v>14427</v>
      </c>
      <c r="H18178" s="358" t="s">
        <v>14378</v>
      </c>
      <c r="I18178" s="358" t="s">
        <v>14427</v>
      </c>
      <c r="J18178" s="358"/>
      <c r="K18178" s="358"/>
      <c r="L18178" s="358"/>
    </row>
    <row r="18179" spans="2:12">
      <c r="B18179" s="367"/>
      <c r="C18179" s="360"/>
      <c r="D18179" s="367"/>
      <c r="E18179" s="367"/>
      <c r="F18179" s="360"/>
      <c r="G18179" s="360"/>
      <c r="H18179" s="360"/>
      <c r="I18179" s="360"/>
      <c r="J18179" s="365"/>
      <c r="K18179" s="365"/>
      <c r="L18179" s="365"/>
    </row>
    <row r="18180" spans="2:12">
      <c r="B18180" s="367"/>
      <c r="C18180" s="359" t="s">
        <v>23894</v>
      </c>
      <c r="D18180" s="367"/>
      <c r="E18180" s="367"/>
      <c r="F18180" s="359" t="s">
        <v>14379</v>
      </c>
      <c r="G18180" s="359" t="s">
        <v>14380</v>
      </c>
      <c r="H18180" s="359" t="s">
        <v>14381</v>
      </c>
      <c r="I18180" s="359" t="s">
        <v>14380</v>
      </c>
      <c r="J18180" s="365"/>
      <c r="K18180" s="365"/>
      <c r="L18180" s="365"/>
    </row>
    <row r="18181" spans="2:12">
      <c r="B18181" s="367"/>
      <c r="C18181" s="360"/>
      <c r="D18181" s="367"/>
      <c r="E18181" s="367"/>
      <c r="F18181" s="360"/>
      <c r="G18181" s="360"/>
      <c r="H18181" s="360"/>
      <c r="I18181" s="360"/>
      <c r="J18181" s="365"/>
      <c r="K18181" s="365"/>
      <c r="L18181" s="365"/>
    </row>
    <row r="18182" spans="2:12">
      <c r="B18182" s="368"/>
      <c r="C18182" s="362"/>
      <c r="D18182" s="368"/>
      <c r="E18182" s="368"/>
      <c r="F18182" s="361" t="s">
        <v>14420</v>
      </c>
      <c r="G18182" s="361" t="s">
        <v>14429</v>
      </c>
      <c r="H18182" s="361" t="s">
        <v>14332</v>
      </c>
      <c r="I18182" s="361" t="s">
        <v>14429</v>
      </c>
      <c r="J18182" s="366"/>
      <c r="K18182" s="366"/>
      <c r="L18182" s="366"/>
    </row>
    <row r="18183" spans="2:12" ht="42.75">
      <c r="B18183" s="358" t="s">
        <v>23895</v>
      </c>
      <c r="C18183" s="358" t="s">
        <v>27908</v>
      </c>
      <c r="D18183" s="358" t="s">
        <v>23896</v>
      </c>
      <c r="E18183" s="358" t="s">
        <v>23897</v>
      </c>
      <c r="F18183" s="358" t="s">
        <v>14507</v>
      </c>
      <c r="G18183" s="358" t="s">
        <v>29567</v>
      </c>
      <c r="H18183" s="358" t="s">
        <v>14381</v>
      </c>
      <c r="I18183" s="358" t="s">
        <v>29491</v>
      </c>
      <c r="J18183" s="358"/>
      <c r="K18183" s="358"/>
      <c r="L18183" s="358"/>
    </row>
    <row r="18184" spans="2:12">
      <c r="B18184" s="367"/>
      <c r="C18184" s="367"/>
      <c r="D18184" s="367"/>
      <c r="E18184" s="367"/>
      <c r="F18184" s="360"/>
      <c r="G18184" s="360"/>
      <c r="H18184" s="360"/>
      <c r="I18184" s="360"/>
      <c r="J18184" s="365"/>
      <c r="K18184" s="365"/>
      <c r="L18184" s="365"/>
    </row>
    <row r="18185" spans="2:12">
      <c r="B18185" s="367"/>
      <c r="C18185" s="367"/>
      <c r="D18185" s="367"/>
      <c r="E18185" s="367"/>
      <c r="F18185" s="359" t="s">
        <v>14460</v>
      </c>
      <c r="G18185" s="359" t="s">
        <v>14390</v>
      </c>
      <c r="H18185" s="359" t="s">
        <v>14367</v>
      </c>
      <c r="I18185" s="359" t="s">
        <v>14387</v>
      </c>
      <c r="J18185" s="365"/>
      <c r="K18185" s="365"/>
      <c r="L18185" s="365"/>
    </row>
    <row r="18186" spans="2:12">
      <c r="B18186" s="367"/>
      <c r="C18186" s="367"/>
      <c r="D18186" s="367"/>
      <c r="E18186" s="367"/>
      <c r="F18186" s="360"/>
      <c r="G18186" s="360"/>
      <c r="H18186" s="360"/>
      <c r="I18186" s="360"/>
      <c r="J18186" s="365"/>
      <c r="K18186" s="365"/>
      <c r="L18186" s="365"/>
    </row>
    <row r="18187" spans="2:12">
      <c r="B18187" s="367"/>
      <c r="C18187" s="367"/>
      <c r="D18187" s="367"/>
      <c r="E18187" s="367"/>
      <c r="F18187" s="359" t="s">
        <v>14386</v>
      </c>
      <c r="G18187" s="359" t="s">
        <v>14392</v>
      </c>
      <c r="H18187" s="359" t="s">
        <v>14422</v>
      </c>
      <c r="I18187" s="359" t="s">
        <v>14390</v>
      </c>
      <c r="J18187" s="365"/>
      <c r="K18187" s="365"/>
      <c r="L18187" s="365"/>
    </row>
    <row r="18188" spans="2:12">
      <c r="B18188" s="367"/>
      <c r="C18188" s="367"/>
      <c r="D18188" s="367"/>
      <c r="E18188" s="367"/>
      <c r="F18188" s="360"/>
      <c r="G18188" s="360"/>
      <c r="H18188" s="360"/>
      <c r="I18188" s="360"/>
      <c r="J18188" s="365"/>
      <c r="K18188" s="365"/>
      <c r="L18188" s="365"/>
    </row>
    <row r="18189" spans="2:12">
      <c r="B18189" s="367"/>
      <c r="C18189" s="367"/>
      <c r="D18189" s="367"/>
      <c r="E18189" s="367"/>
      <c r="F18189" s="359" t="s">
        <v>14389</v>
      </c>
      <c r="G18189" s="360"/>
      <c r="H18189" s="360"/>
      <c r="I18189" s="359" t="s">
        <v>14392</v>
      </c>
      <c r="J18189" s="365"/>
      <c r="K18189" s="365"/>
      <c r="L18189" s="365"/>
    </row>
    <row r="18190" spans="2:12">
      <c r="B18190" s="367"/>
      <c r="C18190" s="367"/>
      <c r="D18190" s="367"/>
      <c r="E18190" s="367"/>
      <c r="F18190" s="360"/>
      <c r="G18190" s="360"/>
      <c r="H18190" s="360"/>
      <c r="I18190" s="360"/>
      <c r="J18190" s="365"/>
      <c r="K18190" s="365"/>
      <c r="L18190" s="365"/>
    </row>
    <row r="18191" spans="2:12">
      <c r="B18191" s="368"/>
      <c r="C18191" s="368"/>
      <c r="D18191" s="368"/>
      <c r="E18191" s="368"/>
      <c r="F18191" s="361" t="s">
        <v>14391</v>
      </c>
      <c r="G18191" s="362"/>
      <c r="H18191" s="362"/>
      <c r="I18191" s="362"/>
      <c r="J18191" s="366"/>
      <c r="K18191" s="366"/>
      <c r="L18191" s="366"/>
    </row>
    <row r="18192" spans="2:12">
      <c r="B18192" s="358" t="s">
        <v>10627</v>
      </c>
      <c r="C18192" s="358" t="s">
        <v>23898</v>
      </c>
      <c r="D18192" s="358" t="s">
        <v>10628</v>
      </c>
      <c r="E18192" s="358" t="s">
        <v>10629</v>
      </c>
      <c r="F18192" s="358" t="s">
        <v>14376</v>
      </c>
      <c r="G18192" s="358" t="s">
        <v>14669</v>
      </c>
      <c r="H18192" s="358" t="s">
        <v>14381</v>
      </c>
      <c r="I18192" s="358" t="s">
        <v>14669</v>
      </c>
      <c r="J18192" s="358"/>
      <c r="K18192" s="358"/>
      <c r="L18192" s="358"/>
    </row>
    <row r="18193" spans="2:12">
      <c r="B18193" s="367"/>
      <c r="C18193" s="360"/>
      <c r="D18193" s="367"/>
      <c r="E18193" s="367"/>
      <c r="F18193" s="367"/>
      <c r="G18193" s="367"/>
      <c r="H18193" s="360"/>
      <c r="I18193" s="367"/>
      <c r="J18193" s="365"/>
      <c r="K18193" s="365"/>
      <c r="L18193" s="365"/>
    </row>
    <row r="18194" spans="2:12">
      <c r="B18194" s="368"/>
      <c r="C18194" s="361" t="s">
        <v>23899</v>
      </c>
      <c r="D18194" s="368"/>
      <c r="E18194" s="368"/>
      <c r="F18194" s="368"/>
      <c r="G18194" s="368"/>
      <c r="H18194" s="361" t="s">
        <v>14332</v>
      </c>
      <c r="I18194" s="368"/>
      <c r="J18194" s="366"/>
      <c r="K18194" s="366"/>
      <c r="L18194" s="366"/>
    </row>
    <row r="18195" spans="2:12" ht="28.5">
      <c r="B18195" s="358" t="s">
        <v>23900</v>
      </c>
      <c r="C18195" s="358" t="s">
        <v>30388</v>
      </c>
      <c r="D18195" s="358" t="s">
        <v>23901</v>
      </c>
      <c r="E18195" s="358" t="s">
        <v>23902</v>
      </c>
      <c r="F18195" s="358" t="s">
        <v>14443</v>
      </c>
      <c r="G18195" s="358" t="s">
        <v>14444</v>
      </c>
      <c r="H18195" s="358" t="s">
        <v>14381</v>
      </c>
      <c r="I18195" s="358" t="s">
        <v>14444</v>
      </c>
      <c r="J18195" s="358"/>
      <c r="K18195" s="358"/>
      <c r="L18195" s="358"/>
    </row>
    <row r="18196" spans="2:12">
      <c r="B18196" s="367"/>
      <c r="C18196" s="367"/>
      <c r="D18196" s="367"/>
      <c r="E18196" s="367"/>
      <c r="F18196" s="360"/>
      <c r="G18196" s="360"/>
      <c r="H18196" s="360"/>
      <c r="I18196" s="360"/>
      <c r="J18196" s="365"/>
      <c r="K18196" s="365"/>
      <c r="L18196" s="365"/>
    </row>
    <row r="18197" spans="2:12">
      <c r="B18197" s="368"/>
      <c r="C18197" s="368"/>
      <c r="D18197" s="368"/>
      <c r="E18197" s="368"/>
      <c r="F18197" s="361" t="s">
        <v>14426</v>
      </c>
      <c r="G18197" s="361" t="s">
        <v>14427</v>
      </c>
      <c r="H18197" s="361" t="s">
        <v>14422</v>
      </c>
      <c r="I18197" s="361" t="s">
        <v>14427</v>
      </c>
      <c r="J18197" s="366"/>
      <c r="K18197" s="366"/>
      <c r="L18197" s="366"/>
    </row>
    <row r="18198" spans="2:12">
      <c r="B18198" s="358" t="s">
        <v>23903</v>
      </c>
      <c r="C18198" s="358" t="s">
        <v>23904</v>
      </c>
      <c r="D18198" s="358" t="s">
        <v>23905</v>
      </c>
      <c r="E18198" s="358" t="s">
        <v>5903</v>
      </c>
      <c r="F18198" s="358" t="s">
        <v>17310</v>
      </c>
      <c r="G18198" s="358" t="s">
        <v>17311</v>
      </c>
      <c r="H18198" s="358" t="s">
        <v>14341</v>
      </c>
      <c r="I18198" s="358" t="s">
        <v>17311</v>
      </c>
      <c r="J18198" s="358"/>
      <c r="K18198" s="358" t="s">
        <v>14517</v>
      </c>
      <c r="L18198" s="358"/>
    </row>
    <row r="18199" spans="2:12">
      <c r="B18199" s="367"/>
      <c r="C18199" s="367"/>
      <c r="D18199" s="367"/>
      <c r="E18199" s="367"/>
      <c r="F18199" s="360"/>
      <c r="G18199" s="360"/>
      <c r="H18199" s="360"/>
      <c r="I18199" s="360"/>
      <c r="J18199" s="365"/>
      <c r="K18199" s="360"/>
      <c r="L18199" s="365"/>
    </row>
    <row r="18200" spans="2:12" ht="71.25">
      <c r="B18200" s="367"/>
      <c r="C18200" s="367"/>
      <c r="D18200" s="367"/>
      <c r="E18200" s="367"/>
      <c r="F18200" s="359" t="s">
        <v>16919</v>
      </c>
      <c r="G18200" s="359" t="s">
        <v>29568</v>
      </c>
      <c r="H18200" s="359" t="s">
        <v>14381</v>
      </c>
      <c r="I18200" s="359" t="s">
        <v>29568</v>
      </c>
      <c r="J18200" s="365"/>
      <c r="K18200" s="359" t="s">
        <v>14517</v>
      </c>
      <c r="L18200" s="365"/>
    </row>
    <row r="18201" spans="2:12">
      <c r="B18201" s="367"/>
      <c r="C18201" s="367"/>
      <c r="D18201" s="367"/>
      <c r="E18201" s="367"/>
      <c r="F18201" s="360"/>
      <c r="G18201" s="360"/>
      <c r="H18201" s="360"/>
      <c r="I18201" s="360"/>
      <c r="J18201" s="365"/>
      <c r="K18201" s="360"/>
      <c r="L18201" s="365"/>
    </row>
    <row r="18202" spans="2:12">
      <c r="B18202" s="367"/>
      <c r="C18202" s="367"/>
      <c r="D18202" s="367"/>
      <c r="E18202" s="367"/>
      <c r="F18202" s="359" t="s">
        <v>14389</v>
      </c>
      <c r="G18202" s="359" t="s">
        <v>29569</v>
      </c>
      <c r="H18202" s="359" t="s">
        <v>14370</v>
      </c>
      <c r="I18202" s="359" t="s">
        <v>29569</v>
      </c>
      <c r="J18202" s="365"/>
      <c r="K18202" s="360"/>
      <c r="L18202" s="365"/>
    </row>
    <row r="18203" spans="2:12">
      <c r="B18203" s="367"/>
      <c r="C18203" s="367"/>
      <c r="D18203" s="367"/>
      <c r="E18203" s="367"/>
      <c r="F18203" s="360"/>
      <c r="G18203" s="360"/>
      <c r="H18203" s="360"/>
      <c r="I18203" s="360"/>
      <c r="J18203" s="365"/>
      <c r="K18203" s="360"/>
      <c r="L18203" s="365"/>
    </row>
    <row r="18204" spans="2:12">
      <c r="B18204" s="367"/>
      <c r="C18204" s="367"/>
      <c r="D18204" s="367"/>
      <c r="E18204" s="367"/>
      <c r="F18204" s="359" t="s">
        <v>14430</v>
      </c>
      <c r="G18204" s="359" t="s">
        <v>14390</v>
      </c>
      <c r="H18204" s="359" t="s">
        <v>14332</v>
      </c>
      <c r="I18204" s="359" t="s">
        <v>14390</v>
      </c>
      <c r="J18204" s="365"/>
      <c r="K18204" s="360"/>
      <c r="L18204" s="365"/>
    </row>
    <row r="18205" spans="2:12">
      <c r="B18205" s="367"/>
      <c r="C18205" s="367"/>
      <c r="D18205" s="367"/>
      <c r="E18205" s="367"/>
      <c r="F18205" s="360"/>
      <c r="G18205" s="360"/>
      <c r="H18205" s="360"/>
      <c r="I18205" s="360"/>
      <c r="J18205" s="365"/>
      <c r="K18205" s="360"/>
      <c r="L18205" s="365"/>
    </row>
    <row r="18206" spans="2:12">
      <c r="B18206" s="367"/>
      <c r="C18206" s="367"/>
      <c r="D18206" s="367"/>
      <c r="E18206" s="367"/>
      <c r="F18206" s="359" t="s">
        <v>14371</v>
      </c>
      <c r="G18206" s="359" t="s">
        <v>14431</v>
      </c>
      <c r="H18206" s="360"/>
      <c r="I18206" s="359" t="s">
        <v>14431</v>
      </c>
      <c r="J18206" s="365"/>
      <c r="K18206" s="360"/>
      <c r="L18206" s="365"/>
    </row>
    <row r="18207" spans="2:12">
      <c r="B18207" s="367"/>
      <c r="C18207" s="367"/>
      <c r="D18207" s="367"/>
      <c r="E18207" s="367"/>
      <c r="F18207" s="360"/>
      <c r="G18207" s="360"/>
      <c r="H18207" s="360"/>
      <c r="I18207" s="360"/>
      <c r="J18207" s="365"/>
      <c r="K18207" s="360"/>
      <c r="L18207" s="365"/>
    </row>
    <row r="18208" spans="2:12" ht="28.5">
      <c r="B18208" s="367"/>
      <c r="C18208" s="367"/>
      <c r="D18208" s="367"/>
      <c r="E18208" s="367"/>
      <c r="F18208" s="359" t="s">
        <v>14374</v>
      </c>
      <c r="G18208" s="359" t="s">
        <v>14372</v>
      </c>
      <c r="H18208" s="360"/>
      <c r="I18208" s="359" t="s">
        <v>14373</v>
      </c>
      <c r="J18208" s="365"/>
      <c r="K18208" s="360"/>
      <c r="L18208" s="365"/>
    </row>
    <row r="18209" spans="2:12">
      <c r="B18209" s="367"/>
      <c r="C18209" s="367"/>
      <c r="D18209" s="367"/>
      <c r="E18209" s="367"/>
      <c r="F18209" s="360"/>
      <c r="G18209" s="360"/>
      <c r="H18209" s="360"/>
      <c r="I18209" s="360"/>
      <c r="J18209" s="365"/>
      <c r="K18209" s="360"/>
      <c r="L18209" s="365"/>
    </row>
    <row r="18210" spans="2:12">
      <c r="B18210" s="368"/>
      <c r="C18210" s="368"/>
      <c r="D18210" s="368"/>
      <c r="E18210" s="368"/>
      <c r="F18210" s="362"/>
      <c r="G18210" s="361" t="s">
        <v>14373</v>
      </c>
      <c r="H18210" s="362"/>
      <c r="I18210" s="362"/>
      <c r="J18210" s="366"/>
      <c r="K18210" s="362"/>
      <c r="L18210" s="366"/>
    </row>
    <row r="18211" spans="2:12">
      <c r="B18211" s="358" t="s">
        <v>23907</v>
      </c>
      <c r="C18211" s="358" t="s">
        <v>23908</v>
      </c>
      <c r="D18211" s="358" t="s">
        <v>23909</v>
      </c>
      <c r="E18211" s="358" t="s">
        <v>23910</v>
      </c>
      <c r="F18211" s="358" t="s">
        <v>15089</v>
      </c>
      <c r="G18211" s="358" t="s">
        <v>14429</v>
      </c>
      <c r="H18211" s="358" t="s">
        <v>14341</v>
      </c>
      <c r="I18211" s="358" t="s">
        <v>14429</v>
      </c>
      <c r="J18211" s="358"/>
      <c r="K18211" s="358" t="s">
        <v>14517</v>
      </c>
      <c r="L18211" s="358"/>
    </row>
    <row r="18212" spans="2:12">
      <c r="B18212" s="367"/>
      <c r="C18212" s="367"/>
      <c r="D18212" s="367"/>
      <c r="E18212" s="367"/>
      <c r="F18212" s="360"/>
      <c r="G18212" s="360"/>
      <c r="H18212" s="360"/>
      <c r="I18212" s="360"/>
      <c r="J18212" s="365"/>
      <c r="K18212" s="360"/>
      <c r="L18212" s="365"/>
    </row>
    <row r="18213" spans="2:12">
      <c r="B18213" s="367"/>
      <c r="C18213" s="367"/>
      <c r="D18213" s="367"/>
      <c r="E18213" s="367"/>
      <c r="F18213" s="359" t="s">
        <v>23911</v>
      </c>
      <c r="G18213" s="359" t="s">
        <v>17311</v>
      </c>
      <c r="H18213" s="359" t="s">
        <v>14367</v>
      </c>
      <c r="I18213" s="359" t="s">
        <v>17311</v>
      </c>
      <c r="J18213" s="365"/>
      <c r="K18213" s="359" t="s">
        <v>14517</v>
      </c>
      <c r="L18213" s="365"/>
    </row>
    <row r="18214" spans="2:12">
      <c r="B18214" s="367"/>
      <c r="C18214" s="367"/>
      <c r="D18214" s="367"/>
      <c r="E18214" s="367"/>
      <c r="F18214" s="360"/>
      <c r="G18214" s="360"/>
      <c r="H18214" s="360"/>
      <c r="I18214" s="360"/>
      <c r="J18214" s="365"/>
      <c r="K18214" s="360"/>
      <c r="L18214" s="365"/>
    </row>
    <row r="18215" spans="2:12">
      <c r="B18215" s="367"/>
      <c r="C18215" s="367"/>
      <c r="D18215" s="367"/>
      <c r="E18215" s="367"/>
      <c r="F18215" s="359" t="s">
        <v>14368</v>
      </c>
      <c r="G18215" s="359" t="s">
        <v>14388</v>
      </c>
      <c r="H18215" s="359" t="s">
        <v>14381</v>
      </c>
      <c r="I18215" s="359" t="s">
        <v>14388</v>
      </c>
      <c r="J18215" s="365"/>
      <c r="K18215" s="360"/>
      <c r="L18215" s="365"/>
    </row>
    <row r="18216" spans="2:12">
      <c r="B18216" s="367"/>
      <c r="C18216" s="367"/>
      <c r="D18216" s="367"/>
      <c r="E18216" s="367"/>
      <c r="F18216" s="360"/>
      <c r="G18216" s="360"/>
      <c r="H18216" s="360"/>
      <c r="I18216" s="360"/>
      <c r="J18216" s="365"/>
      <c r="K18216" s="360"/>
      <c r="L18216" s="365"/>
    </row>
    <row r="18217" spans="2:12" ht="85.5">
      <c r="B18217" s="367"/>
      <c r="C18217" s="367"/>
      <c r="D18217" s="367"/>
      <c r="E18217" s="367"/>
      <c r="F18217" s="359" t="s">
        <v>16919</v>
      </c>
      <c r="G18217" s="359" t="s">
        <v>23906</v>
      </c>
      <c r="H18217" s="359" t="s">
        <v>14370</v>
      </c>
      <c r="I18217" s="359" t="s">
        <v>23906</v>
      </c>
      <c r="J18217" s="365"/>
      <c r="K18217" s="360"/>
      <c r="L18217" s="365"/>
    </row>
    <row r="18218" spans="2:12">
      <c r="B18218" s="367"/>
      <c r="C18218" s="367"/>
      <c r="D18218" s="367"/>
      <c r="E18218" s="367"/>
      <c r="F18218" s="360"/>
      <c r="G18218" s="360"/>
      <c r="H18218" s="360"/>
      <c r="I18218" s="360"/>
      <c r="J18218" s="365"/>
      <c r="K18218" s="360"/>
      <c r="L18218" s="365"/>
    </row>
    <row r="18219" spans="2:12" ht="28.5">
      <c r="B18219" s="367"/>
      <c r="C18219" s="367"/>
      <c r="D18219" s="367"/>
      <c r="E18219" s="367"/>
      <c r="F18219" s="359" t="s">
        <v>29063</v>
      </c>
      <c r="G18219" s="359" t="s">
        <v>14340</v>
      </c>
      <c r="H18219" s="359" t="s">
        <v>14332</v>
      </c>
      <c r="I18219" s="359" t="s">
        <v>14340</v>
      </c>
      <c r="J18219" s="365"/>
      <c r="K18219" s="360"/>
      <c r="L18219" s="365"/>
    </row>
    <row r="18220" spans="2:12">
      <c r="B18220" s="367"/>
      <c r="C18220" s="367"/>
      <c r="D18220" s="367"/>
      <c r="E18220" s="367"/>
      <c r="F18220" s="360"/>
      <c r="G18220" s="360"/>
      <c r="H18220" s="360"/>
      <c r="I18220" s="360"/>
      <c r="J18220" s="365"/>
      <c r="K18220" s="360"/>
      <c r="L18220" s="365"/>
    </row>
    <row r="18221" spans="2:12" ht="28.5">
      <c r="B18221" s="367"/>
      <c r="C18221" s="367"/>
      <c r="D18221" s="367"/>
      <c r="E18221" s="367"/>
      <c r="F18221" s="359" t="s">
        <v>14374</v>
      </c>
      <c r="G18221" s="359" t="s">
        <v>14372</v>
      </c>
      <c r="H18221" s="360"/>
      <c r="I18221" s="359" t="s">
        <v>14373</v>
      </c>
      <c r="J18221" s="365"/>
      <c r="K18221" s="360"/>
      <c r="L18221" s="365"/>
    </row>
    <row r="18222" spans="2:12">
      <c r="B18222" s="367"/>
      <c r="C18222" s="367"/>
      <c r="D18222" s="367"/>
      <c r="E18222" s="367"/>
      <c r="F18222" s="360"/>
      <c r="G18222" s="360"/>
      <c r="H18222" s="360"/>
      <c r="I18222" s="360"/>
      <c r="J18222" s="365"/>
      <c r="K18222" s="360"/>
      <c r="L18222" s="365"/>
    </row>
    <row r="18223" spans="2:12">
      <c r="B18223" s="368"/>
      <c r="C18223" s="368"/>
      <c r="D18223" s="368"/>
      <c r="E18223" s="368"/>
      <c r="F18223" s="362"/>
      <c r="G18223" s="361" t="s">
        <v>14373</v>
      </c>
      <c r="H18223" s="362"/>
      <c r="I18223" s="362"/>
      <c r="J18223" s="366"/>
      <c r="K18223" s="362"/>
      <c r="L18223" s="366"/>
    </row>
    <row r="18224" spans="2:12">
      <c r="B18224" s="358" t="s">
        <v>23912</v>
      </c>
      <c r="C18224" s="358" t="s">
        <v>23913</v>
      </c>
      <c r="D18224" s="358" t="s">
        <v>23914</v>
      </c>
      <c r="E18224" s="358" t="s">
        <v>23915</v>
      </c>
      <c r="F18224" s="358" t="s">
        <v>23911</v>
      </c>
      <c r="G18224" s="358" t="s">
        <v>17311</v>
      </c>
      <c r="H18224" s="358" t="s">
        <v>14381</v>
      </c>
      <c r="I18224" s="358" t="s">
        <v>17311</v>
      </c>
      <c r="J18224" s="358"/>
      <c r="K18224" s="358" t="s">
        <v>14517</v>
      </c>
      <c r="L18224" s="358"/>
    </row>
    <row r="18225" spans="2:12">
      <c r="B18225" s="367"/>
      <c r="C18225" s="367"/>
      <c r="D18225" s="367"/>
      <c r="E18225" s="367"/>
      <c r="F18225" s="360"/>
      <c r="G18225" s="360"/>
      <c r="H18225" s="360"/>
      <c r="I18225" s="360"/>
      <c r="J18225" s="365"/>
      <c r="K18225" s="360"/>
      <c r="L18225" s="365"/>
    </row>
    <row r="18226" spans="2:12" ht="85.5">
      <c r="B18226" s="367"/>
      <c r="C18226" s="367"/>
      <c r="D18226" s="367"/>
      <c r="E18226" s="367"/>
      <c r="F18226" s="359" t="s">
        <v>16919</v>
      </c>
      <c r="G18226" s="359" t="s">
        <v>23906</v>
      </c>
      <c r="H18226" s="359" t="s">
        <v>14341</v>
      </c>
      <c r="I18226" s="359" t="s">
        <v>23906</v>
      </c>
      <c r="J18226" s="365"/>
      <c r="K18226" s="359" t="s">
        <v>14517</v>
      </c>
      <c r="L18226" s="365"/>
    </row>
    <row r="18227" spans="2:12">
      <c r="B18227" s="367"/>
      <c r="C18227" s="367"/>
      <c r="D18227" s="367"/>
      <c r="E18227" s="367"/>
      <c r="F18227" s="360"/>
      <c r="G18227" s="360"/>
      <c r="H18227" s="360"/>
      <c r="I18227" s="360"/>
      <c r="J18227" s="365"/>
      <c r="K18227" s="360"/>
      <c r="L18227" s="365"/>
    </row>
    <row r="18228" spans="2:12">
      <c r="B18228" s="367"/>
      <c r="C18228" s="367"/>
      <c r="D18228" s="367"/>
      <c r="E18228" s="367"/>
      <c r="F18228" s="359" t="s">
        <v>14389</v>
      </c>
      <c r="G18228" s="359" t="s">
        <v>14390</v>
      </c>
      <c r="H18228" s="359" t="s">
        <v>14370</v>
      </c>
      <c r="I18228" s="359" t="s">
        <v>14390</v>
      </c>
      <c r="J18228" s="365"/>
      <c r="K18228" s="360"/>
      <c r="L18228" s="365"/>
    </row>
    <row r="18229" spans="2:12">
      <c r="B18229" s="367"/>
      <c r="C18229" s="367"/>
      <c r="D18229" s="367"/>
      <c r="E18229" s="367"/>
      <c r="F18229" s="360"/>
      <c r="G18229" s="360"/>
      <c r="H18229" s="360"/>
      <c r="I18229" s="360"/>
      <c r="J18229" s="365"/>
      <c r="K18229" s="360"/>
      <c r="L18229" s="365"/>
    </row>
    <row r="18230" spans="2:12">
      <c r="B18230" s="367"/>
      <c r="C18230" s="367"/>
      <c r="D18230" s="367"/>
      <c r="E18230" s="367"/>
      <c r="F18230" s="359" t="s">
        <v>14430</v>
      </c>
      <c r="G18230" s="359" t="s">
        <v>14431</v>
      </c>
      <c r="H18230" s="359" t="s">
        <v>14332</v>
      </c>
      <c r="I18230" s="359" t="s">
        <v>14431</v>
      </c>
      <c r="J18230" s="365"/>
      <c r="K18230" s="360"/>
      <c r="L18230" s="365"/>
    </row>
    <row r="18231" spans="2:12">
      <c r="B18231" s="367"/>
      <c r="C18231" s="367"/>
      <c r="D18231" s="367"/>
      <c r="E18231" s="367"/>
      <c r="F18231" s="360"/>
      <c r="G18231" s="360"/>
      <c r="H18231" s="360"/>
      <c r="I18231" s="360"/>
      <c r="J18231" s="365"/>
      <c r="K18231" s="360"/>
      <c r="L18231" s="365"/>
    </row>
    <row r="18232" spans="2:12">
      <c r="B18232" s="367"/>
      <c r="C18232" s="367"/>
      <c r="D18232" s="367"/>
      <c r="E18232" s="367"/>
      <c r="F18232" s="359" t="s">
        <v>14371</v>
      </c>
      <c r="G18232" s="359" t="s">
        <v>14372</v>
      </c>
      <c r="H18232" s="360"/>
      <c r="I18232" s="359" t="s">
        <v>14373</v>
      </c>
      <c r="J18232" s="365"/>
      <c r="K18232" s="360"/>
      <c r="L18232" s="365"/>
    </row>
    <row r="18233" spans="2:12">
      <c r="B18233" s="367"/>
      <c r="C18233" s="367"/>
      <c r="D18233" s="367"/>
      <c r="E18233" s="367"/>
      <c r="F18233" s="360"/>
      <c r="G18233" s="360"/>
      <c r="H18233" s="360"/>
      <c r="I18233" s="360"/>
      <c r="J18233" s="365"/>
      <c r="K18233" s="360"/>
      <c r="L18233" s="365"/>
    </row>
    <row r="18234" spans="2:12" ht="28.5">
      <c r="B18234" s="368"/>
      <c r="C18234" s="368"/>
      <c r="D18234" s="368"/>
      <c r="E18234" s="368"/>
      <c r="F18234" s="361" t="s">
        <v>14374</v>
      </c>
      <c r="G18234" s="361" t="s">
        <v>14373</v>
      </c>
      <c r="H18234" s="362"/>
      <c r="I18234" s="362"/>
      <c r="J18234" s="366"/>
      <c r="K18234" s="362"/>
      <c r="L18234" s="366"/>
    </row>
    <row r="18235" spans="2:12">
      <c r="B18235" s="358" t="s">
        <v>23916</v>
      </c>
      <c r="C18235" s="358" t="s">
        <v>23917</v>
      </c>
      <c r="D18235" s="358" t="s">
        <v>23918</v>
      </c>
      <c r="E18235" s="358" t="s">
        <v>613</v>
      </c>
      <c r="F18235" s="358" t="s">
        <v>15089</v>
      </c>
      <c r="G18235" s="358" t="s">
        <v>14429</v>
      </c>
      <c r="H18235" s="358" t="s">
        <v>14341</v>
      </c>
      <c r="I18235" s="358" t="s">
        <v>14429</v>
      </c>
      <c r="J18235" s="358"/>
      <c r="K18235" s="358" t="s">
        <v>14517</v>
      </c>
      <c r="L18235" s="358"/>
    </row>
    <row r="18236" spans="2:12">
      <c r="B18236" s="367"/>
      <c r="C18236" s="367"/>
      <c r="D18236" s="367"/>
      <c r="E18236" s="367"/>
      <c r="F18236" s="360"/>
      <c r="G18236" s="360"/>
      <c r="H18236" s="360"/>
      <c r="I18236" s="360"/>
      <c r="J18236" s="365"/>
      <c r="K18236" s="360"/>
      <c r="L18236" s="365"/>
    </row>
    <row r="18237" spans="2:12">
      <c r="B18237" s="367"/>
      <c r="C18237" s="367"/>
      <c r="D18237" s="367"/>
      <c r="E18237" s="367"/>
      <c r="F18237" s="359" t="s">
        <v>17310</v>
      </c>
      <c r="G18237" s="359" t="s">
        <v>17311</v>
      </c>
      <c r="H18237" s="359" t="s">
        <v>14367</v>
      </c>
      <c r="I18237" s="359" t="s">
        <v>17311</v>
      </c>
      <c r="J18237" s="365"/>
      <c r="K18237" s="359" t="s">
        <v>14517</v>
      </c>
      <c r="L18237" s="365"/>
    </row>
    <row r="18238" spans="2:12">
      <c r="B18238" s="367"/>
      <c r="C18238" s="367"/>
      <c r="D18238" s="367"/>
      <c r="E18238" s="367"/>
      <c r="F18238" s="360"/>
      <c r="G18238" s="360"/>
      <c r="H18238" s="360"/>
      <c r="I18238" s="360"/>
      <c r="J18238" s="365"/>
      <c r="K18238" s="360"/>
      <c r="L18238" s="365"/>
    </row>
    <row r="18239" spans="2:12">
      <c r="B18239" s="367"/>
      <c r="C18239" s="367"/>
      <c r="D18239" s="367"/>
      <c r="E18239" s="367"/>
      <c r="F18239" s="359" t="s">
        <v>14368</v>
      </c>
      <c r="G18239" s="359" t="s">
        <v>14388</v>
      </c>
      <c r="H18239" s="359" t="s">
        <v>14381</v>
      </c>
      <c r="I18239" s="359" t="s">
        <v>14388</v>
      </c>
      <c r="J18239" s="365"/>
      <c r="K18239" s="360"/>
      <c r="L18239" s="365"/>
    </row>
    <row r="18240" spans="2:12">
      <c r="B18240" s="367"/>
      <c r="C18240" s="367"/>
      <c r="D18240" s="367"/>
      <c r="E18240" s="367"/>
      <c r="F18240" s="360"/>
      <c r="G18240" s="360"/>
      <c r="H18240" s="360"/>
      <c r="I18240" s="360"/>
      <c r="J18240" s="365"/>
      <c r="K18240" s="360"/>
      <c r="L18240" s="365"/>
    </row>
    <row r="18241" spans="2:12" ht="85.5">
      <c r="B18241" s="367"/>
      <c r="C18241" s="367"/>
      <c r="D18241" s="367"/>
      <c r="E18241" s="367"/>
      <c r="F18241" s="359" t="s">
        <v>16919</v>
      </c>
      <c r="G18241" s="359" t="s">
        <v>23906</v>
      </c>
      <c r="H18241" s="359" t="s">
        <v>14370</v>
      </c>
      <c r="I18241" s="359" t="s">
        <v>23906</v>
      </c>
      <c r="J18241" s="365"/>
      <c r="K18241" s="360"/>
      <c r="L18241" s="365"/>
    </row>
    <row r="18242" spans="2:12">
      <c r="B18242" s="367"/>
      <c r="C18242" s="367"/>
      <c r="D18242" s="367"/>
      <c r="E18242" s="367"/>
      <c r="F18242" s="360"/>
      <c r="G18242" s="360"/>
      <c r="H18242" s="360"/>
      <c r="I18242" s="360"/>
      <c r="J18242" s="365"/>
      <c r="K18242" s="360"/>
      <c r="L18242" s="365"/>
    </row>
    <row r="18243" spans="2:12">
      <c r="B18243" s="367"/>
      <c r="C18243" s="367"/>
      <c r="D18243" s="367"/>
      <c r="E18243" s="367"/>
      <c r="F18243" s="359" t="s">
        <v>14356</v>
      </c>
      <c r="G18243" s="359" t="s">
        <v>14340</v>
      </c>
      <c r="H18243" s="359" t="s">
        <v>14332</v>
      </c>
      <c r="I18243" s="359" t="s">
        <v>14340</v>
      </c>
      <c r="J18243" s="365"/>
      <c r="K18243" s="360"/>
      <c r="L18243" s="365"/>
    </row>
    <row r="18244" spans="2:12">
      <c r="B18244" s="367"/>
      <c r="C18244" s="367"/>
      <c r="D18244" s="367"/>
      <c r="E18244" s="367"/>
      <c r="F18244" s="360"/>
      <c r="G18244" s="360"/>
      <c r="H18244" s="360"/>
      <c r="I18244" s="360"/>
      <c r="J18244" s="365"/>
      <c r="K18244" s="360"/>
      <c r="L18244" s="365"/>
    </row>
    <row r="18245" spans="2:12">
      <c r="B18245" s="367"/>
      <c r="C18245" s="367"/>
      <c r="D18245" s="367"/>
      <c r="E18245" s="367"/>
      <c r="F18245" s="359" t="s">
        <v>14371</v>
      </c>
      <c r="G18245" s="359" t="s">
        <v>14372</v>
      </c>
      <c r="H18245" s="360"/>
      <c r="I18245" s="359" t="s">
        <v>14373</v>
      </c>
      <c r="J18245" s="365"/>
      <c r="K18245" s="360"/>
      <c r="L18245" s="365"/>
    </row>
    <row r="18246" spans="2:12">
      <c r="B18246" s="367"/>
      <c r="C18246" s="367"/>
      <c r="D18246" s="367"/>
      <c r="E18246" s="367"/>
      <c r="F18246" s="360"/>
      <c r="G18246" s="360"/>
      <c r="H18246" s="360"/>
      <c r="I18246" s="360"/>
      <c r="J18246" s="365"/>
      <c r="K18246" s="360"/>
      <c r="L18246" s="365"/>
    </row>
    <row r="18247" spans="2:12" ht="28.5">
      <c r="B18247" s="368"/>
      <c r="C18247" s="368"/>
      <c r="D18247" s="368"/>
      <c r="E18247" s="368"/>
      <c r="F18247" s="361" t="s">
        <v>14374</v>
      </c>
      <c r="G18247" s="361" t="s">
        <v>14373</v>
      </c>
      <c r="H18247" s="362"/>
      <c r="I18247" s="362"/>
      <c r="J18247" s="366"/>
      <c r="K18247" s="362"/>
      <c r="L18247" s="366"/>
    </row>
    <row r="18248" spans="2:12">
      <c r="B18248" s="358" t="s">
        <v>23919</v>
      </c>
      <c r="C18248" s="358" t="s">
        <v>23920</v>
      </c>
      <c r="D18248" s="358" t="s">
        <v>23921</v>
      </c>
      <c r="E18248" s="358" t="s">
        <v>23922</v>
      </c>
      <c r="F18248" s="358" t="s">
        <v>15089</v>
      </c>
      <c r="G18248" s="358" t="s">
        <v>14429</v>
      </c>
      <c r="H18248" s="358" t="s">
        <v>14341</v>
      </c>
      <c r="I18248" s="358" t="s">
        <v>14429</v>
      </c>
      <c r="J18248" s="358"/>
      <c r="K18248" s="358" t="s">
        <v>14517</v>
      </c>
      <c r="L18248" s="358"/>
    </row>
    <row r="18249" spans="2:12">
      <c r="B18249" s="367"/>
      <c r="C18249" s="367"/>
      <c r="D18249" s="367"/>
      <c r="E18249" s="367"/>
      <c r="F18249" s="360"/>
      <c r="G18249" s="360"/>
      <c r="H18249" s="360"/>
      <c r="I18249" s="360"/>
      <c r="J18249" s="365"/>
      <c r="K18249" s="360"/>
      <c r="L18249" s="365"/>
    </row>
    <row r="18250" spans="2:12">
      <c r="B18250" s="367"/>
      <c r="C18250" s="367"/>
      <c r="D18250" s="367"/>
      <c r="E18250" s="367"/>
      <c r="F18250" s="359" t="s">
        <v>17310</v>
      </c>
      <c r="G18250" s="359" t="s">
        <v>17311</v>
      </c>
      <c r="H18250" s="359" t="s">
        <v>14367</v>
      </c>
      <c r="I18250" s="359" t="s">
        <v>17311</v>
      </c>
      <c r="J18250" s="365"/>
      <c r="K18250" s="359" t="s">
        <v>14517</v>
      </c>
      <c r="L18250" s="365"/>
    </row>
    <row r="18251" spans="2:12">
      <c r="B18251" s="367"/>
      <c r="C18251" s="367"/>
      <c r="D18251" s="367"/>
      <c r="E18251" s="367"/>
      <c r="F18251" s="360"/>
      <c r="G18251" s="360"/>
      <c r="H18251" s="360"/>
      <c r="I18251" s="360"/>
      <c r="J18251" s="365"/>
      <c r="K18251" s="360"/>
      <c r="L18251" s="365"/>
    </row>
    <row r="18252" spans="2:12" ht="85.5">
      <c r="B18252" s="367"/>
      <c r="C18252" s="367"/>
      <c r="D18252" s="367"/>
      <c r="E18252" s="367"/>
      <c r="F18252" s="359" t="s">
        <v>16919</v>
      </c>
      <c r="G18252" s="359" t="s">
        <v>23906</v>
      </c>
      <c r="H18252" s="359" t="s">
        <v>14381</v>
      </c>
      <c r="I18252" s="359" t="s">
        <v>23906</v>
      </c>
      <c r="J18252" s="365"/>
      <c r="K18252" s="360"/>
      <c r="L18252" s="365"/>
    </row>
    <row r="18253" spans="2:12">
      <c r="B18253" s="367"/>
      <c r="C18253" s="367"/>
      <c r="D18253" s="367"/>
      <c r="E18253" s="367"/>
      <c r="F18253" s="360"/>
      <c r="G18253" s="360"/>
      <c r="H18253" s="360"/>
      <c r="I18253" s="360"/>
      <c r="J18253" s="365"/>
      <c r="K18253" s="360"/>
      <c r="L18253" s="365"/>
    </row>
    <row r="18254" spans="2:12">
      <c r="B18254" s="367"/>
      <c r="C18254" s="367"/>
      <c r="D18254" s="367"/>
      <c r="E18254" s="367"/>
      <c r="F18254" s="359" t="s">
        <v>14356</v>
      </c>
      <c r="G18254" s="359" t="s">
        <v>14340</v>
      </c>
      <c r="H18254" s="359" t="s">
        <v>14370</v>
      </c>
      <c r="I18254" s="359" t="s">
        <v>14340</v>
      </c>
      <c r="J18254" s="365"/>
      <c r="K18254" s="360"/>
      <c r="L18254" s="365"/>
    </row>
    <row r="18255" spans="2:12">
      <c r="B18255" s="367"/>
      <c r="C18255" s="367"/>
      <c r="D18255" s="367"/>
      <c r="E18255" s="367"/>
      <c r="F18255" s="360"/>
      <c r="G18255" s="360"/>
      <c r="H18255" s="360"/>
      <c r="I18255" s="360"/>
      <c r="J18255" s="365"/>
      <c r="K18255" s="360"/>
      <c r="L18255" s="365"/>
    </row>
    <row r="18256" spans="2:12">
      <c r="B18256" s="367"/>
      <c r="C18256" s="367"/>
      <c r="D18256" s="367"/>
      <c r="E18256" s="367"/>
      <c r="F18256" s="359" t="s">
        <v>14371</v>
      </c>
      <c r="G18256" s="359" t="s">
        <v>14372</v>
      </c>
      <c r="H18256" s="359" t="s">
        <v>14332</v>
      </c>
      <c r="I18256" s="359" t="s">
        <v>14373</v>
      </c>
      <c r="J18256" s="365"/>
      <c r="K18256" s="360"/>
      <c r="L18256" s="365"/>
    </row>
    <row r="18257" spans="2:12">
      <c r="B18257" s="367"/>
      <c r="C18257" s="367"/>
      <c r="D18257" s="367"/>
      <c r="E18257" s="367"/>
      <c r="F18257" s="360"/>
      <c r="G18257" s="360"/>
      <c r="H18257" s="360"/>
      <c r="I18257" s="360"/>
      <c r="J18257" s="365"/>
      <c r="K18257" s="360"/>
      <c r="L18257" s="365"/>
    </row>
    <row r="18258" spans="2:12" ht="28.5">
      <c r="B18258" s="368"/>
      <c r="C18258" s="368"/>
      <c r="D18258" s="368"/>
      <c r="E18258" s="368"/>
      <c r="F18258" s="361" t="s">
        <v>14374</v>
      </c>
      <c r="G18258" s="361" t="s">
        <v>14373</v>
      </c>
      <c r="H18258" s="362"/>
      <c r="I18258" s="362"/>
      <c r="J18258" s="366"/>
      <c r="K18258" s="362"/>
      <c r="L18258" s="366"/>
    </row>
    <row r="18259" spans="2:12" ht="42.75">
      <c r="B18259" s="358" t="s">
        <v>23923</v>
      </c>
      <c r="C18259" s="358" t="s">
        <v>30389</v>
      </c>
      <c r="D18259" s="358" t="s">
        <v>8356</v>
      </c>
      <c r="E18259" s="358" t="s">
        <v>23924</v>
      </c>
      <c r="F18259" s="358" t="s">
        <v>14507</v>
      </c>
      <c r="G18259" s="358" t="s">
        <v>16971</v>
      </c>
      <c r="H18259" s="358" t="s">
        <v>14381</v>
      </c>
      <c r="I18259" s="358" t="s">
        <v>16971</v>
      </c>
      <c r="J18259" s="358"/>
      <c r="K18259" s="358" t="s">
        <v>14517</v>
      </c>
      <c r="L18259" s="358"/>
    </row>
    <row r="18260" spans="2:12">
      <c r="B18260" s="367"/>
      <c r="C18260" s="367"/>
      <c r="D18260" s="367"/>
      <c r="E18260" s="367"/>
      <c r="F18260" s="360"/>
      <c r="G18260" s="360"/>
      <c r="H18260" s="360"/>
      <c r="I18260" s="360"/>
      <c r="J18260" s="365"/>
      <c r="K18260" s="360"/>
      <c r="L18260" s="365"/>
    </row>
    <row r="18261" spans="2:12">
      <c r="B18261" s="367"/>
      <c r="C18261" s="367"/>
      <c r="D18261" s="367"/>
      <c r="E18261" s="367"/>
      <c r="F18261" s="359" t="s">
        <v>15089</v>
      </c>
      <c r="G18261" s="359" t="s">
        <v>14459</v>
      </c>
      <c r="H18261" s="359" t="s">
        <v>14367</v>
      </c>
      <c r="I18261" s="359" t="s">
        <v>14459</v>
      </c>
      <c r="J18261" s="365"/>
      <c r="K18261" s="359" t="s">
        <v>14517</v>
      </c>
      <c r="L18261" s="365"/>
    </row>
    <row r="18262" spans="2:12">
      <c r="B18262" s="367"/>
      <c r="C18262" s="367"/>
      <c r="D18262" s="367"/>
      <c r="E18262" s="367"/>
      <c r="F18262" s="360"/>
      <c r="G18262" s="360"/>
      <c r="H18262" s="360"/>
      <c r="I18262" s="360"/>
      <c r="J18262" s="365"/>
      <c r="K18262" s="360"/>
      <c r="L18262" s="365"/>
    </row>
    <row r="18263" spans="2:12">
      <c r="B18263" s="367"/>
      <c r="C18263" s="367"/>
      <c r="D18263" s="367"/>
      <c r="E18263" s="367"/>
      <c r="F18263" s="359" t="s">
        <v>14430</v>
      </c>
      <c r="G18263" s="359" t="s">
        <v>14431</v>
      </c>
      <c r="H18263" s="359" t="s">
        <v>14341</v>
      </c>
      <c r="I18263" s="359" t="s">
        <v>14431</v>
      </c>
      <c r="J18263" s="365"/>
      <c r="K18263" s="360"/>
      <c r="L18263" s="365"/>
    </row>
    <row r="18264" spans="2:12">
      <c r="B18264" s="367"/>
      <c r="C18264" s="367"/>
      <c r="D18264" s="367"/>
      <c r="E18264" s="367"/>
      <c r="F18264" s="360"/>
      <c r="G18264" s="360"/>
      <c r="H18264" s="360"/>
      <c r="I18264" s="360"/>
      <c r="J18264" s="365"/>
      <c r="K18264" s="360"/>
      <c r="L18264" s="365"/>
    </row>
    <row r="18265" spans="2:12">
      <c r="B18265" s="367"/>
      <c r="C18265" s="367"/>
      <c r="D18265" s="367"/>
      <c r="E18265" s="367"/>
      <c r="F18265" s="359" t="s">
        <v>17088</v>
      </c>
      <c r="G18265" s="359" t="s">
        <v>14392</v>
      </c>
      <c r="H18265" s="359" t="s">
        <v>14370</v>
      </c>
      <c r="I18265" s="359" t="s">
        <v>14392</v>
      </c>
      <c r="J18265" s="365"/>
      <c r="K18265" s="360"/>
      <c r="L18265" s="365"/>
    </row>
    <row r="18266" spans="2:12">
      <c r="B18266" s="367"/>
      <c r="C18266" s="367"/>
      <c r="D18266" s="367"/>
      <c r="E18266" s="367"/>
      <c r="F18266" s="360"/>
      <c r="G18266" s="360"/>
      <c r="H18266" s="360"/>
      <c r="I18266" s="360"/>
      <c r="J18266" s="365"/>
      <c r="K18266" s="360"/>
      <c r="L18266" s="365"/>
    </row>
    <row r="18267" spans="2:12">
      <c r="B18267" s="367"/>
      <c r="C18267" s="367"/>
      <c r="D18267" s="367"/>
      <c r="E18267" s="367"/>
      <c r="F18267" s="359" t="s">
        <v>14371</v>
      </c>
      <c r="G18267" s="359" t="s">
        <v>14372</v>
      </c>
      <c r="H18267" s="359" t="s">
        <v>14332</v>
      </c>
      <c r="I18267" s="359" t="s">
        <v>14373</v>
      </c>
      <c r="J18267" s="365"/>
      <c r="K18267" s="360"/>
      <c r="L18267" s="365"/>
    </row>
    <row r="18268" spans="2:12">
      <c r="B18268" s="367"/>
      <c r="C18268" s="367"/>
      <c r="D18268" s="367"/>
      <c r="E18268" s="367"/>
      <c r="F18268" s="360"/>
      <c r="G18268" s="360"/>
      <c r="H18268" s="360"/>
      <c r="I18268" s="360"/>
      <c r="J18268" s="365"/>
      <c r="K18268" s="360"/>
      <c r="L18268" s="365"/>
    </row>
    <row r="18269" spans="2:12" ht="28.5">
      <c r="B18269" s="368"/>
      <c r="C18269" s="368"/>
      <c r="D18269" s="368"/>
      <c r="E18269" s="368"/>
      <c r="F18269" s="361" t="s">
        <v>14374</v>
      </c>
      <c r="G18269" s="361" t="s">
        <v>14373</v>
      </c>
      <c r="H18269" s="362"/>
      <c r="I18269" s="362"/>
      <c r="J18269" s="366"/>
      <c r="K18269" s="362"/>
      <c r="L18269" s="366"/>
    </row>
    <row r="18270" spans="2:12">
      <c r="B18270" s="354" t="s">
        <v>14492</v>
      </c>
      <c r="C18270" s="369"/>
      <c r="D18270" s="369"/>
      <c r="E18270" s="369"/>
      <c r="F18270" s="369"/>
      <c r="G18270" s="369"/>
      <c r="H18270" s="369"/>
      <c r="I18270" s="369"/>
      <c r="J18270" s="369"/>
      <c r="K18270" s="369"/>
      <c r="L18270" s="370"/>
    </row>
    <row r="18271" spans="2:12">
      <c r="B18271" s="358" t="s">
        <v>23925</v>
      </c>
      <c r="C18271" s="358" t="s">
        <v>23926</v>
      </c>
      <c r="D18271" s="358" t="s">
        <v>23927</v>
      </c>
      <c r="E18271" s="358" t="s">
        <v>23928</v>
      </c>
      <c r="F18271" s="358" t="s">
        <v>14443</v>
      </c>
      <c r="G18271" s="358" t="s">
        <v>14444</v>
      </c>
      <c r="H18271" s="358" t="s">
        <v>14381</v>
      </c>
      <c r="I18271" s="358" t="s">
        <v>14444</v>
      </c>
      <c r="J18271" s="358"/>
      <c r="K18271" s="358" t="s">
        <v>19144</v>
      </c>
      <c r="L18271" s="358"/>
    </row>
    <row r="18272" spans="2:12">
      <c r="B18272" s="367"/>
      <c r="C18272" s="360"/>
      <c r="D18272" s="367"/>
      <c r="E18272" s="367"/>
      <c r="F18272" s="360"/>
      <c r="G18272" s="360"/>
      <c r="H18272" s="360"/>
      <c r="I18272" s="360"/>
      <c r="J18272" s="365"/>
      <c r="K18272" s="367"/>
      <c r="L18272" s="365"/>
    </row>
    <row r="18273" spans="2:12" ht="28.5">
      <c r="B18273" s="367"/>
      <c r="C18273" s="359" t="s">
        <v>23929</v>
      </c>
      <c r="D18273" s="367"/>
      <c r="E18273" s="367"/>
      <c r="F18273" s="359" t="s">
        <v>17695</v>
      </c>
      <c r="G18273" s="359" t="s">
        <v>14392</v>
      </c>
      <c r="H18273" s="359" t="s">
        <v>14367</v>
      </c>
      <c r="I18273" s="359" t="s">
        <v>14392</v>
      </c>
      <c r="J18273" s="365"/>
      <c r="K18273" s="367"/>
      <c r="L18273" s="365"/>
    </row>
    <row r="18274" spans="2:12">
      <c r="B18274" s="367"/>
      <c r="C18274" s="360"/>
      <c r="D18274" s="367"/>
      <c r="E18274" s="367"/>
      <c r="F18274" s="360"/>
      <c r="G18274" s="360"/>
      <c r="H18274" s="360"/>
      <c r="I18274" s="360"/>
      <c r="J18274" s="365"/>
      <c r="K18274" s="367"/>
      <c r="L18274" s="365"/>
    </row>
    <row r="18275" spans="2:12" ht="28.5">
      <c r="B18275" s="367"/>
      <c r="C18275" s="360"/>
      <c r="D18275" s="367"/>
      <c r="E18275" s="367"/>
      <c r="F18275" s="359" t="s">
        <v>14374</v>
      </c>
      <c r="G18275" s="359" t="s">
        <v>14373</v>
      </c>
      <c r="H18275" s="359" t="s">
        <v>14370</v>
      </c>
      <c r="I18275" s="359" t="s">
        <v>14373</v>
      </c>
      <c r="J18275" s="365"/>
      <c r="K18275" s="367"/>
      <c r="L18275" s="365"/>
    </row>
    <row r="18276" spans="2:12">
      <c r="B18276" s="367"/>
      <c r="C18276" s="360"/>
      <c r="D18276" s="367"/>
      <c r="E18276" s="367"/>
      <c r="F18276" s="360"/>
      <c r="G18276" s="360"/>
      <c r="H18276" s="360"/>
      <c r="I18276" s="360"/>
      <c r="J18276" s="365"/>
      <c r="K18276" s="367"/>
      <c r="L18276" s="365"/>
    </row>
    <row r="18277" spans="2:12">
      <c r="B18277" s="368"/>
      <c r="C18277" s="362"/>
      <c r="D18277" s="368"/>
      <c r="E18277" s="368"/>
      <c r="F18277" s="362"/>
      <c r="G18277" s="362"/>
      <c r="H18277" s="361" t="s">
        <v>14422</v>
      </c>
      <c r="I18277" s="362"/>
      <c r="J18277" s="366"/>
      <c r="K18277" s="368"/>
      <c r="L18277" s="366"/>
    </row>
    <row r="18278" spans="2:12">
      <c r="B18278" s="358" t="s">
        <v>13789</v>
      </c>
      <c r="C18278" s="358" t="s">
        <v>23930</v>
      </c>
      <c r="D18278" s="358" t="s">
        <v>8356</v>
      </c>
      <c r="E18278" s="358" t="s">
        <v>13920</v>
      </c>
      <c r="F18278" s="358" t="s">
        <v>14424</v>
      </c>
      <c r="G18278" s="358" t="s">
        <v>17083</v>
      </c>
      <c r="H18278" s="358" t="s">
        <v>14381</v>
      </c>
      <c r="I18278" s="358" t="s">
        <v>17083</v>
      </c>
      <c r="J18278" s="358"/>
      <c r="K18278" s="358" t="s">
        <v>19144</v>
      </c>
      <c r="L18278" s="358"/>
    </row>
    <row r="18279" spans="2:12">
      <c r="B18279" s="367"/>
      <c r="C18279" s="360"/>
      <c r="D18279" s="367"/>
      <c r="E18279" s="367"/>
      <c r="F18279" s="360"/>
      <c r="G18279" s="360"/>
      <c r="H18279" s="360"/>
      <c r="I18279" s="360"/>
      <c r="J18279" s="365"/>
      <c r="K18279" s="360"/>
      <c r="L18279" s="365"/>
    </row>
    <row r="18280" spans="2:12" ht="28.5">
      <c r="B18280" s="367"/>
      <c r="C18280" s="359" t="s">
        <v>27909</v>
      </c>
      <c r="D18280" s="367"/>
      <c r="E18280" s="367"/>
      <c r="F18280" s="359" t="s">
        <v>15089</v>
      </c>
      <c r="G18280" s="359" t="s">
        <v>14429</v>
      </c>
      <c r="H18280" s="359" t="s">
        <v>14367</v>
      </c>
      <c r="I18280" s="359" t="s">
        <v>14429</v>
      </c>
      <c r="J18280" s="365"/>
      <c r="K18280" s="359" t="s">
        <v>19144</v>
      </c>
      <c r="L18280" s="365"/>
    </row>
    <row r="18281" spans="2:12">
      <c r="B18281" s="367"/>
      <c r="C18281" s="360"/>
      <c r="D18281" s="367"/>
      <c r="E18281" s="367"/>
      <c r="F18281" s="360"/>
      <c r="G18281" s="360"/>
      <c r="H18281" s="360"/>
      <c r="I18281" s="360"/>
      <c r="J18281" s="365"/>
      <c r="K18281" s="360"/>
      <c r="L18281" s="365"/>
    </row>
    <row r="18282" spans="2:12">
      <c r="B18282" s="367"/>
      <c r="C18282" s="360"/>
      <c r="D18282" s="367"/>
      <c r="E18282" s="367"/>
      <c r="F18282" s="359" t="s">
        <v>16919</v>
      </c>
      <c r="G18282" s="359" t="s">
        <v>21974</v>
      </c>
      <c r="H18282" s="359" t="s">
        <v>14370</v>
      </c>
      <c r="I18282" s="359" t="s">
        <v>21974</v>
      </c>
      <c r="J18282" s="365"/>
      <c r="K18282" s="360"/>
      <c r="L18282" s="365"/>
    </row>
    <row r="18283" spans="2:12">
      <c r="B18283" s="367"/>
      <c r="C18283" s="360"/>
      <c r="D18283" s="367"/>
      <c r="E18283" s="367"/>
      <c r="F18283" s="360"/>
      <c r="G18283" s="360"/>
      <c r="H18283" s="360"/>
      <c r="I18283" s="360"/>
      <c r="J18283" s="365"/>
      <c r="K18283" s="360"/>
      <c r="L18283" s="365"/>
    </row>
    <row r="18284" spans="2:12">
      <c r="B18284" s="367"/>
      <c r="C18284" s="360"/>
      <c r="D18284" s="367"/>
      <c r="E18284" s="367"/>
      <c r="F18284" s="359" t="s">
        <v>14391</v>
      </c>
      <c r="G18284" s="359" t="s">
        <v>14392</v>
      </c>
      <c r="H18284" s="359" t="s">
        <v>14332</v>
      </c>
      <c r="I18284" s="359" t="s">
        <v>14392</v>
      </c>
      <c r="J18284" s="365"/>
      <c r="K18284" s="360"/>
      <c r="L18284" s="365"/>
    </row>
    <row r="18285" spans="2:12">
      <c r="B18285" s="367"/>
      <c r="C18285" s="360"/>
      <c r="D18285" s="367"/>
      <c r="E18285" s="367"/>
      <c r="F18285" s="360"/>
      <c r="G18285" s="360"/>
      <c r="H18285" s="360"/>
      <c r="I18285" s="360"/>
      <c r="J18285" s="365"/>
      <c r="K18285" s="360"/>
      <c r="L18285" s="365"/>
    </row>
    <row r="18286" spans="2:12">
      <c r="B18286" s="367"/>
      <c r="C18286" s="360"/>
      <c r="D18286" s="367"/>
      <c r="E18286" s="367"/>
      <c r="F18286" s="359" t="s">
        <v>14371</v>
      </c>
      <c r="G18286" s="359" t="s">
        <v>14372</v>
      </c>
      <c r="H18286" s="360"/>
      <c r="I18286" s="359" t="s">
        <v>14373</v>
      </c>
      <c r="J18286" s="365"/>
      <c r="K18286" s="360"/>
      <c r="L18286" s="365"/>
    </row>
    <row r="18287" spans="2:12">
      <c r="B18287" s="367"/>
      <c r="C18287" s="360"/>
      <c r="D18287" s="367"/>
      <c r="E18287" s="367"/>
      <c r="F18287" s="360"/>
      <c r="G18287" s="360"/>
      <c r="H18287" s="360"/>
      <c r="I18287" s="360"/>
      <c r="J18287" s="365"/>
      <c r="K18287" s="360"/>
      <c r="L18287" s="365"/>
    </row>
    <row r="18288" spans="2:12" ht="28.5">
      <c r="B18288" s="368"/>
      <c r="C18288" s="362"/>
      <c r="D18288" s="368"/>
      <c r="E18288" s="368"/>
      <c r="F18288" s="361" t="s">
        <v>14374</v>
      </c>
      <c r="G18288" s="361" t="s">
        <v>14373</v>
      </c>
      <c r="H18288" s="362"/>
      <c r="I18288" s="362"/>
      <c r="J18288" s="366"/>
      <c r="K18288" s="362"/>
      <c r="L18288" s="366"/>
    </row>
    <row r="18289" spans="2:12">
      <c r="B18289" s="354" t="s">
        <v>8444</v>
      </c>
      <c r="C18289" s="369"/>
      <c r="D18289" s="369"/>
      <c r="E18289" s="369"/>
      <c r="F18289" s="369"/>
      <c r="G18289" s="369"/>
      <c r="H18289" s="369"/>
      <c r="I18289" s="369"/>
      <c r="J18289" s="369"/>
      <c r="K18289" s="369"/>
      <c r="L18289" s="370"/>
    </row>
    <row r="18290" spans="2:12" ht="28.5">
      <c r="B18290" s="358" t="s">
        <v>13939</v>
      </c>
      <c r="C18290" s="358" t="s">
        <v>23931</v>
      </c>
      <c r="D18290" s="358" t="s">
        <v>8356</v>
      </c>
      <c r="E18290" s="358" t="s">
        <v>8356</v>
      </c>
      <c r="F18290" s="358" t="s">
        <v>14376</v>
      </c>
      <c r="G18290" s="358" t="s">
        <v>14669</v>
      </c>
      <c r="H18290" s="358" t="s">
        <v>14381</v>
      </c>
      <c r="I18290" s="358" t="s">
        <v>14669</v>
      </c>
      <c r="J18290" s="358" t="s">
        <v>14944</v>
      </c>
      <c r="K18290" s="358"/>
      <c r="L18290" s="358" t="s">
        <v>27743</v>
      </c>
    </row>
    <row r="18291" spans="2:12">
      <c r="B18291" s="367"/>
      <c r="C18291" s="360"/>
      <c r="D18291" s="367"/>
      <c r="E18291" s="367"/>
      <c r="F18291" s="360"/>
      <c r="G18291" s="360"/>
      <c r="H18291" s="360"/>
      <c r="I18291" s="360"/>
      <c r="J18291" s="367"/>
      <c r="K18291" s="365"/>
      <c r="L18291" s="360"/>
    </row>
    <row r="18292" spans="2:12" ht="28.5">
      <c r="B18292" s="367"/>
      <c r="C18292" s="359" t="s">
        <v>13940</v>
      </c>
      <c r="D18292" s="367"/>
      <c r="E18292" s="367"/>
      <c r="F18292" s="359" t="s">
        <v>14426</v>
      </c>
      <c r="G18292" s="359" t="s">
        <v>14427</v>
      </c>
      <c r="H18292" s="359" t="s">
        <v>14378</v>
      </c>
      <c r="I18292" s="359" t="s">
        <v>14427</v>
      </c>
      <c r="J18292" s="367"/>
      <c r="K18292" s="365"/>
      <c r="L18292" s="359" t="s">
        <v>27744</v>
      </c>
    </row>
    <row r="18293" spans="2:12">
      <c r="B18293" s="367"/>
      <c r="C18293" s="360"/>
      <c r="D18293" s="367"/>
      <c r="E18293" s="367"/>
      <c r="F18293" s="360"/>
      <c r="G18293" s="360"/>
      <c r="H18293" s="360"/>
      <c r="I18293" s="360"/>
      <c r="J18293" s="367"/>
      <c r="K18293" s="365"/>
      <c r="L18293" s="360"/>
    </row>
    <row r="18294" spans="2:12">
      <c r="B18294" s="367"/>
      <c r="C18294" s="359" t="s">
        <v>13941</v>
      </c>
      <c r="D18294" s="367"/>
      <c r="E18294" s="367"/>
      <c r="F18294" s="359" t="s">
        <v>15089</v>
      </c>
      <c r="G18294" s="359" t="s">
        <v>14459</v>
      </c>
      <c r="H18294" s="359" t="s">
        <v>14341</v>
      </c>
      <c r="I18294" s="359" t="s">
        <v>14459</v>
      </c>
      <c r="J18294" s="367"/>
      <c r="K18294" s="365"/>
      <c r="L18294" s="360"/>
    </row>
    <row r="18295" spans="2:12">
      <c r="B18295" s="367"/>
      <c r="C18295" s="360"/>
      <c r="D18295" s="367"/>
      <c r="E18295" s="367"/>
      <c r="F18295" s="360"/>
      <c r="G18295" s="360"/>
      <c r="H18295" s="360"/>
      <c r="I18295" s="360"/>
      <c r="J18295" s="367"/>
      <c r="K18295" s="365"/>
      <c r="L18295" s="360"/>
    </row>
    <row r="18296" spans="2:12">
      <c r="B18296" s="367"/>
      <c r="C18296" s="359" t="s">
        <v>13942</v>
      </c>
      <c r="D18296" s="367"/>
      <c r="E18296" s="367"/>
      <c r="F18296" s="359" t="s">
        <v>14656</v>
      </c>
      <c r="G18296" s="359" t="s">
        <v>14579</v>
      </c>
      <c r="H18296" s="359" t="s">
        <v>14370</v>
      </c>
      <c r="I18296" s="359" t="s">
        <v>14579</v>
      </c>
      <c r="J18296" s="367"/>
      <c r="K18296" s="365"/>
      <c r="L18296" s="360"/>
    </row>
    <row r="18297" spans="2:12">
      <c r="B18297" s="367"/>
      <c r="C18297" s="360"/>
      <c r="D18297" s="367"/>
      <c r="E18297" s="367"/>
      <c r="F18297" s="360"/>
      <c r="G18297" s="360"/>
      <c r="H18297" s="360"/>
      <c r="I18297" s="360"/>
      <c r="J18297" s="367"/>
      <c r="K18297" s="365"/>
      <c r="L18297" s="360"/>
    </row>
    <row r="18298" spans="2:12">
      <c r="B18298" s="367"/>
      <c r="C18298" s="360"/>
      <c r="D18298" s="367"/>
      <c r="E18298" s="367"/>
      <c r="F18298" s="359" t="s">
        <v>15089</v>
      </c>
      <c r="G18298" s="359" t="s">
        <v>14429</v>
      </c>
      <c r="H18298" s="359" t="s">
        <v>14332</v>
      </c>
      <c r="I18298" s="359" t="s">
        <v>14429</v>
      </c>
      <c r="J18298" s="367"/>
      <c r="K18298" s="365"/>
      <c r="L18298" s="360"/>
    </row>
    <row r="18299" spans="2:12">
      <c r="B18299" s="367"/>
      <c r="C18299" s="360"/>
      <c r="D18299" s="367"/>
      <c r="E18299" s="367"/>
      <c r="F18299" s="360"/>
      <c r="G18299" s="360"/>
      <c r="H18299" s="360"/>
      <c r="I18299" s="360"/>
      <c r="J18299" s="367"/>
      <c r="K18299" s="365"/>
      <c r="L18299" s="360"/>
    </row>
    <row r="18300" spans="2:12" ht="71.25">
      <c r="B18300" s="367"/>
      <c r="C18300" s="360"/>
      <c r="D18300" s="367"/>
      <c r="E18300" s="367"/>
      <c r="F18300" s="359" t="s">
        <v>16919</v>
      </c>
      <c r="G18300" s="359" t="s">
        <v>21993</v>
      </c>
      <c r="H18300" s="360"/>
      <c r="I18300" s="359" t="s">
        <v>21993</v>
      </c>
      <c r="J18300" s="367"/>
      <c r="K18300" s="365"/>
      <c r="L18300" s="360"/>
    </row>
    <row r="18301" spans="2:12">
      <c r="B18301" s="367"/>
      <c r="C18301" s="360"/>
      <c r="D18301" s="367"/>
      <c r="E18301" s="367"/>
      <c r="F18301" s="360"/>
      <c r="G18301" s="360"/>
      <c r="H18301" s="360"/>
      <c r="I18301" s="360"/>
      <c r="J18301" s="367"/>
      <c r="K18301" s="365"/>
      <c r="L18301" s="360"/>
    </row>
    <row r="18302" spans="2:12">
      <c r="B18302" s="367"/>
      <c r="C18302" s="360"/>
      <c r="D18302" s="367"/>
      <c r="E18302" s="367"/>
      <c r="F18302" s="359" t="s">
        <v>14356</v>
      </c>
      <c r="G18302" s="359" t="s">
        <v>14340</v>
      </c>
      <c r="H18302" s="360"/>
      <c r="I18302" s="359" t="s">
        <v>14340</v>
      </c>
      <c r="J18302" s="367"/>
      <c r="K18302" s="365"/>
      <c r="L18302" s="360"/>
    </row>
    <row r="18303" spans="2:12">
      <c r="B18303" s="367"/>
      <c r="C18303" s="360"/>
      <c r="D18303" s="367"/>
      <c r="E18303" s="367"/>
      <c r="F18303" s="360"/>
      <c r="G18303" s="360"/>
      <c r="H18303" s="360"/>
      <c r="I18303" s="360"/>
      <c r="J18303" s="367"/>
      <c r="K18303" s="365"/>
      <c r="L18303" s="360"/>
    </row>
    <row r="18304" spans="2:12">
      <c r="B18304" s="367"/>
      <c r="C18304" s="360"/>
      <c r="D18304" s="367"/>
      <c r="E18304" s="367"/>
      <c r="F18304" s="359" t="s">
        <v>14430</v>
      </c>
      <c r="G18304" s="359" t="s">
        <v>14431</v>
      </c>
      <c r="H18304" s="360"/>
      <c r="I18304" s="359" t="s">
        <v>14392</v>
      </c>
      <c r="J18304" s="367"/>
      <c r="K18304" s="365"/>
      <c r="L18304" s="360"/>
    </row>
    <row r="18305" spans="2:12">
      <c r="B18305" s="367"/>
      <c r="C18305" s="360"/>
      <c r="D18305" s="367"/>
      <c r="E18305" s="367"/>
      <c r="F18305" s="360"/>
      <c r="G18305" s="360"/>
      <c r="H18305" s="360"/>
      <c r="I18305" s="360"/>
      <c r="J18305" s="367"/>
      <c r="K18305" s="365"/>
      <c r="L18305" s="360"/>
    </row>
    <row r="18306" spans="2:12">
      <c r="B18306" s="367"/>
      <c r="C18306" s="360"/>
      <c r="D18306" s="367"/>
      <c r="E18306" s="367"/>
      <c r="F18306" s="359" t="s">
        <v>17088</v>
      </c>
      <c r="G18306" s="359" t="s">
        <v>14392</v>
      </c>
      <c r="H18306" s="360"/>
      <c r="I18306" s="359" t="s">
        <v>14395</v>
      </c>
      <c r="J18306" s="367"/>
      <c r="K18306" s="365"/>
      <c r="L18306" s="360"/>
    </row>
    <row r="18307" spans="2:12">
      <c r="B18307" s="367"/>
      <c r="C18307" s="360"/>
      <c r="D18307" s="367"/>
      <c r="E18307" s="367"/>
      <c r="F18307" s="360"/>
      <c r="G18307" s="360"/>
      <c r="H18307" s="360"/>
      <c r="I18307" s="360"/>
      <c r="J18307" s="367"/>
      <c r="K18307" s="365"/>
      <c r="L18307" s="360"/>
    </row>
    <row r="18308" spans="2:12" ht="28.5">
      <c r="B18308" s="368"/>
      <c r="C18308" s="362"/>
      <c r="D18308" s="368"/>
      <c r="E18308" s="368"/>
      <c r="F18308" s="361" t="s">
        <v>14394</v>
      </c>
      <c r="G18308" s="361" t="s">
        <v>14395</v>
      </c>
      <c r="H18308" s="362"/>
      <c r="I18308" s="362"/>
      <c r="J18308" s="368"/>
      <c r="K18308" s="366"/>
      <c r="L18308" s="362"/>
    </row>
    <row r="18309" spans="2:12" ht="28.5">
      <c r="B18309" s="358" t="s">
        <v>13943</v>
      </c>
      <c r="C18309" s="358" t="s">
        <v>23932</v>
      </c>
      <c r="D18309" s="358" t="s">
        <v>8356</v>
      </c>
      <c r="E18309" s="358" t="s">
        <v>8356</v>
      </c>
      <c r="F18309" s="358" t="s">
        <v>14376</v>
      </c>
      <c r="G18309" s="358" t="s">
        <v>14669</v>
      </c>
      <c r="H18309" s="358" t="s">
        <v>14381</v>
      </c>
      <c r="I18309" s="358" t="s">
        <v>14669</v>
      </c>
      <c r="J18309" s="358" t="s">
        <v>14944</v>
      </c>
      <c r="K18309" s="358"/>
      <c r="L18309" s="358" t="s">
        <v>27743</v>
      </c>
    </row>
    <row r="18310" spans="2:12">
      <c r="B18310" s="367"/>
      <c r="C18310" s="360"/>
      <c r="D18310" s="367"/>
      <c r="E18310" s="367"/>
      <c r="F18310" s="360"/>
      <c r="G18310" s="360"/>
      <c r="H18310" s="360"/>
      <c r="I18310" s="360"/>
      <c r="J18310" s="367"/>
      <c r="K18310" s="365"/>
      <c r="L18310" s="360"/>
    </row>
    <row r="18311" spans="2:12" ht="28.5">
      <c r="B18311" s="367"/>
      <c r="C18311" s="359" t="s">
        <v>13944</v>
      </c>
      <c r="D18311" s="367"/>
      <c r="E18311" s="367"/>
      <c r="F18311" s="359" t="s">
        <v>14426</v>
      </c>
      <c r="G18311" s="359" t="s">
        <v>14427</v>
      </c>
      <c r="H18311" s="359" t="s">
        <v>14367</v>
      </c>
      <c r="I18311" s="359" t="s">
        <v>14427</v>
      </c>
      <c r="J18311" s="367"/>
      <c r="K18311" s="365"/>
      <c r="L18311" s="359" t="s">
        <v>27744</v>
      </c>
    </row>
    <row r="18312" spans="2:12">
      <c r="B18312" s="367"/>
      <c r="C18312" s="360"/>
      <c r="D18312" s="367"/>
      <c r="E18312" s="367"/>
      <c r="F18312" s="360"/>
      <c r="G18312" s="360"/>
      <c r="H18312" s="360"/>
      <c r="I18312" s="360"/>
      <c r="J18312" s="367"/>
      <c r="K18312" s="365"/>
      <c r="L18312" s="360"/>
    </row>
    <row r="18313" spans="2:12">
      <c r="B18313" s="367"/>
      <c r="C18313" s="359" t="s">
        <v>13945</v>
      </c>
      <c r="D18313" s="367"/>
      <c r="E18313" s="367"/>
      <c r="F18313" s="359" t="s">
        <v>15089</v>
      </c>
      <c r="G18313" s="359" t="s">
        <v>14459</v>
      </c>
      <c r="H18313" s="359" t="s">
        <v>14341</v>
      </c>
      <c r="I18313" s="359" t="s">
        <v>14459</v>
      </c>
      <c r="J18313" s="367"/>
      <c r="K18313" s="365"/>
      <c r="L18313" s="360"/>
    </row>
    <row r="18314" spans="2:12">
      <c r="B18314" s="367"/>
      <c r="C18314" s="360"/>
      <c r="D18314" s="367"/>
      <c r="E18314" s="367"/>
      <c r="F18314" s="360"/>
      <c r="G18314" s="360"/>
      <c r="H18314" s="360"/>
      <c r="I18314" s="360"/>
      <c r="J18314" s="367"/>
      <c r="K18314" s="365"/>
      <c r="L18314" s="360"/>
    </row>
    <row r="18315" spans="2:12">
      <c r="B18315" s="367"/>
      <c r="C18315" s="360"/>
      <c r="D18315" s="367"/>
      <c r="E18315" s="367"/>
      <c r="F18315" s="359" t="s">
        <v>15089</v>
      </c>
      <c r="G18315" s="359" t="s">
        <v>14429</v>
      </c>
      <c r="H18315" s="359" t="s">
        <v>14370</v>
      </c>
      <c r="I18315" s="359" t="s">
        <v>14429</v>
      </c>
      <c r="J18315" s="367"/>
      <c r="K18315" s="365"/>
      <c r="L18315" s="360"/>
    </row>
    <row r="18316" spans="2:12">
      <c r="B18316" s="367"/>
      <c r="C18316" s="360"/>
      <c r="D18316" s="367"/>
      <c r="E18316" s="367"/>
      <c r="F18316" s="360"/>
      <c r="G18316" s="360"/>
      <c r="H18316" s="360"/>
      <c r="I18316" s="360"/>
      <c r="J18316" s="367"/>
      <c r="K18316" s="365"/>
      <c r="L18316" s="360"/>
    </row>
    <row r="18317" spans="2:12" ht="71.25">
      <c r="B18317" s="367"/>
      <c r="C18317" s="360"/>
      <c r="D18317" s="367"/>
      <c r="E18317" s="367"/>
      <c r="F18317" s="359" t="s">
        <v>16919</v>
      </c>
      <c r="G18317" s="359" t="s">
        <v>21993</v>
      </c>
      <c r="H18317" s="359" t="s">
        <v>14332</v>
      </c>
      <c r="I18317" s="359" t="s">
        <v>21993</v>
      </c>
      <c r="J18317" s="367"/>
      <c r="K18317" s="365"/>
      <c r="L18317" s="360"/>
    </row>
    <row r="18318" spans="2:12">
      <c r="B18318" s="367"/>
      <c r="C18318" s="360"/>
      <c r="D18318" s="367"/>
      <c r="E18318" s="367"/>
      <c r="F18318" s="360"/>
      <c r="G18318" s="360"/>
      <c r="H18318" s="360"/>
      <c r="I18318" s="360"/>
      <c r="J18318" s="367"/>
      <c r="K18318" s="365"/>
      <c r="L18318" s="360"/>
    </row>
    <row r="18319" spans="2:12">
      <c r="B18319" s="367"/>
      <c r="C18319" s="360"/>
      <c r="D18319" s="367"/>
      <c r="E18319" s="367"/>
      <c r="F18319" s="359" t="s">
        <v>15892</v>
      </c>
      <c r="G18319" s="359" t="s">
        <v>14340</v>
      </c>
      <c r="H18319" s="360"/>
      <c r="I18319" s="359" t="s">
        <v>14340</v>
      </c>
      <c r="J18319" s="367"/>
      <c r="K18319" s="365"/>
      <c r="L18319" s="360"/>
    </row>
    <row r="18320" spans="2:12">
      <c r="B18320" s="367"/>
      <c r="C18320" s="360"/>
      <c r="D18320" s="367"/>
      <c r="E18320" s="367"/>
      <c r="F18320" s="360"/>
      <c r="G18320" s="360"/>
      <c r="H18320" s="360"/>
      <c r="I18320" s="360"/>
      <c r="J18320" s="367"/>
      <c r="K18320" s="365"/>
      <c r="L18320" s="360"/>
    </row>
    <row r="18321" spans="2:12">
      <c r="B18321" s="367"/>
      <c r="C18321" s="360"/>
      <c r="D18321" s="367"/>
      <c r="E18321" s="367"/>
      <c r="F18321" s="359" t="s">
        <v>14430</v>
      </c>
      <c r="G18321" s="359" t="s">
        <v>14431</v>
      </c>
      <c r="H18321" s="360"/>
      <c r="I18321" s="359" t="s">
        <v>14392</v>
      </c>
      <c r="J18321" s="367"/>
      <c r="K18321" s="365"/>
      <c r="L18321" s="360"/>
    </row>
    <row r="18322" spans="2:12">
      <c r="B18322" s="367"/>
      <c r="C18322" s="360"/>
      <c r="D18322" s="367"/>
      <c r="E18322" s="367"/>
      <c r="F18322" s="360"/>
      <c r="G18322" s="360"/>
      <c r="H18322" s="360"/>
      <c r="I18322" s="360"/>
      <c r="J18322" s="367"/>
      <c r="K18322" s="365"/>
      <c r="L18322" s="360"/>
    </row>
    <row r="18323" spans="2:12">
      <c r="B18323" s="367"/>
      <c r="C18323" s="360"/>
      <c r="D18323" s="367"/>
      <c r="E18323" s="367"/>
      <c r="F18323" s="359" t="s">
        <v>17088</v>
      </c>
      <c r="G18323" s="359" t="s">
        <v>14392</v>
      </c>
      <c r="H18323" s="360"/>
      <c r="I18323" s="359" t="s">
        <v>14395</v>
      </c>
      <c r="J18323" s="367"/>
      <c r="K18323" s="365"/>
      <c r="L18323" s="360"/>
    </row>
    <row r="18324" spans="2:12">
      <c r="B18324" s="367"/>
      <c r="C18324" s="360"/>
      <c r="D18324" s="367"/>
      <c r="E18324" s="367"/>
      <c r="F18324" s="360"/>
      <c r="G18324" s="360"/>
      <c r="H18324" s="360"/>
      <c r="I18324" s="360"/>
      <c r="J18324" s="367"/>
      <c r="K18324" s="365"/>
      <c r="L18324" s="360"/>
    </row>
    <row r="18325" spans="2:12" ht="28.5">
      <c r="B18325" s="368"/>
      <c r="C18325" s="362"/>
      <c r="D18325" s="368"/>
      <c r="E18325" s="368"/>
      <c r="F18325" s="361" t="s">
        <v>14394</v>
      </c>
      <c r="G18325" s="361" t="s">
        <v>14395</v>
      </c>
      <c r="H18325" s="362"/>
      <c r="I18325" s="362"/>
      <c r="J18325" s="368"/>
      <c r="K18325" s="366"/>
      <c r="L18325" s="362"/>
    </row>
    <row r="18326" spans="2:12">
      <c r="B18326" s="358" t="s">
        <v>13946</v>
      </c>
      <c r="C18326" s="358" t="s">
        <v>23933</v>
      </c>
      <c r="D18326" s="358" t="s">
        <v>13947</v>
      </c>
      <c r="E18326" s="358" t="s">
        <v>14165</v>
      </c>
      <c r="F18326" s="358" t="s">
        <v>14376</v>
      </c>
      <c r="G18326" s="358" t="s">
        <v>14669</v>
      </c>
      <c r="H18326" s="358" t="s">
        <v>14381</v>
      </c>
      <c r="I18326" s="358" t="s">
        <v>14669</v>
      </c>
      <c r="J18326" s="358"/>
      <c r="K18326" s="358"/>
      <c r="L18326" s="358"/>
    </row>
    <row r="18327" spans="2:12">
      <c r="B18327" s="367"/>
      <c r="C18327" s="367"/>
      <c r="D18327" s="367"/>
      <c r="E18327" s="367"/>
      <c r="F18327" s="367"/>
      <c r="G18327" s="367"/>
      <c r="H18327" s="360"/>
      <c r="I18327" s="367"/>
      <c r="J18327" s="365"/>
      <c r="K18327" s="365"/>
      <c r="L18327" s="365"/>
    </row>
    <row r="18328" spans="2:12">
      <c r="B18328" s="368"/>
      <c r="C18328" s="368"/>
      <c r="D18328" s="368"/>
      <c r="E18328" s="368"/>
      <c r="F18328" s="368"/>
      <c r="G18328" s="368"/>
      <c r="H18328" s="361" t="s">
        <v>14332</v>
      </c>
      <c r="I18328" s="368"/>
      <c r="J18328" s="366"/>
      <c r="K18328" s="366"/>
      <c r="L18328" s="366"/>
    </row>
    <row r="18329" spans="2:12">
      <c r="B18329" s="354" t="s">
        <v>28574</v>
      </c>
      <c r="C18329" s="369"/>
      <c r="D18329" s="369"/>
      <c r="E18329" s="369"/>
      <c r="F18329" s="369"/>
      <c r="G18329" s="369"/>
      <c r="H18329" s="369"/>
      <c r="I18329" s="369"/>
      <c r="J18329" s="369"/>
      <c r="K18329" s="369"/>
      <c r="L18329" s="370"/>
    </row>
    <row r="18330" spans="2:12" ht="42.75">
      <c r="B18330" s="358" t="s">
        <v>29570</v>
      </c>
      <c r="C18330" s="358" t="s">
        <v>28434</v>
      </c>
      <c r="D18330" s="358" t="s">
        <v>28435</v>
      </c>
      <c r="E18330" s="358" t="s">
        <v>77</v>
      </c>
      <c r="F18330" s="358" t="s">
        <v>14507</v>
      </c>
      <c r="G18330" s="358" t="s">
        <v>16042</v>
      </c>
      <c r="H18330" s="358" t="s">
        <v>14381</v>
      </c>
      <c r="I18330" s="358" t="s">
        <v>16042</v>
      </c>
      <c r="J18330" s="358" t="s">
        <v>14944</v>
      </c>
      <c r="K18330" s="358"/>
      <c r="L18330" s="358"/>
    </row>
    <row r="18331" spans="2:12">
      <c r="B18331" s="367"/>
      <c r="C18331" s="367"/>
      <c r="D18331" s="367"/>
      <c r="E18331" s="367"/>
      <c r="F18331" s="360"/>
      <c r="G18331" s="360"/>
      <c r="H18331" s="360"/>
      <c r="I18331" s="360"/>
      <c r="J18331" s="367"/>
      <c r="K18331" s="365"/>
      <c r="L18331" s="365"/>
    </row>
    <row r="18332" spans="2:12">
      <c r="B18332" s="367"/>
      <c r="C18332" s="367"/>
      <c r="D18332" s="367"/>
      <c r="E18332" s="367"/>
      <c r="F18332" s="359" t="s">
        <v>15089</v>
      </c>
      <c r="G18332" s="359" t="s">
        <v>14429</v>
      </c>
      <c r="H18332" s="359" t="s">
        <v>14367</v>
      </c>
      <c r="I18332" s="359" t="s">
        <v>14429</v>
      </c>
      <c r="J18332" s="367"/>
      <c r="K18332" s="365"/>
      <c r="L18332" s="365"/>
    </row>
    <row r="18333" spans="2:12">
      <c r="B18333" s="367"/>
      <c r="C18333" s="367"/>
      <c r="D18333" s="367"/>
      <c r="E18333" s="367"/>
      <c r="F18333" s="360"/>
      <c r="G18333" s="360"/>
      <c r="H18333" s="360"/>
      <c r="I18333" s="360"/>
      <c r="J18333" s="367"/>
      <c r="K18333" s="365"/>
      <c r="L18333" s="365"/>
    </row>
    <row r="18334" spans="2:12">
      <c r="B18334" s="367"/>
      <c r="C18334" s="367"/>
      <c r="D18334" s="367"/>
      <c r="E18334" s="367"/>
      <c r="F18334" s="359" t="s">
        <v>14356</v>
      </c>
      <c r="G18334" s="359" t="s">
        <v>14340</v>
      </c>
      <c r="H18334" s="359" t="s">
        <v>14341</v>
      </c>
      <c r="I18334" s="359" t="s">
        <v>14340</v>
      </c>
      <c r="J18334" s="367"/>
      <c r="K18334" s="365"/>
      <c r="L18334" s="365"/>
    </row>
    <row r="18335" spans="2:12">
      <c r="B18335" s="367"/>
      <c r="C18335" s="367"/>
      <c r="D18335" s="367"/>
      <c r="E18335" s="367"/>
      <c r="F18335" s="360"/>
      <c r="G18335" s="360"/>
      <c r="H18335" s="360"/>
      <c r="I18335" s="360"/>
      <c r="J18335" s="367"/>
      <c r="K18335" s="365"/>
      <c r="L18335" s="365"/>
    </row>
    <row r="18336" spans="2:12">
      <c r="B18336" s="368"/>
      <c r="C18336" s="368"/>
      <c r="D18336" s="368"/>
      <c r="E18336" s="368"/>
      <c r="F18336" s="361" t="s">
        <v>14430</v>
      </c>
      <c r="G18336" s="361" t="s">
        <v>14431</v>
      </c>
      <c r="H18336" s="361" t="s">
        <v>14332</v>
      </c>
      <c r="I18336" s="362"/>
      <c r="J18336" s="368"/>
      <c r="K18336" s="366"/>
      <c r="L18336" s="366"/>
    </row>
    <row r="18337" spans="2:12">
      <c r="B18337" s="354" t="s">
        <v>28528</v>
      </c>
      <c r="C18337" s="369"/>
      <c r="D18337" s="369"/>
      <c r="E18337" s="369"/>
      <c r="F18337" s="369"/>
      <c r="G18337" s="369"/>
      <c r="H18337" s="369"/>
      <c r="I18337" s="369"/>
      <c r="J18337" s="369"/>
      <c r="K18337" s="369"/>
      <c r="L18337" s="370"/>
    </row>
    <row r="18338" spans="2:12">
      <c r="B18338" s="358" t="s">
        <v>10631</v>
      </c>
      <c r="C18338" s="358" t="s">
        <v>29571</v>
      </c>
      <c r="D18338" s="358" t="s">
        <v>10632</v>
      </c>
      <c r="E18338" s="358" t="s">
        <v>10633</v>
      </c>
      <c r="F18338" s="358" t="s">
        <v>14505</v>
      </c>
      <c r="G18338" s="358" t="s">
        <v>14506</v>
      </c>
      <c r="H18338" s="358" t="s">
        <v>14328</v>
      </c>
      <c r="I18338" s="358" t="s">
        <v>14506</v>
      </c>
      <c r="J18338" s="358"/>
      <c r="K18338" s="358"/>
      <c r="L18338" s="358" t="s">
        <v>595</v>
      </c>
    </row>
    <row r="18339" spans="2:12">
      <c r="B18339" s="367"/>
      <c r="C18339" s="367"/>
      <c r="D18339" s="367"/>
      <c r="E18339" s="367"/>
      <c r="F18339" s="360"/>
      <c r="G18339" s="360"/>
      <c r="H18339" s="360"/>
      <c r="I18339" s="360"/>
      <c r="J18339" s="365"/>
      <c r="K18339" s="365"/>
      <c r="L18339" s="367"/>
    </row>
    <row r="18340" spans="2:12">
      <c r="B18340" s="367"/>
      <c r="C18340" s="367"/>
      <c r="D18340" s="367"/>
      <c r="E18340" s="367"/>
      <c r="F18340" s="359" t="s">
        <v>14376</v>
      </c>
      <c r="G18340" s="359" t="s">
        <v>14669</v>
      </c>
      <c r="H18340" s="359" t="s">
        <v>14378</v>
      </c>
      <c r="I18340" s="359" t="s">
        <v>14669</v>
      </c>
      <c r="J18340" s="365"/>
      <c r="K18340" s="365"/>
      <c r="L18340" s="367"/>
    </row>
    <row r="18341" spans="2:12">
      <c r="B18341" s="367"/>
      <c r="C18341" s="367"/>
      <c r="D18341" s="367"/>
      <c r="E18341" s="367"/>
      <c r="F18341" s="360"/>
      <c r="G18341" s="360"/>
      <c r="H18341" s="360"/>
      <c r="I18341" s="360"/>
      <c r="J18341" s="365"/>
      <c r="K18341" s="365"/>
      <c r="L18341" s="367"/>
    </row>
    <row r="18342" spans="2:12">
      <c r="B18342" s="367"/>
      <c r="C18342" s="367"/>
      <c r="D18342" s="367"/>
      <c r="E18342" s="367"/>
      <c r="F18342" s="359" t="s">
        <v>14889</v>
      </c>
      <c r="G18342" s="359" t="s">
        <v>14890</v>
      </c>
      <c r="H18342" s="359" t="s">
        <v>14381</v>
      </c>
      <c r="I18342" s="359" t="s">
        <v>14890</v>
      </c>
      <c r="J18342" s="365"/>
      <c r="K18342" s="365"/>
      <c r="L18342" s="367"/>
    </row>
    <row r="18343" spans="2:12">
      <c r="B18343" s="367"/>
      <c r="C18343" s="367"/>
      <c r="D18343" s="367"/>
      <c r="E18343" s="367"/>
      <c r="F18343" s="360"/>
      <c r="G18343" s="360"/>
      <c r="H18343" s="360"/>
      <c r="I18343" s="360"/>
      <c r="J18343" s="365"/>
      <c r="K18343" s="365"/>
      <c r="L18343" s="367"/>
    </row>
    <row r="18344" spans="2:12">
      <c r="B18344" s="367"/>
      <c r="C18344" s="367"/>
      <c r="D18344" s="367"/>
      <c r="E18344" s="367"/>
      <c r="F18344" s="359" t="s">
        <v>14379</v>
      </c>
      <c r="G18344" s="359" t="s">
        <v>14380</v>
      </c>
      <c r="H18344" s="359" t="s">
        <v>14341</v>
      </c>
      <c r="I18344" s="359" t="s">
        <v>14380</v>
      </c>
      <c r="J18344" s="365"/>
      <c r="K18344" s="365"/>
      <c r="L18344" s="367"/>
    </row>
    <row r="18345" spans="2:12">
      <c r="B18345" s="367"/>
      <c r="C18345" s="367"/>
      <c r="D18345" s="367"/>
      <c r="E18345" s="367"/>
      <c r="F18345" s="360"/>
      <c r="G18345" s="360"/>
      <c r="H18345" s="360"/>
      <c r="I18345" s="360"/>
      <c r="J18345" s="365"/>
      <c r="K18345" s="365"/>
      <c r="L18345" s="367"/>
    </row>
    <row r="18346" spans="2:12">
      <c r="B18346" s="367"/>
      <c r="C18346" s="367"/>
      <c r="D18346" s="367"/>
      <c r="E18346" s="367"/>
      <c r="F18346" s="359" t="s">
        <v>14530</v>
      </c>
      <c r="G18346" s="359" t="s">
        <v>14531</v>
      </c>
      <c r="H18346" s="359" t="s">
        <v>14370</v>
      </c>
      <c r="I18346" s="359" t="s">
        <v>14531</v>
      </c>
      <c r="J18346" s="365"/>
      <c r="K18346" s="365"/>
      <c r="L18346" s="367"/>
    </row>
    <row r="18347" spans="2:12">
      <c r="B18347" s="367"/>
      <c r="C18347" s="367"/>
      <c r="D18347" s="367"/>
      <c r="E18347" s="367"/>
      <c r="F18347" s="360"/>
      <c r="G18347" s="360"/>
      <c r="H18347" s="360"/>
      <c r="I18347" s="360"/>
      <c r="J18347" s="365"/>
      <c r="K18347" s="365"/>
      <c r="L18347" s="367"/>
    </row>
    <row r="18348" spans="2:12">
      <c r="B18348" s="367"/>
      <c r="C18348" s="367"/>
      <c r="D18348" s="367"/>
      <c r="E18348" s="367"/>
      <c r="F18348" s="359" t="s">
        <v>14379</v>
      </c>
      <c r="G18348" s="359" t="s">
        <v>14405</v>
      </c>
      <c r="H18348" s="359" t="s">
        <v>14332</v>
      </c>
      <c r="I18348" s="359" t="s">
        <v>14405</v>
      </c>
      <c r="J18348" s="365"/>
      <c r="K18348" s="365"/>
      <c r="L18348" s="367"/>
    </row>
    <row r="18349" spans="2:12">
      <c r="B18349" s="367"/>
      <c r="C18349" s="367"/>
      <c r="D18349" s="367"/>
      <c r="E18349" s="367"/>
      <c r="F18349" s="360"/>
      <c r="G18349" s="360"/>
      <c r="H18349" s="360"/>
      <c r="I18349" s="360"/>
      <c r="J18349" s="365"/>
      <c r="K18349" s="365"/>
      <c r="L18349" s="367"/>
    </row>
    <row r="18350" spans="2:12">
      <c r="B18350" s="367"/>
      <c r="C18350" s="367"/>
      <c r="D18350" s="367"/>
      <c r="E18350" s="367"/>
      <c r="F18350" s="359" t="s">
        <v>14356</v>
      </c>
      <c r="G18350" s="359" t="s">
        <v>14340</v>
      </c>
      <c r="H18350" s="360"/>
      <c r="I18350" s="359" t="s">
        <v>14340</v>
      </c>
      <c r="J18350" s="365"/>
      <c r="K18350" s="365"/>
      <c r="L18350" s="367"/>
    </row>
    <row r="18351" spans="2:12">
      <c r="B18351" s="367"/>
      <c r="C18351" s="367"/>
      <c r="D18351" s="367"/>
      <c r="E18351" s="367"/>
      <c r="F18351" s="360"/>
      <c r="G18351" s="360"/>
      <c r="H18351" s="360"/>
      <c r="I18351" s="360"/>
      <c r="J18351" s="365"/>
      <c r="K18351" s="365"/>
      <c r="L18351" s="367"/>
    </row>
    <row r="18352" spans="2:12" ht="28.5">
      <c r="B18352" s="368"/>
      <c r="C18352" s="368"/>
      <c r="D18352" s="368"/>
      <c r="E18352" s="368"/>
      <c r="F18352" s="361" t="s">
        <v>14394</v>
      </c>
      <c r="G18352" s="361" t="s">
        <v>14395</v>
      </c>
      <c r="H18352" s="362"/>
      <c r="I18352" s="361" t="s">
        <v>14395</v>
      </c>
      <c r="J18352" s="366"/>
      <c r="K18352" s="366"/>
      <c r="L18352" s="368"/>
    </row>
    <row r="18353" spans="2:12">
      <c r="B18353" s="358" t="s">
        <v>23934</v>
      </c>
      <c r="C18353" s="358" t="s">
        <v>23935</v>
      </c>
      <c r="D18353" s="358" t="s">
        <v>23936</v>
      </c>
      <c r="E18353" s="358" t="s">
        <v>23937</v>
      </c>
      <c r="F18353" s="358" t="s">
        <v>14505</v>
      </c>
      <c r="G18353" s="358" t="s">
        <v>14506</v>
      </c>
      <c r="H18353" s="358" t="s">
        <v>14328</v>
      </c>
      <c r="I18353" s="358" t="s">
        <v>14506</v>
      </c>
      <c r="J18353" s="358"/>
      <c r="K18353" s="358" t="s">
        <v>14929</v>
      </c>
      <c r="L18353" s="358"/>
    </row>
    <row r="18354" spans="2:12">
      <c r="B18354" s="367"/>
      <c r="C18354" s="367"/>
      <c r="D18354" s="367"/>
      <c r="E18354" s="367"/>
      <c r="F18354" s="360"/>
      <c r="G18354" s="360"/>
      <c r="H18354" s="360"/>
      <c r="I18354" s="360"/>
      <c r="J18354" s="365"/>
      <c r="K18354" s="367"/>
      <c r="L18354" s="365"/>
    </row>
    <row r="18355" spans="2:12">
      <c r="B18355" s="367"/>
      <c r="C18355" s="367"/>
      <c r="D18355" s="367"/>
      <c r="E18355" s="367"/>
      <c r="F18355" s="359" t="s">
        <v>14420</v>
      </c>
      <c r="G18355" s="359" t="s">
        <v>14459</v>
      </c>
      <c r="H18355" s="359" t="s">
        <v>14367</v>
      </c>
      <c r="I18355" s="359" t="s">
        <v>14459</v>
      </c>
      <c r="J18355" s="365"/>
      <c r="K18355" s="367"/>
      <c r="L18355" s="365"/>
    </row>
    <row r="18356" spans="2:12">
      <c r="B18356" s="367"/>
      <c r="C18356" s="367"/>
      <c r="D18356" s="367"/>
      <c r="E18356" s="367"/>
      <c r="F18356" s="360"/>
      <c r="G18356" s="360"/>
      <c r="H18356" s="360"/>
      <c r="I18356" s="360"/>
      <c r="J18356" s="365"/>
      <c r="K18356" s="367"/>
      <c r="L18356" s="365"/>
    </row>
    <row r="18357" spans="2:12">
      <c r="B18357" s="367"/>
      <c r="C18357" s="367"/>
      <c r="D18357" s="367"/>
      <c r="E18357" s="367"/>
      <c r="F18357" s="359" t="s">
        <v>14420</v>
      </c>
      <c r="G18357" s="359" t="s">
        <v>14421</v>
      </c>
      <c r="H18357" s="359" t="s">
        <v>14332</v>
      </c>
      <c r="I18357" s="359" t="s">
        <v>14421</v>
      </c>
      <c r="J18357" s="365"/>
      <c r="K18357" s="367"/>
      <c r="L18357" s="365"/>
    </row>
    <row r="18358" spans="2:12">
      <c r="B18358" s="367"/>
      <c r="C18358" s="367"/>
      <c r="D18358" s="367"/>
      <c r="E18358" s="367"/>
      <c r="F18358" s="360"/>
      <c r="G18358" s="360"/>
      <c r="H18358" s="360"/>
      <c r="I18358" s="360"/>
      <c r="J18358" s="365"/>
      <c r="K18358" s="367"/>
      <c r="L18358" s="365"/>
    </row>
    <row r="18359" spans="2:12">
      <c r="B18359" s="368"/>
      <c r="C18359" s="368"/>
      <c r="D18359" s="368"/>
      <c r="E18359" s="368"/>
      <c r="F18359" s="361" t="s">
        <v>14420</v>
      </c>
      <c r="G18359" s="361" t="s">
        <v>14429</v>
      </c>
      <c r="H18359" s="362"/>
      <c r="I18359" s="361" t="s">
        <v>14429</v>
      </c>
      <c r="J18359" s="366"/>
      <c r="K18359" s="368"/>
      <c r="L18359" s="366"/>
    </row>
    <row r="18360" spans="2:12">
      <c r="B18360" s="358" t="s">
        <v>23938</v>
      </c>
      <c r="C18360" s="358" t="s">
        <v>23939</v>
      </c>
      <c r="D18360" s="358" t="s">
        <v>8356</v>
      </c>
      <c r="E18360" s="358" t="s">
        <v>23940</v>
      </c>
      <c r="F18360" s="358" t="s">
        <v>16426</v>
      </c>
      <c r="G18360" s="358" t="s">
        <v>15011</v>
      </c>
      <c r="H18360" s="358" t="s">
        <v>14954</v>
      </c>
      <c r="I18360" s="358" t="s">
        <v>15011</v>
      </c>
      <c r="J18360" s="358"/>
      <c r="K18360" s="358"/>
      <c r="L18360" s="358"/>
    </row>
    <row r="18361" spans="2:12">
      <c r="B18361" s="367"/>
      <c r="C18361" s="367"/>
      <c r="D18361" s="367"/>
      <c r="E18361" s="367"/>
      <c r="F18361" s="360"/>
      <c r="G18361" s="360"/>
      <c r="H18361" s="360"/>
      <c r="I18361" s="360"/>
      <c r="J18361" s="365"/>
      <c r="K18361" s="365"/>
      <c r="L18361" s="365"/>
    </row>
    <row r="18362" spans="2:12">
      <c r="B18362" s="367"/>
      <c r="C18362" s="367"/>
      <c r="D18362" s="367"/>
      <c r="E18362" s="367"/>
      <c r="F18362" s="359" t="s">
        <v>14420</v>
      </c>
      <c r="G18362" s="359" t="s">
        <v>14459</v>
      </c>
      <c r="H18362" s="359" t="s">
        <v>14367</v>
      </c>
      <c r="I18362" s="359" t="s">
        <v>14459</v>
      </c>
      <c r="J18362" s="365"/>
      <c r="K18362" s="365"/>
      <c r="L18362" s="365"/>
    </row>
    <row r="18363" spans="2:12">
      <c r="B18363" s="367"/>
      <c r="C18363" s="367"/>
      <c r="D18363" s="367"/>
      <c r="E18363" s="367"/>
      <c r="F18363" s="360"/>
      <c r="G18363" s="360"/>
      <c r="H18363" s="360"/>
      <c r="I18363" s="360"/>
      <c r="J18363" s="365"/>
      <c r="K18363" s="365"/>
      <c r="L18363" s="365"/>
    </row>
    <row r="18364" spans="2:12">
      <c r="B18364" s="367"/>
      <c r="C18364" s="367"/>
      <c r="D18364" s="367"/>
      <c r="E18364" s="367"/>
      <c r="F18364" s="359" t="s">
        <v>14420</v>
      </c>
      <c r="G18364" s="359" t="s">
        <v>14421</v>
      </c>
      <c r="H18364" s="359" t="s">
        <v>14332</v>
      </c>
      <c r="I18364" s="359" t="s">
        <v>14421</v>
      </c>
      <c r="J18364" s="365"/>
      <c r="K18364" s="365"/>
      <c r="L18364" s="365"/>
    </row>
    <row r="18365" spans="2:12">
      <c r="B18365" s="367"/>
      <c r="C18365" s="367"/>
      <c r="D18365" s="367"/>
      <c r="E18365" s="367"/>
      <c r="F18365" s="360"/>
      <c r="G18365" s="360"/>
      <c r="H18365" s="360"/>
      <c r="I18365" s="360"/>
      <c r="J18365" s="365"/>
      <c r="K18365" s="365"/>
      <c r="L18365" s="365"/>
    </row>
    <row r="18366" spans="2:12">
      <c r="B18366" s="368"/>
      <c r="C18366" s="368"/>
      <c r="D18366" s="368"/>
      <c r="E18366" s="368"/>
      <c r="F18366" s="361" t="s">
        <v>14420</v>
      </c>
      <c r="G18366" s="361" t="s">
        <v>14429</v>
      </c>
      <c r="H18366" s="362"/>
      <c r="I18366" s="361" t="s">
        <v>14429</v>
      </c>
      <c r="J18366" s="366"/>
      <c r="K18366" s="366"/>
      <c r="L18366" s="366"/>
    </row>
    <row r="18367" spans="2:12" ht="28.5">
      <c r="B18367" s="358" t="s">
        <v>23941</v>
      </c>
      <c r="C18367" s="358" t="s">
        <v>29572</v>
      </c>
      <c r="D18367" s="358" t="s">
        <v>23942</v>
      </c>
      <c r="E18367" s="358" t="s">
        <v>23943</v>
      </c>
      <c r="F18367" s="358" t="s">
        <v>14379</v>
      </c>
      <c r="G18367" s="358" t="s">
        <v>14405</v>
      </c>
      <c r="H18367" s="358" t="s">
        <v>14378</v>
      </c>
      <c r="I18367" s="358" t="s">
        <v>14405</v>
      </c>
      <c r="J18367" s="358"/>
      <c r="K18367" s="358"/>
      <c r="L18367" s="358"/>
    </row>
    <row r="18368" spans="2:12">
      <c r="B18368" s="367"/>
      <c r="C18368" s="367"/>
      <c r="D18368" s="367"/>
      <c r="E18368" s="367"/>
      <c r="F18368" s="367"/>
      <c r="G18368" s="367"/>
      <c r="H18368" s="360"/>
      <c r="I18368" s="367"/>
      <c r="J18368" s="365"/>
      <c r="K18368" s="365"/>
      <c r="L18368" s="365"/>
    </row>
    <row r="18369" spans="2:12">
      <c r="B18369" s="368"/>
      <c r="C18369" s="368"/>
      <c r="D18369" s="368"/>
      <c r="E18369" s="368"/>
      <c r="F18369" s="368"/>
      <c r="G18369" s="368"/>
      <c r="H18369" s="361" t="s">
        <v>14332</v>
      </c>
      <c r="I18369" s="368"/>
      <c r="J18369" s="366"/>
      <c r="K18369" s="366"/>
      <c r="L18369" s="366"/>
    </row>
    <row r="18370" spans="2:12" ht="28.5">
      <c r="B18370" s="358" t="s">
        <v>23944</v>
      </c>
      <c r="C18370" s="358" t="s">
        <v>29573</v>
      </c>
      <c r="D18370" s="358" t="s">
        <v>23945</v>
      </c>
      <c r="E18370" s="358" t="s">
        <v>23946</v>
      </c>
      <c r="F18370" s="358" t="s">
        <v>14420</v>
      </c>
      <c r="G18370" s="358" t="s">
        <v>14421</v>
      </c>
      <c r="H18370" s="358" t="s">
        <v>14367</v>
      </c>
      <c r="I18370" s="358" t="s">
        <v>14421</v>
      </c>
      <c r="J18370" s="358"/>
      <c r="K18370" s="358"/>
      <c r="L18370" s="358"/>
    </row>
    <row r="18371" spans="2:12">
      <c r="B18371" s="367"/>
      <c r="C18371" s="367"/>
      <c r="D18371" s="367"/>
      <c r="E18371" s="367"/>
      <c r="F18371" s="360"/>
      <c r="G18371" s="360"/>
      <c r="H18371" s="360"/>
      <c r="I18371" s="360"/>
      <c r="J18371" s="365"/>
      <c r="K18371" s="365"/>
      <c r="L18371" s="365"/>
    </row>
    <row r="18372" spans="2:12">
      <c r="B18372" s="367"/>
      <c r="C18372" s="367"/>
      <c r="D18372" s="367"/>
      <c r="E18372" s="367"/>
      <c r="F18372" s="359" t="s">
        <v>14420</v>
      </c>
      <c r="G18372" s="359" t="s">
        <v>14429</v>
      </c>
      <c r="H18372" s="359" t="s">
        <v>14370</v>
      </c>
      <c r="I18372" s="359" t="s">
        <v>14429</v>
      </c>
      <c r="J18372" s="365"/>
      <c r="K18372" s="365"/>
      <c r="L18372" s="365"/>
    </row>
    <row r="18373" spans="2:12">
      <c r="B18373" s="367"/>
      <c r="C18373" s="367"/>
      <c r="D18373" s="367"/>
      <c r="E18373" s="367"/>
      <c r="F18373" s="360"/>
      <c r="G18373" s="360"/>
      <c r="H18373" s="360"/>
      <c r="I18373" s="360"/>
      <c r="J18373" s="365"/>
      <c r="K18373" s="365"/>
      <c r="L18373" s="365"/>
    </row>
    <row r="18374" spans="2:12">
      <c r="B18374" s="367"/>
      <c r="C18374" s="367"/>
      <c r="D18374" s="367"/>
      <c r="E18374" s="367"/>
      <c r="F18374" s="359" t="s">
        <v>14371</v>
      </c>
      <c r="G18374" s="359" t="s">
        <v>14372</v>
      </c>
      <c r="H18374" s="359" t="s">
        <v>14422</v>
      </c>
      <c r="I18374" s="359" t="s">
        <v>14373</v>
      </c>
      <c r="J18374" s="365"/>
      <c r="K18374" s="365"/>
      <c r="L18374" s="365"/>
    </row>
    <row r="18375" spans="2:12">
      <c r="B18375" s="367"/>
      <c r="C18375" s="367"/>
      <c r="D18375" s="367"/>
      <c r="E18375" s="367"/>
      <c r="F18375" s="360"/>
      <c r="G18375" s="360"/>
      <c r="H18375" s="360"/>
      <c r="I18375" s="360"/>
      <c r="J18375" s="365"/>
      <c r="K18375" s="365"/>
      <c r="L18375" s="365"/>
    </row>
    <row r="18376" spans="2:12" ht="28.5">
      <c r="B18376" s="368"/>
      <c r="C18376" s="368"/>
      <c r="D18376" s="368"/>
      <c r="E18376" s="368"/>
      <c r="F18376" s="361" t="s">
        <v>14374</v>
      </c>
      <c r="G18376" s="361" t="s">
        <v>14373</v>
      </c>
      <c r="H18376" s="362"/>
      <c r="I18376" s="362"/>
      <c r="J18376" s="366"/>
      <c r="K18376" s="366"/>
      <c r="L18376" s="366"/>
    </row>
    <row r="18377" spans="2:12" ht="28.5">
      <c r="B18377" s="358" t="s">
        <v>23947</v>
      </c>
      <c r="C18377" s="358" t="s">
        <v>29574</v>
      </c>
      <c r="D18377" s="358" t="s">
        <v>23948</v>
      </c>
      <c r="E18377" s="358" t="s">
        <v>1729</v>
      </c>
      <c r="F18377" s="358" t="s">
        <v>14420</v>
      </c>
      <c r="G18377" s="358" t="s">
        <v>14429</v>
      </c>
      <c r="H18377" s="358" t="s">
        <v>14367</v>
      </c>
      <c r="I18377" s="358" t="s">
        <v>14429</v>
      </c>
      <c r="J18377" s="358"/>
      <c r="K18377" s="358"/>
      <c r="L18377" s="358"/>
    </row>
    <row r="18378" spans="2:12">
      <c r="B18378" s="367"/>
      <c r="C18378" s="367"/>
      <c r="D18378" s="367"/>
      <c r="E18378" s="367"/>
      <c r="F18378" s="360"/>
      <c r="G18378" s="360"/>
      <c r="H18378" s="360"/>
      <c r="I18378" s="360"/>
      <c r="J18378" s="365"/>
      <c r="K18378" s="365"/>
      <c r="L18378" s="365"/>
    </row>
    <row r="18379" spans="2:12">
      <c r="B18379" s="367"/>
      <c r="C18379" s="367"/>
      <c r="D18379" s="367"/>
      <c r="E18379" s="367"/>
      <c r="F18379" s="359" t="s">
        <v>14386</v>
      </c>
      <c r="G18379" s="359" t="s">
        <v>14387</v>
      </c>
      <c r="H18379" s="359" t="s">
        <v>14370</v>
      </c>
      <c r="I18379" s="359" t="s">
        <v>14387</v>
      </c>
      <c r="J18379" s="365"/>
      <c r="K18379" s="365"/>
      <c r="L18379" s="365"/>
    </row>
    <row r="18380" spans="2:12">
      <c r="B18380" s="367"/>
      <c r="C18380" s="367"/>
      <c r="D18380" s="367"/>
      <c r="E18380" s="367"/>
      <c r="F18380" s="360"/>
      <c r="G18380" s="360"/>
      <c r="H18380" s="360"/>
      <c r="I18380" s="360"/>
      <c r="J18380" s="365"/>
      <c r="K18380" s="365"/>
      <c r="L18380" s="365"/>
    </row>
    <row r="18381" spans="2:12">
      <c r="B18381" s="367"/>
      <c r="C18381" s="367"/>
      <c r="D18381" s="367"/>
      <c r="E18381" s="367"/>
      <c r="F18381" s="359" t="s">
        <v>14371</v>
      </c>
      <c r="G18381" s="359" t="s">
        <v>14372</v>
      </c>
      <c r="H18381" s="359" t="s">
        <v>14422</v>
      </c>
      <c r="I18381" s="359" t="s">
        <v>14373</v>
      </c>
      <c r="J18381" s="365"/>
      <c r="K18381" s="365"/>
      <c r="L18381" s="365"/>
    </row>
    <row r="18382" spans="2:12">
      <c r="B18382" s="367"/>
      <c r="C18382" s="367"/>
      <c r="D18382" s="367"/>
      <c r="E18382" s="367"/>
      <c r="F18382" s="360"/>
      <c r="G18382" s="360"/>
      <c r="H18382" s="360"/>
      <c r="I18382" s="360"/>
      <c r="J18382" s="365"/>
      <c r="K18382" s="365"/>
      <c r="L18382" s="365"/>
    </row>
    <row r="18383" spans="2:12" ht="28.5">
      <c r="B18383" s="368"/>
      <c r="C18383" s="368"/>
      <c r="D18383" s="368"/>
      <c r="E18383" s="368"/>
      <c r="F18383" s="361" t="s">
        <v>14374</v>
      </c>
      <c r="G18383" s="361" t="s">
        <v>14373</v>
      </c>
      <c r="H18383" s="362"/>
      <c r="I18383" s="362"/>
      <c r="J18383" s="366"/>
      <c r="K18383" s="366"/>
      <c r="L18383" s="366"/>
    </row>
    <row r="18384" spans="2:12" ht="42.75">
      <c r="B18384" s="358" t="s">
        <v>23949</v>
      </c>
      <c r="C18384" s="358" t="s">
        <v>29575</v>
      </c>
      <c r="D18384" s="358" t="s">
        <v>23950</v>
      </c>
      <c r="E18384" s="358" t="s">
        <v>23951</v>
      </c>
      <c r="F18384" s="358" t="s">
        <v>14379</v>
      </c>
      <c r="G18384" s="358" t="s">
        <v>14380</v>
      </c>
      <c r="H18384" s="358" t="s">
        <v>14378</v>
      </c>
      <c r="I18384" s="358" t="s">
        <v>14380</v>
      </c>
      <c r="J18384" s="358" t="s">
        <v>14355</v>
      </c>
      <c r="K18384" s="358" t="s">
        <v>28582</v>
      </c>
      <c r="L18384" s="358"/>
    </row>
    <row r="18385" spans="2:12">
      <c r="B18385" s="367"/>
      <c r="C18385" s="367"/>
      <c r="D18385" s="367"/>
      <c r="E18385" s="367"/>
      <c r="F18385" s="360"/>
      <c r="G18385" s="360"/>
      <c r="H18385" s="360"/>
      <c r="I18385" s="360"/>
      <c r="J18385" s="367"/>
      <c r="K18385" s="367"/>
      <c r="L18385" s="365"/>
    </row>
    <row r="18386" spans="2:12">
      <c r="B18386" s="367"/>
      <c r="C18386" s="367"/>
      <c r="D18386" s="367"/>
      <c r="E18386" s="367"/>
      <c r="F18386" s="359" t="s">
        <v>14420</v>
      </c>
      <c r="G18386" s="359" t="s">
        <v>14429</v>
      </c>
      <c r="H18386" s="359" t="s">
        <v>14341</v>
      </c>
      <c r="I18386" s="359" t="s">
        <v>14429</v>
      </c>
      <c r="J18386" s="367"/>
      <c r="K18386" s="367"/>
      <c r="L18386" s="365"/>
    </row>
    <row r="18387" spans="2:12">
      <c r="B18387" s="367"/>
      <c r="C18387" s="367"/>
      <c r="D18387" s="367"/>
      <c r="E18387" s="367"/>
      <c r="F18387" s="360"/>
      <c r="G18387" s="360"/>
      <c r="H18387" s="360"/>
      <c r="I18387" s="360"/>
      <c r="J18387" s="367"/>
      <c r="K18387" s="367"/>
      <c r="L18387" s="365"/>
    </row>
    <row r="18388" spans="2:12">
      <c r="B18388" s="367"/>
      <c r="C18388" s="367"/>
      <c r="D18388" s="367"/>
      <c r="E18388" s="367"/>
      <c r="F18388" s="359" t="s">
        <v>14356</v>
      </c>
      <c r="G18388" s="359" t="s">
        <v>14340</v>
      </c>
      <c r="H18388" s="359" t="s">
        <v>14332</v>
      </c>
      <c r="I18388" s="359" t="s">
        <v>14340</v>
      </c>
      <c r="J18388" s="367"/>
      <c r="K18388" s="367"/>
      <c r="L18388" s="365"/>
    </row>
    <row r="18389" spans="2:12">
      <c r="B18389" s="367"/>
      <c r="C18389" s="367"/>
      <c r="D18389" s="367"/>
      <c r="E18389" s="367"/>
      <c r="F18389" s="360"/>
      <c r="G18389" s="360"/>
      <c r="H18389" s="360"/>
      <c r="I18389" s="360"/>
      <c r="J18389" s="367"/>
      <c r="K18389" s="367"/>
      <c r="L18389" s="365"/>
    </row>
    <row r="18390" spans="2:12">
      <c r="B18390" s="368"/>
      <c r="C18390" s="368"/>
      <c r="D18390" s="368"/>
      <c r="E18390" s="368"/>
      <c r="F18390" s="361" t="s">
        <v>14391</v>
      </c>
      <c r="G18390" s="361" t="s">
        <v>14392</v>
      </c>
      <c r="H18390" s="362"/>
      <c r="I18390" s="361" t="s">
        <v>14392</v>
      </c>
      <c r="J18390" s="368"/>
      <c r="K18390" s="368"/>
      <c r="L18390" s="366"/>
    </row>
    <row r="18391" spans="2:12" ht="28.5">
      <c r="B18391" s="358" t="s">
        <v>23952</v>
      </c>
      <c r="C18391" s="358" t="s">
        <v>30390</v>
      </c>
      <c r="D18391" s="358" t="s">
        <v>23953</v>
      </c>
      <c r="E18391" s="358" t="s">
        <v>23954</v>
      </c>
      <c r="F18391" s="358" t="s">
        <v>14420</v>
      </c>
      <c r="G18391" s="358" t="s">
        <v>14429</v>
      </c>
      <c r="H18391" s="358" t="s">
        <v>14367</v>
      </c>
      <c r="I18391" s="358" t="s">
        <v>14429</v>
      </c>
      <c r="J18391" s="358"/>
      <c r="K18391" s="358" t="s">
        <v>14557</v>
      </c>
      <c r="L18391" s="358"/>
    </row>
    <row r="18392" spans="2:12">
      <c r="B18392" s="367"/>
      <c r="C18392" s="367"/>
      <c r="D18392" s="367"/>
      <c r="E18392" s="367"/>
      <c r="F18392" s="360"/>
      <c r="G18392" s="360"/>
      <c r="H18392" s="360"/>
      <c r="I18392" s="360"/>
      <c r="J18392" s="365"/>
      <c r="K18392" s="367"/>
      <c r="L18392" s="365"/>
    </row>
    <row r="18393" spans="2:12">
      <c r="B18393" s="367"/>
      <c r="C18393" s="367"/>
      <c r="D18393" s="367"/>
      <c r="E18393" s="367"/>
      <c r="F18393" s="359" t="s">
        <v>14371</v>
      </c>
      <c r="G18393" s="359" t="s">
        <v>14372</v>
      </c>
      <c r="H18393" s="359" t="s">
        <v>14370</v>
      </c>
      <c r="I18393" s="359" t="s">
        <v>14373</v>
      </c>
      <c r="J18393" s="365"/>
      <c r="K18393" s="367"/>
      <c r="L18393" s="365"/>
    </row>
    <row r="18394" spans="2:12">
      <c r="B18394" s="367"/>
      <c r="C18394" s="367"/>
      <c r="D18394" s="367"/>
      <c r="E18394" s="367"/>
      <c r="F18394" s="360"/>
      <c r="G18394" s="360"/>
      <c r="H18394" s="360"/>
      <c r="I18394" s="360"/>
      <c r="J18394" s="365"/>
      <c r="K18394" s="367"/>
      <c r="L18394" s="365"/>
    </row>
    <row r="18395" spans="2:12" ht="28.5">
      <c r="B18395" s="368"/>
      <c r="C18395" s="368"/>
      <c r="D18395" s="368"/>
      <c r="E18395" s="368"/>
      <c r="F18395" s="361" t="s">
        <v>14374</v>
      </c>
      <c r="G18395" s="361" t="s">
        <v>14373</v>
      </c>
      <c r="H18395" s="361" t="s">
        <v>14422</v>
      </c>
      <c r="I18395" s="362"/>
      <c r="J18395" s="366"/>
      <c r="K18395" s="368"/>
      <c r="L18395" s="366"/>
    </row>
    <row r="18396" spans="2:12" ht="28.5">
      <c r="B18396" s="358" t="s">
        <v>23955</v>
      </c>
      <c r="C18396" s="358" t="s">
        <v>29576</v>
      </c>
      <c r="D18396" s="358" t="s">
        <v>23956</v>
      </c>
      <c r="E18396" s="358" t="s">
        <v>23957</v>
      </c>
      <c r="F18396" s="358" t="s">
        <v>14507</v>
      </c>
      <c r="G18396" s="358" t="s">
        <v>29577</v>
      </c>
      <c r="H18396" s="358" t="s">
        <v>14381</v>
      </c>
      <c r="I18396" s="358" t="s">
        <v>29577</v>
      </c>
      <c r="J18396" s="358"/>
      <c r="K18396" s="358"/>
      <c r="L18396" s="358"/>
    </row>
    <row r="18397" spans="2:12">
      <c r="B18397" s="367"/>
      <c r="C18397" s="367"/>
      <c r="D18397" s="367"/>
      <c r="E18397" s="367"/>
      <c r="F18397" s="360"/>
      <c r="G18397" s="360"/>
      <c r="H18397" s="360"/>
      <c r="I18397" s="360"/>
      <c r="J18397" s="365"/>
      <c r="K18397" s="365"/>
      <c r="L18397" s="365"/>
    </row>
    <row r="18398" spans="2:12">
      <c r="B18398" s="367"/>
      <c r="C18398" s="367"/>
      <c r="D18398" s="367"/>
      <c r="E18398" s="367"/>
      <c r="F18398" s="359" t="s">
        <v>14460</v>
      </c>
      <c r="G18398" s="359" t="s">
        <v>14395</v>
      </c>
      <c r="H18398" s="359" t="s">
        <v>14370</v>
      </c>
      <c r="I18398" s="359" t="s">
        <v>14395</v>
      </c>
      <c r="J18398" s="365"/>
      <c r="K18398" s="365"/>
      <c r="L18398" s="365"/>
    </row>
    <row r="18399" spans="2:12">
      <c r="B18399" s="367"/>
      <c r="C18399" s="367"/>
      <c r="D18399" s="367"/>
      <c r="E18399" s="367"/>
      <c r="F18399" s="360"/>
      <c r="G18399" s="360"/>
      <c r="H18399" s="360"/>
      <c r="I18399" s="360"/>
      <c r="J18399" s="365"/>
      <c r="K18399" s="365"/>
      <c r="L18399" s="365"/>
    </row>
    <row r="18400" spans="2:12" ht="28.5">
      <c r="B18400" s="368"/>
      <c r="C18400" s="368"/>
      <c r="D18400" s="368"/>
      <c r="E18400" s="368"/>
      <c r="F18400" s="361" t="s">
        <v>14394</v>
      </c>
      <c r="G18400" s="362"/>
      <c r="H18400" s="361" t="s">
        <v>14422</v>
      </c>
      <c r="I18400" s="362"/>
      <c r="J18400" s="366"/>
      <c r="K18400" s="366"/>
      <c r="L18400" s="366"/>
    </row>
    <row r="18401" spans="2:12" ht="28.5">
      <c r="B18401" s="358" t="s">
        <v>23958</v>
      </c>
      <c r="C18401" s="358" t="s">
        <v>29578</v>
      </c>
      <c r="D18401" s="358" t="s">
        <v>23959</v>
      </c>
      <c r="E18401" s="358" t="s">
        <v>23960</v>
      </c>
      <c r="F18401" s="358" t="s">
        <v>14420</v>
      </c>
      <c r="G18401" s="358" t="s">
        <v>14429</v>
      </c>
      <c r="H18401" s="358" t="s">
        <v>14367</v>
      </c>
      <c r="I18401" s="358" t="s">
        <v>14429</v>
      </c>
      <c r="J18401" s="358"/>
      <c r="K18401" s="358"/>
      <c r="L18401" s="358"/>
    </row>
    <row r="18402" spans="2:12">
      <c r="B18402" s="367"/>
      <c r="C18402" s="367"/>
      <c r="D18402" s="367"/>
      <c r="E18402" s="367"/>
      <c r="F18402" s="360"/>
      <c r="G18402" s="360"/>
      <c r="H18402" s="360"/>
      <c r="I18402" s="360"/>
      <c r="J18402" s="365"/>
      <c r="K18402" s="365"/>
      <c r="L18402" s="365"/>
    </row>
    <row r="18403" spans="2:12">
      <c r="B18403" s="367"/>
      <c r="C18403" s="367"/>
      <c r="D18403" s="367"/>
      <c r="E18403" s="367"/>
      <c r="F18403" s="359" t="s">
        <v>14386</v>
      </c>
      <c r="G18403" s="359" t="s">
        <v>14387</v>
      </c>
      <c r="H18403" s="359" t="s">
        <v>14422</v>
      </c>
      <c r="I18403" s="359" t="s">
        <v>14387</v>
      </c>
      <c r="J18403" s="365"/>
      <c r="K18403" s="365"/>
      <c r="L18403" s="365"/>
    </row>
    <row r="18404" spans="2:12">
      <c r="B18404" s="367"/>
      <c r="C18404" s="367"/>
      <c r="D18404" s="367"/>
      <c r="E18404" s="367"/>
      <c r="F18404" s="360"/>
      <c r="G18404" s="360"/>
      <c r="H18404" s="360"/>
      <c r="I18404" s="360"/>
      <c r="J18404" s="365"/>
      <c r="K18404" s="365"/>
      <c r="L18404" s="365"/>
    </row>
    <row r="18405" spans="2:12">
      <c r="B18405" s="367"/>
      <c r="C18405" s="367"/>
      <c r="D18405" s="367"/>
      <c r="E18405" s="367"/>
      <c r="F18405" s="359" t="s">
        <v>14391</v>
      </c>
      <c r="G18405" s="359" t="s">
        <v>14392</v>
      </c>
      <c r="H18405" s="360"/>
      <c r="I18405" s="359" t="s">
        <v>14392</v>
      </c>
      <c r="J18405" s="365"/>
      <c r="K18405" s="365"/>
      <c r="L18405" s="365"/>
    </row>
    <row r="18406" spans="2:12">
      <c r="B18406" s="367"/>
      <c r="C18406" s="367"/>
      <c r="D18406" s="367"/>
      <c r="E18406" s="367"/>
      <c r="F18406" s="360"/>
      <c r="G18406" s="360"/>
      <c r="H18406" s="360"/>
      <c r="I18406" s="360"/>
      <c r="J18406" s="365"/>
      <c r="K18406" s="365"/>
      <c r="L18406" s="365"/>
    </row>
    <row r="18407" spans="2:12" ht="28.5">
      <c r="B18407" s="368"/>
      <c r="C18407" s="368"/>
      <c r="D18407" s="368"/>
      <c r="E18407" s="368"/>
      <c r="F18407" s="361" t="s">
        <v>14472</v>
      </c>
      <c r="G18407" s="361" t="s">
        <v>14473</v>
      </c>
      <c r="H18407" s="362"/>
      <c r="I18407" s="361" t="s">
        <v>14473</v>
      </c>
      <c r="J18407" s="366"/>
      <c r="K18407" s="366"/>
      <c r="L18407" s="366"/>
    </row>
    <row r="18408" spans="2:12" ht="28.5">
      <c r="B18408" s="358" t="s">
        <v>23961</v>
      </c>
      <c r="C18408" s="358" t="s">
        <v>29579</v>
      </c>
      <c r="D18408" s="358" t="s">
        <v>23962</v>
      </c>
      <c r="E18408" s="358" t="s">
        <v>23963</v>
      </c>
      <c r="F18408" s="358" t="s">
        <v>14420</v>
      </c>
      <c r="G18408" s="358" t="s">
        <v>14429</v>
      </c>
      <c r="H18408" s="358" t="s">
        <v>14367</v>
      </c>
      <c r="I18408" s="358" t="s">
        <v>14429</v>
      </c>
      <c r="J18408" s="358"/>
      <c r="K18408" s="358"/>
      <c r="L18408" s="358"/>
    </row>
    <row r="18409" spans="2:12">
      <c r="B18409" s="367"/>
      <c r="C18409" s="367"/>
      <c r="D18409" s="367"/>
      <c r="E18409" s="367"/>
      <c r="F18409" s="360"/>
      <c r="G18409" s="360"/>
      <c r="H18409" s="360"/>
      <c r="I18409" s="360"/>
      <c r="J18409" s="365"/>
      <c r="K18409" s="365"/>
      <c r="L18409" s="365"/>
    </row>
    <row r="18410" spans="2:12">
      <c r="B18410" s="367"/>
      <c r="C18410" s="367"/>
      <c r="D18410" s="367"/>
      <c r="E18410" s="367"/>
      <c r="F18410" s="359" t="s">
        <v>14371</v>
      </c>
      <c r="G18410" s="359" t="s">
        <v>14372</v>
      </c>
      <c r="H18410" s="359" t="s">
        <v>14370</v>
      </c>
      <c r="I18410" s="359" t="s">
        <v>14373</v>
      </c>
      <c r="J18410" s="365"/>
      <c r="K18410" s="365"/>
      <c r="L18410" s="365"/>
    </row>
    <row r="18411" spans="2:12">
      <c r="B18411" s="367"/>
      <c r="C18411" s="367"/>
      <c r="D18411" s="367"/>
      <c r="E18411" s="367"/>
      <c r="F18411" s="360"/>
      <c r="G18411" s="360"/>
      <c r="H18411" s="360"/>
      <c r="I18411" s="360"/>
      <c r="J18411" s="365"/>
      <c r="K18411" s="365"/>
      <c r="L18411" s="365"/>
    </row>
    <row r="18412" spans="2:12" ht="28.5">
      <c r="B18412" s="368"/>
      <c r="C18412" s="368"/>
      <c r="D18412" s="368"/>
      <c r="E18412" s="368"/>
      <c r="F18412" s="361" t="s">
        <v>14374</v>
      </c>
      <c r="G18412" s="361" t="s">
        <v>14373</v>
      </c>
      <c r="H18412" s="361" t="s">
        <v>14422</v>
      </c>
      <c r="I18412" s="362"/>
      <c r="J18412" s="366"/>
      <c r="K18412" s="366"/>
      <c r="L18412" s="366"/>
    </row>
    <row r="18413" spans="2:12" ht="28.5">
      <c r="B18413" s="358" t="s">
        <v>23964</v>
      </c>
      <c r="C18413" s="358" t="s">
        <v>29580</v>
      </c>
      <c r="D18413" s="358" t="s">
        <v>23965</v>
      </c>
      <c r="E18413" s="358" t="s">
        <v>23966</v>
      </c>
      <c r="F18413" s="358" t="s">
        <v>17028</v>
      </c>
      <c r="G18413" s="358" t="s">
        <v>14429</v>
      </c>
      <c r="H18413" s="358" t="s">
        <v>14367</v>
      </c>
      <c r="I18413" s="358" t="s">
        <v>14429</v>
      </c>
      <c r="J18413" s="358"/>
      <c r="K18413" s="358"/>
      <c r="L18413" s="358"/>
    </row>
    <row r="18414" spans="2:12">
      <c r="B18414" s="367"/>
      <c r="C18414" s="367"/>
      <c r="D18414" s="367"/>
      <c r="E18414" s="367"/>
      <c r="F18414" s="367"/>
      <c r="G18414" s="367"/>
      <c r="H18414" s="360"/>
      <c r="I18414" s="367"/>
      <c r="J18414" s="365"/>
      <c r="K18414" s="365"/>
      <c r="L18414" s="365"/>
    </row>
    <row r="18415" spans="2:12">
      <c r="B18415" s="368"/>
      <c r="C18415" s="368"/>
      <c r="D18415" s="368"/>
      <c r="E18415" s="368"/>
      <c r="F18415" s="368"/>
      <c r="G18415" s="368"/>
      <c r="H18415" s="361" t="s">
        <v>14422</v>
      </c>
      <c r="I18415" s="368"/>
      <c r="J18415" s="366"/>
      <c r="K18415" s="366"/>
      <c r="L18415" s="366"/>
    </row>
    <row r="18416" spans="2:12" ht="28.5">
      <c r="B18416" s="358" t="s">
        <v>23967</v>
      </c>
      <c r="C18416" s="358" t="s">
        <v>29581</v>
      </c>
      <c r="D18416" s="358" t="s">
        <v>23968</v>
      </c>
      <c r="E18416" s="358" t="s">
        <v>23969</v>
      </c>
      <c r="F18416" s="358" t="s">
        <v>17028</v>
      </c>
      <c r="G18416" s="358" t="s">
        <v>14421</v>
      </c>
      <c r="H18416" s="358" t="s">
        <v>14367</v>
      </c>
      <c r="I18416" s="358" t="s">
        <v>14421</v>
      </c>
      <c r="J18416" s="358"/>
      <c r="K18416" s="358"/>
      <c r="L18416" s="358"/>
    </row>
    <row r="18417" spans="2:12">
      <c r="B18417" s="367"/>
      <c r="C18417" s="367"/>
      <c r="D18417" s="367"/>
      <c r="E18417" s="367"/>
      <c r="F18417" s="360"/>
      <c r="G18417" s="360"/>
      <c r="H18417" s="360"/>
      <c r="I18417" s="360"/>
      <c r="J18417" s="365"/>
      <c r="K18417" s="365"/>
      <c r="L18417" s="365"/>
    </row>
    <row r="18418" spans="2:12">
      <c r="B18418" s="367"/>
      <c r="C18418" s="367"/>
      <c r="D18418" s="367"/>
      <c r="E18418" s="367"/>
      <c r="F18418" s="359" t="s">
        <v>17028</v>
      </c>
      <c r="G18418" s="359" t="s">
        <v>14429</v>
      </c>
      <c r="H18418" s="359" t="s">
        <v>14370</v>
      </c>
      <c r="I18418" s="359" t="s">
        <v>14429</v>
      </c>
      <c r="J18418" s="365"/>
      <c r="K18418" s="365"/>
      <c r="L18418" s="365"/>
    </row>
    <row r="18419" spans="2:12">
      <c r="B18419" s="367"/>
      <c r="C18419" s="367"/>
      <c r="D18419" s="367"/>
      <c r="E18419" s="367"/>
      <c r="F18419" s="360"/>
      <c r="G18419" s="360"/>
      <c r="H18419" s="360"/>
      <c r="I18419" s="360"/>
      <c r="J18419" s="365"/>
      <c r="K18419" s="365"/>
      <c r="L18419" s="365"/>
    </row>
    <row r="18420" spans="2:12">
      <c r="B18420" s="367"/>
      <c r="C18420" s="367"/>
      <c r="D18420" s="367"/>
      <c r="E18420" s="367"/>
      <c r="F18420" s="359" t="s">
        <v>14371</v>
      </c>
      <c r="G18420" s="359" t="s">
        <v>14372</v>
      </c>
      <c r="H18420" s="359" t="s">
        <v>14422</v>
      </c>
      <c r="I18420" s="359" t="s">
        <v>14373</v>
      </c>
      <c r="J18420" s="365"/>
      <c r="K18420" s="365"/>
      <c r="L18420" s="365"/>
    </row>
    <row r="18421" spans="2:12">
      <c r="B18421" s="367"/>
      <c r="C18421" s="367"/>
      <c r="D18421" s="367"/>
      <c r="E18421" s="367"/>
      <c r="F18421" s="360"/>
      <c r="G18421" s="360"/>
      <c r="H18421" s="360"/>
      <c r="I18421" s="360"/>
      <c r="J18421" s="365"/>
      <c r="K18421" s="365"/>
      <c r="L18421" s="365"/>
    </row>
    <row r="18422" spans="2:12" ht="28.5">
      <c r="B18422" s="368"/>
      <c r="C18422" s="368"/>
      <c r="D18422" s="368"/>
      <c r="E18422" s="368"/>
      <c r="F18422" s="361" t="s">
        <v>14374</v>
      </c>
      <c r="G18422" s="361" t="s">
        <v>14373</v>
      </c>
      <c r="H18422" s="362"/>
      <c r="I18422" s="362"/>
      <c r="J18422" s="366"/>
      <c r="K18422" s="366"/>
      <c r="L18422" s="366"/>
    </row>
    <row r="18423" spans="2:12">
      <c r="B18423" s="358" t="s">
        <v>23970</v>
      </c>
      <c r="C18423" s="358" t="s">
        <v>30391</v>
      </c>
      <c r="D18423" s="358" t="s">
        <v>23971</v>
      </c>
      <c r="E18423" s="358" t="s">
        <v>23972</v>
      </c>
      <c r="F18423" s="358" t="s">
        <v>14443</v>
      </c>
      <c r="G18423" s="358" t="s">
        <v>14444</v>
      </c>
      <c r="H18423" s="358" t="s">
        <v>14367</v>
      </c>
      <c r="I18423" s="358" t="s">
        <v>14444</v>
      </c>
      <c r="J18423" s="358"/>
      <c r="K18423" s="358" t="s">
        <v>14863</v>
      </c>
      <c r="L18423" s="358"/>
    </row>
    <row r="18424" spans="2:12">
      <c r="B18424" s="367"/>
      <c r="C18424" s="367"/>
      <c r="D18424" s="367"/>
      <c r="E18424" s="367"/>
      <c r="F18424" s="360"/>
      <c r="G18424" s="360"/>
      <c r="H18424" s="360"/>
      <c r="I18424" s="360"/>
      <c r="J18424" s="365"/>
      <c r="K18424" s="367"/>
      <c r="L18424" s="365"/>
    </row>
    <row r="18425" spans="2:12">
      <c r="B18425" s="367"/>
      <c r="C18425" s="367"/>
      <c r="D18425" s="367"/>
      <c r="E18425" s="367"/>
      <c r="F18425" s="359" t="s">
        <v>15089</v>
      </c>
      <c r="G18425" s="359" t="s">
        <v>14429</v>
      </c>
      <c r="H18425" s="359" t="s">
        <v>14381</v>
      </c>
      <c r="I18425" s="359" t="s">
        <v>14429</v>
      </c>
      <c r="J18425" s="365"/>
      <c r="K18425" s="367"/>
      <c r="L18425" s="365"/>
    </row>
    <row r="18426" spans="2:12">
      <c r="B18426" s="367"/>
      <c r="C18426" s="367"/>
      <c r="D18426" s="367"/>
      <c r="E18426" s="367"/>
      <c r="F18426" s="360"/>
      <c r="G18426" s="360"/>
      <c r="H18426" s="360"/>
      <c r="I18426" s="360"/>
      <c r="J18426" s="365"/>
      <c r="K18426" s="367"/>
      <c r="L18426" s="365"/>
    </row>
    <row r="18427" spans="2:12" ht="28.5">
      <c r="B18427" s="367"/>
      <c r="C18427" s="367"/>
      <c r="D18427" s="367"/>
      <c r="E18427" s="367"/>
      <c r="F18427" s="359" t="s">
        <v>16919</v>
      </c>
      <c r="G18427" s="359" t="s">
        <v>23973</v>
      </c>
      <c r="H18427" s="359" t="s">
        <v>14370</v>
      </c>
      <c r="I18427" s="359" t="s">
        <v>23973</v>
      </c>
      <c r="J18427" s="365"/>
      <c r="K18427" s="367"/>
      <c r="L18427" s="365"/>
    </row>
    <row r="18428" spans="2:12">
      <c r="B18428" s="367"/>
      <c r="C18428" s="367"/>
      <c r="D18428" s="367"/>
      <c r="E18428" s="367"/>
      <c r="F18428" s="360"/>
      <c r="G18428" s="360"/>
      <c r="H18428" s="360"/>
      <c r="I18428" s="360"/>
      <c r="J18428" s="365"/>
      <c r="K18428" s="367"/>
      <c r="L18428" s="365"/>
    </row>
    <row r="18429" spans="2:12">
      <c r="B18429" s="367"/>
      <c r="C18429" s="367"/>
      <c r="D18429" s="367"/>
      <c r="E18429" s="367"/>
      <c r="F18429" s="359" t="s">
        <v>14391</v>
      </c>
      <c r="G18429" s="359" t="s">
        <v>14392</v>
      </c>
      <c r="H18429" s="359" t="s">
        <v>14422</v>
      </c>
      <c r="I18429" s="359" t="s">
        <v>14392</v>
      </c>
      <c r="J18429" s="365"/>
      <c r="K18429" s="367"/>
      <c r="L18429" s="365"/>
    </row>
    <row r="18430" spans="2:12">
      <c r="B18430" s="367"/>
      <c r="C18430" s="367"/>
      <c r="D18430" s="367"/>
      <c r="E18430" s="367"/>
      <c r="F18430" s="360"/>
      <c r="G18430" s="360"/>
      <c r="H18430" s="360"/>
      <c r="I18430" s="360"/>
      <c r="J18430" s="365"/>
      <c r="K18430" s="367"/>
      <c r="L18430" s="365"/>
    </row>
    <row r="18431" spans="2:12">
      <c r="B18431" s="367"/>
      <c r="C18431" s="367"/>
      <c r="D18431" s="367"/>
      <c r="E18431" s="367"/>
      <c r="F18431" s="359" t="s">
        <v>14371</v>
      </c>
      <c r="G18431" s="359" t="s">
        <v>14372</v>
      </c>
      <c r="H18431" s="360"/>
      <c r="I18431" s="359" t="s">
        <v>14373</v>
      </c>
      <c r="J18431" s="365"/>
      <c r="K18431" s="367"/>
      <c r="L18431" s="365"/>
    </row>
    <row r="18432" spans="2:12">
      <c r="B18432" s="367"/>
      <c r="C18432" s="367"/>
      <c r="D18432" s="367"/>
      <c r="E18432" s="367"/>
      <c r="F18432" s="360"/>
      <c r="G18432" s="360"/>
      <c r="H18432" s="360"/>
      <c r="I18432" s="360"/>
      <c r="J18432" s="365"/>
      <c r="K18432" s="367"/>
      <c r="L18432" s="365"/>
    </row>
    <row r="18433" spans="2:12" ht="28.5">
      <c r="B18433" s="368"/>
      <c r="C18433" s="368"/>
      <c r="D18433" s="368"/>
      <c r="E18433" s="368"/>
      <c r="F18433" s="361" t="s">
        <v>14374</v>
      </c>
      <c r="G18433" s="361" t="s">
        <v>14373</v>
      </c>
      <c r="H18433" s="362"/>
      <c r="I18433" s="362"/>
      <c r="J18433" s="366"/>
      <c r="K18433" s="368"/>
      <c r="L18433" s="366"/>
    </row>
    <row r="18434" spans="2:12">
      <c r="B18434" s="358" t="s">
        <v>23974</v>
      </c>
      <c r="C18434" s="358" t="s">
        <v>29582</v>
      </c>
      <c r="D18434" s="358" t="s">
        <v>23975</v>
      </c>
      <c r="E18434" s="358" t="s">
        <v>23976</v>
      </c>
      <c r="F18434" s="358" t="s">
        <v>17028</v>
      </c>
      <c r="G18434" s="358" t="s">
        <v>14429</v>
      </c>
      <c r="H18434" s="358" t="s">
        <v>14367</v>
      </c>
      <c r="I18434" s="358" t="s">
        <v>14429</v>
      </c>
      <c r="J18434" s="358"/>
      <c r="K18434" s="358"/>
      <c r="L18434" s="358"/>
    </row>
    <row r="18435" spans="2:12">
      <c r="B18435" s="367"/>
      <c r="C18435" s="367"/>
      <c r="D18435" s="367"/>
      <c r="E18435" s="367"/>
      <c r="F18435" s="367"/>
      <c r="G18435" s="367"/>
      <c r="H18435" s="360"/>
      <c r="I18435" s="367"/>
      <c r="J18435" s="365"/>
      <c r="K18435" s="365"/>
      <c r="L18435" s="365"/>
    </row>
    <row r="18436" spans="2:12">
      <c r="B18436" s="368"/>
      <c r="C18436" s="368"/>
      <c r="D18436" s="368"/>
      <c r="E18436" s="368"/>
      <c r="F18436" s="368"/>
      <c r="G18436" s="368"/>
      <c r="H18436" s="361" t="s">
        <v>14422</v>
      </c>
      <c r="I18436" s="368"/>
      <c r="J18436" s="366"/>
      <c r="K18436" s="366"/>
      <c r="L18436" s="366"/>
    </row>
    <row r="18437" spans="2:12" ht="42.75">
      <c r="B18437" s="358" t="s">
        <v>23977</v>
      </c>
      <c r="C18437" s="358" t="s">
        <v>29583</v>
      </c>
      <c r="D18437" s="358"/>
      <c r="E18437" s="358" t="s">
        <v>23978</v>
      </c>
      <c r="F18437" s="358" t="s">
        <v>17028</v>
      </c>
      <c r="G18437" s="358" t="s">
        <v>14429</v>
      </c>
      <c r="H18437" s="358" t="s">
        <v>14367</v>
      </c>
      <c r="I18437" s="358" t="s">
        <v>14429</v>
      </c>
      <c r="J18437" s="358"/>
      <c r="K18437" s="358"/>
      <c r="L18437" s="358"/>
    </row>
    <row r="18438" spans="2:12">
      <c r="B18438" s="367"/>
      <c r="C18438" s="367"/>
      <c r="D18438" s="365"/>
      <c r="E18438" s="367"/>
      <c r="F18438" s="360"/>
      <c r="G18438" s="360"/>
      <c r="H18438" s="360"/>
      <c r="I18438" s="360"/>
      <c r="J18438" s="365"/>
      <c r="K18438" s="365"/>
      <c r="L18438" s="365"/>
    </row>
    <row r="18439" spans="2:12">
      <c r="B18439" s="367"/>
      <c r="C18439" s="367"/>
      <c r="D18439" s="365"/>
      <c r="E18439" s="367"/>
      <c r="F18439" s="359" t="s">
        <v>14386</v>
      </c>
      <c r="G18439" s="359" t="s">
        <v>14387</v>
      </c>
      <c r="H18439" s="359" t="s">
        <v>14422</v>
      </c>
      <c r="I18439" s="359" t="s">
        <v>14387</v>
      </c>
      <c r="J18439" s="365"/>
      <c r="K18439" s="365"/>
      <c r="L18439" s="365"/>
    </row>
    <row r="18440" spans="2:12">
      <c r="B18440" s="367"/>
      <c r="C18440" s="367"/>
      <c r="D18440" s="365"/>
      <c r="E18440" s="367"/>
      <c r="F18440" s="360"/>
      <c r="G18440" s="360"/>
      <c r="H18440" s="360"/>
      <c r="I18440" s="360"/>
      <c r="J18440" s="365"/>
      <c r="K18440" s="365"/>
      <c r="L18440" s="365"/>
    </row>
    <row r="18441" spans="2:12">
      <c r="B18441" s="367"/>
      <c r="C18441" s="367"/>
      <c r="D18441" s="365"/>
      <c r="E18441" s="367"/>
      <c r="F18441" s="359" t="s">
        <v>14368</v>
      </c>
      <c r="G18441" s="359" t="s">
        <v>14388</v>
      </c>
      <c r="H18441" s="360"/>
      <c r="I18441" s="359" t="s">
        <v>14388</v>
      </c>
      <c r="J18441" s="365"/>
      <c r="K18441" s="365"/>
      <c r="L18441" s="365"/>
    </row>
    <row r="18442" spans="2:12">
      <c r="B18442" s="367"/>
      <c r="C18442" s="367"/>
      <c r="D18442" s="365"/>
      <c r="E18442" s="367"/>
      <c r="F18442" s="360"/>
      <c r="G18442" s="360"/>
      <c r="H18442" s="360"/>
      <c r="I18442" s="360"/>
      <c r="J18442" s="365"/>
      <c r="K18442" s="365"/>
      <c r="L18442" s="365"/>
    </row>
    <row r="18443" spans="2:12">
      <c r="B18443" s="367"/>
      <c r="C18443" s="367"/>
      <c r="D18443" s="365"/>
      <c r="E18443" s="367"/>
      <c r="F18443" s="359" t="s">
        <v>14389</v>
      </c>
      <c r="G18443" s="359" t="s">
        <v>14390</v>
      </c>
      <c r="H18443" s="360"/>
      <c r="I18443" s="359" t="s">
        <v>14390</v>
      </c>
      <c r="J18443" s="365"/>
      <c r="K18443" s="365"/>
      <c r="L18443" s="365"/>
    </row>
    <row r="18444" spans="2:12">
      <c r="B18444" s="367"/>
      <c r="C18444" s="367"/>
      <c r="D18444" s="365"/>
      <c r="E18444" s="367"/>
      <c r="F18444" s="360"/>
      <c r="G18444" s="360"/>
      <c r="H18444" s="360"/>
      <c r="I18444" s="360"/>
      <c r="J18444" s="365"/>
      <c r="K18444" s="365"/>
      <c r="L18444" s="365"/>
    </row>
    <row r="18445" spans="2:12" ht="28.5">
      <c r="B18445" s="368"/>
      <c r="C18445" s="368"/>
      <c r="D18445" s="366"/>
      <c r="E18445" s="368"/>
      <c r="F18445" s="361" t="s">
        <v>14472</v>
      </c>
      <c r="G18445" s="361" t="s">
        <v>14473</v>
      </c>
      <c r="H18445" s="362"/>
      <c r="I18445" s="361" t="s">
        <v>14473</v>
      </c>
      <c r="J18445" s="366"/>
      <c r="K18445" s="366"/>
      <c r="L18445" s="366"/>
    </row>
    <row r="18446" spans="2:12">
      <c r="B18446" s="358" t="s">
        <v>23979</v>
      </c>
      <c r="C18446" s="358" t="s">
        <v>29584</v>
      </c>
      <c r="D18446" s="358" t="s">
        <v>23980</v>
      </c>
      <c r="E18446" s="358" t="s">
        <v>23981</v>
      </c>
      <c r="F18446" s="358" t="s">
        <v>14420</v>
      </c>
      <c r="G18446" s="358" t="s">
        <v>14429</v>
      </c>
      <c r="H18446" s="358" t="s">
        <v>14367</v>
      </c>
      <c r="I18446" s="358" t="s">
        <v>14429</v>
      </c>
      <c r="J18446" s="358"/>
      <c r="K18446" s="358"/>
      <c r="L18446" s="358"/>
    </row>
    <row r="18447" spans="2:12">
      <c r="B18447" s="367"/>
      <c r="C18447" s="367"/>
      <c r="D18447" s="367"/>
      <c r="E18447" s="367"/>
      <c r="F18447" s="367"/>
      <c r="G18447" s="367"/>
      <c r="H18447" s="360"/>
      <c r="I18447" s="367"/>
      <c r="J18447" s="365"/>
      <c r="K18447" s="365"/>
      <c r="L18447" s="365"/>
    </row>
    <row r="18448" spans="2:12">
      <c r="B18448" s="368"/>
      <c r="C18448" s="368"/>
      <c r="D18448" s="368"/>
      <c r="E18448" s="368"/>
      <c r="F18448" s="368"/>
      <c r="G18448" s="368"/>
      <c r="H18448" s="361" t="s">
        <v>14422</v>
      </c>
      <c r="I18448" s="368"/>
      <c r="J18448" s="366"/>
      <c r="K18448" s="366"/>
      <c r="L18448" s="366"/>
    </row>
    <row r="18449" spans="2:12" ht="28.5">
      <c r="B18449" s="358" t="s">
        <v>13211</v>
      </c>
      <c r="C18449" s="358" t="s">
        <v>29585</v>
      </c>
      <c r="D18449" s="358" t="s">
        <v>13212</v>
      </c>
      <c r="E18449" s="358" t="s">
        <v>13213</v>
      </c>
      <c r="F18449" s="358" t="s">
        <v>14424</v>
      </c>
      <c r="G18449" s="358" t="s">
        <v>29586</v>
      </c>
      <c r="H18449" s="358" t="s">
        <v>14381</v>
      </c>
      <c r="I18449" s="358" t="s">
        <v>29586</v>
      </c>
      <c r="J18449" s="358"/>
      <c r="K18449" s="358"/>
      <c r="L18449" s="358"/>
    </row>
    <row r="18450" spans="2:12">
      <c r="B18450" s="367"/>
      <c r="C18450" s="367"/>
      <c r="D18450" s="367"/>
      <c r="E18450" s="367"/>
      <c r="F18450" s="360"/>
      <c r="G18450" s="360"/>
      <c r="H18450" s="360"/>
      <c r="I18450" s="360"/>
      <c r="J18450" s="365"/>
      <c r="K18450" s="365"/>
      <c r="L18450" s="365"/>
    </row>
    <row r="18451" spans="2:12">
      <c r="B18451" s="367"/>
      <c r="C18451" s="367"/>
      <c r="D18451" s="367"/>
      <c r="E18451" s="367"/>
      <c r="F18451" s="359" t="s">
        <v>14420</v>
      </c>
      <c r="G18451" s="359" t="s">
        <v>14429</v>
      </c>
      <c r="H18451" s="359" t="s">
        <v>14367</v>
      </c>
      <c r="I18451" s="359" t="s">
        <v>14429</v>
      </c>
      <c r="J18451" s="365"/>
      <c r="K18451" s="365"/>
      <c r="L18451" s="365"/>
    </row>
    <row r="18452" spans="2:12">
      <c r="B18452" s="367"/>
      <c r="C18452" s="367"/>
      <c r="D18452" s="367"/>
      <c r="E18452" s="367"/>
      <c r="F18452" s="360"/>
      <c r="G18452" s="360"/>
      <c r="H18452" s="360"/>
      <c r="I18452" s="360"/>
      <c r="J18452" s="365"/>
      <c r="K18452" s="365"/>
      <c r="L18452" s="365"/>
    </row>
    <row r="18453" spans="2:12">
      <c r="B18453" s="367"/>
      <c r="C18453" s="367"/>
      <c r="D18453" s="367"/>
      <c r="E18453" s="367"/>
      <c r="F18453" s="359" t="s">
        <v>14420</v>
      </c>
      <c r="G18453" s="359" t="s">
        <v>14390</v>
      </c>
      <c r="H18453" s="359" t="s">
        <v>14370</v>
      </c>
      <c r="I18453" s="359" t="s">
        <v>14390</v>
      </c>
      <c r="J18453" s="365"/>
      <c r="K18453" s="365"/>
      <c r="L18453" s="365"/>
    </row>
    <row r="18454" spans="2:12">
      <c r="B18454" s="367"/>
      <c r="C18454" s="367"/>
      <c r="D18454" s="367"/>
      <c r="E18454" s="367"/>
      <c r="F18454" s="360"/>
      <c r="G18454" s="360"/>
      <c r="H18454" s="360"/>
      <c r="I18454" s="360"/>
      <c r="J18454" s="365"/>
      <c r="K18454" s="365"/>
      <c r="L18454" s="365"/>
    </row>
    <row r="18455" spans="2:12">
      <c r="B18455" s="367"/>
      <c r="C18455" s="367"/>
      <c r="D18455" s="367"/>
      <c r="E18455" s="367"/>
      <c r="F18455" s="359" t="s">
        <v>14389</v>
      </c>
      <c r="G18455" s="359" t="s">
        <v>14372</v>
      </c>
      <c r="H18455" s="359" t="s">
        <v>14332</v>
      </c>
      <c r="I18455" s="359" t="s">
        <v>14373</v>
      </c>
      <c r="J18455" s="365"/>
      <c r="K18455" s="365"/>
      <c r="L18455" s="365"/>
    </row>
    <row r="18456" spans="2:12">
      <c r="B18456" s="367"/>
      <c r="C18456" s="367"/>
      <c r="D18456" s="367"/>
      <c r="E18456" s="367"/>
      <c r="F18456" s="360"/>
      <c r="G18456" s="360"/>
      <c r="H18456" s="360"/>
      <c r="I18456" s="360"/>
      <c r="J18456" s="365"/>
      <c r="K18456" s="365"/>
      <c r="L18456" s="365"/>
    </row>
    <row r="18457" spans="2:12">
      <c r="B18457" s="367"/>
      <c r="C18457" s="367"/>
      <c r="D18457" s="367"/>
      <c r="E18457" s="367"/>
      <c r="F18457" s="359" t="s">
        <v>14371</v>
      </c>
      <c r="G18457" s="359" t="s">
        <v>14373</v>
      </c>
      <c r="H18457" s="360"/>
      <c r="I18457" s="360"/>
      <c r="J18457" s="365"/>
      <c r="K18457" s="365"/>
      <c r="L18457" s="365"/>
    </row>
    <row r="18458" spans="2:12">
      <c r="B18458" s="367"/>
      <c r="C18458" s="367"/>
      <c r="D18458" s="367"/>
      <c r="E18458" s="367"/>
      <c r="F18458" s="360"/>
      <c r="G18458" s="360"/>
      <c r="H18458" s="360"/>
      <c r="I18458" s="360"/>
      <c r="J18458" s="365"/>
      <c r="K18458" s="365"/>
      <c r="L18458" s="365"/>
    </row>
    <row r="18459" spans="2:12" ht="28.5">
      <c r="B18459" s="368"/>
      <c r="C18459" s="368"/>
      <c r="D18459" s="368"/>
      <c r="E18459" s="368"/>
      <c r="F18459" s="361" t="s">
        <v>14374</v>
      </c>
      <c r="G18459" s="362"/>
      <c r="H18459" s="362"/>
      <c r="I18459" s="362"/>
      <c r="J18459" s="366"/>
      <c r="K18459" s="366"/>
      <c r="L18459" s="366"/>
    </row>
    <row r="18460" spans="2:12" ht="28.5">
      <c r="B18460" s="358" t="s">
        <v>23982</v>
      </c>
      <c r="C18460" s="358" t="s">
        <v>29587</v>
      </c>
      <c r="D18460" s="358" t="s">
        <v>23983</v>
      </c>
      <c r="E18460" s="358" t="s">
        <v>23984</v>
      </c>
      <c r="F18460" s="358" t="s">
        <v>14420</v>
      </c>
      <c r="G18460" s="358" t="s">
        <v>14429</v>
      </c>
      <c r="H18460" s="358" t="s">
        <v>14367</v>
      </c>
      <c r="I18460" s="358" t="s">
        <v>14429</v>
      </c>
      <c r="J18460" s="358"/>
      <c r="K18460" s="358"/>
      <c r="L18460" s="358"/>
    </row>
    <row r="18461" spans="2:12">
      <c r="B18461" s="367"/>
      <c r="C18461" s="367"/>
      <c r="D18461" s="367"/>
      <c r="E18461" s="367"/>
      <c r="F18461" s="360"/>
      <c r="G18461" s="360"/>
      <c r="H18461" s="360"/>
      <c r="I18461" s="360"/>
      <c r="J18461" s="365"/>
      <c r="K18461" s="365"/>
      <c r="L18461" s="365"/>
    </row>
    <row r="18462" spans="2:12">
      <c r="B18462" s="367"/>
      <c r="C18462" s="367"/>
      <c r="D18462" s="367"/>
      <c r="E18462" s="367"/>
      <c r="F18462" s="359" t="s">
        <v>14371</v>
      </c>
      <c r="G18462" s="359" t="s">
        <v>14372</v>
      </c>
      <c r="H18462" s="359" t="s">
        <v>14370</v>
      </c>
      <c r="I18462" s="359" t="s">
        <v>14373</v>
      </c>
      <c r="J18462" s="365"/>
      <c r="K18462" s="365"/>
      <c r="L18462" s="365"/>
    </row>
    <row r="18463" spans="2:12">
      <c r="B18463" s="367"/>
      <c r="C18463" s="367"/>
      <c r="D18463" s="367"/>
      <c r="E18463" s="367"/>
      <c r="F18463" s="360"/>
      <c r="G18463" s="360"/>
      <c r="H18463" s="360"/>
      <c r="I18463" s="360"/>
      <c r="J18463" s="365"/>
      <c r="K18463" s="365"/>
      <c r="L18463" s="365"/>
    </row>
    <row r="18464" spans="2:12" ht="28.5">
      <c r="B18464" s="368"/>
      <c r="C18464" s="368"/>
      <c r="D18464" s="368"/>
      <c r="E18464" s="368"/>
      <c r="F18464" s="361" t="s">
        <v>14374</v>
      </c>
      <c r="G18464" s="361" t="s">
        <v>14373</v>
      </c>
      <c r="H18464" s="361" t="s">
        <v>14422</v>
      </c>
      <c r="I18464" s="362"/>
      <c r="J18464" s="366"/>
      <c r="K18464" s="366"/>
      <c r="L18464" s="366"/>
    </row>
    <row r="18465" spans="2:12" ht="28.5">
      <c r="B18465" s="358" t="s">
        <v>23985</v>
      </c>
      <c r="C18465" s="358" t="s">
        <v>23986</v>
      </c>
      <c r="D18465" s="358" t="s">
        <v>8356</v>
      </c>
      <c r="E18465" s="358" t="s">
        <v>8356</v>
      </c>
      <c r="F18465" s="358" t="s">
        <v>14420</v>
      </c>
      <c r="G18465" s="358" t="s">
        <v>14459</v>
      </c>
      <c r="H18465" s="358" t="s">
        <v>14367</v>
      </c>
      <c r="I18465" s="358" t="s">
        <v>14459</v>
      </c>
      <c r="J18465" s="358"/>
      <c r="K18465" s="358"/>
      <c r="L18465" s="358" t="s">
        <v>9491</v>
      </c>
    </row>
    <row r="18466" spans="2:12">
      <c r="B18466" s="367"/>
      <c r="C18466" s="367"/>
      <c r="D18466" s="367"/>
      <c r="E18466" s="367"/>
      <c r="F18466" s="360"/>
      <c r="G18466" s="360"/>
      <c r="H18466" s="360"/>
      <c r="I18466" s="360"/>
      <c r="J18466" s="365"/>
      <c r="K18466" s="365"/>
      <c r="L18466" s="367"/>
    </row>
    <row r="18467" spans="2:12">
      <c r="B18467" s="367"/>
      <c r="C18467" s="367"/>
      <c r="D18467" s="367"/>
      <c r="E18467" s="367"/>
      <c r="F18467" s="359" t="s">
        <v>14420</v>
      </c>
      <c r="G18467" s="359" t="s">
        <v>14421</v>
      </c>
      <c r="H18467" s="359" t="s">
        <v>14370</v>
      </c>
      <c r="I18467" s="359" t="s">
        <v>14421</v>
      </c>
      <c r="J18467" s="365"/>
      <c r="K18467" s="365"/>
      <c r="L18467" s="367"/>
    </row>
    <row r="18468" spans="2:12">
      <c r="B18468" s="367"/>
      <c r="C18468" s="367"/>
      <c r="D18468" s="367"/>
      <c r="E18468" s="367"/>
      <c r="F18468" s="360"/>
      <c r="G18468" s="360"/>
      <c r="H18468" s="360"/>
      <c r="I18468" s="360"/>
      <c r="J18468" s="365"/>
      <c r="K18468" s="365"/>
      <c r="L18468" s="367"/>
    </row>
    <row r="18469" spans="2:12">
      <c r="B18469" s="367"/>
      <c r="C18469" s="367"/>
      <c r="D18469" s="367"/>
      <c r="E18469" s="367"/>
      <c r="F18469" s="359" t="s">
        <v>14420</v>
      </c>
      <c r="G18469" s="359" t="s">
        <v>14429</v>
      </c>
      <c r="H18469" s="359" t="s">
        <v>14422</v>
      </c>
      <c r="I18469" s="359" t="s">
        <v>14429</v>
      </c>
      <c r="J18469" s="365"/>
      <c r="K18469" s="365"/>
      <c r="L18469" s="367"/>
    </row>
    <row r="18470" spans="2:12">
      <c r="B18470" s="367"/>
      <c r="C18470" s="367"/>
      <c r="D18470" s="367"/>
      <c r="E18470" s="367"/>
      <c r="F18470" s="360"/>
      <c r="G18470" s="360"/>
      <c r="H18470" s="360"/>
      <c r="I18470" s="360"/>
      <c r="J18470" s="365"/>
      <c r="K18470" s="365"/>
      <c r="L18470" s="367"/>
    </row>
    <row r="18471" spans="2:12">
      <c r="B18471" s="367"/>
      <c r="C18471" s="367"/>
      <c r="D18471" s="367"/>
      <c r="E18471" s="367"/>
      <c r="F18471" s="359" t="s">
        <v>14371</v>
      </c>
      <c r="G18471" s="359" t="s">
        <v>14372</v>
      </c>
      <c r="H18471" s="360"/>
      <c r="I18471" s="359" t="s">
        <v>14373</v>
      </c>
      <c r="J18471" s="365"/>
      <c r="K18471" s="365"/>
      <c r="L18471" s="367"/>
    </row>
    <row r="18472" spans="2:12">
      <c r="B18472" s="367"/>
      <c r="C18472" s="367"/>
      <c r="D18472" s="367"/>
      <c r="E18472" s="367"/>
      <c r="F18472" s="360"/>
      <c r="G18472" s="360"/>
      <c r="H18472" s="360"/>
      <c r="I18472" s="360"/>
      <c r="J18472" s="365"/>
      <c r="K18472" s="365"/>
      <c r="L18472" s="367"/>
    </row>
    <row r="18473" spans="2:12" ht="28.5">
      <c r="B18473" s="368"/>
      <c r="C18473" s="368"/>
      <c r="D18473" s="368"/>
      <c r="E18473" s="368"/>
      <c r="F18473" s="361" t="s">
        <v>14374</v>
      </c>
      <c r="G18473" s="361" t="s">
        <v>14373</v>
      </c>
      <c r="H18473" s="362"/>
      <c r="I18473" s="362"/>
      <c r="J18473" s="366"/>
      <c r="K18473" s="366"/>
      <c r="L18473" s="368"/>
    </row>
    <row r="18474" spans="2:12" ht="28.5">
      <c r="B18474" s="358" t="s">
        <v>23987</v>
      </c>
      <c r="C18474" s="358" t="s">
        <v>30392</v>
      </c>
      <c r="D18474" s="358" t="s">
        <v>23988</v>
      </c>
      <c r="E18474" s="358" t="s">
        <v>23989</v>
      </c>
      <c r="F18474" s="358" t="s">
        <v>14420</v>
      </c>
      <c r="G18474" s="358" t="s">
        <v>14459</v>
      </c>
      <c r="H18474" s="358" t="s">
        <v>14367</v>
      </c>
      <c r="I18474" s="358" t="s">
        <v>14459</v>
      </c>
      <c r="J18474" s="358"/>
      <c r="K18474" s="358"/>
      <c r="L18474" s="358"/>
    </row>
    <row r="18475" spans="2:12">
      <c r="B18475" s="367"/>
      <c r="C18475" s="367"/>
      <c r="D18475" s="367"/>
      <c r="E18475" s="367"/>
      <c r="F18475" s="360"/>
      <c r="G18475" s="360"/>
      <c r="H18475" s="360"/>
      <c r="I18475" s="360"/>
      <c r="J18475" s="365"/>
      <c r="K18475" s="365"/>
      <c r="L18475" s="365"/>
    </row>
    <row r="18476" spans="2:12">
      <c r="B18476" s="367"/>
      <c r="C18476" s="367"/>
      <c r="D18476" s="367"/>
      <c r="E18476" s="367"/>
      <c r="F18476" s="359" t="s">
        <v>14420</v>
      </c>
      <c r="G18476" s="359" t="s">
        <v>14421</v>
      </c>
      <c r="H18476" s="359" t="s">
        <v>14370</v>
      </c>
      <c r="I18476" s="359" t="s">
        <v>14421</v>
      </c>
      <c r="J18476" s="365"/>
      <c r="K18476" s="365"/>
      <c r="L18476" s="365"/>
    </row>
    <row r="18477" spans="2:12">
      <c r="B18477" s="367"/>
      <c r="C18477" s="367"/>
      <c r="D18477" s="367"/>
      <c r="E18477" s="367"/>
      <c r="F18477" s="360"/>
      <c r="G18477" s="360"/>
      <c r="H18477" s="360"/>
      <c r="I18477" s="360"/>
      <c r="J18477" s="365"/>
      <c r="K18477" s="365"/>
      <c r="L18477" s="365"/>
    </row>
    <row r="18478" spans="2:12">
      <c r="B18478" s="367"/>
      <c r="C18478" s="367"/>
      <c r="D18478" s="367"/>
      <c r="E18478" s="367"/>
      <c r="F18478" s="359" t="s">
        <v>14420</v>
      </c>
      <c r="G18478" s="359" t="s">
        <v>14429</v>
      </c>
      <c r="H18478" s="359" t="s">
        <v>14422</v>
      </c>
      <c r="I18478" s="359" t="s">
        <v>14429</v>
      </c>
      <c r="J18478" s="365"/>
      <c r="K18478" s="365"/>
      <c r="L18478" s="365"/>
    </row>
    <row r="18479" spans="2:12">
      <c r="B18479" s="367"/>
      <c r="C18479" s="367"/>
      <c r="D18479" s="367"/>
      <c r="E18479" s="367"/>
      <c r="F18479" s="360"/>
      <c r="G18479" s="360"/>
      <c r="H18479" s="360"/>
      <c r="I18479" s="360"/>
      <c r="J18479" s="365"/>
      <c r="K18479" s="365"/>
      <c r="L18479" s="365"/>
    </row>
    <row r="18480" spans="2:12">
      <c r="B18480" s="367"/>
      <c r="C18480" s="367"/>
      <c r="D18480" s="367"/>
      <c r="E18480" s="367"/>
      <c r="F18480" s="359" t="s">
        <v>14371</v>
      </c>
      <c r="G18480" s="359" t="s">
        <v>14372</v>
      </c>
      <c r="H18480" s="360"/>
      <c r="I18480" s="359" t="s">
        <v>14373</v>
      </c>
      <c r="J18480" s="365"/>
      <c r="K18480" s="365"/>
      <c r="L18480" s="365"/>
    </row>
    <row r="18481" spans="2:12">
      <c r="B18481" s="367"/>
      <c r="C18481" s="367"/>
      <c r="D18481" s="367"/>
      <c r="E18481" s="367"/>
      <c r="F18481" s="360"/>
      <c r="G18481" s="360"/>
      <c r="H18481" s="360"/>
      <c r="I18481" s="360"/>
      <c r="J18481" s="365"/>
      <c r="K18481" s="365"/>
      <c r="L18481" s="365"/>
    </row>
    <row r="18482" spans="2:12" ht="28.5">
      <c r="B18482" s="368"/>
      <c r="C18482" s="368"/>
      <c r="D18482" s="368"/>
      <c r="E18482" s="368"/>
      <c r="F18482" s="361" t="s">
        <v>14374</v>
      </c>
      <c r="G18482" s="361" t="s">
        <v>14373</v>
      </c>
      <c r="H18482" s="362"/>
      <c r="I18482" s="362"/>
      <c r="J18482" s="366"/>
      <c r="K18482" s="366"/>
      <c r="L18482" s="366"/>
    </row>
    <row r="18483" spans="2:12" ht="57">
      <c r="B18483" s="358" t="s">
        <v>23990</v>
      </c>
      <c r="C18483" s="358" t="s">
        <v>30393</v>
      </c>
      <c r="D18483" s="358" t="s">
        <v>23991</v>
      </c>
      <c r="E18483" s="358" t="s">
        <v>23992</v>
      </c>
      <c r="F18483" s="358" t="s">
        <v>14420</v>
      </c>
      <c r="G18483" s="358" t="s">
        <v>14459</v>
      </c>
      <c r="H18483" s="358" t="s">
        <v>14367</v>
      </c>
      <c r="I18483" s="358" t="s">
        <v>14459</v>
      </c>
      <c r="J18483" s="358"/>
      <c r="K18483" s="358"/>
      <c r="L18483" s="358"/>
    </row>
    <row r="18484" spans="2:12">
      <c r="B18484" s="367"/>
      <c r="C18484" s="367"/>
      <c r="D18484" s="367"/>
      <c r="E18484" s="367"/>
      <c r="F18484" s="360"/>
      <c r="G18484" s="360"/>
      <c r="H18484" s="360"/>
      <c r="I18484" s="360"/>
      <c r="J18484" s="365"/>
      <c r="K18484" s="365"/>
      <c r="L18484" s="365"/>
    </row>
    <row r="18485" spans="2:12">
      <c r="B18485" s="367"/>
      <c r="C18485" s="367"/>
      <c r="D18485" s="367"/>
      <c r="E18485" s="367"/>
      <c r="F18485" s="359" t="s">
        <v>14420</v>
      </c>
      <c r="G18485" s="359" t="s">
        <v>14421</v>
      </c>
      <c r="H18485" s="359" t="s">
        <v>14370</v>
      </c>
      <c r="I18485" s="359" t="s">
        <v>14421</v>
      </c>
      <c r="J18485" s="365"/>
      <c r="K18485" s="365"/>
      <c r="L18485" s="365"/>
    </row>
    <row r="18486" spans="2:12">
      <c r="B18486" s="367"/>
      <c r="C18486" s="367"/>
      <c r="D18486" s="367"/>
      <c r="E18486" s="367"/>
      <c r="F18486" s="360"/>
      <c r="G18486" s="360"/>
      <c r="H18486" s="360"/>
      <c r="I18486" s="360"/>
      <c r="J18486" s="365"/>
      <c r="K18486" s="365"/>
      <c r="L18486" s="365"/>
    </row>
    <row r="18487" spans="2:12">
      <c r="B18487" s="367"/>
      <c r="C18487" s="367"/>
      <c r="D18487" s="367"/>
      <c r="E18487" s="367"/>
      <c r="F18487" s="359" t="s">
        <v>14420</v>
      </c>
      <c r="G18487" s="359" t="s">
        <v>14429</v>
      </c>
      <c r="H18487" s="359" t="s">
        <v>14422</v>
      </c>
      <c r="I18487" s="359" t="s">
        <v>14429</v>
      </c>
      <c r="J18487" s="365"/>
      <c r="K18487" s="365"/>
      <c r="L18487" s="365"/>
    </row>
    <row r="18488" spans="2:12">
      <c r="B18488" s="367"/>
      <c r="C18488" s="367"/>
      <c r="D18488" s="367"/>
      <c r="E18488" s="367"/>
      <c r="F18488" s="360"/>
      <c r="G18488" s="360"/>
      <c r="H18488" s="360"/>
      <c r="I18488" s="360"/>
      <c r="J18488" s="365"/>
      <c r="K18488" s="365"/>
      <c r="L18488" s="365"/>
    </row>
    <row r="18489" spans="2:12">
      <c r="B18489" s="367"/>
      <c r="C18489" s="367"/>
      <c r="D18489" s="367"/>
      <c r="E18489" s="367"/>
      <c r="F18489" s="359" t="s">
        <v>14371</v>
      </c>
      <c r="G18489" s="359" t="s">
        <v>14372</v>
      </c>
      <c r="H18489" s="360"/>
      <c r="I18489" s="359" t="s">
        <v>14373</v>
      </c>
      <c r="J18489" s="365"/>
      <c r="K18489" s="365"/>
      <c r="L18489" s="365"/>
    </row>
    <row r="18490" spans="2:12">
      <c r="B18490" s="367"/>
      <c r="C18490" s="367"/>
      <c r="D18490" s="367"/>
      <c r="E18490" s="367"/>
      <c r="F18490" s="360"/>
      <c r="G18490" s="360"/>
      <c r="H18490" s="360"/>
      <c r="I18490" s="360"/>
      <c r="J18490" s="365"/>
      <c r="K18490" s="365"/>
      <c r="L18490" s="365"/>
    </row>
    <row r="18491" spans="2:12" ht="28.5">
      <c r="B18491" s="368"/>
      <c r="C18491" s="368"/>
      <c r="D18491" s="368"/>
      <c r="E18491" s="368"/>
      <c r="F18491" s="361" t="s">
        <v>14374</v>
      </c>
      <c r="G18491" s="361" t="s">
        <v>14373</v>
      </c>
      <c r="H18491" s="362"/>
      <c r="I18491" s="362"/>
      <c r="J18491" s="366"/>
      <c r="K18491" s="366"/>
      <c r="L18491" s="366"/>
    </row>
    <row r="18492" spans="2:12" ht="42.75">
      <c r="B18492" s="358" t="s">
        <v>23993</v>
      </c>
      <c r="C18492" s="358" t="s">
        <v>29588</v>
      </c>
      <c r="D18492" s="358" t="s">
        <v>23994</v>
      </c>
      <c r="E18492" s="358" t="s">
        <v>23995</v>
      </c>
      <c r="F18492" s="358" t="s">
        <v>14420</v>
      </c>
      <c r="G18492" s="358" t="s">
        <v>14429</v>
      </c>
      <c r="H18492" s="358" t="s">
        <v>14367</v>
      </c>
      <c r="I18492" s="358" t="s">
        <v>14429</v>
      </c>
      <c r="J18492" s="358"/>
      <c r="K18492" s="358"/>
      <c r="L18492" s="358"/>
    </row>
    <row r="18493" spans="2:12">
      <c r="B18493" s="367"/>
      <c r="C18493" s="367"/>
      <c r="D18493" s="367"/>
      <c r="E18493" s="367"/>
      <c r="F18493" s="360"/>
      <c r="G18493" s="360"/>
      <c r="H18493" s="360"/>
      <c r="I18493" s="360"/>
      <c r="J18493" s="365"/>
      <c r="K18493" s="365"/>
      <c r="L18493" s="365"/>
    </row>
    <row r="18494" spans="2:12">
      <c r="B18494" s="367"/>
      <c r="C18494" s="367"/>
      <c r="D18494" s="367"/>
      <c r="E18494" s="367"/>
      <c r="F18494" s="359" t="s">
        <v>14371</v>
      </c>
      <c r="G18494" s="359" t="s">
        <v>14372</v>
      </c>
      <c r="H18494" s="359" t="s">
        <v>14370</v>
      </c>
      <c r="I18494" s="359" t="s">
        <v>14373</v>
      </c>
      <c r="J18494" s="365"/>
      <c r="K18494" s="365"/>
      <c r="L18494" s="365"/>
    </row>
    <row r="18495" spans="2:12">
      <c r="B18495" s="367"/>
      <c r="C18495" s="367"/>
      <c r="D18495" s="367"/>
      <c r="E18495" s="367"/>
      <c r="F18495" s="360"/>
      <c r="G18495" s="360"/>
      <c r="H18495" s="360"/>
      <c r="I18495" s="360"/>
      <c r="J18495" s="365"/>
      <c r="K18495" s="365"/>
      <c r="L18495" s="365"/>
    </row>
    <row r="18496" spans="2:12" ht="28.5">
      <c r="B18496" s="368"/>
      <c r="C18496" s="368"/>
      <c r="D18496" s="368"/>
      <c r="E18496" s="368"/>
      <c r="F18496" s="361" t="s">
        <v>14374</v>
      </c>
      <c r="G18496" s="361" t="s">
        <v>14373</v>
      </c>
      <c r="H18496" s="361" t="s">
        <v>14422</v>
      </c>
      <c r="I18496" s="362"/>
      <c r="J18496" s="366"/>
      <c r="K18496" s="366"/>
      <c r="L18496" s="366"/>
    </row>
    <row r="18497" spans="2:12" ht="42.75">
      <c r="B18497" s="358" t="s">
        <v>23996</v>
      </c>
      <c r="C18497" s="358" t="s">
        <v>29589</v>
      </c>
      <c r="D18497" s="358" t="s">
        <v>23997</v>
      </c>
      <c r="E18497" s="358" t="s">
        <v>23998</v>
      </c>
      <c r="F18497" s="358" t="s">
        <v>14420</v>
      </c>
      <c r="G18497" s="358" t="s">
        <v>14429</v>
      </c>
      <c r="H18497" s="358" t="s">
        <v>14367</v>
      </c>
      <c r="I18497" s="358" t="s">
        <v>14429</v>
      </c>
      <c r="J18497" s="358"/>
      <c r="K18497" s="358"/>
      <c r="L18497" s="358"/>
    </row>
    <row r="18498" spans="2:12">
      <c r="B18498" s="367"/>
      <c r="C18498" s="367"/>
      <c r="D18498" s="367"/>
      <c r="E18498" s="367"/>
      <c r="F18498" s="360"/>
      <c r="G18498" s="360"/>
      <c r="H18498" s="360"/>
      <c r="I18498" s="360"/>
      <c r="J18498" s="365"/>
      <c r="K18498" s="365"/>
      <c r="L18498" s="365"/>
    </row>
    <row r="18499" spans="2:12">
      <c r="B18499" s="367"/>
      <c r="C18499" s="367"/>
      <c r="D18499" s="367"/>
      <c r="E18499" s="367"/>
      <c r="F18499" s="359" t="s">
        <v>14371</v>
      </c>
      <c r="G18499" s="359" t="s">
        <v>14372</v>
      </c>
      <c r="H18499" s="359" t="s">
        <v>14370</v>
      </c>
      <c r="I18499" s="359" t="s">
        <v>14373</v>
      </c>
      <c r="J18499" s="365"/>
      <c r="K18499" s="365"/>
      <c r="L18499" s="365"/>
    </row>
    <row r="18500" spans="2:12">
      <c r="B18500" s="367"/>
      <c r="C18500" s="367"/>
      <c r="D18500" s="367"/>
      <c r="E18500" s="367"/>
      <c r="F18500" s="360"/>
      <c r="G18500" s="360"/>
      <c r="H18500" s="360"/>
      <c r="I18500" s="360"/>
      <c r="J18500" s="365"/>
      <c r="K18500" s="365"/>
      <c r="L18500" s="365"/>
    </row>
    <row r="18501" spans="2:12" ht="28.5">
      <c r="B18501" s="368"/>
      <c r="C18501" s="368"/>
      <c r="D18501" s="368"/>
      <c r="E18501" s="368"/>
      <c r="F18501" s="361" t="s">
        <v>14374</v>
      </c>
      <c r="G18501" s="361" t="s">
        <v>14373</v>
      </c>
      <c r="H18501" s="361" t="s">
        <v>14422</v>
      </c>
      <c r="I18501" s="362"/>
      <c r="J18501" s="366"/>
      <c r="K18501" s="366"/>
      <c r="L18501" s="366"/>
    </row>
    <row r="18502" spans="2:12">
      <c r="B18502" s="358" t="s">
        <v>23999</v>
      </c>
      <c r="C18502" s="358" t="s">
        <v>24000</v>
      </c>
      <c r="D18502" s="358" t="s">
        <v>24001</v>
      </c>
      <c r="E18502" s="358" t="s">
        <v>639</v>
      </c>
      <c r="F18502" s="358" t="s">
        <v>14505</v>
      </c>
      <c r="G18502" s="358" t="s">
        <v>14506</v>
      </c>
      <c r="H18502" s="358" t="s">
        <v>14328</v>
      </c>
      <c r="I18502" s="358" t="s">
        <v>14506</v>
      </c>
      <c r="J18502" s="358"/>
      <c r="K18502" s="358" t="s">
        <v>14929</v>
      </c>
      <c r="L18502" s="358"/>
    </row>
    <row r="18503" spans="2:12">
      <c r="B18503" s="367"/>
      <c r="C18503" s="367"/>
      <c r="D18503" s="367"/>
      <c r="E18503" s="367"/>
      <c r="F18503" s="360"/>
      <c r="G18503" s="360"/>
      <c r="H18503" s="360"/>
      <c r="I18503" s="360"/>
      <c r="J18503" s="365"/>
      <c r="K18503" s="367"/>
      <c r="L18503" s="365"/>
    </row>
    <row r="18504" spans="2:12">
      <c r="B18504" s="367"/>
      <c r="C18504" s="367"/>
      <c r="D18504" s="367"/>
      <c r="E18504" s="367"/>
      <c r="F18504" s="359" t="s">
        <v>14382</v>
      </c>
      <c r="G18504" s="359" t="s">
        <v>14483</v>
      </c>
      <c r="H18504" s="359" t="s">
        <v>14378</v>
      </c>
      <c r="I18504" s="359" t="s">
        <v>14483</v>
      </c>
      <c r="J18504" s="365"/>
      <c r="K18504" s="367"/>
      <c r="L18504" s="365"/>
    </row>
    <row r="18505" spans="2:12">
      <c r="B18505" s="367"/>
      <c r="C18505" s="367"/>
      <c r="D18505" s="367"/>
      <c r="E18505" s="367"/>
      <c r="F18505" s="360"/>
      <c r="G18505" s="360"/>
      <c r="H18505" s="360"/>
      <c r="I18505" s="360"/>
      <c r="J18505" s="365"/>
      <c r="K18505" s="367"/>
      <c r="L18505" s="365"/>
    </row>
    <row r="18506" spans="2:12">
      <c r="B18506" s="367"/>
      <c r="C18506" s="367"/>
      <c r="D18506" s="367"/>
      <c r="E18506" s="367"/>
      <c r="F18506" s="359" t="s">
        <v>14382</v>
      </c>
      <c r="G18506" s="359" t="s">
        <v>14579</v>
      </c>
      <c r="H18506" s="359" t="s">
        <v>14341</v>
      </c>
      <c r="I18506" s="359" t="s">
        <v>14579</v>
      </c>
      <c r="J18506" s="365"/>
      <c r="K18506" s="367"/>
      <c r="L18506" s="365"/>
    </row>
    <row r="18507" spans="2:12">
      <c r="B18507" s="367"/>
      <c r="C18507" s="367"/>
      <c r="D18507" s="367"/>
      <c r="E18507" s="367"/>
      <c r="F18507" s="360"/>
      <c r="G18507" s="360"/>
      <c r="H18507" s="360"/>
      <c r="I18507" s="360"/>
      <c r="J18507" s="365"/>
      <c r="K18507" s="367"/>
      <c r="L18507" s="365"/>
    </row>
    <row r="18508" spans="2:12">
      <c r="B18508" s="368"/>
      <c r="C18508" s="368"/>
      <c r="D18508" s="368"/>
      <c r="E18508" s="368"/>
      <c r="F18508" s="361" t="s">
        <v>14356</v>
      </c>
      <c r="G18508" s="361" t="s">
        <v>14340</v>
      </c>
      <c r="H18508" s="361" t="s">
        <v>14332</v>
      </c>
      <c r="I18508" s="361" t="s">
        <v>14340</v>
      </c>
      <c r="J18508" s="366"/>
      <c r="K18508" s="368"/>
      <c r="L18508" s="366"/>
    </row>
    <row r="18509" spans="2:12">
      <c r="B18509" s="358" t="s">
        <v>24002</v>
      </c>
      <c r="C18509" s="358" t="s">
        <v>24003</v>
      </c>
      <c r="D18509" s="358" t="s">
        <v>24004</v>
      </c>
      <c r="E18509" s="358" t="s">
        <v>637</v>
      </c>
      <c r="F18509" s="358" t="s">
        <v>14418</v>
      </c>
      <c r="G18509" s="358" t="s">
        <v>14419</v>
      </c>
      <c r="H18509" s="358" t="s">
        <v>14328</v>
      </c>
      <c r="I18509" s="358" t="s">
        <v>14419</v>
      </c>
      <c r="J18509" s="358"/>
      <c r="K18509" s="358"/>
      <c r="L18509" s="358"/>
    </row>
    <row r="18510" spans="2:12">
      <c r="B18510" s="367"/>
      <c r="C18510" s="367"/>
      <c r="D18510" s="367"/>
      <c r="E18510" s="367"/>
      <c r="F18510" s="360"/>
      <c r="G18510" s="360"/>
      <c r="H18510" s="360"/>
      <c r="I18510" s="360"/>
      <c r="J18510" s="365"/>
      <c r="K18510" s="365"/>
      <c r="L18510" s="365"/>
    </row>
    <row r="18511" spans="2:12">
      <c r="B18511" s="367"/>
      <c r="C18511" s="367"/>
      <c r="D18511" s="367"/>
      <c r="E18511" s="367"/>
      <c r="F18511" s="359" t="s">
        <v>14420</v>
      </c>
      <c r="G18511" s="359" t="s">
        <v>14459</v>
      </c>
      <c r="H18511" s="359" t="s">
        <v>14341</v>
      </c>
      <c r="I18511" s="359" t="s">
        <v>14459</v>
      </c>
      <c r="J18511" s="365"/>
      <c r="K18511" s="365"/>
      <c r="L18511" s="365"/>
    </row>
    <row r="18512" spans="2:12">
      <c r="B18512" s="367"/>
      <c r="C18512" s="367"/>
      <c r="D18512" s="367"/>
      <c r="E18512" s="367"/>
      <c r="F18512" s="360"/>
      <c r="G18512" s="360"/>
      <c r="H18512" s="360"/>
      <c r="I18512" s="360"/>
      <c r="J18512" s="365"/>
      <c r="K18512" s="365"/>
      <c r="L18512" s="365"/>
    </row>
    <row r="18513" spans="2:12">
      <c r="B18513" s="367"/>
      <c r="C18513" s="367"/>
      <c r="D18513" s="367"/>
      <c r="E18513" s="367"/>
      <c r="F18513" s="359" t="s">
        <v>14420</v>
      </c>
      <c r="G18513" s="359" t="s">
        <v>14421</v>
      </c>
      <c r="H18513" s="359" t="s">
        <v>14367</v>
      </c>
      <c r="I18513" s="359" t="s">
        <v>14421</v>
      </c>
      <c r="J18513" s="365"/>
      <c r="K18513" s="365"/>
      <c r="L18513" s="365"/>
    </row>
    <row r="18514" spans="2:12">
      <c r="B18514" s="367"/>
      <c r="C18514" s="367"/>
      <c r="D18514" s="367"/>
      <c r="E18514" s="367"/>
      <c r="F18514" s="360"/>
      <c r="G18514" s="360"/>
      <c r="H18514" s="360"/>
      <c r="I18514" s="360"/>
      <c r="J18514" s="365"/>
      <c r="K18514" s="365"/>
      <c r="L18514" s="365"/>
    </row>
    <row r="18515" spans="2:12">
      <c r="B18515" s="367"/>
      <c r="C18515" s="367"/>
      <c r="D18515" s="367"/>
      <c r="E18515" s="367"/>
      <c r="F18515" s="359" t="s">
        <v>14420</v>
      </c>
      <c r="G18515" s="359" t="s">
        <v>14429</v>
      </c>
      <c r="H18515" s="359" t="s">
        <v>22500</v>
      </c>
      <c r="I18515" s="359" t="s">
        <v>14429</v>
      </c>
      <c r="J18515" s="365"/>
      <c r="K18515" s="365"/>
      <c r="L18515" s="365"/>
    </row>
    <row r="18516" spans="2:12">
      <c r="B18516" s="367"/>
      <c r="C18516" s="367"/>
      <c r="D18516" s="367"/>
      <c r="E18516" s="367"/>
      <c r="F18516" s="360"/>
      <c r="G18516" s="360"/>
      <c r="H18516" s="360"/>
      <c r="I18516" s="360"/>
      <c r="J18516" s="365"/>
      <c r="K18516" s="365"/>
      <c r="L18516" s="365"/>
    </row>
    <row r="18517" spans="2:12">
      <c r="B18517" s="368"/>
      <c r="C18517" s="368"/>
      <c r="D18517" s="368"/>
      <c r="E18517" s="368"/>
      <c r="F18517" s="361" t="s">
        <v>14356</v>
      </c>
      <c r="G18517" s="361" t="s">
        <v>14340</v>
      </c>
      <c r="H18517" s="362"/>
      <c r="I18517" s="361" t="s">
        <v>14340</v>
      </c>
      <c r="J18517" s="366"/>
      <c r="K18517" s="366"/>
      <c r="L18517" s="366"/>
    </row>
    <row r="18518" spans="2:12">
      <c r="B18518" s="358" t="s">
        <v>24005</v>
      </c>
      <c r="C18518" s="358" t="s">
        <v>29590</v>
      </c>
      <c r="D18518" s="358" t="s">
        <v>24006</v>
      </c>
      <c r="E18518" s="358" t="s">
        <v>24007</v>
      </c>
      <c r="F18518" s="358" t="s">
        <v>14477</v>
      </c>
      <c r="G18518" s="358" t="s">
        <v>14478</v>
      </c>
      <c r="H18518" s="358" t="s">
        <v>14479</v>
      </c>
      <c r="I18518" s="358" t="s">
        <v>14478</v>
      </c>
      <c r="J18518" s="358" t="s">
        <v>14561</v>
      </c>
      <c r="K18518" s="358"/>
      <c r="L18518" s="358" t="s">
        <v>14513</v>
      </c>
    </row>
    <row r="18519" spans="2:12">
      <c r="B18519" s="367"/>
      <c r="C18519" s="367"/>
      <c r="D18519" s="367"/>
      <c r="E18519" s="367"/>
      <c r="F18519" s="360"/>
      <c r="G18519" s="360"/>
      <c r="H18519" s="360"/>
      <c r="I18519" s="360"/>
      <c r="J18519" s="367"/>
      <c r="K18519" s="365"/>
      <c r="L18519" s="367"/>
    </row>
    <row r="18520" spans="2:12" ht="28.5">
      <c r="B18520" s="367"/>
      <c r="C18520" s="367"/>
      <c r="D18520" s="367"/>
      <c r="E18520" s="367"/>
      <c r="F18520" s="359" t="s">
        <v>29591</v>
      </c>
      <c r="G18520" s="359" t="s">
        <v>14429</v>
      </c>
      <c r="H18520" s="359" t="s">
        <v>14367</v>
      </c>
      <c r="I18520" s="359" t="s">
        <v>14429</v>
      </c>
      <c r="J18520" s="367"/>
      <c r="K18520" s="365"/>
      <c r="L18520" s="367"/>
    </row>
    <row r="18521" spans="2:12">
      <c r="B18521" s="367"/>
      <c r="C18521" s="367"/>
      <c r="D18521" s="367"/>
      <c r="E18521" s="367"/>
      <c r="F18521" s="360"/>
      <c r="G18521" s="360"/>
      <c r="H18521" s="360"/>
      <c r="I18521" s="360"/>
      <c r="J18521" s="367"/>
      <c r="K18521" s="365"/>
      <c r="L18521" s="367"/>
    </row>
    <row r="18522" spans="2:12">
      <c r="B18522" s="367"/>
      <c r="C18522" s="367"/>
      <c r="D18522" s="367"/>
      <c r="E18522" s="367"/>
      <c r="F18522" s="359" t="s">
        <v>14368</v>
      </c>
      <c r="G18522" s="359" t="s">
        <v>14387</v>
      </c>
      <c r="H18522" s="359" t="s">
        <v>14370</v>
      </c>
      <c r="I18522" s="359" t="s">
        <v>14387</v>
      </c>
      <c r="J18522" s="367"/>
      <c r="K18522" s="365"/>
      <c r="L18522" s="367"/>
    </row>
    <row r="18523" spans="2:12">
      <c r="B18523" s="367"/>
      <c r="C18523" s="367"/>
      <c r="D18523" s="367"/>
      <c r="E18523" s="367"/>
      <c r="F18523" s="360"/>
      <c r="G18523" s="360"/>
      <c r="H18523" s="360"/>
      <c r="I18523" s="360"/>
      <c r="J18523" s="367"/>
      <c r="K18523" s="365"/>
      <c r="L18523" s="367"/>
    </row>
    <row r="18524" spans="2:12">
      <c r="B18524" s="367"/>
      <c r="C18524" s="367"/>
      <c r="D18524" s="367"/>
      <c r="E18524" s="367"/>
      <c r="F18524" s="359" t="s">
        <v>14371</v>
      </c>
      <c r="G18524" s="359" t="s">
        <v>14388</v>
      </c>
      <c r="H18524" s="359" t="s">
        <v>14332</v>
      </c>
      <c r="I18524" s="359" t="s">
        <v>14388</v>
      </c>
      <c r="J18524" s="367"/>
      <c r="K18524" s="365"/>
      <c r="L18524" s="367"/>
    </row>
    <row r="18525" spans="2:12">
      <c r="B18525" s="367"/>
      <c r="C18525" s="367"/>
      <c r="D18525" s="367"/>
      <c r="E18525" s="367"/>
      <c r="F18525" s="360"/>
      <c r="G18525" s="360"/>
      <c r="H18525" s="360"/>
      <c r="I18525" s="360"/>
      <c r="J18525" s="367"/>
      <c r="K18525" s="365"/>
      <c r="L18525" s="367"/>
    </row>
    <row r="18526" spans="2:12" ht="28.5">
      <c r="B18526" s="367"/>
      <c r="C18526" s="367"/>
      <c r="D18526" s="367"/>
      <c r="E18526" s="367"/>
      <c r="F18526" s="359" t="s">
        <v>14374</v>
      </c>
      <c r="G18526" s="359" t="s">
        <v>14372</v>
      </c>
      <c r="H18526" s="360"/>
      <c r="I18526" s="359" t="s">
        <v>14373</v>
      </c>
      <c r="J18526" s="367"/>
      <c r="K18526" s="365"/>
      <c r="L18526" s="367"/>
    </row>
    <row r="18527" spans="2:12">
      <c r="B18527" s="367"/>
      <c r="C18527" s="367"/>
      <c r="D18527" s="367"/>
      <c r="E18527" s="367"/>
      <c r="F18527" s="360"/>
      <c r="G18527" s="360"/>
      <c r="H18527" s="360"/>
      <c r="I18527" s="360"/>
      <c r="J18527" s="367"/>
      <c r="K18527" s="365"/>
      <c r="L18527" s="367"/>
    </row>
    <row r="18528" spans="2:12">
      <c r="B18528" s="368"/>
      <c r="C18528" s="368"/>
      <c r="D18528" s="368"/>
      <c r="E18528" s="368"/>
      <c r="F18528" s="362"/>
      <c r="G18528" s="361" t="s">
        <v>14373</v>
      </c>
      <c r="H18528" s="362"/>
      <c r="I18528" s="362"/>
      <c r="J18528" s="368"/>
      <c r="K18528" s="366"/>
      <c r="L18528" s="368"/>
    </row>
    <row r="18529" spans="2:12" ht="28.5">
      <c r="B18529" s="358" t="s">
        <v>24008</v>
      </c>
      <c r="C18529" s="358" t="s">
        <v>29592</v>
      </c>
      <c r="D18529" s="358" t="s">
        <v>24009</v>
      </c>
      <c r="E18529" s="358" t="s">
        <v>24010</v>
      </c>
      <c r="F18529" s="358" t="s">
        <v>14477</v>
      </c>
      <c r="G18529" s="358" t="s">
        <v>14478</v>
      </c>
      <c r="H18529" s="358" t="s">
        <v>14479</v>
      </c>
      <c r="I18529" s="358" t="s">
        <v>14478</v>
      </c>
      <c r="J18529" s="358" t="s">
        <v>14561</v>
      </c>
      <c r="K18529" s="358" t="s">
        <v>14929</v>
      </c>
      <c r="L18529" s="358" t="s">
        <v>16789</v>
      </c>
    </row>
    <row r="18530" spans="2:12">
      <c r="B18530" s="367"/>
      <c r="C18530" s="367"/>
      <c r="D18530" s="360"/>
      <c r="E18530" s="360"/>
      <c r="F18530" s="360"/>
      <c r="G18530" s="360"/>
      <c r="H18530" s="360"/>
      <c r="I18530" s="360"/>
      <c r="J18530" s="367"/>
      <c r="K18530" s="360"/>
      <c r="L18530" s="367"/>
    </row>
    <row r="18531" spans="2:12" ht="28.5">
      <c r="B18531" s="367"/>
      <c r="C18531" s="367"/>
      <c r="D18531" s="359" t="s">
        <v>24011</v>
      </c>
      <c r="E18531" s="359" t="s">
        <v>24012</v>
      </c>
      <c r="F18531" s="359" t="s">
        <v>29591</v>
      </c>
      <c r="G18531" s="359" t="s">
        <v>14429</v>
      </c>
      <c r="H18531" s="359" t="s">
        <v>14367</v>
      </c>
      <c r="I18531" s="359" t="s">
        <v>14429</v>
      </c>
      <c r="J18531" s="367"/>
      <c r="K18531" s="359" t="s">
        <v>18190</v>
      </c>
      <c r="L18531" s="367"/>
    </row>
    <row r="18532" spans="2:12">
      <c r="B18532" s="367"/>
      <c r="C18532" s="367"/>
      <c r="D18532" s="360"/>
      <c r="E18532" s="360"/>
      <c r="F18532" s="360"/>
      <c r="G18532" s="360"/>
      <c r="H18532" s="360"/>
      <c r="I18532" s="360"/>
      <c r="J18532" s="367"/>
      <c r="K18532" s="360"/>
      <c r="L18532" s="367"/>
    </row>
    <row r="18533" spans="2:12" ht="42.75">
      <c r="B18533" s="367"/>
      <c r="C18533" s="367"/>
      <c r="D18533" s="360"/>
      <c r="E18533" s="360"/>
      <c r="F18533" s="359" t="s">
        <v>14368</v>
      </c>
      <c r="G18533" s="359" t="s">
        <v>14387</v>
      </c>
      <c r="H18533" s="359" t="s">
        <v>14370</v>
      </c>
      <c r="I18533" s="359" t="s">
        <v>14387</v>
      </c>
      <c r="J18533" s="367"/>
      <c r="K18533" s="359" t="s">
        <v>29593</v>
      </c>
      <c r="L18533" s="367"/>
    </row>
    <row r="18534" spans="2:12">
      <c r="B18534" s="367"/>
      <c r="C18534" s="367"/>
      <c r="D18534" s="360"/>
      <c r="E18534" s="360"/>
      <c r="F18534" s="360"/>
      <c r="G18534" s="360"/>
      <c r="H18534" s="360"/>
      <c r="I18534" s="360"/>
      <c r="J18534" s="367"/>
      <c r="K18534" s="360"/>
      <c r="L18534" s="367"/>
    </row>
    <row r="18535" spans="2:12">
      <c r="B18535" s="367"/>
      <c r="C18535" s="367"/>
      <c r="D18535" s="360"/>
      <c r="E18535" s="360"/>
      <c r="F18535" s="359" t="s">
        <v>14371</v>
      </c>
      <c r="G18535" s="359" t="s">
        <v>14388</v>
      </c>
      <c r="H18535" s="359" t="s">
        <v>14332</v>
      </c>
      <c r="I18535" s="359" t="s">
        <v>14388</v>
      </c>
      <c r="J18535" s="367"/>
      <c r="K18535" s="360"/>
      <c r="L18535" s="367"/>
    </row>
    <row r="18536" spans="2:12">
      <c r="B18536" s="367"/>
      <c r="C18536" s="367"/>
      <c r="D18536" s="360"/>
      <c r="E18536" s="360"/>
      <c r="F18536" s="360"/>
      <c r="G18536" s="360"/>
      <c r="H18536" s="360"/>
      <c r="I18536" s="360"/>
      <c r="J18536" s="367"/>
      <c r="K18536" s="360"/>
      <c r="L18536" s="367"/>
    </row>
    <row r="18537" spans="2:12" ht="28.5">
      <c r="B18537" s="367"/>
      <c r="C18537" s="367"/>
      <c r="D18537" s="360"/>
      <c r="E18537" s="360"/>
      <c r="F18537" s="359" t="s">
        <v>14374</v>
      </c>
      <c r="G18537" s="359" t="s">
        <v>14372</v>
      </c>
      <c r="H18537" s="360"/>
      <c r="I18537" s="359" t="s">
        <v>14373</v>
      </c>
      <c r="J18537" s="367"/>
      <c r="K18537" s="360"/>
      <c r="L18537" s="367"/>
    </row>
    <row r="18538" spans="2:12">
      <c r="B18538" s="367"/>
      <c r="C18538" s="367"/>
      <c r="D18538" s="360"/>
      <c r="E18538" s="360"/>
      <c r="F18538" s="360"/>
      <c r="G18538" s="360"/>
      <c r="H18538" s="360"/>
      <c r="I18538" s="360"/>
      <c r="J18538" s="367"/>
      <c r="K18538" s="360"/>
      <c r="L18538" s="367"/>
    </row>
    <row r="18539" spans="2:12">
      <c r="B18539" s="368"/>
      <c r="C18539" s="368"/>
      <c r="D18539" s="362"/>
      <c r="E18539" s="362"/>
      <c r="F18539" s="362"/>
      <c r="G18539" s="361" t="s">
        <v>14373</v>
      </c>
      <c r="H18539" s="362"/>
      <c r="I18539" s="362"/>
      <c r="J18539" s="368"/>
      <c r="K18539" s="362"/>
      <c r="L18539" s="368"/>
    </row>
    <row r="18540" spans="2:12">
      <c r="B18540" s="358" t="s">
        <v>24013</v>
      </c>
      <c r="C18540" s="358" t="s">
        <v>24014</v>
      </c>
      <c r="D18540" s="358" t="s">
        <v>24015</v>
      </c>
      <c r="E18540" s="358" t="s">
        <v>2014</v>
      </c>
      <c r="F18540" s="358" t="s">
        <v>14420</v>
      </c>
      <c r="G18540" s="358" t="s">
        <v>14429</v>
      </c>
      <c r="H18540" s="358" t="s">
        <v>14367</v>
      </c>
      <c r="I18540" s="358" t="s">
        <v>14429</v>
      </c>
      <c r="J18540" s="358" t="s">
        <v>14561</v>
      </c>
      <c r="K18540" s="358"/>
      <c r="L18540" s="358"/>
    </row>
    <row r="18541" spans="2:12">
      <c r="B18541" s="367"/>
      <c r="C18541" s="367"/>
      <c r="D18541" s="367"/>
      <c r="E18541" s="367"/>
      <c r="F18541" s="360"/>
      <c r="G18541" s="360"/>
      <c r="H18541" s="360"/>
      <c r="I18541" s="360"/>
      <c r="J18541" s="367"/>
      <c r="K18541" s="365"/>
      <c r="L18541" s="365"/>
    </row>
    <row r="18542" spans="2:12">
      <c r="B18542" s="367"/>
      <c r="C18542" s="367"/>
      <c r="D18542" s="367"/>
      <c r="E18542" s="367"/>
      <c r="F18542" s="359" t="s">
        <v>14386</v>
      </c>
      <c r="G18542" s="359" t="s">
        <v>14387</v>
      </c>
      <c r="H18542" s="359" t="s">
        <v>14370</v>
      </c>
      <c r="I18542" s="359" t="s">
        <v>14387</v>
      </c>
      <c r="J18542" s="367"/>
      <c r="K18542" s="365"/>
      <c r="L18542" s="365"/>
    </row>
    <row r="18543" spans="2:12">
      <c r="B18543" s="367"/>
      <c r="C18543" s="367"/>
      <c r="D18543" s="367"/>
      <c r="E18543" s="367"/>
      <c r="F18543" s="360"/>
      <c r="G18543" s="360"/>
      <c r="H18543" s="360"/>
      <c r="I18543" s="360"/>
      <c r="J18543" s="367"/>
      <c r="K18543" s="365"/>
      <c r="L18543" s="365"/>
    </row>
    <row r="18544" spans="2:12">
      <c r="B18544" s="367"/>
      <c r="C18544" s="367"/>
      <c r="D18544" s="367"/>
      <c r="E18544" s="367"/>
      <c r="F18544" s="359" t="s">
        <v>14368</v>
      </c>
      <c r="G18544" s="359" t="s">
        <v>14388</v>
      </c>
      <c r="H18544" s="359" t="s">
        <v>14422</v>
      </c>
      <c r="I18544" s="359" t="s">
        <v>14388</v>
      </c>
      <c r="J18544" s="367"/>
      <c r="K18544" s="365"/>
      <c r="L18544" s="365"/>
    </row>
    <row r="18545" spans="2:12">
      <c r="B18545" s="367"/>
      <c r="C18545" s="367"/>
      <c r="D18545" s="367"/>
      <c r="E18545" s="367"/>
      <c r="F18545" s="360"/>
      <c r="G18545" s="360"/>
      <c r="H18545" s="360"/>
      <c r="I18545" s="360"/>
      <c r="J18545" s="367"/>
      <c r="K18545" s="365"/>
      <c r="L18545" s="365"/>
    </row>
    <row r="18546" spans="2:12">
      <c r="B18546" s="367"/>
      <c r="C18546" s="367"/>
      <c r="D18546" s="367"/>
      <c r="E18546" s="367"/>
      <c r="F18546" s="359" t="s">
        <v>14371</v>
      </c>
      <c r="G18546" s="359" t="s">
        <v>14372</v>
      </c>
      <c r="H18546" s="360"/>
      <c r="I18546" s="359" t="s">
        <v>14373</v>
      </c>
      <c r="J18546" s="367"/>
      <c r="K18546" s="365"/>
      <c r="L18546" s="365"/>
    </row>
    <row r="18547" spans="2:12">
      <c r="B18547" s="367"/>
      <c r="C18547" s="367"/>
      <c r="D18547" s="367"/>
      <c r="E18547" s="367"/>
      <c r="F18547" s="360"/>
      <c r="G18547" s="360"/>
      <c r="H18547" s="360"/>
      <c r="I18547" s="360"/>
      <c r="J18547" s="367"/>
      <c r="K18547" s="365"/>
      <c r="L18547" s="365"/>
    </row>
    <row r="18548" spans="2:12" ht="28.5">
      <c r="B18548" s="368"/>
      <c r="C18548" s="368"/>
      <c r="D18548" s="368"/>
      <c r="E18548" s="368"/>
      <c r="F18548" s="361" t="s">
        <v>14374</v>
      </c>
      <c r="G18548" s="361" t="s">
        <v>14373</v>
      </c>
      <c r="H18548" s="362"/>
      <c r="I18548" s="362"/>
      <c r="J18548" s="368"/>
      <c r="K18548" s="366"/>
      <c r="L18548" s="366"/>
    </row>
    <row r="18549" spans="2:12" ht="28.5">
      <c r="B18549" s="358" t="s">
        <v>24016</v>
      </c>
      <c r="C18549" s="358" t="s">
        <v>29594</v>
      </c>
      <c r="D18549" s="358" t="s">
        <v>24017</v>
      </c>
      <c r="E18549" s="358" t="s">
        <v>1978</v>
      </c>
      <c r="F18549" s="358" t="s">
        <v>14477</v>
      </c>
      <c r="G18549" s="358" t="s">
        <v>14478</v>
      </c>
      <c r="H18549" s="358" t="s">
        <v>14479</v>
      </c>
      <c r="I18549" s="358" t="s">
        <v>14478</v>
      </c>
      <c r="J18549" s="358" t="s">
        <v>14561</v>
      </c>
      <c r="K18549" s="358"/>
      <c r="L18549" s="358"/>
    </row>
    <row r="18550" spans="2:12">
      <c r="B18550" s="367"/>
      <c r="C18550" s="367"/>
      <c r="D18550" s="367"/>
      <c r="E18550" s="367"/>
      <c r="F18550" s="360"/>
      <c r="G18550" s="360"/>
      <c r="H18550" s="360"/>
      <c r="I18550" s="360"/>
      <c r="J18550" s="367"/>
      <c r="K18550" s="365"/>
      <c r="L18550" s="365"/>
    </row>
    <row r="18551" spans="2:12">
      <c r="B18551" s="367"/>
      <c r="C18551" s="367"/>
      <c r="D18551" s="367"/>
      <c r="E18551" s="367"/>
      <c r="F18551" s="359" t="s">
        <v>14420</v>
      </c>
      <c r="G18551" s="359" t="s">
        <v>14429</v>
      </c>
      <c r="H18551" s="359" t="s">
        <v>14367</v>
      </c>
      <c r="I18551" s="359" t="s">
        <v>14429</v>
      </c>
      <c r="J18551" s="367"/>
      <c r="K18551" s="365"/>
      <c r="L18551" s="365"/>
    </row>
    <row r="18552" spans="2:12">
      <c r="B18552" s="367"/>
      <c r="C18552" s="367"/>
      <c r="D18552" s="367"/>
      <c r="E18552" s="367"/>
      <c r="F18552" s="360"/>
      <c r="G18552" s="360"/>
      <c r="H18552" s="360"/>
      <c r="I18552" s="360"/>
      <c r="J18552" s="367"/>
      <c r="K18552" s="365"/>
      <c r="L18552" s="365"/>
    </row>
    <row r="18553" spans="2:12">
      <c r="B18553" s="367"/>
      <c r="C18553" s="367"/>
      <c r="D18553" s="367"/>
      <c r="E18553" s="367"/>
      <c r="F18553" s="359" t="s">
        <v>14386</v>
      </c>
      <c r="G18553" s="359" t="s">
        <v>14387</v>
      </c>
      <c r="H18553" s="359" t="s">
        <v>14370</v>
      </c>
      <c r="I18553" s="359" t="s">
        <v>14387</v>
      </c>
      <c r="J18553" s="367"/>
      <c r="K18553" s="365"/>
      <c r="L18553" s="365"/>
    </row>
    <row r="18554" spans="2:12">
      <c r="B18554" s="367"/>
      <c r="C18554" s="367"/>
      <c r="D18554" s="367"/>
      <c r="E18554" s="367"/>
      <c r="F18554" s="360"/>
      <c r="G18554" s="360"/>
      <c r="H18554" s="360"/>
      <c r="I18554" s="360"/>
      <c r="J18554" s="367"/>
      <c r="K18554" s="365"/>
      <c r="L18554" s="365"/>
    </row>
    <row r="18555" spans="2:12">
      <c r="B18555" s="367"/>
      <c r="C18555" s="367"/>
      <c r="D18555" s="367"/>
      <c r="E18555" s="367"/>
      <c r="F18555" s="359" t="s">
        <v>14368</v>
      </c>
      <c r="G18555" s="359" t="s">
        <v>14388</v>
      </c>
      <c r="H18555" s="359" t="s">
        <v>14332</v>
      </c>
      <c r="I18555" s="359" t="s">
        <v>14388</v>
      </c>
      <c r="J18555" s="367"/>
      <c r="K18555" s="365"/>
      <c r="L18555" s="365"/>
    </row>
    <row r="18556" spans="2:12">
      <c r="B18556" s="367"/>
      <c r="C18556" s="367"/>
      <c r="D18556" s="367"/>
      <c r="E18556" s="367"/>
      <c r="F18556" s="360"/>
      <c r="G18556" s="360"/>
      <c r="H18556" s="360"/>
      <c r="I18556" s="360"/>
      <c r="J18556" s="367"/>
      <c r="K18556" s="365"/>
      <c r="L18556" s="365"/>
    </row>
    <row r="18557" spans="2:12">
      <c r="B18557" s="367"/>
      <c r="C18557" s="367"/>
      <c r="D18557" s="367"/>
      <c r="E18557" s="367"/>
      <c r="F18557" s="359" t="s">
        <v>14371</v>
      </c>
      <c r="G18557" s="359" t="s">
        <v>14372</v>
      </c>
      <c r="H18557" s="360"/>
      <c r="I18557" s="359" t="s">
        <v>14373</v>
      </c>
      <c r="J18557" s="367"/>
      <c r="K18557" s="365"/>
      <c r="L18557" s="365"/>
    </row>
    <row r="18558" spans="2:12">
      <c r="B18558" s="367"/>
      <c r="C18558" s="367"/>
      <c r="D18558" s="367"/>
      <c r="E18558" s="367"/>
      <c r="F18558" s="360"/>
      <c r="G18558" s="360"/>
      <c r="H18558" s="360"/>
      <c r="I18558" s="360"/>
      <c r="J18558" s="367"/>
      <c r="K18558" s="365"/>
      <c r="L18558" s="365"/>
    </row>
    <row r="18559" spans="2:12" ht="28.5">
      <c r="B18559" s="368"/>
      <c r="C18559" s="368"/>
      <c r="D18559" s="368"/>
      <c r="E18559" s="368"/>
      <c r="F18559" s="361" t="s">
        <v>14374</v>
      </c>
      <c r="G18559" s="361" t="s">
        <v>14373</v>
      </c>
      <c r="H18559" s="362"/>
      <c r="I18559" s="362"/>
      <c r="J18559" s="368"/>
      <c r="K18559" s="366"/>
      <c r="L18559" s="366"/>
    </row>
    <row r="18560" spans="2:12" ht="28.5">
      <c r="B18560" s="358" t="s">
        <v>24018</v>
      </c>
      <c r="C18560" s="358" t="s">
        <v>29595</v>
      </c>
      <c r="D18560" s="358" t="s">
        <v>24019</v>
      </c>
      <c r="E18560" s="358" t="s">
        <v>24020</v>
      </c>
      <c r="F18560" s="358" t="s">
        <v>14420</v>
      </c>
      <c r="G18560" s="358" t="s">
        <v>14421</v>
      </c>
      <c r="H18560" s="358" t="s">
        <v>14367</v>
      </c>
      <c r="I18560" s="358" t="s">
        <v>14421</v>
      </c>
      <c r="J18560" s="358"/>
      <c r="K18560" s="358"/>
      <c r="L18560" s="358"/>
    </row>
    <row r="18561" spans="2:12">
      <c r="B18561" s="367"/>
      <c r="C18561" s="367"/>
      <c r="D18561" s="367"/>
      <c r="E18561" s="367"/>
      <c r="F18561" s="360"/>
      <c r="G18561" s="360"/>
      <c r="H18561" s="360"/>
      <c r="I18561" s="360"/>
      <c r="J18561" s="365"/>
      <c r="K18561" s="365"/>
      <c r="L18561" s="365"/>
    </row>
    <row r="18562" spans="2:12">
      <c r="B18562" s="367"/>
      <c r="C18562" s="367"/>
      <c r="D18562" s="367"/>
      <c r="E18562" s="367"/>
      <c r="F18562" s="359" t="s">
        <v>14420</v>
      </c>
      <c r="G18562" s="359" t="s">
        <v>14429</v>
      </c>
      <c r="H18562" s="359" t="s">
        <v>14422</v>
      </c>
      <c r="I18562" s="359" t="s">
        <v>14429</v>
      </c>
      <c r="J18562" s="365"/>
      <c r="K18562" s="365"/>
      <c r="L18562" s="365"/>
    </row>
    <row r="18563" spans="2:12">
      <c r="B18563" s="367"/>
      <c r="C18563" s="367"/>
      <c r="D18563" s="367"/>
      <c r="E18563" s="367"/>
      <c r="F18563" s="360"/>
      <c r="G18563" s="360"/>
      <c r="H18563" s="360"/>
      <c r="I18563" s="360"/>
      <c r="J18563" s="365"/>
      <c r="K18563" s="365"/>
      <c r="L18563" s="365"/>
    </row>
    <row r="18564" spans="2:12">
      <c r="B18564" s="367"/>
      <c r="C18564" s="367"/>
      <c r="D18564" s="367"/>
      <c r="E18564" s="367"/>
      <c r="F18564" s="359" t="s">
        <v>14386</v>
      </c>
      <c r="G18564" s="359" t="s">
        <v>14387</v>
      </c>
      <c r="H18564" s="360"/>
      <c r="I18564" s="359" t="s">
        <v>14387</v>
      </c>
      <c r="J18564" s="365"/>
      <c r="K18564" s="365"/>
      <c r="L18564" s="365"/>
    </row>
    <row r="18565" spans="2:12">
      <c r="B18565" s="367"/>
      <c r="C18565" s="367"/>
      <c r="D18565" s="367"/>
      <c r="E18565" s="367"/>
      <c r="F18565" s="360"/>
      <c r="G18565" s="360"/>
      <c r="H18565" s="360"/>
      <c r="I18565" s="360"/>
      <c r="J18565" s="365"/>
      <c r="K18565" s="365"/>
      <c r="L18565" s="365"/>
    </row>
    <row r="18566" spans="2:12">
      <c r="B18566" s="368"/>
      <c r="C18566" s="368"/>
      <c r="D18566" s="368"/>
      <c r="E18566" s="368"/>
      <c r="F18566" s="361" t="s">
        <v>14391</v>
      </c>
      <c r="G18566" s="361" t="s">
        <v>14392</v>
      </c>
      <c r="H18566" s="362"/>
      <c r="I18566" s="361" t="s">
        <v>14392</v>
      </c>
      <c r="J18566" s="366"/>
      <c r="K18566" s="366"/>
      <c r="L18566" s="366"/>
    </row>
    <row r="18567" spans="2:12">
      <c r="B18567" s="358" t="s">
        <v>10635</v>
      </c>
      <c r="C18567" s="358" t="s">
        <v>29596</v>
      </c>
      <c r="D18567" s="358" t="s">
        <v>10636</v>
      </c>
      <c r="E18567" s="358" t="s">
        <v>10637</v>
      </c>
      <c r="F18567" s="358" t="s">
        <v>14505</v>
      </c>
      <c r="G18567" s="358" t="s">
        <v>14506</v>
      </c>
      <c r="H18567" s="358" t="s">
        <v>14328</v>
      </c>
      <c r="I18567" s="358" t="s">
        <v>14506</v>
      </c>
      <c r="J18567" s="358"/>
      <c r="K18567" s="358" t="s">
        <v>28572</v>
      </c>
      <c r="L18567" s="358"/>
    </row>
    <row r="18568" spans="2:12">
      <c r="B18568" s="367"/>
      <c r="C18568" s="367"/>
      <c r="D18568" s="367"/>
      <c r="E18568" s="367"/>
      <c r="F18568" s="360"/>
      <c r="G18568" s="360"/>
      <c r="H18568" s="360"/>
      <c r="I18568" s="360"/>
      <c r="J18568" s="365"/>
      <c r="K18568" s="360"/>
      <c r="L18568" s="365"/>
    </row>
    <row r="18569" spans="2:12" ht="28.5">
      <c r="B18569" s="367"/>
      <c r="C18569" s="367"/>
      <c r="D18569" s="367"/>
      <c r="E18569" s="367"/>
      <c r="F18569" s="359" t="s">
        <v>14376</v>
      </c>
      <c r="G18569" s="359" t="s">
        <v>14669</v>
      </c>
      <c r="H18569" s="359" t="s">
        <v>14378</v>
      </c>
      <c r="I18569" s="359" t="s">
        <v>14669</v>
      </c>
      <c r="J18569" s="365"/>
      <c r="K18569" s="359" t="s">
        <v>28638</v>
      </c>
      <c r="L18569" s="365"/>
    </row>
    <row r="18570" spans="2:12">
      <c r="B18570" s="367"/>
      <c r="C18570" s="367"/>
      <c r="D18570" s="367"/>
      <c r="E18570" s="367"/>
      <c r="F18570" s="360"/>
      <c r="G18570" s="360"/>
      <c r="H18570" s="360"/>
      <c r="I18570" s="360"/>
      <c r="J18570" s="365"/>
      <c r="K18570" s="360"/>
      <c r="L18570" s="365"/>
    </row>
    <row r="18571" spans="2:12">
      <c r="B18571" s="367"/>
      <c r="C18571" s="367"/>
      <c r="D18571" s="367"/>
      <c r="E18571" s="367"/>
      <c r="F18571" s="359" t="s">
        <v>14379</v>
      </c>
      <c r="G18571" s="359" t="s">
        <v>14380</v>
      </c>
      <c r="H18571" s="359" t="s">
        <v>14381</v>
      </c>
      <c r="I18571" s="359" t="s">
        <v>14380</v>
      </c>
      <c r="J18571" s="365"/>
      <c r="K18571" s="360"/>
      <c r="L18571" s="365"/>
    </row>
    <row r="18572" spans="2:12">
      <c r="B18572" s="367"/>
      <c r="C18572" s="367"/>
      <c r="D18572" s="367"/>
      <c r="E18572" s="367"/>
      <c r="F18572" s="360"/>
      <c r="G18572" s="360"/>
      <c r="H18572" s="360"/>
      <c r="I18572" s="360"/>
      <c r="J18572" s="365"/>
      <c r="K18572" s="360"/>
      <c r="L18572" s="365"/>
    </row>
    <row r="18573" spans="2:12">
      <c r="B18573" s="367"/>
      <c r="C18573" s="367"/>
      <c r="D18573" s="367"/>
      <c r="E18573" s="367"/>
      <c r="F18573" s="359" t="s">
        <v>14530</v>
      </c>
      <c r="G18573" s="359" t="s">
        <v>14531</v>
      </c>
      <c r="H18573" s="359" t="s">
        <v>14341</v>
      </c>
      <c r="I18573" s="359" t="s">
        <v>14531</v>
      </c>
      <c r="J18573" s="365"/>
      <c r="K18573" s="360"/>
      <c r="L18573" s="365"/>
    </row>
    <row r="18574" spans="2:12">
      <c r="B18574" s="367"/>
      <c r="C18574" s="367"/>
      <c r="D18574" s="367"/>
      <c r="E18574" s="367"/>
      <c r="F18574" s="360"/>
      <c r="G18574" s="360"/>
      <c r="H18574" s="360"/>
      <c r="I18574" s="360"/>
      <c r="J18574" s="365"/>
      <c r="K18574" s="360"/>
      <c r="L18574" s="365"/>
    </row>
    <row r="18575" spans="2:12">
      <c r="B18575" s="367"/>
      <c r="C18575" s="367"/>
      <c r="D18575" s="367"/>
      <c r="E18575" s="367"/>
      <c r="F18575" s="359" t="s">
        <v>14379</v>
      </c>
      <c r="G18575" s="359" t="s">
        <v>14405</v>
      </c>
      <c r="H18575" s="359" t="s">
        <v>14370</v>
      </c>
      <c r="I18575" s="359" t="s">
        <v>14405</v>
      </c>
      <c r="J18575" s="365"/>
      <c r="K18575" s="360"/>
      <c r="L18575" s="365"/>
    </row>
    <row r="18576" spans="2:12">
      <c r="B18576" s="367"/>
      <c r="C18576" s="367"/>
      <c r="D18576" s="367"/>
      <c r="E18576" s="367"/>
      <c r="F18576" s="360"/>
      <c r="G18576" s="360"/>
      <c r="H18576" s="360"/>
      <c r="I18576" s="360"/>
      <c r="J18576" s="365"/>
      <c r="K18576" s="360"/>
      <c r="L18576" s="365"/>
    </row>
    <row r="18577" spans="2:12">
      <c r="B18577" s="367"/>
      <c r="C18577" s="367"/>
      <c r="D18577" s="367"/>
      <c r="E18577" s="367"/>
      <c r="F18577" s="359" t="s">
        <v>14430</v>
      </c>
      <c r="G18577" s="359" t="s">
        <v>14431</v>
      </c>
      <c r="H18577" s="359" t="s">
        <v>14332</v>
      </c>
      <c r="I18577" s="359" t="s">
        <v>14431</v>
      </c>
      <c r="J18577" s="365"/>
      <c r="K18577" s="360"/>
      <c r="L18577" s="365"/>
    </row>
    <row r="18578" spans="2:12">
      <c r="B18578" s="367"/>
      <c r="C18578" s="367"/>
      <c r="D18578" s="367"/>
      <c r="E18578" s="367"/>
      <c r="F18578" s="360"/>
      <c r="G18578" s="360"/>
      <c r="H18578" s="360"/>
      <c r="I18578" s="360"/>
      <c r="J18578" s="365"/>
      <c r="K18578" s="360"/>
      <c r="L18578" s="365"/>
    </row>
    <row r="18579" spans="2:12" ht="28.5">
      <c r="B18579" s="368"/>
      <c r="C18579" s="368"/>
      <c r="D18579" s="368"/>
      <c r="E18579" s="368"/>
      <c r="F18579" s="361" t="s">
        <v>14394</v>
      </c>
      <c r="G18579" s="361" t="s">
        <v>14395</v>
      </c>
      <c r="H18579" s="362"/>
      <c r="I18579" s="361" t="s">
        <v>14395</v>
      </c>
      <c r="J18579" s="366"/>
      <c r="K18579" s="362"/>
      <c r="L18579" s="366"/>
    </row>
    <row r="18580" spans="2:12">
      <c r="B18580" s="358" t="s">
        <v>24021</v>
      </c>
      <c r="C18580" s="358" t="s">
        <v>24022</v>
      </c>
      <c r="D18580" s="358" t="s">
        <v>24023</v>
      </c>
      <c r="E18580" s="358" t="s">
        <v>24024</v>
      </c>
      <c r="F18580" s="358" t="s">
        <v>14420</v>
      </c>
      <c r="G18580" s="358" t="s">
        <v>14429</v>
      </c>
      <c r="H18580" s="358" t="s">
        <v>14341</v>
      </c>
      <c r="I18580" s="358" t="s">
        <v>14429</v>
      </c>
      <c r="J18580" s="358"/>
      <c r="K18580" s="358"/>
      <c r="L18580" s="358"/>
    </row>
    <row r="18581" spans="2:12">
      <c r="B18581" s="367"/>
      <c r="C18581" s="367"/>
      <c r="D18581" s="367"/>
      <c r="E18581" s="367"/>
      <c r="F18581" s="360"/>
      <c r="G18581" s="360"/>
      <c r="H18581" s="360"/>
      <c r="I18581" s="360"/>
      <c r="J18581" s="365"/>
      <c r="K18581" s="365"/>
      <c r="L18581" s="365"/>
    </row>
    <row r="18582" spans="2:12">
      <c r="B18582" s="367"/>
      <c r="C18582" s="367"/>
      <c r="D18582" s="367"/>
      <c r="E18582" s="367"/>
      <c r="F18582" s="359" t="s">
        <v>14389</v>
      </c>
      <c r="G18582" s="359" t="s">
        <v>14390</v>
      </c>
      <c r="H18582" s="359" t="s">
        <v>14367</v>
      </c>
      <c r="I18582" s="359" t="s">
        <v>14390</v>
      </c>
      <c r="J18582" s="365"/>
      <c r="K18582" s="365"/>
      <c r="L18582" s="365"/>
    </row>
    <row r="18583" spans="2:12">
      <c r="B18583" s="367"/>
      <c r="C18583" s="367"/>
      <c r="D18583" s="367"/>
      <c r="E18583" s="367"/>
      <c r="F18583" s="360"/>
      <c r="G18583" s="360"/>
      <c r="H18583" s="360"/>
      <c r="I18583" s="360"/>
      <c r="J18583" s="365"/>
      <c r="K18583" s="365"/>
      <c r="L18583" s="365"/>
    </row>
    <row r="18584" spans="2:12">
      <c r="B18584" s="368"/>
      <c r="C18584" s="368"/>
      <c r="D18584" s="368"/>
      <c r="E18584" s="368"/>
      <c r="F18584" s="361" t="s">
        <v>14430</v>
      </c>
      <c r="G18584" s="361" t="s">
        <v>14431</v>
      </c>
      <c r="H18584" s="361" t="s">
        <v>14332</v>
      </c>
      <c r="I18584" s="361" t="s">
        <v>14431</v>
      </c>
      <c r="J18584" s="366"/>
      <c r="K18584" s="366"/>
      <c r="L18584" s="366"/>
    </row>
    <row r="18585" spans="2:12">
      <c r="B18585" s="358" t="s">
        <v>24025</v>
      </c>
      <c r="C18585" s="358" t="s">
        <v>24026</v>
      </c>
      <c r="D18585" s="358" t="s">
        <v>24027</v>
      </c>
      <c r="E18585" s="358" t="s">
        <v>24028</v>
      </c>
      <c r="F18585" s="358" t="s">
        <v>14420</v>
      </c>
      <c r="G18585" s="358" t="s">
        <v>14421</v>
      </c>
      <c r="H18585" s="358" t="s">
        <v>14341</v>
      </c>
      <c r="I18585" s="358" t="s">
        <v>14421</v>
      </c>
      <c r="J18585" s="358"/>
      <c r="K18585" s="358"/>
      <c r="L18585" s="358"/>
    </row>
    <row r="18586" spans="2:12">
      <c r="B18586" s="367"/>
      <c r="C18586" s="367"/>
      <c r="D18586" s="367"/>
      <c r="E18586" s="367"/>
      <c r="F18586" s="360"/>
      <c r="G18586" s="360"/>
      <c r="H18586" s="360"/>
      <c r="I18586" s="360"/>
      <c r="J18586" s="365"/>
      <c r="K18586" s="365"/>
      <c r="L18586" s="365"/>
    </row>
    <row r="18587" spans="2:12">
      <c r="B18587" s="367"/>
      <c r="C18587" s="367"/>
      <c r="D18587" s="367"/>
      <c r="E18587" s="367"/>
      <c r="F18587" s="359" t="s">
        <v>14420</v>
      </c>
      <c r="G18587" s="359" t="s">
        <v>14429</v>
      </c>
      <c r="H18587" s="359" t="s">
        <v>14367</v>
      </c>
      <c r="I18587" s="359" t="s">
        <v>14429</v>
      </c>
      <c r="J18587" s="365"/>
      <c r="K18587" s="365"/>
      <c r="L18587" s="365"/>
    </row>
    <row r="18588" spans="2:12">
      <c r="B18588" s="367"/>
      <c r="C18588" s="367"/>
      <c r="D18588" s="367"/>
      <c r="E18588" s="367"/>
      <c r="F18588" s="360"/>
      <c r="G18588" s="360"/>
      <c r="H18588" s="360"/>
      <c r="I18588" s="360"/>
      <c r="J18588" s="365"/>
      <c r="K18588" s="365"/>
      <c r="L18588" s="365"/>
    </row>
    <row r="18589" spans="2:12">
      <c r="B18589" s="368"/>
      <c r="C18589" s="368"/>
      <c r="D18589" s="368"/>
      <c r="E18589" s="368"/>
      <c r="F18589" s="361" t="s">
        <v>14356</v>
      </c>
      <c r="G18589" s="361" t="s">
        <v>14340</v>
      </c>
      <c r="H18589" s="361" t="s">
        <v>14332</v>
      </c>
      <c r="I18589" s="361" t="s">
        <v>14340</v>
      </c>
      <c r="J18589" s="366"/>
      <c r="K18589" s="366"/>
      <c r="L18589" s="366"/>
    </row>
    <row r="18590" spans="2:12">
      <c r="B18590" s="358" t="s">
        <v>24029</v>
      </c>
      <c r="C18590" s="358" t="s">
        <v>29597</v>
      </c>
      <c r="D18590" s="358" t="s">
        <v>24030</v>
      </c>
      <c r="E18590" s="358" t="s">
        <v>24031</v>
      </c>
      <c r="F18590" s="358" t="s">
        <v>14418</v>
      </c>
      <c r="G18590" s="358" t="s">
        <v>14419</v>
      </c>
      <c r="H18590" s="358" t="s">
        <v>14328</v>
      </c>
      <c r="I18590" s="358" t="s">
        <v>14419</v>
      </c>
      <c r="J18590" s="358"/>
      <c r="K18590" s="358"/>
      <c r="L18590" s="358"/>
    </row>
    <row r="18591" spans="2:12">
      <c r="B18591" s="367"/>
      <c r="C18591" s="367"/>
      <c r="D18591" s="367"/>
      <c r="E18591" s="367"/>
      <c r="F18591" s="360"/>
      <c r="G18591" s="360"/>
      <c r="H18591" s="360"/>
      <c r="I18591" s="360"/>
      <c r="J18591" s="365"/>
      <c r="K18591" s="365"/>
      <c r="L18591" s="365"/>
    </row>
    <row r="18592" spans="2:12">
      <c r="B18592" s="367"/>
      <c r="C18592" s="367"/>
      <c r="D18592" s="367"/>
      <c r="E18592" s="367"/>
      <c r="F18592" s="359" t="s">
        <v>14420</v>
      </c>
      <c r="G18592" s="359" t="s">
        <v>14459</v>
      </c>
      <c r="H18592" s="359" t="s">
        <v>14367</v>
      </c>
      <c r="I18592" s="359" t="s">
        <v>14459</v>
      </c>
      <c r="J18592" s="365"/>
      <c r="K18592" s="365"/>
      <c r="L18592" s="365"/>
    </row>
    <row r="18593" spans="2:12">
      <c r="B18593" s="367"/>
      <c r="C18593" s="367"/>
      <c r="D18593" s="367"/>
      <c r="E18593" s="367"/>
      <c r="F18593" s="360"/>
      <c r="G18593" s="360"/>
      <c r="H18593" s="360"/>
      <c r="I18593" s="360"/>
      <c r="J18593" s="365"/>
      <c r="K18593" s="365"/>
      <c r="L18593" s="365"/>
    </row>
    <row r="18594" spans="2:12">
      <c r="B18594" s="367"/>
      <c r="C18594" s="367"/>
      <c r="D18594" s="367"/>
      <c r="E18594" s="367"/>
      <c r="F18594" s="359" t="s">
        <v>14420</v>
      </c>
      <c r="G18594" s="359" t="s">
        <v>14421</v>
      </c>
      <c r="H18594" s="359" t="s">
        <v>14422</v>
      </c>
      <c r="I18594" s="359" t="s">
        <v>14421</v>
      </c>
      <c r="J18594" s="365"/>
      <c r="K18594" s="365"/>
      <c r="L18594" s="365"/>
    </row>
    <row r="18595" spans="2:12">
      <c r="B18595" s="367"/>
      <c r="C18595" s="367"/>
      <c r="D18595" s="367"/>
      <c r="E18595" s="367"/>
      <c r="F18595" s="360"/>
      <c r="G18595" s="360"/>
      <c r="H18595" s="360"/>
      <c r="I18595" s="360"/>
      <c r="J18595" s="365"/>
      <c r="K18595" s="365"/>
      <c r="L18595" s="365"/>
    </row>
    <row r="18596" spans="2:12">
      <c r="B18596" s="367"/>
      <c r="C18596" s="367"/>
      <c r="D18596" s="367"/>
      <c r="E18596" s="367"/>
      <c r="F18596" s="359" t="s">
        <v>14420</v>
      </c>
      <c r="G18596" s="359" t="s">
        <v>14429</v>
      </c>
      <c r="H18596" s="360"/>
      <c r="I18596" s="359" t="s">
        <v>14429</v>
      </c>
      <c r="J18596" s="365"/>
      <c r="K18596" s="365"/>
      <c r="L18596" s="365"/>
    </row>
    <row r="18597" spans="2:12">
      <c r="B18597" s="367"/>
      <c r="C18597" s="367"/>
      <c r="D18597" s="367"/>
      <c r="E18597" s="367"/>
      <c r="F18597" s="360"/>
      <c r="G18597" s="360"/>
      <c r="H18597" s="360"/>
      <c r="I18597" s="360"/>
      <c r="J18597" s="365"/>
      <c r="K18597" s="365"/>
      <c r="L18597" s="365"/>
    </row>
    <row r="18598" spans="2:12">
      <c r="B18598" s="367"/>
      <c r="C18598" s="367"/>
      <c r="D18598" s="367"/>
      <c r="E18598" s="367"/>
      <c r="F18598" s="359" t="s">
        <v>14386</v>
      </c>
      <c r="G18598" s="359" t="s">
        <v>14387</v>
      </c>
      <c r="H18598" s="360"/>
      <c r="I18598" s="359" t="s">
        <v>14387</v>
      </c>
      <c r="J18598" s="365"/>
      <c r="K18598" s="365"/>
      <c r="L18598" s="365"/>
    </row>
    <row r="18599" spans="2:12">
      <c r="B18599" s="367"/>
      <c r="C18599" s="367"/>
      <c r="D18599" s="367"/>
      <c r="E18599" s="367"/>
      <c r="F18599" s="360"/>
      <c r="G18599" s="360"/>
      <c r="H18599" s="360"/>
      <c r="I18599" s="360"/>
      <c r="J18599" s="365"/>
      <c r="K18599" s="365"/>
      <c r="L18599" s="365"/>
    </row>
    <row r="18600" spans="2:12">
      <c r="B18600" s="368"/>
      <c r="C18600" s="368"/>
      <c r="D18600" s="368"/>
      <c r="E18600" s="368"/>
      <c r="F18600" s="361" t="s">
        <v>14368</v>
      </c>
      <c r="G18600" s="361" t="s">
        <v>14388</v>
      </c>
      <c r="H18600" s="362"/>
      <c r="I18600" s="361" t="s">
        <v>14388</v>
      </c>
      <c r="J18600" s="366"/>
      <c r="K18600" s="366"/>
      <c r="L18600" s="366"/>
    </row>
    <row r="18601" spans="2:12">
      <c r="B18601" s="358" t="s">
        <v>24032</v>
      </c>
      <c r="C18601" s="358" t="s">
        <v>29598</v>
      </c>
      <c r="D18601" s="358" t="s">
        <v>24033</v>
      </c>
      <c r="E18601" s="358" t="s">
        <v>24034</v>
      </c>
      <c r="F18601" s="358" t="s">
        <v>14418</v>
      </c>
      <c r="G18601" s="358" t="s">
        <v>14419</v>
      </c>
      <c r="H18601" s="358" t="s">
        <v>14328</v>
      </c>
      <c r="I18601" s="358" t="s">
        <v>14419</v>
      </c>
      <c r="J18601" s="358"/>
      <c r="K18601" s="358"/>
      <c r="L18601" s="358"/>
    </row>
    <row r="18602" spans="2:12">
      <c r="B18602" s="367"/>
      <c r="C18602" s="367"/>
      <c r="D18602" s="367"/>
      <c r="E18602" s="367"/>
      <c r="F18602" s="360"/>
      <c r="G18602" s="360"/>
      <c r="H18602" s="360"/>
      <c r="I18602" s="360"/>
      <c r="J18602" s="365"/>
      <c r="K18602" s="365"/>
      <c r="L18602" s="365"/>
    </row>
    <row r="18603" spans="2:12">
      <c r="B18603" s="367"/>
      <c r="C18603" s="367"/>
      <c r="D18603" s="367"/>
      <c r="E18603" s="367"/>
      <c r="F18603" s="359" t="s">
        <v>14382</v>
      </c>
      <c r="G18603" s="359" t="s">
        <v>14579</v>
      </c>
      <c r="H18603" s="359" t="s">
        <v>14378</v>
      </c>
      <c r="I18603" s="359" t="s">
        <v>14579</v>
      </c>
      <c r="J18603" s="365"/>
      <c r="K18603" s="365"/>
      <c r="L18603" s="365"/>
    </row>
    <row r="18604" spans="2:12">
      <c r="B18604" s="367"/>
      <c r="C18604" s="367"/>
      <c r="D18604" s="367"/>
      <c r="E18604" s="367"/>
      <c r="F18604" s="360"/>
      <c r="G18604" s="360"/>
      <c r="H18604" s="360"/>
      <c r="I18604" s="360"/>
      <c r="J18604" s="365"/>
      <c r="K18604" s="365"/>
      <c r="L18604" s="365"/>
    </row>
    <row r="18605" spans="2:12">
      <c r="B18605" s="367"/>
      <c r="C18605" s="367"/>
      <c r="D18605" s="367"/>
      <c r="E18605" s="367"/>
      <c r="F18605" s="359" t="s">
        <v>14420</v>
      </c>
      <c r="G18605" s="359" t="s">
        <v>14459</v>
      </c>
      <c r="H18605" s="359" t="s">
        <v>14332</v>
      </c>
      <c r="I18605" s="359" t="s">
        <v>14459</v>
      </c>
      <c r="J18605" s="365"/>
      <c r="K18605" s="365"/>
      <c r="L18605" s="365"/>
    </row>
    <row r="18606" spans="2:12">
      <c r="B18606" s="367"/>
      <c r="C18606" s="367"/>
      <c r="D18606" s="367"/>
      <c r="E18606" s="367"/>
      <c r="F18606" s="360"/>
      <c r="G18606" s="360"/>
      <c r="H18606" s="360"/>
      <c r="I18606" s="360"/>
      <c r="J18606" s="365"/>
      <c r="K18606" s="365"/>
      <c r="L18606" s="365"/>
    </row>
    <row r="18607" spans="2:12">
      <c r="B18607" s="367"/>
      <c r="C18607" s="367"/>
      <c r="D18607" s="367"/>
      <c r="E18607" s="367"/>
      <c r="F18607" s="359" t="s">
        <v>14420</v>
      </c>
      <c r="G18607" s="359" t="s">
        <v>14429</v>
      </c>
      <c r="H18607" s="360"/>
      <c r="I18607" s="359" t="s">
        <v>14429</v>
      </c>
      <c r="J18607" s="365"/>
      <c r="K18607" s="365"/>
      <c r="L18607" s="365"/>
    </row>
    <row r="18608" spans="2:12">
      <c r="B18608" s="367"/>
      <c r="C18608" s="367"/>
      <c r="D18608" s="367"/>
      <c r="E18608" s="367"/>
      <c r="F18608" s="360"/>
      <c r="G18608" s="360"/>
      <c r="H18608" s="360"/>
      <c r="I18608" s="360"/>
      <c r="J18608" s="365"/>
      <c r="K18608" s="365"/>
      <c r="L18608" s="365"/>
    </row>
    <row r="18609" spans="2:12">
      <c r="B18609" s="367"/>
      <c r="C18609" s="367"/>
      <c r="D18609" s="367"/>
      <c r="E18609" s="367"/>
      <c r="F18609" s="359" t="s">
        <v>14386</v>
      </c>
      <c r="G18609" s="359" t="s">
        <v>14387</v>
      </c>
      <c r="H18609" s="360"/>
      <c r="I18609" s="359" t="s">
        <v>14387</v>
      </c>
      <c r="J18609" s="365"/>
      <c r="K18609" s="365"/>
      <c r="L18609" s="365"/>
    </row>
    <row r="18610" spans="2:12">
      <c r="B18610" s="367"/>
      <c r="C18610" s="367"/>
      <c r="D18610" s="367"/>
      <c r="E18610" s="367"/>
      <c r="F18610" s="360"/>
      <c r="G18610" s="360"/>
      <c r="H18610" s="360"/>
      <c r="I18610" s="360"/>
      <c r="J18610" s="365"/>
      <c r="K18610" s="365"/>
      <c r="L18610" s="365"/>
    </row>
    <row r="18611" spans="2:12">
      <c r="B18611" s="367"/>
      <c r="C18611" s="367"/>
      <c r="D18611" s="367"/>
      <c r="E18611" s="367"/>
      <c r="F18611" s="359" t="s">
        <v>14368</v>
      </c>
      <c r="G18611" s="359" t="s">
        <v>14388</v>
      </c>
      <c r="H18611" s="360"/>
      <c r="I18611" s="359" t="s">
        <v>14388</v>
      </c>
      <c r="J18611" s="365"/>
      <c r="K18611" s="365"/>
      <c r="L18611" s="365"/>
    </row>
    <row r="18612" spans="2:12">
      <c r="B18612" s="367"/>
      <c r="C18612" s="367"/>
      <c r="D18612" s="367"/>
      <c r="E18612" s="367"/>
      <c r="F18612" s="360"/>
      <c r="G18612" s="360"/>
      <c r="H18612" s="360"/>
      <c r="I18612" s="360"/>
      <c r="J18612" s="365"/>
      <c r="K18612" s="365"/>
      <c r="L18612" s="365"/>
    </row>
    <row r="18613" spans="2:12">
      <c r="B18613" s="368"/>
      <c r="C18613" s="368"/>
      <c r="D18613" s="368"/>
      <c r="E18613" s="368"/>
      <c r="F18613" s="361" t="s">
        <v>14389</v>
      </c>
      <c r="G18613" s="361" t="s">
        <v>14390</v>
      </c>
      <c r="H18613" s="362"/>
      <c r="I18613" s="361" t="s">
        <v>14390</v>
      </c>
      <c r="J18613" s="366"/>
      <c r="K18613" s="366"/>
      <c r="L18613" s="366"/>
    </row>
    <row r="18614" spans="2:12" ht="28.5">
      <c r="B18614" s="358" t="s">
        <v>24035</v>
      </c>
      <c r="C18614" s="358" t="s">
        <v>29599</v>
      </c>
      <c r="D18614" s="358" t="s">
        <v>24036</v>
      </c>
      <c r="E18614" s="358" t="s">
        <v>24037</v>
      </c>
      <c r="F18614" s="358" t="s">
        <v>14420</v>
      </c>
      <c r="G18614" s="358" t="s">
        <v>14429</v>
      </c>
      <c r="H18614" s="358" t="s">
        <v>14367</v>
      </c>
      <c r="I18614" s="358" t="s">
        <v>14429</v>
      </c>
      <c r="J18614" s="358"/>
      <c r="K18614" s="358"/>
      <c r="L18614" s="358"/>
    </row>
    <row r="18615" spans="2:12">
      <c r="B18615" s="367"/>
      <c r="C18615" s="367"/>
      <c r="D18615" s="367"/>
      <c r="E18615" s="367"/>
      <c r="F18615" s="360"/>
      <c r="G18615" s="360"/>
      <c r="H18615" s="360"/>
      <c r="I18615" s="360"/>
      <c r="J18615" s="365"/>
      <c r="K18615" s="365"/>
      <c r="L18615" s="365"/>
    </row>
    <row r="18616" spans="2:12" ht="28.5">
      <c r="B18616" s="368"/>
      <c r="C18616" s="368"/>
      <c r="D18616" s="368"/>
      <c r="E18616" s="368"/>
      <c r="F18616" s="361" t="s">
        <v>14472</v>
      </c>
      <c r="G18616" s="361" t="s">
        <v>14473</v>
      </c>
      <c r="H18616" s="361" t="s">
        <v>14422</v>
      </c>
      <c r="I18616" s="361" t="s">
        <v>14473</v>
      </c>
      <c r="J18616" s="366"/>
      <c r="K18616" s="366"/>
      <c r="L18616" s="366"/>
    </row>
    <row r="18617" spans="2:12" ht="28.5">
      <c r="B18617" s="358" t="s">
        <v>13215</v>
      </c>
      <c r="C18617" s="358" t="s">
        <v>29600</v>
      </c>
      <c r="D18617" s="358" t="s">
        <v>146</v>
      </c>
      <c r="E18617" s="358" t="s">
        <v>147</v>
      </c>
      <c r="F18617" s="358" t="s">
        <v>14424</v>
      </c>
      <c r="G18617" s="358" t="s">
        <v>28617</v>
      </c>
      <c r="H18617" s="358" t="s">
        <v>14381</v>
      </c>
      <c r="I18617" s="358" t="s">
        <v>28617</v>
      </c>
      <c r="J18617" s="358"/>
      <c r="K18617" s="358"/>
      <c r="L18617" s="358"/>
    </row>
    <row r="18618" spans="2:12">
      <c r="B18618" s="367"/>
      <c r="C18618" s="367"/>
      <c r="D18618" s="367"/>
      <c r="E18618" s="367"/>
      <c r="F18618" s="360"/>
      <c r="G18618" s="367"/>
      <c r="H18618" s="360"/>
      <c r="I18618" s="367"/>
      <c r="J18618" s="365"/>
      <c r="K18618" s="365"/>
      <c r="L18618" s="365"/>
    </row>
    <row r="18619" spans="2:12">
      <c r="B18619" s="367"/>
      <c r="C18619" s="367"/>
      <c r="D18619" s="367"/>
      <c r="E18619" s="367"/>
      <c r="F18619" s="359" t="s">
        <v>14420</v>
      </c>
      <c r="G18619" s="367"/>
      <c r="H18619" s="359" t="s">
        <v>14367</v>
      </c>
      <c r="I18619" s="367"/>
      <c r="J18619" s="365"/>
      <c r="K18619" s="365"/>
      <c r="L18619" s="365"/>
    </row>
    <row r="18620" spans="2:12">
      <c r="B18620" s="367"/>
      <c r="C18620" s="367"/>
      <c r="D18620" s="367"/>
      <c r="E18620" s="367"/>
      <c r="F18620" s="360"/>
      <c r="G18620" s="367"/>
      <c r="H18620" s="360"/>
      <c r="I18620" s="367"/>
      <c r="J18620" s="365"/>
      <c r="K18620" s="365"/>
      <c r="L18620" s="365"/>
    </row>
    <row r="18621" spans="2:12">
      <c r="B18621" s="368"/>
      <c r="C18621" s="368"/>
      <c r="D18621" s="368"/>
      <c r="E18621" s="368"/>
      <c r="F18621" s="362"/>
      <c r="G18621" s="368"/>
      <c r="H18621" s="361" t="s">
        <v>14332</v>
      </c>
      <c r="I18621" s="368"/>
      <c r="J18621" s="366"/>
      <c r="K18621" s="366"/>
      <c r="L18621" s="366"/>
    </row>
    <row r="18622" spans="2:12" ht="28.5">
      <c r="B18622" s="358" t="s">
        <v>24038</v>
      </c>
      <c r="C18622" s="358" t="s">
        <v>30394</v>
      </c>
      <c r="D18622" s="358" t="s">
        <v>24039</v>
      </c>
      <c r="E18622" s="358" t="s">
        <v>24040</v>
      </c>
      <c r="F18622" s="358" t="s">
        <v>14420</v>
      </c>
      <c r="G18622" s="358" t="s">
        <v>14429</v>
      </c>
      <c r="H18622" s="358" t="s">
        <v>14367</v>
      </c>
      <c r="I18622" s="358" t="s">
        <v>14429</v>
      </c>
      <c r="J18622" s="358"/>
      <c r="K18622" s="358"/>
      <c r="L18622" s="358"/>
    </row>
    <row r="18623" spans="2:12">
      <c r="B18623" s="367"/>
      <c r="C18623" s="367"/>
      <c r="D18623" s="367"/>
      <c r="E18623" s="367"/>
      <c r="F18623" s="367"/>
      <c r="G18623" s="367"/>
      <c r="H18623" s="360"/>
      <c r="I18623" s="367"/>
      <c r="J18623" s="365"/>
      <c r="K18623" s="365"/>
      <c r="L18623" s="365"/>
    </row>
    <row r="18624" spans="2:12">
      <c r="B18624" s="368"/>
      <c r="C18624" s="368"/>
      <c r="D18624" s="368"/>
      <c r="E18624" s="368"/>
      <c r="F18624" s="368"/>
      <c r="G18624" s="368"/>
      <c r="H18624" s="361" t="s">
        <v>14422</v>
      </c>
      <c r="I18624" s="368"/>
      <c r="J18624" s="366"/>
      <c r="K18624" s="366"/>
      <c r="L18624" s="366"/>
    </row>
    <row r="18625" spans="2:12">
      <c r="B18625" s="358" t="s">
        <v>24041</v>
      </c>
      <c r="C18625" s="358" t="s">
        <v>24042</v>
      </c>
      <c r="D18625" s="358" t="s">
        <v>24043</v>
      </c>
      <c r="E18625" s="358" t="s">
        <v>24044</v>
      </c>
      <c r="F18625" s="358" t="s">
        <v>14443</v>
      </c>
      <c r="G18625" s="358" t="s">
        <v>14444</v>
      </c>
      <c r="H18625" s="358" t="s">
        <v>14381</v>
      </c>
      <c r="I18625" s="358" t="s">
        <v>14444</v>
      </c>
      <c r="J18625" s="358" t="s">
        <v>14355</v>
      </c>
      <c r="K18625" s="358"/>
      <c r="L18625" s="358"/>
    </row>
    <row r="18626" spans="2:12">
      <c r="B18626" s="367"/>
      <c r="C18626" s="367"/>
      <c r="D18626" s="367"/>
      <c r="E18626" s="367"/>
      <c r="F18626" s="360"/>
      <c r="G18626" s="360"/>
      <c r="H18626" s="360"/>
      <c r="I18626" s="360"/>
      <c r="J18626" s="367"/>
      <c r="K18626" s="365"/>
      <c r="L18626" s="365"/>
    </row>
    <row r="18627" spans="2:12">
      <c r="B18627" s="367"/>
      <c r="C18627" s="367"/>
      <c r="D18627" s="367"/>
      <c r="E18627" s="367"/>
      <c r="F18627" s="359" t="s">
        <v>14386</v>
      </c>
      <c r="G18627" s="359" t="s">
        <v>14387</v>
      </c>
      <c r="H18627" s="359" t="s">
        <v>14422</v>
      </c>
      <c r="I18627" s="359" t="s">
        <v>14387</v>
      </c>
      <c r="J18627" s="367"/>
      <c r="K18627" s="365"/>
      <c r="L18627" s="365"/>
    </row>
    <row r="18628" spans="2:12">
      <c r="B18628" s="367"/>
      <c r="C18628" s="367"/>
      <c r="D18628" s="367"/>
      <c r="E18628" s="367"/>
      <c r="F18628" s="360"/>
      <c r="G18628" s="360"/>
      <c r="H18628" s="360"/>
      <c r="I18628" s="360"/>
      <c r="J18628" s="367"/>
      <c r="K18628" s="365"/>
      <c r="L18628" s="365"/>
    </row>
    <row r="18629" spans="2:12">
      <c r="B18629" s="368"/>
      <c r="C18629" s="368"/>
      <c r="D18629" s="368"/>
      <c r="E18629" s="368"/>
      <c r="F18629" s="361" t="s">
        <v>14389</v>
      </c>
      <c r="G18629" s="361" t="s">
        <v>14390</v>
      </c>
      <c r="H18629" s="362"/>
      <c r="I18629" s="361" t="s">
        <v>14390</v>
      </c>
      <c r="J18629" s="368"/>
      <c r="K18629" s="366"/>
      <c r="L18629" s="366"/>
    </row>
    <row r="18630" spans="2:12">
      <c r="B18630" s="354" t="s">
        <v>8397</v>
      </c>
      <c r="C18630" s="369"/>
      <c r="D18630" s="369"/>
      <c r="E18630" s="369"/>
      <c r="F18630" s="369"/>
      <c r="G18630" s="369"/>
      <c r="H18630" s="369"/>
      <c r="I18630" s="369"/>
      <c r="J18630" s="369"/>
      <c r="K18630" s="369"/>
      <c r="L18630" s="370"/>
    </row>
    <row r="18631" spans="2:12" ht="28.5">
      <c r="B18631" s="358" t="s">
        <v>24045</v>
      </c>
      <c r="C18631" s="358" t="s">
        <v>27910</v>
      </c>
      <c r="D18631" s="358" t="s">
        <v>24046</v>
      </c>
      <c r="E18631" s="358" t="s">
        <v>1821</v>
      </c>
      <c r="F18631" s="358" t="s">
        <v>14443</v>
      </c>
      <c r="G18631" s="358" t="s">
        <v>14444</v>
      </c>
      <c r="H18631" s="358" t="s">
        <v>14381</v>
      </c>
      <c r="I18631" s="358" t="s">
        <v>14444</v>
      </c>
      <c r="J18631" s="358"/>
      <c r="K18631" s="358" t="s">
        <v>14517</v>
      </c>
      <c r="L18631" s="358"/>
    </row>
    <row r="18632" spans="2:12">
      <c r="B18632" s="367"/>
      <c r="C18632" s="367"/>
      <c r="D18632" s="367"/>
      <c r="E18632" s="367"/>
      <c r="F18632" s="360"/>
      <c r="G18632" s="360"/>
      <c r="H18632" s="360"/>
      <c r="I18632" s="360"/>
      <c r="J18632" s="365"/>
      <c r="K18632" s="367"/>
      <c r="L18632" s="365"/>
    </row>
    <row r="18633" spans="2:12">
      <c r="B18633" s="367"/>
      <c r="C18633" s="367"/>
      <c r="D18633" s="367"/>
      <c r="E18633" s="367"/>
      <c r="F18633" s="359" t="s">
        <v>14656</v>
      </c>
      <c r="G18633" s="359" t="s">
        <v>14383</v>
      </c>
      <c r="H18633" s="359" t="s">
        <v>14378</v>
      </c>
      <c r="I18633" s="359" t="s">
        <v>14383</v>
      </c>
      <c r="J18633" s="365"/>
      <c r="K18633" s="367"/>
      <c r="L18633" s="365"/>
    </row>
    <row r="18634" spans="2:12">
      <c r="B18634" s="367"/>
      <c r="C18634" s="367"/>
      <c r="D18634" s="367"/>
      <c r="E18634" s="367"/>
      <c r="F18634" s="360"/>
      <c r="G18634" s="360"/>
      <c r="H18634" s="360"/>
      <c r="I18634" s="360"/>
      <c r="J18634" s="365"/>
      <c r="K18634" s="367"/>
      <c r="L18634" s="365"/>
    </row>
    <row r="18635" spans="2:12">
      <c r="B18635" s="367"/>
      <c r="C18635" s="367"/>
      <c r="D18635" s="367"/>
      <c r="E18635" s="367"/>
      <c r="F18635" s="359" t="s">
        <v>15089</v>
      </c>
      <c r="G18635" s="359" t="s">
        <v>14459</v>
      </c>
      <c r="H18635" s="359" t="s">
        <v>14341</v>
      </c>
      <c r="I18635" s="359" t="s">
        <v>14459</v>
      </c>
      <c r="J18635" s="365"/>
      <c r="K18635" s="367"/>
      <c r="L18635" s="365"/>
    </row>
    <row r="18636" spans="2:12">
      <c r="B18636" s="367"/>
      <c r="C18636" s="367"/>
      <c r="D18636" s="367"/>
      <c r="E18636" s="367"/>
      <c r="F18636" s="360"/>
      <c r="G18636" s="360"/>
      <c r="H18636" s="360"/>
      <c r="I18636" s="360"/>
      <c r="J18636" s="365"/>
      <c r="K18636" s="367"/>
      <c r="L18636" s="365"/>
    </row>
    <row r="18637" spans="2:12">
      <c r="B18637" s="367"/>
      <c r="C18637" s="367"/>
      <c r="D18637" s="367"/>
      <c r="E18637" s="367"/>
      <c r="F18637" s="359" t="s">
        <v>14430</v>
      </c>
      <c r="G18637" s="359" t="s">
        <v>14431</v>
      </c>
      <c r="H18637" s="359" t="s">
        <v>14370</v>
      </c>
      <c r="I18637" s="359" t="s">
        <v>14431</v>
      </c>
      <c r="J18637" s="365"/>
      <c r="K18637" s="367"/>
      <c r="L18637" s="365"/>
    </row>
    <row r="18638" spans="2:12">
      <c r="B18638" s="367"/>
      <c r="C18638" s="367"/>
      <c r="D18638" s="367"/>
      <c r="E18638" s="367"/>
      <c r="F18638" s="360"/>
      <c r="G18638" s="360"/>
      <c r="H18638" s="360"/>
      <c r="I18638" s="360"/>
      <c r="J18638" s="365"/>
      <c r="K18638" s="367"/>
      <c r="L18638" s="365"/>
    </row>
    <row r="18639" spans="2:12" ht="28.5">
      <c r="B18639" s="368"/>
      <c r="C18639" s="368"/>
      <c r="D18639" s="368"/>
      <c r="E18639" s="368"/>
      <c r="F18639" s="361" t="s">
        <v>14374</v>
      </c>
      <c r="G18639" s="361" t="s">
        <v>14373</v>
      </c>
      <c r="H18639" s="361" t="s">
        <v>14332</v>
      </c>
      <c r="I18639" s="361" t="s">
        <v>14373</v>
      </c>
      <c r="J18639" s="366"/>
      <c r="K18639" s="368"/>
      <c r="L18639" s="366"/>
    </row>
    <row r="18640" spans="2:12">
      <c r="B18640" s="354" t="s">
        <v>28528</v>
      </c>
      <c r="C18640" s="369"/>
      <c r="D18640" s="369"/>
      <c r="E18640" s="369"/>
      <c r="F18640" s="369"/>
      <c r="G18640" s="369"/>
      <c r="H18640" s="369"/>
      <c r="I18640" s="369"/>
      <c r="J18640" s="369"/>
      <c r="K18640" s="369"/>
      <c r="L18640" s="370"/>
    </row>
    <row r="18641" spans="2:12" ht="71.25">
      <c r="B18641" s="358" t="s">
        <v>24047</v>
      </c>
      <c r="C18641" s="358" t="s">
        <v>30395</v>
      </c>
      <c r="D18641" s="358" t="s">
        <v>24048</v>
      </c>
      <c r="E18641" s="358" t="s">
        <v>24049</v>
      </c>
      <c r="F18641" s="358" t="s">
        <v>14420</v>
      </c>
      <c r="G18641" s="358" t="s">
        <v>14429</v>
      </c>
      <c r="H18641" s="358" t="s">
        <v>14367</v>
      </c>
      <c r="I18641" s="358" t="s">
        <v>14429</v>
      </c>
      <c r="J18641" s="358"/>
      <c r="K18641" s="358"/>
      <c r="L18641" s="358"/>
    </row>
    <row r="18642" spans="2:12">
      <c r="B18642" s="367"/>
      <c r="C18642" s="367"/>
      <c r="D18642" s="360"/>
      <c r="E18642" s="360"/>
      <c r="F18642" s="360"/>
      <c r="G18642" s="360"/>
      <c r="H18642" s="360"/>
      <c r="I18642" s="360"/>
      <c r="J18642" s="365"/>
      <c r="K18642" s="365"/>
      <c r="L18642" s="365"/>
    </row>
    <row r="18643" spans="2:12" ht="28.5">
      <c r="B18643" s="367"/>
      <c r="C18643" s="367"/>
      <c r="D18643" s="359" t="s">
        <v>24050</v>
      </c>
      <c r="E18643" s="359" t="s">
        <v>24051</v>
      </c>
      <c r="F18643" s="359" t="s">
        <v>14391</v>
      </c>
      <c r="G18643" s="359" t="s">
        <v>14392</v>
      </c>
      <c r="H18643" s="359" t="s">
        <v>14370</v>
      </c>
      <c r="I18643" s="359" t="s">
        <v>14392</v>
      </c>
      <c r="J18643" s="365"/>
      <c r="K18643" s="365"/>
      <c r="L18643" s="365"/>
    </row>
    <row r="18644" spans="2:12">
      <c r="B18644" s="367"/>
      <c r="C18644" s="367"/>
      <c r="D18644" s="360"/>
      <c r="E18644" s="360"/>
      <c r="F18644" s="360"/>
      <c r="G18644" s="360"/>
      <c r="H18644" s="360"/>
      <c r="I18644" s="360"/>
      <c r="J18644" s="365"/>
      <c r="K18644" s="365"/>
      <c r="L18644" s="365"/>
    </row>
    <row r="18645" spans="2:12">
      <c r="B18645" s="367"/>
      <c r="C18645" s="367"/>
      <c r="D18645" s="360"/>
      <c r="E18645" s="360"/>
      <c r="F18645" s="359" t="s">
        <v>14371</v>
      </c>
      <c r="G18645" s="359" t="s">
        <v>14372</v>
      </c>
      <c r="H18645" s="359" t="s">
        <v>14422</v>
      </c>
      <c r="I18645" s="359" t="s">
        <v>14373</v>
      </c>
      <c r="J18645" s="365"/>
      <c r="K18645" s="365"/>
      <c r="L18645" s="365"/>
    </row>
    <row r="18646" spans="2:12">
      <c r="B18646" s="367"/>
      <c r="C18646" s="367"/>
      <c r="D18646" s="360"/>
      <c r="E18646" s="360"/>
      <c r="F18646" s="360"/>
      <c r="G18646" s="360"/>
      <c r="H18646" s="360"/>
      <c r="I18646" s="360"/>
      <c r="J18646" s="365"/>
      <c r="K18646" s="365"/>
      <c r="L18646" s="365"/>
    </row>
    <row r="18647" spans="2:12" ht="28.5">
      <c r="B18647" s="368"/>
      <c r="C18647" s="368"/>
      <c r="D18647" s="362"/>
      <c r="E18647" s="362"/>
      <c r="F18647" s="361" t="s">
        <v>14374</v>
      </c>
      <c r="G18647" s="361" t="s">
        <v>14373</v>
      </c>
      <c r="H18647" s="362"/>
      <c r="I18647" s="362"/>
      <c r="J18647" s="366"/>
      <c r="K18647" s="366"/>
      <c r="L18647" s="366"/>
    </row>
    <row r="18648" spans="2:12" ht="85.5">
      <c r="B18648" s="358" t="s">
        <v>24052</v>
      </c>
      <c r="C18648" s="358" t="s">
        <v>30396</v>
      </c>
      <c r="D18648" s="358" t="s">
        <v>24048</v>
      </c>
      <c r="E18648" s="358" t="s">
        <v>24049</v>
      </c>
      <c r="F18648" s="358" t="s">
        <v>29601</v>
      </c>
      <c r="G18648" s="358" t="s">
        <v>14429</v>
      </c>
      <c r="H18648" s="358" t="s">
        <v>14341</v>
      </c>
      <c r="I18648" s="358" t="s">
        <v>14429</v>
      </c>
      <c r="J18648" s="358"/>
      <c r="K18648" s="358" t="s">
        <v>29602</v>
      </c>
      <c r="L18648" s="358"/>
    </row>
    <row r="18649" spans="2:12">
      <c r="B18649" s="367"/>
      <c r="C18649" s="367"/>
      <c r="D18649" s="360"/>
      <c r="E18649" s="360"/>
      <c r="F18649" s="360"/>
      <c r="G18649" s="360"/>
      <c r="H18649" s="360"/>
      <c r="I18649" s="360"/>
      <c r="J18649" s="365"/>
      <c r="K18649" s="360"/>
      <c r="L18649" s="365"/>
    </row>
    <row r="18650" spans="2:12" ht="42.75">
      <c r="B18650" s="367"/>
      <c r="C18650" s="367"/>
      <c r="D18650" s="359" t="s">
        <v>24050</v>
      </c>
      <c r="E18650" s="359" t="s">
        <v>24051</v>
      </c>
      <c r="F18650" s="359" t="s">
        <v>14371</v>
      </c>
      <c r="G18650" s="359" t="s">
        <v>14340</v>
      </c>
      <c r="H18650" s="359" t="s">
        <v>14367</v>
      </c>
      <c r="I18650" s="359" t="s">
        <v>14340</v>
      </c>
      <c r="J18650" s="365"/>
      <c r="K18650" s="359" t="s">
        <v>29603</v>
      </c>
      <c r="L18650" s="365"/>
    </row>
    <row r="18651" spans="2:12">
      <c r="B18651" s="367"/>
      <c r="C18651" s="367"/>
      <c r="D18651" s="360"/>
      <c r="E18651" s="360"/>
      <c r="F18651" s="360"/>
      <c r="G18651" s="360"/>
      <c r="H18651" s="360"/>
      <c r="I18651" s="360"/>
      <c r="J18651" s="365"/>
      <c r="K18651" s="360"/>
      <c r="L18651" s="365"/>
    </row>
    <row r="18652" spans="2:12" ht="42.75">
      <c r="B18652" s="367"/>
      <c r="C18652" s="367"/>
      <c r="D18652" s="360"/>
      <c r="E18652" s="360"/>
      <c r="F18652" s="359" t="s">
        <v>14374</v>
      </c>
      <c r="G18652" s="359" t="s">
        <v>14392</v>
      </c>
      <c r="H18652" s="359" t="s">
        <v>14370</v>
      </c>
      <c r="I18652" s="359" t="s">
        <v>14392</v>
      </c>
      <c r="J18652" s="365"/>
      <c r="K18652" s="359" t="s">
        <v>29604</v>
      </c>
      <c r="L18652" s="365"/>
    </row>
    <row r="18653" spans="2:12">
      <c r="B18653" s="367"/>
      <c r="C18653" s="367"/>
      <c r="D18653" s="360"/>
      <c r="E18653" s="360"/>
      <c r="F18653" s="360"/>
      <c r="G18653" s="360"/>
      <c r="H18653" s="360"/>
      <c r="I18653" s="360"/>
      <c r="J18653" s="365"/>
      <c r="K18653" s="360"/>
      <c r="L18653" s="365"/>
    </row>
    <row r="18654" spans="2:12">
      <c r="B18654" s="367"/>
      <c r="C18654" s="367"/>
      <c r="D18654" s="360"/>
      <c r="E18654" s="360"/>
      <c r="F18654" s="360"/>
      <c r="G18654" s="359" t="s">
        <v>14372</v>
      </c>
      <c r="H18654" s="359" t="s">
        <v>14422</v>
      </c>
      <c r="I18654" s="359" t="s">
        <v>14373</v>
      </c>
      <c r="J18654" s="365"/>
      <c r="K18654" s="360"/>
      <c r="L18654" s="365"/>
    </row>
    <row r="18655" spans="2:12">
      <c r="B18655" s="367"/>
      <c r="C18655" s="367"/>
      <c r="D18655" s="360"/>
      <c r="E18655" s="360"/>
      <c r="F18655" s="360"/>
      <c r="G18655" s="360"/>
      <c r="H18655" s="360"/>
      <c r="I18655" s="360"/>
      <c r="J18655" s="365"/>
      <c r="K18655" s="360"/>
      <c r="L18655" s="365"/>
    </row>
    <row r="18656" spans="2:12">
      <c r="B18656" s="368"/>
      <c r="C18656" s="368"/>
      <c r="D18656" s="362"/>
      <c r="E18656" s="362"/>
      <c r="F18656" s="362"/>
      <c r="G18656" s="361" t="s">
        <v>14373</v>
      </c>
      <c r="H18656" s="362"/>
      <c r="I18656" s="362"/>
      <c r="J18656" s="366"/>
      <c r="K18656" s="362"/>
      <c r="L18656" s="366"/>
    </row>
    <row r="18657" spans="2:12" ht="28.5">
      <c r="B18657" s="358" t="s">
        <v>24053</v>
      </c>
      <c r="C18657" s="358" t="s">
        <v>30397</v>
      </c>
      <c r="D18657" s="358" t="s">
        <v>24054</v>
      </c>
      <c r="E18657" s="358" t="s">
        <v>1678</v>
      </c>
      <c r="F18657" s="358" t="s">
        <v>14443</v>
      </c>
      <c r="G18657" s="358" t="s">
        <v>14444</v>
      </c>
      <c r="H18657" s="358" t="s">
        <v>14378</v>
      </c>
      <c r="I18657" s="358" t="s">
        <v>14444</v>
      </c>
      <c r="J18657" s="358"/>
      <c r="K18657" s="358" t="s">
        <v>14820</v>
      </c>
      <c r="L18657" s="358"/>
    </row>
    <row r="18658" spans="2:12">
      <c r="B18658" s="367"/>
      <c r="C18658" s="367"/>
      <c r="D18658" s="367"/>
      <c r="E18658" s="367"/>
      <c r="F18658" s="360"/>
      <c r="G18658" s="360"/>
      <c r="H18658" s="360"/>
      <c r="I18658" s="360"/>
      <c r="J18658" s="365"/>
      <c r="K18658" s="367"/>
      <c r="L18658" s="365"/>
    </row>
    <row r="18659" spans="2:12">
      <c r="B18659" s="367"/>
      <c r="C18659" s="367"/>
      <c r="D18659" s="367"/>
      <c r="E18659" s="367"/>
      <c r="F18659" s="359" t="s">
        <v>14382</v>
      </c>
      <c r="G18659" s="359" t="s">
        <v>14483</v>
      </c>
      <c r="H18659" s="359" t="s">
        <v>14341</v>
      </c>
      <c r="I18659" s="359" t="s">
        <v>14483</v>
      </c>
      <c r="J18659" s="365"/>
      <c r="K18659" s="367"/>
      <c r="L18659" s="365"/>
    </row>
    <row r="18660" spans="2:12">
      <c r="B18660" s="367"/>
      <c r="C18660" s="367"/>
      <c r="D18660" s="367"/>
      <c r="E18660" s="367"/>
      <c r="F18660" s="360"/>
      <c r="G18660" s="360"/>
      <c r="H18660" s="360"/>
      <c r="I18660" s="360"/>
      <c r="J18660" s="365"/>
      <c r="K18660" s="367"/>
      <c r="L18660" s="365"/>
    </row>
    <row r="18661" spans="2:12">
      <c r="B18661" s="367"/>
      <c r="C18661" s="367"/>
      <c r="D18661" s="367"/>
      <c r="E18661" s="367"/>
      <c r="F18661" s="359" t="s">
        <v>14430</v>
      </c>
      <c r="G18661" s="359" t="s">
        <v>14431</v>
      </c>
      <c r="H18661" s="359" t="s">
        <v>14381</v>
      </c>
      <c r="I18661" s="359" t="s">
        <v>14431</v>
      </c>
      <c r="J18661" s="365"/>
      <c r="K18661" s="367"/>
      <c r="L18661" s="365"/>
    </row>
    <row r="18662" spans="2:12">
      <c r="B18662" s="367"/>
      <c r="C18662" s="367"/>
      <c r="D18662" s="367"/>
      <c r="E18662" s="367"/>
      <c r="F18662" s="360"/>
      <c r="G18662" s="360"/>
      <c r="H18662" s="360"/>
      <c r="I18662" s="360"/>
      <c r="J18662" s="365"/>
      <c r="K18662" s="367"/>
      <c r="L18662" s="365"/>
    </row>
    <row r="18663" spans="2:12">
      <c r="B18663" s="367"/>
      <c r="C18663" s="367"/>
      <c r="D18663" s="367"/>
      <c r="E18663" s="367"/>
      <c r="F18663" s="359" t="s">
        <v>14391</v>
      </c>
      <c r="G18663" s="359" t="s">
        <v>14392</v>
      </c>
      <c r="H18663" s="359" t="s">
        <v>14370</v>
      </c>
      <c r="I18663" s="359" t="s">
        <v>14392</v>
      </c>
      <c r="J18663" s="365"/>
      <c r="K18663" s="367"/>
      <c r="L18663" s="365"/>
    </row>
    <row r="18664" spans="2:12">
      <c r="B18664" s="367"/>
      <c r="C18664" s="367"/>
      <c r="D18664" s="367"/>
      <c r="E18664" s="367"/>
      <c r="F18664" s="360"/>
      <c r="G18664" s="360"/>
      <c r="H18664" s="360"/>
      <c r="I18664" s="360"/>
      <c r="J18664" s="365"/>
      <c r="K18664" s="367"/>
      <c r="L18664" s="365"/>
    </row>
    <row r="18665" spans="2:12">
      <c r="B18665" s="368"/>
      <c r="C18665" s="368"/>
      <c r="D18665" s="368"/>
      <c r="E18665" s="368"/>
      <c r="F18665" s="361" t="s">
        <v>14371</v>
      </c>
      <c r="G18665" s="361" t="s">
        <v>14372</v>
      </c>
      <c r="H18665" s="361" t="s">
        <v>14332</v>
      </c>
      <c r="I18665" s="361" t="s">
        <v>14372</v>
      </c>
      <c r="J18665" s="366"/>
      <c r="K18665" s="368"/>
      <c r="L18665" s="366"/>
    </row>
    <row r="18666" spans="2:12">
      <c r="B18666" s="358" t="s">
        <v>24055</v>
      </c>
      <c r="C18666" s="358" t="s">
        <v>30398</v>
      </c>
      <c r="D18666" s="358" t="s">
        <v>24056</v>
      </c>
      <c r="E18666" s="358" t="s">
        <v>1802</v>
      </c>
      <c r="F18666" s="358" t="s">
        <v>14443</v>
      </c>
      <c r="G18666" s="358" t="s">
        <v>14444</v>
      </c>
      <c r="H18666" s="358" t="s">
        <v>14381</v>
      </c>
      <c r="I18666" s="358" t="s">
        <v>14444</v>
      </c>
      <c r="J18666" s="358"/>
      <c r="K18666" s="358" t="s">
        <v>14820</v>
      </c>
      <c r="L18666" s="358"/>
    </row>
    <row r="18667" spans="2:12">
      <c r="B18667" s="367"/>
      <c r="C18667" s="367"/>
      <c r="D18667" s="367"/>
      <c r="E18667" s="367"/>
      <c r="F18667" s="360"/>
      <c r="G18667" s="360"/>
      <c r="H18667" s="360"/>
      <c r="I18667" s="360"/>
      <c r="J18667" s="365"/>
      <c r="K18667" s="367"/>
      <c r="L18667" s="365"/>
    </row>
    <row r="18668" spans="2:12">
      <c r="B18668" s="367"/>
      <c r="C18668" s="367"/>
      <c r="D18668" s="367"/>
      <c r="E18668" s="367"/>
      <c r="F18668" s="359" t="s">
        <v>14420</v>
      </c>
      <c r="G18668" s="359" t="s">
        <v>14459</v>
      </c>
      <c r="H18668" s="359" t="s">
        <v>14367</v>
      </c>
      <c r="I18668" s="359" t="s">
        <v>14459</v>
      </c>
      <c r="J18668" s="365"/>
      <c r="K18668" s="367"/>
      <c r="L18668" s="365"/>
    </row>
    <row r="18669" spans="2:12">
      <c r="B18669" s="367"/>
      <c r="C18669" s="367"/>
      <c r="D18669" s="367"/>
      <c r="E18669" s="367"/>
      <c r="F18669" s="360"/>
      <c r="G18669" s="360"/>
      <c r="H18669" s="360"/>
      <c r="I18669" s="360"/>
      <c r="J18669" s="365"/>
      <c r="K18669" s="367"/>
      <c r="L18669" s="365"/>
    </row>
    <row r="18670" spans="2:12">
      <c r="B18670" s="367"/>
      <c r="C18670" s="367"/>
      <c r="D18670" s="367"/>
      <c r="E18670" s="367"/>
      <c r="F18670" s="359" t="s">
        <v>14386</v>
      </c>
      <c r="G18670" s="359" t="s">
        <v>14387</v>
      </c>
      <c r="H18670" s="359" t="s">
        <v>14370</v>
      </c>
      <c r="I18670" s="359" t="s">
        <v>14387</v>
      </c>
      <c r="J18670" s="365"/>
      <c r="K18670" s="367"/>
      <c r="L18670" s="365"/>
    </row>
    <row r="18671" spans="2:12">
      <c r="B18671" s="367"/>
      <c r="C18671" s="367"/>
      <c r="D18671" s="367"/>
      <c r="E18671" s="367"/>
      <c r="F18671" s="360"/>
      <c r="G18671" s="360"/>
      <c r="H18671" s="360"/>
      <c r="I18671" s="360"/>
      <c r="J18671" s="365"/>
      <c r="K18671" s="367"/>
      <c r="L18671" s="365"/>
    </row>
    <row r="18672" spans="2:12">
      <c r="B18672" s="367"/>
      <c r="C18672" s="367"/>
      <c r="D18672" s="367"/>
      <c r="E18672" s="367"/>
      <c r="F18672" s="359" t="s">
        <v>14391</v>
      </c>
      <c r="G18672" s="359" t="s">
        <v>14392</v>
      </c>
      <c r="H18672" s="359" t="s">
        <v>14422</v>
      </c>
      <c r="I18672" s="359" t="s">
        <v>14392</v>
      </c>
      <c r="J18672" s="365"/>
      <c r="K18672" s="367"/>
      <c r="L18672" s="365"/>
    </row>
    <row r="18673" spans="2:12">
      <c r="B18673" s="367"/>
      <c r="C18673" s="367"/>
      <c r="D18673" s="367"/>
      <c r="E18673" s="367"/>
      <c r="F18673" s="360"/>
      <c r="G18673" s="360"/>
      <c r="H18673" s="360"/>
      <c r="I18673" s="360"/>
      <c r="J18673" s="365"/>
      <c r="K18673" s="367"/>
      <c r="L18673" s="365"/>
    </row>
    <row r="18674" spans="2:12">
      <c r="B18674" s="368"/>
      <c r="C18674" s="368"/>
      <c r="D18674" s="368"/>
      <c r="E18674" s="368"/>
      <c r="F18674" s="361" t="s">
        <v>14371</v>
      </c>
      <c r="G18674" s="361" t="s">
        <v>14372</v>
      </c>
      <c r="H18674" s="362"/>
      <c r="I18674" s="361" t="s">
        <v>14372</v>
      </c>
      <c r="J18674" s="366"/>
      <c r="K18674" s="368"/>
      <c r="L18674" s="366"/>
    </row>
    <row r="18675" spans="2:12" ht="28.5">
      <c r="B18675" s="358" t="s">
        <v>10639</v>
      </c>
      <c r="C18675" s="358" t="s">
        <v>30399</v>
      </c>
      <c r="D18675" s="358" t="s">
        <v>10640</v>
      </c>
      <c r="E18675" s="358" t="s">
        <v>13406</v>
      </c>
      <c r="F18675" s="358" t="s">
        <v>29605</v>
      </c>
      <c r="G18675" s="358" t="s">
        <v>14669</v>
      </c>
      <c r="H18675" s="358" t="s">
        <v>14381</v>
      </c>
      <c r="I18675" s="358" t="s">
        <v>14669</v>
      </c>
      <c r="J18675" s="358"/>
      <c r="K18675" s="358"/>
      <c r="L18675" s="358"/>
    </row>
    <row r="18676" spans="2:12">
      <c r="B18676" s="367"/>
      <c r="C18676" s="367"/>
      <c r="D18676" s="367"/>
      <c r="E18676" s="367"/>
      <c r="F18676" s="360"/>
      <c r="G18676" s="360"/>
      <c r="H18676" s="360"/>
      <c r="I18676" s="360"/>
      <c r="J18676" s="365"/>
      <c r="K18676" s="365"/>
      <c r="L18676" s="365"/>
    </row>
    <row r="18677" spans="2:12">
      <c r="B18677" s="367"/>
      <c r="C18677" s="367"/>
      <c r="D18677" s="367"/>
      <c r="E18677" s="367"/>
      <c r="F18677" s="359" t="s">
        <v>14371</v>
      </c>
      <c r="G18677" s="359" t="s">
        <v>14392</v>
      </c>
      <c r="H18677" s="359" t="s">
        <v>14370</v>
      </c>
      <c r="I18677" s="359" t="s">
        <v>14392</v>
      </c>
      <c r="J18677" s="365"/>
      <c r="K18677" s="365"/>
      <c r="L18677" s="365"/>
    </row>
    <row r="18678" spans="2:12">
      <c r="B18678" s="367"/>
      <c r="C18678" s="367"/>
      <c r="D18678" s="367"/>
      <c r="E18678" s="367"/>
      <c r="F18678" s="360"/>
      <c r="G18678" s="360"/>
      <c r="H18678" s="360"/>
      <c r="I18678" s="360"/>
      <c r="J18678" s="365"/>
      <c r="K18678" s="365"/>
      <c r="L18678" s="365"/>
    </row>
    <row r="18679" spans="2:12" ht="28.5">
      <c r="B18679" s="367"/>
      <c r="C18679" s="367"/>
      <c r="D18679" s="367"/>
      <c r="E18679" s="367"/>
      <c r="F18679" s="359" t="s">
        <v>14374</v>
      </c>
      <c r="G18679" s="359" t="s">
        <v>14372</v>
      </c>
      <c r="H18679" s="359" t="s">
        <v>14332</v>
      </c>
      <c r="I18679" s="359" t="s">
        <v>14373</v>
      </c>
      <c r="J18679" s="365"/>
      <c r="K18679" s="365"/>
      <c r="L18679" s="365"/>
    </row>
    <row r="18680" spans="2:12">
      <c r="B18680" s="367"/>
      <c r="C18680" s="367"/>
      <c r="D18680" s="367"/>
      <c r="E18680" s="367"/>
      <c r="F18680" s="360"/>
      <c r="G18680" s="360"/>
      <c r="H18680" s="360"/>
      <c r="I18680" s="360"/>
      <c r="J18680" s="365"/>
      <c r="K18680" s="365"/>
      <c r="L18680" s="365"/>
    </row>
    <row r="18681" spans="2:12">
      <c r="B18681" s="368"/>
      <c r="C18681" s="368"/>
      <c r="D18681" s="368"/>
      <c r="E18681" s="368"/>
      <c r="F18681" s="362"/>
      <c r="G18681" s="361" t="s">
        <v>14373</v>
      </c>
      <c r="H18681" s="362"/>
      <c r="I18681" s="362"/>
      <c r="J18681" s="366"/>
      <c r="K18681" s="366"/>
      <c r="L18681" s="366"/>
    </row>
    <row r="18682" spans="2:12" ht="28.5">
      <c r="B18682" s="358" t="s">
        <v>24057</v>
      </c>
      <c r="C18682" s="358" t="s">
        <v>29606</v>
      </c>
      <c r="D18682" s="358" t="s">
        <v>24058</v>
      </c>
      <c r="E18682" s="358" t="s">
        <v>24059</v>
      </c>
      <c r="F18682" s="358" t="s">
        <v>14382</v>
      </c>
      <c r="G18682" s="358" t="s">
        <v>14383</v>
      </c>
      <c r="H18682" s="358" t="s">
        <v>14378</v>
      </c>
      <c r="I18682" s="358" t="s">
        <v>14383</v>
      </c>
      <c r="J18682" s="358"/>
      <c r="K18682" s="358"/>
      <c r="L18682" s="358"/>
    </row>
    <row r="18683" spans="2:12">
      <c r="B18683" s="367"/>
      <c r="C18683" s="367"/>
      <c r="D18683" s="367"/>
      <c r="E18683" s="367"/>
      <c r="F18683" s="360"/>
      <c r="G18683" s="360"/>
      <c r="H18683" s="360"/>
      <c r="I18683" s="360"/>
      <c r="J18683" s="365"/>
      <c r="K18683" s="365"/>
      <c r="L18683" s="365"/>
    </row>
    <row r="18684" spans="2:12">
      <c r="B18684" s="367"/>
      <c r="C18684" s="367"/>
      <c r="D18684" s="367"/>
      <c r="E18684" s="367"/>
      <c r="F18684" s="359" t="s">
        <v>14420</v>
      </c>
      <c r="G18684" s="359" t="s">
        <v>14421</v>
      </c>
      <c r="H18684" s="359" t="s">
        <v>14370</v>
      </c>
      <c r="I18684" s="359" t="s">
        <v>14421</v>
      </c>
      <c r="J18684" s="365"/>
      <c r="K18684" s="365"/>
      <c r="L18684" s="365"/>
    </row>
    <row r="18685" spans="2:12">
      <c r="B18685" s="367"/>
      <c r="C18685" s="367"/>
      <c r="D18685" s="367"/>
      <c r="E18685" s="367"/>
      <c r="F18685" s="360"/>
      <c r="G18685" s="360"/>
      <c r="H18685" s="360"/>
      <c r="I18685" s="360"/>
      <c r="J18685" s="365"/>
      <c r="K18685" s="365"/>
      <c r="L18685" s="365"/>
    </row>
    <row r="18686" spans="2:12">
      <c r="B18686" s="367"/>
      <c r="C18686" s="367"/>
      <c r="D18686" s="367"/>
      <c r="E18686" s="367"/>
      <c r="F18686" s="359" t="s">
        <v>14371</v>
      </c>
      <c r="G18686" s="359" t="s">
        <v>14372</v>
      </c>
      <c r="H18686" s="359" t="s">
        <v>14332</v>
      </c>
      <c r="I18686" s="359" t="s">
        <v>14373</v>
      </c>
      <c r="J18686" s="365"/>
      <c r="K18686" s="365"/>
      <c r="L18686" s="365"/>
    </row>
    <row r="18687" spans="2:12">
      <c r="B18687" s="367"/>
      <c r="C18687" s="367"/>
      <c r="D18687" s="367"/>
      <c r="E18687" s="367"/>
      <c r="F18687" s="360"/>
      <c r="G18687" s="360"/>
      <c r="H18687" s="360"/>
      <c r="I18687" s="360"/>
      <c r="J18687" s="365"/>
      <c r="K18687" s="365"/>
      <c r="L18687" s="365"/>
    </row>
    <row r="18688" spans="2:12" ht="28.5">
      <c r="B18688" s="368"/>
      <c r="C18688" s="368"/>
      <c r="D18688" s="368"/>
      <c r="E18688" s="368"/>
      <c r="F18688" s="361" t="s">
        <v>14374</v>
      </c>
      <c r="G18688" s="361" t="s">
        <v>14373</v>
      </c>
      <c r="H18688" s="362"/>
      <c r="I18688" s="362"/>
      <c r="J18688" s="366"/>
      <c r="K18688" s="366"/>
      <c r="L18688" s="366"/>
    </row>
    <row r="18689" spans="2:12" ht="28.5">
      <c r="B18689" s="358" t="s">
        <v>12634</v>
      </c>
      <c r="C18689" s="358" t="s">
        <v>29607</v>
      </c>
      <c r="D18689" s="358" t="s">
        <v>12635</v>
      </c>
      <c r="E18689" s="358" t="s">
        <v>1680</v>
      </c>
      <c r="F18689" s="358" t="s">
        <v>29608</v>
      </c>
      <c r="G18689" s="358" t="s">
        <v>14890</v>
      </c>
      <c r="H18689" s="358" t="s">
        <v>14381</v>
      </c>
      <c r="I18689" s="358" t="s">
        <v>14890</v>
      </c>
      <c r="J18689" s="358"/>
      <c r="K18689" s="358"/>
      <c r="L18689" s="358"/>
    </row>
    <row r="18690" spans="2:12">
      <c r="B18690" s="367"/>
      <c r="C18690" s="367"/>
      <c r="D18690" s="367"/>
      <c r="E18690" s="367"/>
      <c r="F18690" s="360"/>
      <c r="G18690" s="360"/>
      <c r="H18690" s="360"/>
      <c r="I18690" s="360"/>
      <c r="J18690" s="365"/>
      <c r="K18690" s="365"/>
      <c r="L18690" s="365"/>
    </row>
    <row r="18691" spans="2:12" ht="28.5">
      <c r="B18691" s="367"/>
      <c r="C18691" s="367"/>
      <c r="D18691" s="367"/>
      <c r="E18691" s="367"/>
      <c r="F18691" s="359" t="s">
        <v>14371</v>
      </c>
      <c r="G18691" s="359" t="s">
        <v>29308</v>
      </c>
      <c r="H18691" s="359" t="s">
        <v>14370</v>
      </c>
      <c r="I18691" s="359" t="s">
        <v>29609</v>
      </c>
      <c r="J18691" s="365"/>
      <c r="K18691" s="365"/>
      <c r="L18691" s="365"/>
    </row>
    <row r="18692" spans="2:12">
      <c r="B18692" s="367"/>
      <c r="C18692" s="367"/>
      <c r="D18692" s="367"/>
      <c r="E18692" s="367"/>
      <c r="F18692" s="360"/>
      <c r="G18692" s="360"/>
      <c r="H18692" s="360"/>
      <c r="I18692" s="360"/>
      <c r="J18692" s="365"/>
      <c r="K18692" s="365"/>
      <c r="L18692" s="365"/>
    </row>
    <row r="18693" spans="2:12" ht="28.5">
      <c r="B18693" s="368"/>
      <c r="C18693" s="368"/>
      <c r="D18693" s="368"/>
      <c r="E18693" s="368"/>
      <c r="F18693" s="361" t="s">
        <v>14374</v>
      </c>
      <c r="G18693" s="361" t="s">
        <v>14373</v>
      </c>
      <c r="H18693" s="361" t="s">
        <v>14332</v>
      </c>
      <c r="I18693" s="362"/>
      <c r="J18693" s="366"/>
      <c r="K18693" s="366"/>
      <c r="L18693" s="366"/>
    </row>
    <row r="18694" spans="2:12" ht="28.5">
      <c r="B18694" s="358" t="s">
        <v>12638</v>
      </c>
      <c r="C18694" s="358" t="s">
        <v>29610</v>
      </c>
      <c r="D18694" s="358" t="s">
        <v>12639</v>
      </c>
      <c r="E18694" s="358" t="s">
        <v>12640</v>
      </c>
      <c r="F18694" s="358" t="s">
        <v>29611</v>
      </c>
      <c r="G18694" s="358" t="s">
        <v>14890</v>
      </c>
      <c r="H18694" s="358" t="s">
        <v>14381</v>
      </c>
      <c r="I18694" s="358" t="s">
        <v>14890</v>
      </c>
      <c r="J18694" s="358"/>
      <c r="K18694" s="358" t="s">
        <v>14517</v>
      </c>
      <c r="L18694" s="358"/>
    </row>
    <row r="18695" spans="2:12">
      <c r="B18695" s="367"/>
      <c r="C18695" s="367"/>
      <c r="D18695" s="367"/>
      <c r="E18695" s="367"/>
      <c r="F18695" s="360"/>
      <c r="G18695" s="360"/>
      <c r="H18695" s="360"/>
      <c r="I18695" s="360"/>
      <c r="J18695" s="365"/>
      <c r="K18695" s="367"/>
      <c r="L18695" s="365"/>
    </row>
    <row r="18696" spans="2:12" ht="28.5">
      <c r="B18696" s="367"/>
      <c r="C18696" s="367"/>
      <c r="D18696" s="367"/>
      <c r="E18696" s="367"/>
      <c r="F18696" s="359" t="s">
        <v>14389</v>
      </c>
      <c r="G18696" s="359" t="s">
        <v>29612</v>
      </c>
      <c r="H18696" s="359" t="s">
        <v>14367</v>
      </c>
      <c r="I18696" s="359" t="s">
        <v>29612</v>
      </c>
      <c r="J18696" s="365"/>
      <c r="K18696" s="367"/>
      <c r="L18696" s="365"/>
    </row>
    <row r="18697" spans="2:12">
      <c r="B18697" s="367"/>
      <c r="C18697" s="367"/>
      <c r="D18697" s="367"/>
      <c r="E18697" s="367"/>
      <c r="F18697" s="360"/>
      <c r="G18697" s="360"/>
      <c r="H18697" s="360"/>
      <c r="I18697" s="360"/>
      <c r="J18697" s="365"/>
      <c r="K18697" s="367"/>
      <c r="L18697" s="365"/>
    </row>
    <row r="18698" spans="2:12">
      <c r="B18698" s="367"/>
      <c r="C18698" s="367"/>
      <c r="D18698" s="367"/>
      <c r="E18698" s="367"/>
      <c r="F18698" s="359" t="s">
        <v>14391</v>
      </c>
      <c r="G18698" s="359" t="s">
        <v>14390</v>
      </c>
      <c r="H18698" s="359" t="s">
        <v>14370</v>
      </c>
      <c r="I18698" s="359" t="s">
        <v>14390</v>
      </c>
      <c r="J18698" s="365"/>
      <c r="K18698" s="367"/>
      <c r="L18698" s="365"/>
    </row>
    <row r="18699" spans="2:12">
      <c r="B18699" s="367"/>
      <c r="C18699" s="367"/>
      <c r="D18699" s="367"/>
      <c r="E18699" s="367"/>
      <c r="F18699" s="360"/>
      <c r="G18699" s="360"/>
      <c r="H18699" s="360"/>
      <c r="I18699" s="360"/>
      <c r="J18699" s="365"/>
      <c r="K18699" s="367"/>
      <c r="L18699" s="365"/>
    </row>
    <row r="18700" spans="2:12">
      <c r="B18700" s="367"/>
      <c r="C18700" s="367"/>
      <c r="D18700" s="367"/>
      <c r="E18700" s="367"/>
      <c r="F18700" s="359" t="s">
        <v>14371</v>
      </c>
      <c r="G18700" s="359" t="s">
        <v>14392</v>
      </c>
      <c r="H18700" s="359" t="s">
        <v>14332</v>
      </c>
      <c r="I18700" s="359" t="s">
        <v>14392</v>
      </c>
      <c r="J18700" s="365"/>
      <c r="K18700" s="367"/>
      <c r="L18700" s="365"/>
    </row>
    <row r="18701" spans="2:12">
      <c r="B18701" s="367"/>
      <c r="C18701" s="367"/>
      <c r="D18701" s="367"/>
      <c r="E18701" s="367"/>
      <c r="F18701" s="360"/>
      <c r="G18701" s="360"/>
      <c r="H18701" s="360"/>
      <c r="I18701" s="360"/>
      <c r="J18701" s="365"/>
      <c r="K18701" s="367"/>
      <c r="L18701" s="365"/>
    </row>
    <row r="18702" spans="2:12" ht="28.5">
      <c r="B18702" s="367"/>
      <c r="C18702" s="367"/>
      <c r="D18702" s="367"/>
      <c r="E18702" s="367"/>
      <c r="F18702" s="359" t="s">
        <v>14374</v>
      </c>
      <c r="G18702" s="359" t="s">
        <v>14372</v>
      </c>
      <c r="H18702" s="360"/>
      <c r="I18702" s="359" t="s">
        <v>14373</v>
      </c>
      <c r="J18702" s="365"/>
      <c r="K18702" s="367"/>
      <c r="L18702" s="365"/>
    </row>
    <row r="18703" spans="2:12">
      <c r="B18703" s="367"/>
      <c r="C18703" s="367"/>
      <c r="D18703" s="367"/>
      <c r="E18703" s="367"/>
      <c r="F18703" s="360"/>
      <c r="G18703" s="360"/>
      <c r="H18703" s="360"/>
      <c r="I18703" s="360"/>
      <c r="J18703" s="365"/>
      <c r="K18703" s="367"/>
      <c r="L18703" s="365"/>
    </row>
    <row r="18704" spans="2:12">
      <c r="B18704" s="368"/>
      <c r="C18704" s="368"/>
      <c r="D18704" s="368"/>
      <c r="E18704" s="368"/>
      <c r="F18704" s="362"/>
      <c r="G18704" s="361" t="s">
        <v>14373</v>
      </c>
      <c r="H18704" s="362"/>
      <c r="I18704" s="362"/>
      <c r="J18704" s="366"/>
      <c r="K18704" s="368"/>
      <c r="L18704" s="366"/>
    </row>
    <row r="18705" spans="2:12" ht="57">
      <c r="B18705" s="358" t="s">
        <v>10642</v>
      </c>
      <c r="C18705" s="358" t="s">
        <v>29613</v>
      </c>
      <c r="D18705" s="358" t="s">
        <v>10643</v>
      </c>
      <c r="E18705" s="358" t="s">
        <v>13407</v>
      </c>
      <c r="F18705" s="358" t="s">
        <v>15096</v>
      </c>
      <c r="G18705" s="358" t="s">
        <v>15097</v>
      </c>
      <c r="H18705" s="358" t="s">
        <v>14328</v>
      </c>
      <c r="I18705" s="358" t="s">
        <v>15097</v>
      </c>
      <c r="J18705" s="358"/>
      <c r="K18705" s="358"/>
      <c r="L18705" s="358" t="s">
        <v>14513</v>
      </c>
    </row>
    <row r="18706" spans="2:12">
      <c r="B18706" s="367"/>
      <c r="C18706" s="367"/>
      <c r="D18706" s="367"/>
      <c r="E18706" s="367"/>
      <c r="F18706" s="360"/>
      <c r="G18706" s="360"/>
      <c r="H18706" s="360"/>
      <c r="I18706" s="360"/>
      <c r="J18706" s="365"/>
      <c r="K18706" s="365"/>
      <c r="L18706" s="367"/>
    </row>
    <row r="18707" spans="2:12">
      <c r="B18707" s="367"/>
      <c r="C18707" s="367"/>
      <c r="D18707" s="367"/>
      <c r="E18707" s="367"/>
      <c r="F18707" s="359" t="s">
        <v>14376</v>
      </c>
      <c r="G18707" s="359" t="s">
        <v>14669</v>
      </c>
      <c r="H18707" s="359" t="s">
        <v>14381</v>
      </c>
      <c r="I18707" s="359" t="s">
        <v>14669</v>
      </c>
      <c r="J18707" s="365"/>
      <c r="K18707" s="365"/>
      <c r="L18707" s="367"/>
    </row>
    <row r="18708" spans="2:12">
      <c r="B18708" s="367"/>
      <c r="C18708" s="367"/>
      <c r="D18708" s="367"/>
      <c r="E18708" s="367"/>
      <c r="F18708" s="360"/>
      <c r="G18708" s="360"/>
      <c r="H18708" s="360"/>
      <c r="I18708" s="360"/>
      <c r="J18708" s="365"/>
      <c r="K18708" s="365"/>
      <c r="L18708" s="367"/>
    </row>
    <row r="18709" spans="2:12">
      <c r="B18709" s="367"/>
      <c r="C18709" s="367"/>
      <c r="D18709" s="367"/>
      <c r="E18709" s="367"/>
      <c r="F18709" s="359" t="s">
        <v>14420</v>
      </c>
      <c r="G18709" s="359" t="s">
        <v>14429</v>
      </c>
      <c r="H18709" s="359" t="s">
        <v>14367</v>
      </c>
      <c r="I18709" s="359" t="s">
        <v>14429</v>
      </c>
      <c r="J18709" s="365"/>
      <c r="K18709" s="365"/>
      <c r="L18709" s="367"/>
    </row>
    <row r="18710" spans="2:12">
      <c r="B18710" s="367"/>
      <c r="C18710" s="367"/>
      <c r="D18710" s="367"/>
      <c r="E18710" s="367"/>
      <c r="F18710" s="360"/>
      <c r="G18710" s="360"/>
      <c r="H18710" s="360"/>
      <c r="I18710" s="360"/>
      <c r="J18710" s="365"/>
      <c r="K18710" s="365"/>
      <c r="L18710" s="367"/>
    </row>
    <row r="18711" spans="2:12">
      <c r="B18711" s="368"/>
      <c r="C18711" s="368"/>
      <c r="D18711" s="368"/>
      <c r="E18711" s="368"/>
      <c r="F18711" s="362"/>
      <c r="G18711" s="362"/>
      <c r="H18711" s="361" t="s">
        <v>14332</v>
      </c>
      <c r="I18711" s="362"/>
      <c r="J18711" s="366"/>
      <c r="K18711" s="366"/>
      <c r="L18711" s="368"/>
    </row>
    <row r="18712" spans="2:12" ht="42.75">
      <c r="B18712" s="358" t="s">
        <v>24060</v>
      </c>
      <c r="C18712" s="358" t="s">
        <v>29614</v>
      </c>
      <c r="D18712" s="358" t="s">
        <v>24061</v>
      </c>
      <c r="E18712" s="358" t="s">
        <v>24062</v>
      </c>
      <c r="F18712" s="358" t="s">
        <v>14443</v>
      </c>
      <c r="G18712" s="358" t="s">
        <v>14444</v>
      </c>
      <c r="H18712" s="358" t="s">
        <v>14381</v>
      </c>
      <c r="I18712" s="358" t="s">
        <v>14444</v>
      </c>
      <c r="J18712" s="358"/>
      <c r="K18712" s="358" t="s">
        <v>14557</v>
      </c>
      <c r="L18712" s="358"/>
    </row>
    <row r="18713" spans="2:12">
      <c r="B18713" s="367"/>
      <c r="C18713" s="367"/>
      <c r="D18713" s="367"/>
      <c r="E18713" s="367"/>
      <c r="F18713" s="360"/>
      <c r="G18713" s="360"/>
      <c r="H18713" s="360"/>
      <c r="I18713" s="360"/>
      <c r="J18713" s="365"/>
      <c r="K18713" s="367"/>
      <c r="L18713" s="365"/>
    </row>
    <row r="18714" spans="2:12" ht="28.5">
      <c r="B18714" s="367"/>
      <c r="C18714" s="367"/>
      <c r="D18714" s="367"/>
      <c r="E18714" s="367"/>
      <c r="F18714" s="359" t="s">
        <v>14507</v>
      </c>
      <c r="G18714" s="359" t="s">
        <v>28932</v>
      </c>
      <c r="H18714" s="359" t="s">
        <v>14367</v>
      </c>
      <c r="I18714" s="359" t="s">
        <v>28932</v>
      </c>
      <c r="J18714" s="365"/>
      <c r="K18714" s="367"/>
      <c r="L18714" s="365"/>
    </row>
    <row r="18715" spans="2:12">
      <c r="B18715" s="367"/>
      <c r="C18715" s="367"/>
      <c r="D18715" s="367"/>
      <c r="E18715" s="367"/>
      <c r="F18715" s="360"/>
      <c r="G18715" s="360"/>
      <c r="H18715" s="360"/>
      <c r="I18715" s="360"/>
      <c r="J18715" s="365"/>
      <c r="K18715" s="367"/>
      <c r="L18715" s="365"/>
    </row>
    <row r="18716" spans="2:12" ht="28.5">
      <c r="B18716" s="367"/>
      <c r="C18716" s="367"/>
      <c r="D18716" s="367"/>
      <c r="E18716" s="367"/>
      <c r="F18716" s="359" t="s">
        <v>28938</v>
      </c>
      <c r="G18716" s="359" t="s">
        <v>14429</v>
      </c>
      <c r="H18716" s="359" t="s">
        <v>14370</v>
      </c>
      <c r="I18716" s="359" t="s">
        <v>14429</v>
      </c>
      <c r="J18716" s="365"/>
      <c r="K18716" s="367"/>
      <c r="L18716" s="365"/>
    </row>
    <row r="18717" spans="2:12">
      <c r="B18717" s="367"/>
      <c r="C18717" s="367"/>
      <c r="D18717" s="367"/>
      <c r="E18717" s="367"/>
      <c r="F18717" s="360"/>
      <c r="G18717" s="360"/>
      <c r="H18717" s="360"/>
      <c r="I18717" s="360"/>
      <c r="J18717" s="365"/>
      <c r="K18717" s="367"/>
      <c r="L18717" s="365"/>
    </row>
    <row r="18718" spans="2:12" ht="28.5">
      <c r="B18718" s="367"/>
      <c r="C18718" s="367"/>
      <c r="D18718" s="367"/>
      <c r="E18718" s="367"/>
      <c r="F18718" s="359" t="s">
        <v>29615</v>
      </c>
      <c r="G18718" s="359" t="s">
        <v>28895</v>
      </c>
      <c r="H18718" s="359" t="s">
        <v>14422</v>
      </c>
      <c r="I18718" s="359" t="s">
        <v>28895</v>
      </c>
      <c r="J18718" s="365"/>
      <c r="K18718" s="367"/>
      <c r="L18718" s="365"/>
    </row>
    <row r="18719" spans="2:12">
      <c r="B18719" s="367"/>
      <c r="C18719" s="367"/>
      <c r="D18719" s="367"/>
      <c r="E18719" s="367"/>
      <c r="F18719" s="360"/>
      <c r="G18719" s="360"/>
      <c r="H18719" s="360"/>
      <c r="I18719" s="360"/>
      <c r="J18719" s="365"/>
      <c r="K18719" s="367"/>
      <c r="L18719" s="365"/>
    </row>
    <row r="18720" spans="2:12">
      <c r="B18720" s="367"/>
      <c r="C18720" s="367"/>
      <c r="D18720" s="367"/>
      <c r="E18720" s="367"/>
      <c r="F18720" s="359" t="s">
        <v>14371</v>
      </c>
      <c r="G18720" s="359" t="s">
        <v>14372</v>
      </c>
      <c r="H18720" s="360"/>
      <c r="I18720" s="359" t="s">
        <v>14373</v>
      </c>
      <c r="J18720" s="365"/>
      <c r="K18720" s="367"/>
      <c r="L18720" s="365"/>
    </row>
    <row r="18721" spans="2:12">
      <c r="B18721" s="367"/>
      <c r="C18721" s="367"/>
      <c r="D18721" s="367"/>
      <c r="E18721" s="367"/>
      <c r="F18721" s="360"/>
      <c r="G18721" s="360"/>
      <c r="H18721" s="360"/>
      <c r="I18721" s="360"/>
      <c r="J18721" s="365"/>
      <c r="K18721" s="367"/>
      <c r="L18721" s="365"/>
    </row>
    <row r="18722" spans="2:12" ht="28.5">
      <c r="B18722" s="368"/>
      <c r="C18722" s="368"/>
      <c r="D18722" s="368"/>
      <c r="E18722" s="368"/>
      <c r="F18722" s="361" t="s">
        <v>14374</v>
      </c>
      <c r="G18722" s="361" t="s">
        <v>14373</v>
      </c>
      <c r="H18722" s="362"/>
      <c r="I18722" s="362"/>
      <c r="J18722" s="366"/>
      <c r="K18722" s="368"/>
      <c r="L18722" s="366"/>
    </row>
    <row r="18723" spans="2:12">
      <c r="B18723" s="358" t="s">
        <v>24063</v>
      </c>
      <c r="C18723" s="358" t="s">
        <v>29616</v>
      </c>
      <c r="D18723" s="358" t="s">
        <v>24064</v>
      </c>
      <c r="E18723" s="358" t="s">
        <v>24065</v>
      </c>
      <c r="F18723" s="358" t="s">
        <v>14420</v>
      </c>
      <c r="G18723" s="358" t="s">
        <v>14429</v>
      </c>
      <c r="H18723" s="358" t="s">
        <v>14367</v>
      </c>
      <c r="I18723" s="358" t="s">
        <v>14429</v>
      </c>
      <c r="J18723" s="358"/>
      <c r="K18723" s="358"/>
      <c r="L18723" s="358"/>
    </row>
    <row r="18724" spans="2:12">
      <c r="B18724" s="367"/>
      <c r="C18724" s="367"/>
      <c r="D18724" s="367"/>
      <c r="E18724" s="367"/>
      <c r="F18724" s="360"/>
      <c r="G18724" s="360"/>
      <c r="H18724" s="360"/>
      <c r="I18724" s="360"/>
      <c r="J18724" s="365"/>
      <c r="K18724" s="365"/>
      <c r="L18724" s="365"/>
    </row>
    <row r="18725" spans="2:12">
      <c r="B18725" s="367"/>
      <c r="C18725" s="367"/>
      <c r="D18725" s="367"/>
      <c r="E18725" s="367"/>
      <c r="F18725" s="359" t="s">
        <v>14371</v>
      </c>
      <c r="G18725" s="359" t="s">
        <v>14372</v>
      </c>
      <c r="H18725" s="359" t="s">
        <v>14370</v>
      </c>
      <c r="I18725" s="359" t="s">
        <v>14373</v>
      </c>
      <c r="J18725" s="365"/>
      <c r="K18725" s="365"/>
      <c r="L18725" s="365"/>
    </row>
    <row r="18726" spans="2:12">
      <c r="B18726" s="367"/>
      <c r="C18726" s="367"/>
      <c r="D18726" s="367"/>
      <c r="E18726" s="367"/>
      <c r="F18726" s="360"/>
      <c r="G18726" s="360"/>
      <c r="H18726" s="360"/>
      <c r="I18726" s="360"/>
      <c r="J18726" s="365"/>
      <c r="K18726" s="365"/>
      <c r="L18726" s="365"/>
    </row>
    <row r="18727" spans="2:12" ht="28.5">
      <c r="B18727" s="368"/>
      <c r="C18727" s="368"/>
      <c r="D18727" s="368"/>
      <c r="E18727" s="368"/>
      <c r="F18727" s="361" t="s">
        <v>14374</v>
      </c>
      <c r="G18727" s="361" t="s">
        <v>14373</v>
      </c>
      <c r="H18727" s="361" t="s">
        <v>14422</v>
      </c>
      <c r="I18727" s="362"/>
      <c r="J18727" s="366"/>
      <c r="K18727" s="366"/>
      <c r="L18727" s="366"/>
    </row>
    <row r="18728" spans="2:12" ht="28.5">
      <c r="B18728" s="358" t="s">
        <v>24066</v>
      </c>
      <c r="C18728" s="358" t="s">
        <v>30400</v>
      </c>
      <c r="D18728" s="358" t="s">
        <v>24067</v>
      </c>
      <c r="E18728" s="358" t="s">
        <v>24068</v>
      </c>
      <c r="F18728" s="358" t="s">
        <v>14386</v>
      </c>
      <c r="G18728" s="358" t="s">
        <v>14387</v>
      </c>
      <c r="H18728" s="358" t="s">
        <v>14367</v>
      </c>
      <c r="I18728" s="358" t="s">
        <v>14387</v>
      </c>
      <c r="J18728" s="358"/>
      <c r="K18728" s="358"/>
      <c r="L18728" s="358"/>
    </row>
    <row r="18729" spans="2:12">
      <c r="B18729" s="367"/>
      <c r="C18729" s="367"/>
      <c r="D18729" s="367"/>
      <c r="E18729" s="367"/>
      <c r="F18729" s="360"/>
      <c r="G18729" s="360"/>
      <c r="H18729" s="360"/>
      <c r="I18729" s="360"/>
      <c r="J18729" s="365"/>
      <c r="K18729" s="365"/>
      <c r="L18729" s="365"/>
    </row>
    <row r="18730" spans="2:12">
      <c r="B18730" s="367"/>
      <c r="C18730" s="367"/>
      <c r="D18730" s="367"/>
      <c r="E18730" s="367"/>
      <c r="F18730" s="359" t="s">
        <v>14389</v>
      </c>
      <c r="G18730" s="359" t="s">
        <v>14390</v>
      </c>
      <c r="H18730" s="359" t="s">
        <v>14370</v>
      </c>
      <c r="I18730" s="359" t="s">
        <v>14390</v>
      </c>
      <c r="J18730" s="365"/>
      <c r="K18730" s="365"/>
      <c r="L18730" s="365"/>
    </row>
    <row r="18731" spans="2:12">
      <c r="B18731" s="367"/>
      <c r="C18731" s="367"/>
      <c r="D18731" s="367"/>
      <c r="E18731" s="367"/>
      <c r="F18731" s="360"/>
      <c r="G18731" s="360"/>
      <c r="H18731" s="360"/>
      <c r="I18731" s="360"/>
      <c r="J18731" s="365"/>
      <c r="K18731" s="365"/>
      <c r="L18731" s="365"/>
    </row>
    <row r="18732" spans="2:12">
      <c r="B18732" s="367"/>
      <c r="C18732" s="367"/>
      <c r="D18732" s="367"/>
      <c r="E18732" s="367"/>
      <c r="F18732" s="359" t="s">
        <v>14371</v>
      </c>
      <c r="G18732" s="359" t="s">
        <v>14372</v>
      </c>
      <c r="H18732" s="359" t="s">
        <v>14422</v>
      </c>
      <c r="I18732" s="359" t="s">
        <v>14373</v>
      </c>
      <c r="J18732" s="365"/>
      <c r="K18732" s="365"/>
      <c r="L18732" s="365"/>
    </row>
    <row r="18733" spans="2:12">
      <c r="B18733" s="367"/>
      <c r="C18733" s="367"/>
      <c r="D18733" s="367"/>
      <c r="E18733" s="367"/>
      <c r="F18733" s="360"/>
      <c r="G18733" s="360"/>
      <c r="H18733" s="360"/>
      <c r="I18733" s="360"/>
      <c r="J18733" s="365"/>
      <c r="K18733" s="365"/>
      <c r="L18733" s="365"/>
    </row>
    <row r="18734" spans="2:12" ht="28.5">
      <c r="B18734" s="368"/>
      <c r="C18734" s="368"/>
      <c r="D18734" s="368"/>
      <c r="E18734" s="368"/>
      <c r="F18734" s="361" t="s">
        <v>14374</v>
      </c>
      <c r="G18734" s="361" t="s">
        <v>14373</v>
      </c>
      <c r="H18734" s="362"/>
      <c r="I18734" s="362"/>
      <c r="J18734" s="366"/>
      <c r="K18734" s="366"/>
      <c r="L18734" s="366"/>
    </row>
    <row r="18735" spans="2:12">
      <c r="B18735" s="358" t="s">
        <v>24069</v>
      </c>
      <c r="C18735" s="358" t="s">
        <v>29617</v>
      </c>
      <c r="D18735" s="358" t="s">
        <v>24070</v>
      </c>
      <c r="E18735" s="358" t="s">
        <v>1990</v>
      </c>
      <c r="F18735" s="358" t="s">
        <v>14371</v>
      </c>
      <c r="G18735" s="358" t="s">
        <v>14372</v>
      </c>
      <c r="H18735" s="358" t="s">
        <v>14370</v>
      </c>
      <c r="I18735" s="358" t="s">
        <v>14373</v>
      </c>
      <c r="J18735" s="358"/>
      <c r="K18735" s="358"/>
      <c r="L18735" s="358"/>
    </row>
    <row r="18736" spans="2:12">
      <c r="B18736" s="367"/>
      <c r="C18736" s="367"/>
      <c r="D18736" s="367"/>
      <c r="E18736" s="367"/>
      <c r="F18736" s="360"/>
      <c r="G18736" s="360"/>
      <c r="H18736" s="360"/>
      <c r="I18736" s="367"/>
      <c r="J18736" s="365"/>
      <c r="K18736" s="365"/>
      <c r="L18736" s="365"/>
    </row>
    <row r="18737" spans="2:12" ht="28.5">
      <c r="B18737" s="368"/>
      <c r="C18737" s="368"/>
      <c r="D18737" s="368"/>
      <c r="E18737" s="368"/>
      <c r="F18737" s="361" t="s">
        <v>14374</v>
      </c>
      <c r="G18737" s="361" t="s">
        <v>14373</v>
      </c>
      <c r="H18737" s="361" t="s">
        <v>14422</v>
      </c>
      <c r="I18737" s="368"/>
      <c r="J18737" s="366"/>
      <c r="K18737" s="366"/>
      <c r="L18737" s="366"/>
    </row>
    <row r="18738" spans="2:12" ht="28.5">
      <c r="B18738" s="358" t="s">
        <v>24071</v>
      </c>
      <c r="C18738" s="358" t="s">
        <v>29618</v>
      </c>
      <c r="D18738" s="358" t="s">
        <v>24072</v>
      </c>
      <c r="E18738" s="358" t="s">
        <v>24073</v>
      </c>
      <c r="F18738" s="358" t="s">
        <v>14420</v>
      </c>
      <c r="G18738" s="358" t="s">
        <v>14429</v>
      </c>
      <c r="H18738" s="358" t="s">
        <v>14370</v>
      </c>
      <c r="I18738" s="358" t="s">
        <v>14429</v>
      </c>
      <c r="J18738" s="358"/>
      <c r="K18738" s="358"/>
      <c r="L18738" s="358"/>
    </row>
    <row r="18739" spans="2:12">
      <c r="B18739" s="367"/>
      <c r="C18739" s="367"/>
      <c r="D18739" s="367"/>
      <c r="E18739" s="367"/>
      <c r="F18739" s="360"/>
      <c r="G18739" s="360"/>
      <c r="H18739" s="360"/>
      <c r="I18739" s="360"/>
      <c r="J18739" s="365"/>
      <c r="K18739" s="365"/>
      <c r="L18739" s="365"/>
    </row>
    <row r="18740" spans="2:12">
      <c r="B18740" s="367"/>
      <c r="C18740" s="367"/>
      <c r="D18740" s="367"/>
      <c r="E18740" s="367"/>
      <c r="F18740" s="359" t="s">
        <v>14371</v>
      </c>
      <c r="G18740" s="359" t="s">
        <v>14372</v>
      </c>
      <c r="H18740" s="359" t="s">
        <v>14422</v>
      </c>
      <c r="I18740" s="359" t="s">
        <v>14373</v>
      </c>
      <c r="J18740" s="365"/>
      <c r="K18740" s="365"/>
      <c r="L18740" s="365"/>
    </row>
    <row r="18741" spans="2:12">
      <c r="B18741" s="367"/>
      <c r="C18741" s="367"/>
      <c r="D18741" s="367"/>
      <c r="E18741" s="367"/>
      <c r="F18741" s="360"/>
      <c r="G18741" s="360"/>
      <c r="H18741" s="360"/>
      <c r="I18741" s="360"/>
      <c r="J18741" s="365"/>
      <c r="K18741" s="365"/>
      <c r="L18741" s="365"/>
    </row>
    <row r="18742" spans="2:12" ht="28.5">
      <c r="B18742" s="368"/>
      <c r="C18742" s="368"/>
      <c r="D18742" s="368"/>
      <c r="E18742" s="368"/>
      <c r="F18742" s="361" t="s">
        <v>14374</v>
      </c>
      <c r="G18742" s="361" t="s">
        <v>14373</v>
      </c>
      <c r="H18742" s="362"/>
      <c r="I18742" s="362"/>
      <c r="J18742" s="366"/>
      <c r="K18742" s="366"/>
      <c r="L18742" s="366"/>
    </row>
    <row r="18743" spans="2:12">
      <c r="B18743" s="354" t="s">
        <v>8397</v>
      </c>
      <c r="C18743" s="369"/>
      <c r="D18743" s="369"/>
      <c r="E18743" s="369"/>
      <c r="F18743" s="369"/>
      <c r="G18743" s="369"/>
      <c r="H18743" s="369"/>
      <c r="I18743" s="369"/>
      <c r="J18743" s="369"/>
      <c r="K18743" s="369"/>
      <c r="L18743" s="370"/>
    </row>
    <row r="18744" spans="2:12" ht="28.5">
      <c r="B18744" s="358" t="s">
        <v>24074</v>
      </c>
      <c r="C18744" s="358" t="s">
        <v>24075</v>
      </c>
      <c r="D18744" s="358" t="s">
        <v>24076</v>
      </c>
      <c r="E18744" s="358" t="s">
        <v>24077</v>
      </c>
      <c r="F18744" s="358" t="s">
        <v>14507</v>
      </c>
      <c r="G18744" s="358" t="s">
        <v>16971</v>
      </c>
      <c r="H18744" s="358" t="s">
        <v>14381</v>
      </c>
      <c r="I18744" s="358" t="s">
        <v>16971</v>
      </c>
      <c r="J18744" s="358" t="s">
        <v>14944</v>
      </c>
      <c r="K18744" s="358" t="s">
        <v>14863</v>
      </c>
      <c r="L18744" s="358"/>
    </row>
    <row r="18745" spans="2:12">
      <c r="B18745" s="367"/>
      <c r="C18745" s="367"/>
      <c r="D18745" s="367"/>
      <c r="E18745" s="367"/>
      <c r="F18745" s="360"/>
      <c r="G18745" s="360"/>
      <c r="H18745" s="360"/>
      <c r="I18745" s="360"/>
      <c r="J18745" s="367"/>
      <c r="K18745" s="360"/>
      <c r="L18745" s="365"/>
    </row>
    <row r="18746" spans="2:12">
      <c r="B18746" s="367"/>
      <c r="C18746" s="367"/>
      <c r="D18746" s="367"/>
      <c r="E18746" s="367"/>
      <c r="F18746" s="359" t="s">
        <v>16919</v>
      </c>
      <c r="G18746" s="359" t="s">
        <v>21974</v>
      </c>
      <c r="H18746" s="359" t="s">
        <v>14341</v>
      </c>
      <c r="I18746" s="359" t="s">
        <v>21974</v>
      </c>
      <c r="J18746" s="367"/>
      <c r="K18746" s="359" t="s">
        <v>14863</v>
      </c>
      <c r="L18746" s="365"/>
    </row>
    <row r="18747" spans="2:12">
      <c r="B18747" s="367"/>
      <c r="C18747" s="367"/>
      <c r="D18747" s="367"/>
      <c r="E18747" s="367"/>
      <c r="F18747" s="360"/>
      <c r="G18747" s="360"/>
      <c r="H18747" s="360"/>
      <c r="I18747" s="360"/>
      <c r="J18747" s="367"/>
      <c r="K18747" s="360"/>
      <c r="L18747" s="365"/>
    </row>
    <row r="18748" spans="2:12">
      <c r="B18748" s="367"/>
      <c r="C18748" s="367"/>
      <c r="D18748" s="367"/>
      <c r="E18748" s="367"/>
      <c r="F18748" s="359" t="s">
        <v>15892</v>
      </c>
      <c r="G18748" s="359" t="s">
        <v>14340</v>
      </c>
      <c r="H18748" s="359" t="s">
        <v>14367</v>
      </c>
      <c r="I18748" s="359" t="s">
        <v>14340</v>
      </c>
      <c r="J18748" s="367"/>
      <c r="K18748" s="360"/>
      <c r="L18748" s="365"/>
    </row>
    <row r="18749" spans="2:12">
      <c r="B18749" s="367"/>
      <c r="C18749" s="367"/>
      <c r="D18749" s="367"/>
      <c r="E18749" s="367"/>
      <c r="F18749" s="360"/>
      <c r="G18749" s="360"/>
      <c r="H18749" s="360"/>
      <c r="I18749" s="360"/>
      <c r="J18749" s="367"/>
      <c r="K18749" s="360"/>
      <c r="L18749" s="365"/>
    </row>
    <row r="18750" spans="2:12">
      <c r="B18750" s="367"/>
      <c r="C18750" s="367"/>
      <c r="D18750" s="367"/>
      <c r="E18750" s="367"/>
      <c r="F18750" s="359" t="s">
        <v>17088</v>
      </c>
      <c r="G18750" s="359" t="s">
        <v>14392</v>
      </c>
      <c r="H18750" s="359" t="s">
        <v>14370</v>
      </c>
      <c r="I18750" s="359" t="s">
        <v>14392</v>
      </c>
      <c r="J18750" s="367"/>
      <c r="K18750" s="360"/>
      <c r="L18750" s="365"/>
    </row>
    <row r="18751" spans="2:12">
      <c r="B18751" s="367"/>
      <c r="C18751" s="367"/>
      <c r="D18751" s="367"/>
      <c r="E18751" s="367"/>
      <c r="F18751" s="360"/>
      <c r="G18751" s="360"/>
      <c r="H18751" s="360"/>
      <c r="I18751" s="360"/>
      <c r="J18751" s="367"/>
      <c r="K18751" s="360"/>
      <c r="L18751" s="365"/>
    </row>
    <row r="18752" spans="2:12">
      <c r="B18752" s="367"/>
      <c r="C18752" s="367"/>
      <c r="D18752" s="367"/>
      <c r="E18752" s="367"/>
      <c r="F18752" s="359" t="s">
        <v>14371</v>
      </c>
      <c r="G18752" s="359" t="s">
        <v>14372</v>
      </c>
      <c r="H18752" s="359" t="s">
        <v>14332</v>
      </c>
      <c r="I18752" s="359" t="s">
        <v>14373</v>
      </c>
      <c r="J18752" s="367"/>
      <c r="K18752" s="360"/>
      <c r="L18752" s="365"/>
    </row>
    <row r="18753" spans="2:12">
      <c r="B18753" s="367"/>
      <c r="C18753" s="367"/>
      <c r="D18753" s="367"/>
      <c r="E18753" s="367"/>
      <c r="F18753" s="360"/>
      <c r="G18753" s="360"/>
      <c r="H18753" s="360"/>
      <c r="I18753" s="360"/>
      <c r="J18753" s="367"/>
      <c r="K18753" s="360"/>
      <c r="L18753" s="365"/>
    </row>
    <row r="18754" spans="2:12" ht="28.5">
      <c r="B18754" s="368"/>
      <c r="C18754" s="368"/>
      <c r="D18754" s="368"/>
      <c r="E18754" s="368"/>
      <c r="F18754" s="361" t="s">
        <v>14374</v>
      </c>
      <c r="G18754" s="361" t="s">
        <v>14373</v>
      </c>
      <c r="H18754" s="362"/>
      <c r="I18754" s="362"/>
      <c r="J18754" s="368"/>
      <c r="K18754" s="362"/>
      <c r="L18754" s="366"/>
    </row>
    <row r="18755" spans="2:12">
      <c r="B18755" s="354" t="s">
        <v>28528</v>
      </c>
      <c r="C18755" s="369"/>
      <c r="D18755" s="369"/>
      <c r="E18755" s="369"/>
      <c r="F18755" s="369"/>
      <c r="G18755" s="369"/>
      <c r="H18755" s="369"/>
      <c r="I18755" s="369"/>
      <c r="J18755" s="369"/>
      <c r="K18755" s="369"/>
      <c r="L18755" s="370"/>
    </row>
    <row r="18756" spans="2:12" ht="28.5">
      <c r="B18756" s="358" t="s">
        <v>24078</v>
      </c>
      <c r="C18756" s="358" t="s">
        <v>30401</v>
      </c>
      <c r="D18756" s="358" t="s">
        <v>24079</v>
      </c>
      <c r="E18756" s="358" t="s">
        <v>1864</v>
      </c>
      <c r="F18756" s="358" t="s">
        <v>14420</v>
      </c>
      <c r="G18756" s="358" t="s">
        <v>14459</v>
      </c>
      <c r="H18756" s="358" t="s">
        <v>14367</v>
      </c>
      <c r="I18756" s="358" t="s">
        <v>14459</v>
      </c>
      <c r="J18756" s="358"/>
      <c r="K18756" s="358" t="s">
        <v>19132</v>
      </c>
      <c r="L18756" s="358"/>
    </row>
    <row r="18757" spans="2:12">
      <c r="B18757" s="367"/>
      <c r="C18757" s="367"/>
      <c r="D18757" s="367"/>
      <c r="E18757" s="367"/>
      <c r="F18757" s="360"/>
      <c r="G18757" s="360"/>
      <c r="H18757" s="360"/>
      <c r="I18757" s="360"/>
      <c r="J18757" s="365"/>
      <c r="K18757" s="367"/>
      <c r="L18757" s="365"/>
    </row>
    <row r="18758" spans="2:12">
      <c r="B18758" s="367"/>
      <c r="C18758" s="367"/>
      <c r="D18758" s="367"/>
      <c r="E18758" s="367"/>
      <c r="F18758" s="359" t="s">
        <v>14420</v>
      </c>
      <c r="G18758" s="359" t="s">
        <v>14429</v>
      </c>
      <c r="H18758" s="359" t="s">
        <v>14370</v>
      </c>
      <c r="I18758" s="359" t="s">
        <v>14429</v>
      </c>
      <c r="J18758" s="365"/>
      <c r="K18758" s="367"/>
      <c r="L18758" s="365"/>
    </row>
    <row r="18759" spans="2:12">
      <c r="B18759" s="367"/>
      <c r="C18759" s="367"/>
      <c r="D18759" s="367"/>
      <c r="E18759" s="367"/>
      <c r="F18759" s="360"/>
      <c r="G18759" s="360"/>
      <c r="H18759" s="360"/>
      <c r="I18759" s="360"/>
      <c r="J18759" s="365"/>
      <c r="K18759" s="367"/>
      <c r="L18759" s="365"/>
    </row>
    <row r="18760" spans="2:12">
      <c r="B18760" s="367"/>
      <c r="C18760" s="367"/>
      <c r="D18760" s="367"/>
      <c r="E18760" s="367"/>
      <c r="F18760" s="359" t="s">
        <v>14391</v>
      </c>
      <c r="G18760" s="359" t="s">
        <v>14392</v>
      </c>
      <c r="H18760" s="359" t="s">
        <v>14422</v>
      </c>
      <c r="I18760" s="359" t="s">
        <v>14392</v>
      </c>
      <c r="J18760" s="365"/>
      <c r="K18760" s="367"/>
      <c r="L18760" s="365"/>
    </row>
    <row r="18761" spans="2:12">
      <c r="B18761" s="367"/>
      <c r="C18761" s="367"/>
      <c r="D18761" s="367"/>
      <c r="E18761" s="367"/>
      <c r="F18761" s="360"/>
      <c r="G18761" s="360"/>
      <c r="H18761" s="360"/>
      <c r="I18761" s="360"/>
      <c r="J18761" s="365"/>
      <c r="K18761" s="367"/>
      <c r="L18761" s="365"/>
    </row>
    <row r="18762" spans="2:12">
      <c r="B18762" s="367"/>
      <c r="C18762" s="367"/>
      <c r="D18762" s="367"/>
      <c r="E18762" s="367"/>
      <c r="F18762" s="359" t="s">
        <v>14371</v>
      </c>
      <c r="G18762" s="359" t="s">
        <v>14372</v>
      </c>
      <c r="H18762" s="360"/>
      <c r="I18762" s="359" t="s">
        <v>14373</v>
      </c>
      <c r="J18762" s="365"/>
      <c r="K18762" s="367"/>
      <c r="L18762" s="365"/>
    </row>
    <row r="18763" spans="2:12">
      <c r="B18763" s="367"/>
      <c r="C18763" s="367"/>
      <c r="D18763" s="367"/>
      <c r="E18763" s="367"/>
      <c r="F18763" s="360"/>
      <c r="G18763" s="360"/>
      <c r="H18763" s="360"/>
      <c r="I18763" s="360"/>
      <c r="J18763" s="365"/>
      <c r="K18763" s="367"/>
      <c r="L18763" s="365"/>
    </row>
    <row r="18764" spans="2:12" ht="28.5">
      <c r="B18764" s="368"/>
      <c r="C18764" s="368"/>
      <c r="D18764" s="368"/>
      <c r="E18764" s="368"/>
      <c r="F18764" s="361" t="s">
        <v>14374</v>
      </c>
      <c r="G18764" s="361" t="s">
        <v>14373</v>
      </c>
      <c r="H18764" s="362"/>
      <c r="I18764" s="362"/>
      <c r="J18764" s="366"/>
      <c r="K18764" s="368"/>
      <c r="L18764" s="366"/>
    </row>
    <row r="18765" spans="2:12" ht="28.5">
      <c r="B18765" s="358" t="s">
        <v>24080</v>
      </c>
      <c r="C18765" s="358" t="s">
        <v>30402</v>
      </c>
      <c r="D18765" s="358" t="s">
        <v>24081</v>
      </c>
      <c r="E18765" s="358" t="s">
        <v>24082</v>
      </c>
      <c r="F18765" s="358" t="s">
        <v>14386</v>
      </c>
      <c r="G18765" s="358" t="s">
        <v>14387</v>
      </c>
      <c r="H18765" s="358" t="s">
        <v>14367</v>
      </c>
      <c r="I18765" s="358" t="s">
        <v>14387</v>
      </c>
      <c r="J18765" s="358"/>
      <c r="K18765" s="358"/>
      <c r="L18765" s="358"/>
    </row>
    <row r="18766" spans="2:12">
      <c r="B18766" s="367"/>
      <c r="C18766" s="367"/>
      <c r="D18766" s="367"/>
      <c r="E18766" s="367"/>
      <c r="F18766" s="360"/>
      <c r="G18766" s="360"/>
      <c r="H18766" s="360"/>
      <c r="I18766" s="360"/>
      <c r="J18766" s="365"/>
      <c r="K18766" s="365"/>
      <c r="L18766" s="365"/>
    </row>
    <row r="18767" spans="2:12">
      <c r="B18767" s="367"/>
      <c r="C18767" s="367"/>
      <c r="D18767" s="367"/>
      <c r="E18767" s="367"/>
      <c r="F18767" s="359" t="s">
        <v>14371</v>
      </c>
      <c r="G18767" s="359" t="s">
        <v>14372</v>
      </c>
      <c r="H18767" s="359" t="s">
        <v>14370</v>
      </c>
      <c r="I18767" s="359" t="s">
        <v>14373</v>
      </c>
      <c r="J18767" s="365"/>
      <c r="K18767" s="365"/>
      <c r="L18767" s="365"/>
    </row>
    <row r="18768" spans="2:12">
      <c r="B18768" s="367"/>
      <c r="C18768" s="367"/>
      <c r="D18768" s="367"/>
      <c r="E18768" s="367"/>
      <c r="F18768" s="360"/>
      <c r="G18768" s="360"/>
      <c r="H18768" s="360"/>
      <c r="I18768" s="360"/>
      <c r="J18768" s="365"/>
      <c r="K18768" s="365"/>
      <c r="L18768" s="365"/>
    </row>
    <row r="18769" spans="2:12" ht="28.5">
      <c r="B18769" s="368"/>
      <c r="C18769" s="368"/>
      <c r="D18769" s="368"/>
      <c r="E18769" s="368"/>
      <c r="F18769" s="361" t="s">
        <v>14374</v>
      </c>
      <c r="G18769" s="361" t="s">
        <v>14373</v>
      </c>
      <c r="H18769" s="361" t="s">
        <v>14422</v>
      </c>
      <c r="I18769" s="362"/>
      <c r="J18769" s="366"/>
      <c r="K18769" s="366"/>
      <c r="L18769" s="366"/>
    </row>
    <row r="18770" spans="2:12" ht="28.5">
      <c r="B18770" s="358" t="s">
        <v>24083</v>
      </c>
      <c r="C18770" s="358" t="s">
        <v>29619</v>
      </c>
      <c r="D18770" s="358" t="s">
        <v>24084</v>
      </c>
      <c r="E18770" s="358" t="s">
        <v>24085</v>
      </c>
      <c r="F18770" s="358" t="s">
        <v>14420</v>
      </c>
      <c r="G18770" s="358" t="s">
        <v>14429</v>
      </c>
      <c r="H18770" s="358" t="s">
        <v>14367</v>
      </c>
      <c r="I18770" s="358" t="s">
        <v>14429</v>
      </c>
      <c r="J18770" s="358"/>
      <c r="K18770" s="358" t="s">
        <v>15298</v>
      </c>
      <c r="L18770" s="358"/>
    </row>
    <row r="18771" spans="2:12">
      <c r="B18771" s="367"/>
      <c r="C18771" s="367"/>
      <c r="D18771" s="367"/>
      <c r="E18771" s="367"/>
      <c r="F18771" s="360"/>
      <c r="G18771" s="360"/>
      <c r="H18771" s="360"/>
      <c r="I18771" s="360"/>
      <c r="J18771" s="365"/>
      <c r="K18771" s="367"/>
      <c r="L18771" s="365"/>
    </row>
    <row r="18772" spans="2:12">
      <c r="B18772" s="367"/>
      <c r="C18772" s="367"/>
      <c r="D18772" s="367"/>
      <c r="E18772" s="367"/>
      <c r="F18772" s="359" t="s">
        <v>14371</v>
      </c>
      <c r="G18772" s="359" t="s">
        <v>14372</v>
      </c>
      <c r="H18772" s="359" t="s">
        <v>14370</v>
      </c>
      <c r="I18772" s="359" t="s">
        <v>14373</v>
      </c>
      <c r="J18772" s="365"/>
      <c r="K18772" s="367"/>
      <c r="L18772" s="365"/>
    </row>
    <row r="18773" spans="2:12">
      <c r="B18773" s="367"/>
      <c r="C18773" s="367"/>
      <c r="D18773" s="367"/>
      <c r="E18773" s="367"/>
      <c r="F18773" s="360"/>
      <c r="G18773" s="360"/>
      <c r="H18773" s="360"/>
      <c r="I18773" s="360"/>
      <c r="J18773" s="365"/>
      <c r="K18773" s="367"/>
      <c r="L18773" s="365"/>
    </row>
    <row r="18774" spans="2:12" ht="28.5">
      <c r="B18774" s="368"/>
      <c r="C18774" s="368"/>
      <c r="D18774" s="368"/>
      <c r="E18774" s="368"/>
      <c r="F18774" s="361" t="s">
        <v>14374</v>
      </c>
      <c r="G18774" s="361" t="s">
        <v>14373</v>
      </c>
      <c r="H18774" s="361" t="s">
        <v>14422</v>
      </c>
      <c r="I18774" s="362"/>
      <c r="J18774" s="366"/>
      <c r="K18774" s="368"/>
      <c r="L18774" s="366"/>
    </row>
    <row r="18775" spans="2:12" ht="57">
      <c r="B18775" s="358" t="s">
        <v>24086</v>
      </c>
      <c r="C18775" s="358" t="s">
        <v>29620</v>
      </c>
      <c r="D18775" s="358" t="s">
        <v>24087</v>
      </c>
      <c r="E18775" s="358" t="s">
        <v>24088</v>
      </c>
      <c r="F18775" s="358" t="s">
        <v>14420</v>
      </c>
      <c r="G18775" s="358" t="s">
        <v>14421</v>
      </c>
      <c r="H18775" s="358" t="s">
        <v>14367</v>
      </c>
      <c r="I18775" s="358" t="s">
        <v>14421</v>
      </c>
      <c r="J18775" s="358"/>
      <c r="K18775" s="358"/>
      <c r="L18775" s="358"/>
    </row>
    <row r="18776" spans="2:12">
      <c r="B18776" s="367"/>
      <c r="C18776" s="367"/>
      <c r="D18776" s="367"/>
      <c r="E18776" s="367"/>
      <c r="F18776" s="360"/>
      <c r="G18776" s="360"/>
      <c r="H18776" s="360"/>
      <c r="I18776" s="360"/>
      <c r="J18776" s="365"/>
      <c r="K18776" s="365"/>
      <c r="L18776" s="365"/>
    </row>
    <row r="18777" spans="2:12">
      <c r="B18777" s="367"/>
      <c r="C18777" s="367"/>
      <c r="D18777" s="367"/>
      <c r="E18777" s="367"/>
      <c r="F18777" s="359" t="s">
        <v>14420</v>
      </c>
      <c r="G18777" s="359" t="s">
        <v>14429</v>
      </c>
      <c r="H18777" s="359" t="s">
        <v>14370</v>
      </c>
      <c r="I18777" s="359" t="s">
        <v>14429</v>
      </c>
      <c r="J18777" s="365"/>
      <c r="K18777" s="365"/>
      <c r="L18777" s="365"/>
    </row>
    <row r="18778" spans="2:12">
      <c r="B18778" s="367"/>
      <c r="C18778" s="367"/>
      <c r="D18778" s="367"/>
      <c r="E18778" s="367"/>
      <c r="F18778" s="360"/>
      <c r="G18778" s="360"/>
      <c r="H18778" s="360"/>
      <c r="I18778" s="360"/>
      <c r="J18778" s="365"/>
      <c r="K18778" s="365"/>
      <c r="L18778" s="365"/>
    </row>
    <row r="18779" spans="2:12">
      <c r="B18779" s="367"/>
      <c r="C18779" s="367"/>
      <c r="D18779" s="367"/>
      <c r="E18779" s="367"/>
      <c r="F18779" s="359" t="s">
        <v>14371</v>
      </c>
      <c r="G18779" s="359" t="s">
        <v>14372</v>
      </c>
      <c r="H18779" s="359" t="s">
        <v>14422</v>
      </c>
      <c r="I18779" s="359" t="s">
        <v>14373</v>
      </c>
      <c r="J18779" s="365"/>
      <c r="K18779" s="365"/>
      <c r="L18779" s="365"/>
    </row>
    <row r="18780" spans="2:12">
      <c r="B18780" s="367"/>
      <c r="C18780" s="367"/>
      <c r="D18780" s="367"/>
      <c r="E18780" s="367"/>
      <c r="F18780" s="360"/>
      <c r="G18780" s="360"/>
      <c r="H18780" s="360"/>
      <c r="I18780" s="360"/>
      <c r="J18780" s="365"/>
      <c r="K18780" s="365"/>
      <c r="L18780" s="365"/>
    </row>
    <row r="18781" spans="2:12" ht="28.5">
      <c r="B18781" s="368"/>
      <c r="C18781" s="368"/>
      <c r="D18781" s="368"/>
      <c r="E18781" s="368"/>
      <c r="F18781" s="361" t="s">
        <v>14374</v>
      </c>
      <c r="G18781" s="361" t="s">
        <v>14373</v>
      </c>
      <c r="H18781" s="362"/>
      <c r="I18781" s="362"/>
      <c r="J18781" s="366"/>
      <c r="K18781" s="366"/>
      <c r="L18781" s="366"/>
    </row>
    <row r="18782" spans="2:12">
      <c r="B18782" s="358" t="s">
        <v>24089</v>
      </c>
      <c r="C18782" s="358" t="s">
        <v>29621</v>
      </c>
      <c r="D18782" s="358" t="s">
        <v>8356</v>
      </c>
      <c r="E18782" s="358" t="s">
        <v>24090</v>
      </c>
      <c r="F18782" s="358" t="s">
        <v>14386</v>
      </c>
      <c r="G18782" s="358" t="s">
        <v>14387</v>
      </c>
      <c r="H18782" s="358" t="s">
        <v>14367</v>
      </c>
      <c r="I18782" s="358" t="s">
        <v>14387</v>
      </c>
      <c r="J18782" s="358"/>
      <c r="K18782" s="358"/>
      <c r="L18782" s="358"/>
    </row>
    <row r="18783" spans="2:12">
      <c r="B18783" s="367"/>
      <c r="C18783" s="367"/>
      <c r="D18783" s="367"/>
      <c r="E18783" s="367"/>
      <c r="F18783" s="360"/>
      <c r="G18783" s="360"/>
      <c r="H18783" s="360"/>
      <c r="I18783" s="360"/>
      <c r="J18783" s="365"/>
      <c r="K18783" s="365"/>
      <c r="L18783" s="365"/>
    </row>
    <row r="18784" spans="2:12">
      <c r="B18784" s="367"/>
      <c r="C18784" s="367"/>
      <c r="D18784" s="367"/>
      <c r="E18784" s="367"/>
      <c r="F18784" s="359" t="s">
        <v>14368</v>
      </c>
      <c r="G18784" s="359" t="s">
        <v>14388</v>
      </c>
      <c r="H18784" s="359" t="s">
        <v>14422</v>
      </c>
      <c r="I18784" s="359" t="s">
        <v>14388</v>
      </c>
      <c r="J18784" s="365"/>
      <c r="K18784" s="365"/>
      <c r="L18784" s="365"/>
    </row>
    <row r="18785" spans="2:12">
      <c r="B18785" s="367"/>
      <c r="C18785" s="367"/>
      <c r="D18785" s="367"/>
      <c r="E18785" s="367"/>
      <c r="F18785" s="360"/>
      <c r="G18785" s="360"/>
      <c r="H18785" s="360"/>
      <c r="I18785" s="360"/>
      <c r="J18785" s="365"/>
      <c r="K18785" s="365"/>
      <c r="L18785" s="365"/>
    </row>
    <row r="18786" spans="2:12">
      <c r="B18786" s="368"/>
      <c r="C18786" s="368"/>
      <c r="D18786" s="368"/>
      <c r="E18786" s="368"/>
      <c r="F18786" s="361" t="s">
        <v>14389</v>
      </c>
      <c r="G18786" s="361" t="s">
        <v>14390</v>
      </c>
      <c r="H18786" s="362"/>
      <c r="I18786" s="361" t="s">
        <v>14390</v>
      </c>
      <c r="J18786" s="366"/>
      <c r="K18786" s="366"/>
      <c r="L18786" s="366"/>
    </row>
    <row r="18787" spans="2:12" ht="28.5">
      <c r="B18787" s="358" t="s">
        <v>24091</v>
      </c>
      <c r="C18787" s="358" t="s">
        <v>29622</v>
      </c>
      <c r="D18787" s="358" t="s">
        <v>24092</v>
      </c>
      <c r="E18787" s="358" t="s">
        <v>24093</v>
      </c>
      <c r="F18787" s="358" t="s">
        <v>14420</v>
      </c>
      <c r="G18787" s="358" t="s">
        <v>14429</v>
      </c>
      <c r="H18787" s="358" t="s">
        <v>14367</v>
      </c>
      <c r="I18787" s="358" t="s">
        <v>14429</v>
      </c>
      <c r="J18787" s="358"/>
      <c r="K18787" s="358"/>
      <c r="L18787" s="358"/>
    </row>
    <row r="18788" spans="2:12">
      <c r="B18788" s="367"/>
      <c r="C18788" s="367"/>
      <c r="D18788" s="367"/>
      <c r="E18788" s="367"/>
      <c r="F18788" s="360"/>
      <c r="G18788" s="360"/>
      <c r="H18788" s="360"/>
      <c r="I18788" s="360"/>
      <c r="J18788" s="365"/>
      <c r="K18788" s="365"/>
      <c r="L18788" s="365"/>
    </row>
    <row r="18789" spans="2:12">
      <c r="B18789" s="367"/>
      <c r="C18789" s="367"/>
      <c r="D18789" s="367"/>
      <c r="E18789" s="367"/>
      <c r="F18789" s="359" t="s">
        <v>14386</v>
      </c>
      <c r="G18789" s="359" t="s">
        <v>14387</v>
      </c>
      <c r="H18789" s="359" t="s">
        <v>14370</v>
      </c>
      <c r="I18789" s="359" t="s">
        <v>14387</v>
      </c>
      <c r="J18789" s="365"/>
      <c r="K18789" s="365"/>
      <c r="L18789" s="365"/>
    </row>
    <row r="18790" spans="2:12">
      <c r="B18790" s="367"/>
      <c r="C18790" s="367"/>
      <c r="D18790" s="367"/>
      <c r="E18790" s="367"/>
      <c r="F18790" s="360"/>
      <c r="G18790" s="360"/>
      <c r="H18790" s="360"/>
      <c r="I18790" s="360"/>
      <c r="J18790" s="365"/>
      <c r="K18790" s="365"/>
      <c r="L18790" s="365"/>
    </row>
    <row r="18791" spans="2:12">
      <c r="B18791" s="367"/>
      <c r="C18791" s="367"/>
      <c r="D18791" s="367"/>
      <c r="E18791" s="367"/>
      <c r="F18791" s="359" t="s">
        <v>14371</v>
      </c>
      <c r="G18791" s="359" t="s">
        <v>14372</v>
      </c>
      <c r="H18791" s="359" t="s">
        <v>14422</v>
      </c>
      <c r="I18791" s="359" t="s">
        <v>14373</v>
      </c>
      <c r="J18791" s="365"/>
      <c r="K18791" s="365"/>
      <c r="L18791" s="365"/>
    </row>
    <row r="18792" spans="2:12">
      <c r="B18792" s="367"/>
      <c r="C18792" s="367"/>
      <c r="D18792" s="367"/>
      <c r="E18792" s="367"/>
      <c r="F18792" s="360"/>
      <c r="G18792" s="360"/>
      <c r="H18792" s="360"/>
      <c r="I18792" s="360"/>
      <c r="J18792" s="365"/>
      <c r="K18792" s="365"/>
      <c r="L18792" s="365"/>
    </row>
    <row r="18793" spans="2:12" ht="28.5">
      <c r="B18793" s="368"/>
      <c r="C18793" s="368"/>
      <c r="D18793" s="368"/>
      <c r="E18793" s="368"/>
      <c r="F18793" s="361" t="s">
        <v>14374</v>
      </c>
      <c r="G18793" s="361" t="s">
        <v>14373</v>
      </c>
      <c r="H18793" s="362"/>
      <c r="I18793" s="362"/>
      <c r="J18793" s="366"/>
      <c r="K18793" s="366"/>
      <c r="L18793" s="366"/>
    </row>
    <row r="18794" spans="2:12" ht="28.5">
      <c r="B18794" s="358" t="s">
        <v>24094</v>
      </c>
      <c r="C18794" s="358" t="s">
        <v>29623</v>
      </c>
      <c r="D18794" s="358" t="s">
        <v>8356</v>
      </c>
      <c r="E18794" s="358" t="s">
        <v>24095</v>
      </c>
      <c r="F18794" s="358" t="s">
        <v>14420</v>
      </c>
      <c r="G18794" s="358" t="s">
        <v>14429</v>
      </c>
      <c r="H18794" s="358" t="s">
        <v>14367</v>
      </c>
      <c r="I18794" s="358" t="s">
        <v>14429</v>
      </c>
      <c r="J18794" s="358"/>
      <c r="K18794" s="358"/>
      <c r="L18794" s="358"/>
    </row>
    <row r="18795" spans="2:12">
      <c r="B18795" s="367"/>
      <c r="C18795" s="367"/>
      <c r="D18795" s="367"/>
      <c r="E18795" s="367"/>
      <c r="F18795" s="367"/>
      <c r="G18795" s="367"/>
      <c r="H18795" s="360"/>
      <c r="I18795" s="367"/>
      <c r="J18795" s="365"/>
      <c r="K18795" s="365"/>
      <c r="L18795" s="365"/>
    </row>
    <row r="18796" spans="2:12">
      <c r="B18796" s="368"/>
      <c r="C18796" s="368"/>
      <c r="D18796" s="368"/>
      <c r="E18796" s="368"/>
      <c r="F18796" s="368"/>
      <c r="G18796" s="368"/>
      <c r="H18796" s="361" t="s">
        <v>14422</v>
      </c>
      <c r="I18796" s="368"/>
      <c r="J18796" s="366"/>
      <c r="K18796" s="366"/>
      <c r="L18796" s="366"/>
    </row>
    <row r="18797" spans="2:12" ht="28.5">
      <c r="B18797" s="358" t="s">
        <v>24096</v>
      </c>
      <c r="C18797" s="358" t="s">
        <v>29624</v>
      </c>
      <c r="D18797" s="358" t="s">
        <v>24097</v>
      </c>
      <c r="E18797" s="358" t="s">
        <v>24098</v>
      </c>
      <c r="F18797" s="358" t="s">
        <v>14420</v>
      </c>
      <c r="G18797" s="358" t="s">
        <v>14429</v>
      </c>
      <c r="H18797" s="358" t="s">
        <v>14367</v>
      </c>
      <c r="I18797" s="358" t="s">
        <v>14429</v>
      </c>
      <c r="J18797" s="358"/>
      <c r="K18797" s="358"/>
      <c r="L18797" s="358"/>
    </row>
    <row r="18798" spans="2:12">
      <c r="B18798" s="367"/>
      <c r="C18798" s="367"/>
      <c r="D18798" s="367"/>
      <c r="E18798" s="367"/>
      <c r="F18798" s="360"/>
      <c r="G18798" s="360"/>
      <c r="H18798" s="360"/>
      <c r="I18798" s="360"/>
      <c r="J18798" s="365"/>
      <c r="K18798" s="365"/>
      <c r="L18798" s="365"/>
    </row>
    <row r="18799" spans="2:12">
      <c r="B18799" s="367"/>
      <c r="C18799" s="367"/>
      <c r="D18799" s="367"/>
      <c r="E18799" s="367"/>
      <c r="F18799" s="359" t="s">
        <v>14371</v>
      </c>
      <c r="G18799" s="359" t="s">
        <v>14372</v>
      </c>
      <c r="H18799" s="359" t="s">
        <v>14370</v>
      </c>
      <c r="I18799" s="359" t="s">
        <v>14373</v>
      </c>
      <c r="J18799" s="365"/>
      <c r="K18799" s="365"/>
      <c r="L18799" s="365"/>
    </row>
    <row r="18800" spans="2:12">
      <c r="B18800" s="367"/>
      <c r="C18800" s="367"/>
      <c r="D18800" s="367"/>
      <c r="E18800" s="367"/>
      <c r="F18800" s="360"/>
      <c r="G18800" s="360"/>
      <c r="H18800" s="360"/>
      <c r="I18800" s="360"/>
      <c r="J18800" s="365"/>
      <c r="K18800" s="365"/>
      <c r="L18800" s="365"/>
    </row>
    <row r="18801" spans="2:12" ht="28.5">
      <c r="B18801" s="368"/>
      <c r="C18801" s="368"/>
      <c r="D18801" s="368"/>
      <c r="E18801" s="368"/>
      <c r="F18801" s="361" t="s">
        <v>14374</v>
      </c>
      <c r="G18801" s="361" t="s">
        <v>14373</v>
      </c>
      <c r="H18801" s="361" t="s">
        <v>14422</v>
      </c>
      <c r="I18801" s="362"/>
      <c r="J18801" s="366"/>
      <c r="K18801" s="366"/>
      <c r="L18801" s="366"/>
    </row>
    <row r="18802" spans="2:12" ht="28.5">
      <c r="B18802" s="358" t="s">
        <v>24099</v>
      </c>
      <c r="C18802" s="358" t="s">
        <v>30403</v>
      </c>
      <c r="D18802" s="358" t="s">
        <v>24100</v>
      </c>
      <c r="E18802" s="358" t="s">
        <v>24101</v>
      </c>
      <c r="F18802" s="358" t="s">
        <v>14420</v>
      </c>
      <c r="G18802" s="358" t="s">
        <v>14429</v>
      </c>
      <c r="H18802" s="358" t="s">
        <v>14367</v>
      </c>
      <c r="I18802" s="358" t="s">
        <v>14429</v>
      </c>
      <c r="J18802" s="358"/>
      <c r="K18802" s="358"/>
      <c r="L18802" s="358"/>
    </row>
    <row r="18803" spans="2:12">
      <c r="B18803" s="367"/>
      <c r="C18803" s="367"/>
      <c r="D18803" s="367"/>
      <c r="E18803" s="367"/>
      <c r="F18803" s="360"/>
      <c r="G18803" s="360"/>
      <c r="H18803" s="360"/>
      <c r="I18803" s="360"/>
      <c r="J18803" s="365"/>
      <c r="K18803" s="365"/>
      <c r="L18803" s="365"/>
    </row>
    <row r="18804" spans="2:12">
      <c r="B18804" s="367"/>
      <c r="C18804" s="367"/>
      <c r="D18804" s="367"/>
      <c r="E18804" s="367"/>
      <c r="F18804" s="359" t="s">
        <v>14371</v>
      </c>
      <c r="G18804" s="359" t="s">
        <v>14372</v>
      </c>
      <c r="H18804" s="359" t="s">
        <v>14370</v>
      </c>
      <c r="I18804" s="359" t="s">
        <v>14373</v>
      </c>
      <c r="J18804" s="365"/>
      <c r="K18804" s="365"/>
      <c r="L18804" s="365"/>
    </row>
    <row r="18805" spans="2:12">
      <c r="B18805" s="367"/>
      <c r="C18805" s="367"/>
      <c r="D18805" s="367"/>
      <c r="E18805" s="367"/>
      <c r="F18805" s="360"/>
      <c r="G18805" s="360"/>
      <c r="H18805" s="360"/>
      <c r="I18805" s="360"/>
      <c r="J18805" s="365"/>
      <c r="K18805" s="365"/>
      <c r="L18805" s="365"/>
    </row>
    <row r="18806" spans="2:12" ht="28.5">
      <c r="B18806" s="368"/>
      <c r="C18806" s="368"/>
      <c r="D18806" s="368"/>
      <c r="E18806" s="368"/>
      <c r="F18806" s="361" t="s">
        <v>14374</v>
      </c>
      <c r="G18806" s="361" t="s">
        <v>14373</v>
      </c>
      <c r="H18806" s="361" t="s">
        <v>14422</v>
      </c>
      <c r="I18806" s="362"/>
      <c r="J18806" s="366"/>
      <c r="K18806" s="366"/>
      <c r="L18806" s="366"/>
    </row>
    <row r="18807" spans="2:12" ht="28.5">
      <c r="B18807" s="358" t="s">
        <v>24102</v>
      </c>
      <c r="C18807" s="358" t="s">
        <v>29625</v>
      </c>
      <c r="D18807" s="358" t="s">
        <v>24103</v>
      </c>
      <c r="E18807" s="358" t="s">
        <v>24104</v>
      </c>
      <c r="F18807" s="358" t="s">
        <v>14443</v>
      </c>
      <c r="G18807" s="358" t="s">
        <v>14444</v>
      </c>
      <c r="H18807" s="358" t="s">
        <v>14381</v>
      </c>
      <c r="I18807" s="358" t="s">
        <v>14444</v>
      </c>
      <c r="J18807" s="358"/>
      <c r="K18807" s="358"/>
      <c r="L18807" s="358"/>
    </row>
    <row r="18808" spans="2:12">
      <c r="B18808" s="367"/>
      <c r="C18808" s="367"/>
      <c r="D18808" s="367"/>
      <c r="E18808" s="367"/>
      <c r="F18808" s="360"/>
      <c r="G18808" s="360"/>
      <c r="H18808" s="360"/>
      <c r="I18808" s="360"/>
      <c r="J18808" s="365"/>
      <c r="K18808" s="365"/>
      <c r="L18808" s="365"/>
    </row>
    <row r="18809" spans="2:12">
      <c r="B18809" s="367"/>
      <c r="C18809" s="367"/>
      <c r="D18809" s="367"/>
      <c r="E18809" s="367"/>
      <c r="F18809" s="359" t="s">
        <v>14371</v>
      </c>
      <c r="G18809" s="359" t="s">
        <v>14372</v>
      </c>
      <c r="H18809" s="359" t="s">
        <v>14370</v>
      </c>
      <c r="I18809" s="359" t="s">
        <v>14373</v>
      </c>
      <c r="J18809" s="365"/>
      <c r="K18809" s="365"/>
      <c r="L18809" s="365"/>
    </row>
    <row r="18810" spans="2:12">
      <c r="B18810" s="367"/>
      <c r="C18810" s="367"/>
      <c r="D18810" s="367"/>
      <c r="E18810" s="367"/>
      <c r="F18810" s="360"/>
      <c r="G18810" s="360"/>
      <c r="H18810" s="360"/>
      <c r="I18810" s="360"/>
      <c r="J18810" s="365"/>
      <c r="K18810" s="365"/>
      <c r="L18810" s="365"/>
    </row>
    <row r="18811" spans="2:12" ht="28.5">
      <c r="B18811" s="368"/>
      <c r="C18811" s="368"/>
      <c r="D18811" s="368"/>
      <c r="E18811" s="368"/>
      <c r="F18811" s="361" t="s">
        <v>14374</v>
      </c>
      <c r="G18811" s="361" t="s">
        <v>14373</v>
      </c>
      <c r="H18811" s="361" t="s">
        <v>14422</v>
      </c>
      <c r="I18811" s="362"/>
      <c r="J18811" s="366"/>
      <c r="K18811" s="366"/>
      <c r="L18811" s="366"/>
    </row>
    <row r="18812" spans="2:12" ht="28.5">
      <c r="B18812" s="358" t="s">
        <v>24105</v>
      </c>
      <c r="C18812" s="358" t="s">
        <v>29626</v>
      </c>
      <c r="D18812" s="358" t="s">
        <v>24106</v>
      </c>
      <c r="E18812" s="358" t="s">
        <v>24107</v>
      </c>
      <c r="F18812" s="358" t="s">
        <v>14460</v>
      </c>
      <c r="G18812" s="358" t="s">
        <v>28895</v>
      </c>
      <c r="H18812" s="358" t="s">
        <v>14381</v>
      </c>
      <c r="I18812" s="358" t="s">
        <v>28895</v>
      </c>
      <c r="J18812" s="358"/>
      <c r="K18812" s="358"/>
      <c r="L18812" s="358"/>
    </row>
    <row r="18813" spans="2:12">
      <c r="B18813" s="367"/>
      <c r="C18813" s="367"/>
      <c r="D18813" s="367"/>
      <c r="E18813" s="367"/>
      <c r="F18813" s="360"/>
      <c r="G18813" s="360"/>
      <c r="H18813" s="360"/>
      <c r="I18813" s="360"/>
      <c r="J18813" s="365"/>
      <c r="K18813" s="365"/>
      <c r="L18813" s="365"/>
    </row>
    <row r="18814" spans="2:12">
      <c r="B18814" s="367"/>
      <c r="C18814" s="367"/>
      <c r="D18814" s="367"/>
      <c r="E18814" s="367"/>
      <c r="F18814" s="359" t="s">
        <v>14391</v>
      </c>
      <c r="G18814" s="359" t="s">
        <v>14372</v>
      </c>
      <c r="H18814" s="359" t="s">
        <v>14370</v>
      </c>
      <c r="I18814" s="359" t="s">
        <v>14373</v>
      </c>
      <c r="J18814" s="365"/>
      <c r="K18814" s="365"/>
      <c r="L18814" s="365"/>
    </row>
    <row r="18815" spans="2:12">
      <c r="B18815" s="367"/>
      <c r="C18815" s="367"/>
      <c r="D18815" s="367"/>
      <c r="E18815" s="367"/>
      <c r="F18815" s="360"/>
      <c r="G18815" s="360"/>
      <c r="H18815" s="360"/>
      <c r="I18815" s="360"/>
      <c r="J18815" s="365"/>
      <c r="K18815" s="365"/>
      <c r="L18815" s="365"/>
    </row>
    <row r="18816" spans="2:12">
      <c r="B18816" s="367"/>
      <c r="C18816" s="367"/>
      <c r="D18816" s="367"/>
      <c r="E18816" s="367"/>
      <c r="F18816" s="359" t="s">
        <v>14371</v>
      </c>
      <c r="G18816" s="359" t="s">
        <v>14373</v>
      </c>
      <c r="H18816" s="359" t="s">
        <v>14422</v>
      </c>
      <c r="I18816" s="360"/>
      <c r="J18816" s="365"/>
      <c r="K18816" s="365"/>
      <c r="L18816" s="365"/>
    </row>
    <row r="18817" spans="2:12">
      <c r="B18817" s="367"/>
      <c r="C18817" s="367"/>
      <c r="D18817" s="367"/>
      <c r="E18817" s="367"/>
      <c r="F18817" s="360"/>
      <c r="G18817" s="360"/>
      <c r="H18817" s="360"/>
      <c r="I18817" s="360"/>
      <c r="J18817" s="365"/>
      <c r="K18817" s="365"/>
      <c r="L18817" s="365"/>
    </row>
    <row r="18818" spans="2:12" ht="28.5">
      <c r="B18818" s="368"/>
      <c r="C18818" s="368"/>
      <c r="D18818" s="368"/>
      <c r="E18818" s="368"/>
      <c r="F18818" s="361" t="s">
        <v>14374</v>
      </c>
      <c r="G18818" s="362"/>
      <c r="H18818" s="362"/>
      <c r="I18818" s="362"/>
      <c r="J18818" s="366"/>
      <c r="K18818" s="366"/>
      <c r="L18818" s="366"/>
    </row>
    <row r="18819" spans="2:12">
      <c r="B18819" s="358" t="s">
        <v>24108</v>
      </c>
      <c r="C18819" s="358" t="s">
        <v>24109</v>
      </c>
      <c r="D18819" s="358" t="s">
        <v>24110</v>
      </c>
      <c r="E18819" s="358" t="s">
        <v>24111</v>
      </c>
      <c r="F18819" s="358" t="s">
        <v>14420</v>
      </c>
      <c r="G18819" s="358" t="s">
        <v>14459</v>
      </c>
      <c r="H18819" s="358" t="s">
        <v>14367</v>
      </c>
      <c r="I18819" s="358" t="s">
        <v>14459</v>
      </c>
      <c r="J18819" s="358"/>
      <c r="K18819" s="358"/>
      <c r="L18819" s="358"/>
    </row>
    <row r="18820" spans="2:12">
      <c r="B18820" s="367"/>
      <c r="C18820" s="367"/>
      <c r="D18820" s="367"/>
      <c r="E18820" s="367"/>
      <c r="F18820" s="360"/>
      <c r="G18820" s="360"/>
      <c r="H18820" s="360"/>
      <c r="I18820" s="360"/>
      <c r="J18820" s="365"/>
      <c r="K18820" s="365"/>
      <c r="L18820" s="365"/>
    </row>
    <row r="18821" spans="2:12">
      <c r="B18821" s="367"/>
      <c r="C18821" s="367"/>
      <c r="D18821" s="367"/>
      <c r="E18821" s="367"/>
      <c r="F18821" s="359" t="s">
        <v>14420</v>
      </c>
      <c r="G18821" s="359" t="s">
        <v>14429</v>
      </c>
      <c r="H18821" s="359" t="s">
        <v>14422</v>
      </c>
      <c r="I18821" s="359" t="s">
        <v>14429</v>
      </c>
      <c r="J18821" s="365"/>
      <c r="K18821" s="365"/>
      <c r="L18821" s="365"/>
    </row>
    <row r="18822" spans="2:12">
      <c r="B18822" s="367"/>
      <c r="C18822" s="367"/>
      <c r="D18822" s="367"/>
      <c r="E18822" s="367"/>
      <c r="F18822" s="360"/>
      <c r="G18822" s="360"/>
      <c r="H18822" s="360"/>
      <c r="I18822" s="360"/>
      <c r="J18822" s="365"/>
      <c r="K18822" s="365"/>
      <c r="L18822" s="365"/>
    </row>
    <row r="18823" spans="2:12">
      <c r="B18823" s="367"/>
      <c r="C18823" s="367"/>
      <c r="D18823" s="367"/>
      <c r="E18823" s="367"/>
      <c r="F18823" s="359" t="s">
        <v>14386</v>
      </c>
      <c r="G18823" s="359" t="s">
        <v>14387</v>
      </c>
      <c r="H18823" s="360"/>
      <c r="I18823" s="359" t="s">
        <v>14387</v>
      </c>
      <c r="J18823" s="365"/>
      <c r="K18823" s="365"/>
      <c r="L18823" s="365"/>
    </row>
    <row r="18824" spans="2:12">
      <c r="B18824" s="367"/>
      <c r="C18824" s="367"/>
      <c r="D18824" s="367"/>
      <c r="E18824" s="367"/>
      <c r="F18824" s="360"/>
      <c r="G18824" s="360"/>
      <c r="H18824" s="360"/>
      <c r="I18824" s="360"/>
      <c r="J18824" s="365"/>
      <c r="K18824" s="365"/>
      <c r="L18824" s="365"/>
    </row>
    <row r="18825" spans="2:12">
      <c r="B18825" s="367"/>
      <c r="C18825" s="367"/>
      <c r="D18825" s="367"/>
      <c r="E18825" s="367"/>
      <c r="F18825" s="359" t="s">
        <v>14368</v>
      </c>
      <c r="G18825" s="359" t="s">
        <v>14388</v>
      </c>
      <c r="H18825" s="360"/>
      <c r="I18825" s="359" t="s">
        <v>14388</v>
      </c>
      <c r="J18825" s="365"/>
      <c r="K18825" s="365"/>
      <c r="L18825" s="365"/>
    </row>
    <row r="18826" spans="2:12">
      <c r="B18826" s="367"/>
      <c r="C18826" s="367"/>
      <c r="D18826" s="367"/>
      <c r="E18826" s="367"/>
      <c r="F18826" s="360"/>
      <c r="G18826" s="360"/>
      <c r="H18826" s="360"/>
      <c r="I18826" s="360"/>
      <c r="J18826" s="365"/>
      <c r="K18826" s="365"/>
      <c r="L18826" s="365"/>
    </row>
    <row r="18827" spans="2:12">
      <c r="B18827" s="368"/>
      <c r="C18827" s="368"/>
      <c r="D18827" s="368"/>
      <c r="E18827" s="368"/>
      <c r="F18827" s="361" t="s">
        <v>14389</v>
      </c>
      <c r="G18827" s="361" t="s">
        <v>14390</v>
      </c>
      <c r="H18827" s="362"/>
      <c r="I18827" s="361" t="s">
        <v>14390</v>
      </c>
      <c r="J18827" s="366"/>
      <c r="K18827" s="366"/>
      <c r="L18827" s="366"/>
    </row>
    <row r="18828" spans="2:12" ht="28.5">
      <c r="B18828" s="358" t="s">
        <v>24112</v>
      </c>
      <c r="C18828" s="358" t="s">
        <v>24113</v>
      </c>
      <c r="D18828" s="358" t="s">
        <v>8356</v>
      </c>
      <c r="E18828" s="358" t="s">
        <v>24114</v>
      </c>
      <c r="F18828" s="358" t="s">
        <v>14507</v>
      </c>
      <c r="G18828" s="358" t="s">
        <v>28907</v>
      </c>
      <c r="H18828" s="358" t="s">
        <v>14381</v>
      </c>
      <c r="I18828" s="358" t="s">
        <v>28907</v>
      </c>
      <c r="J18828" s="358"/>
      <c r="K18828" s="358"/>
      <c r="L18828" s="358"/>
    </row>
    <row r="18829" spans="2:12">
      <c r="B18829" s="367"/>
      <c r="C18829" s="367"/>
      <c r="D18829" s="367"/>
      <c r="E18829" s="367"/>
      <c r="F18829" s="360"/>
      <c r="G18829" s="360"/>
      <c r="H18829" s="360"/>
      <c r="I18829" s="360"/>
      <c r="J18829" s="365"/>
      <c r="K18829" s="365"/>
      <c r="L18829" s="365"/>
    </row>
    <row r="18830" spans="2:12">
      <c r="B18830" s="367"/>
      <c r="C18830" s="367"/>
      <c r="D18830" s="367"/>
      <c r="E18830" s="367"/>
      <c r="F18830" s="359" t="s">
        <v>14420</v>
      </c>
      <c r="G18830" s="359" t="s">
        <v>14473</v>
      </c>
      <c r="H18830" s="359" t="s">
        <v>14367</v>
      </c>
      <c r="I18830" s="359" t="s">
        <v>14473</v>
      </c>
      <c r="J18830" s="365"/>
      <c r="K18830" s="365"/>
      <c r="L18830" s="365"/>
    </row>
    <row r="18831" spans="2:12">
      <c r="B18831" s="367"/>
      <c r="C18831" s="367"/>
      <c r="D18831" s="367"/>
      <c r="E18831" s="367"/>
      <c r="F18831" s="360"/>
      <c r="G18831" s="360"/>
      <c r="H18831" s="360"/>
      <c r="I18831" s="360"/>
      <c r="J18831" s="365"/>
      <c r="K18831" s="365"/>
      <c r="L18831" s="365"/>
    </row>
    <row r="18832" spans="2:12" ht="28.5">
      <c r="B18832" s="368"/>
      <c r="C18832" s="368"/>
      <c r="D18832" s="368"/>
      <c r="E18832" s="368"/>
      <c r="F18832" s="361" t="s">
        <v>14472</v>
      </c>
      <c r="G18832" s="362"/>
      <c r="H18832" s="361" t="s">
        <v>14422</v>
      </c>
      <c r="I18832" s="362"/>
      <c r="J18832" s="366"/>
      <c r="K18832" s="366"/>
      <c r="L18832" s="366"/>
    </row>
    <row r="18833" spans="2:12">
      <c r="B18833" s="358" t="s">
        <v>24115</v>
      </c>
      <c r="C18833" s="358" t="s">
        <v>24116</v>
      </c>
      <c r="D18833" s="358" t="s">
        <v>24117</v>
      </c>
      <c r="E18833" s="358" t="s">
        <v>24118</v>
      </c>
      <c r="F18833" s="358" t="s">
        <v>14418</v>
      </c>
      <c r="G18833" s="358" t="s">
        <v>14419</v>
      </c>
      <c r="H18833" s="358" t="s">
        <v>14328</v>
      </c>
      <c r="I18833" s="358" t="s">
        <v>14419</v>
      </c>
      <c r="J18833" s="358"/>
      <c r="K18833" s="358"/>
      <c r="L18833" s="358"/>
    </row>
    <row r="18834" spans="2:12">
      <c r="B18834" s="367"/>
      <c r="C18834" s="367"/>
      <c r="D18834" s="367"/>
      <c r="E18834" s="367"/>
      <c r="F18834" s="360"/>
      <c r="G18834" s="360"/>
      <c r="H18834" s="360"/>
      <c r="I18834" s="360"/>
      <c r="J18834" s="365"/>
      <c r="K18834" s="365"/>
      <c r="L18834" s="365"/>
    </row>
    <row r="18835" spans="2:12">
      <c r="B18835" s="367"/>
      <c r="C18835" s="367"/>
      <c r="D18835" s="367"/>
      <c r="E18835" s="367"/>
      <c r="F18835" s="359" t="s">
        <v>14391</v>
      </c>
      <c r="G18835" s="359" t="s">
        <v>14392</v>
      </c>
      <c r="H18835" s="359" t="s">
        <v>14367</v>
      </c>
      <c r="I18835" s="359" t="s">
        <v>14392</v>
      </c>
      <c r="J18835" s="365"/>
      <c r="K18835" s="365"/>
      <c r="L18835" s="365"/>
    </row>
    <row r="18836" spans="2:12">
      <c r="B18836" s="367"/>
      <c r="C18836" s="367"/>
      <c r="D18836" s="367"/>
      <c r="E18836" s="367"/>
      <c r="F18836" s="360"/>
      <c r="G18836" s="360"/>
      <c r="H18836" s="360"/>
      <c r="I18836" s="360"/>
      <c r="J18836" s="365"/>
      <c r="K18836" s="365"/>
      <c r="L18836" s="365"/>
    </row>
    <row r="18837" spans="2:12" ht="28.5">
      <c r="B18837" s="368"/>
      <c r="C18837" s="368"/>
      <c r="D18837" s="368"/>
      <c r="E18837" s="368"/>
      <c r="F18837" s="361" t="s">
        <v>14472</v>
      </c>
      <c r="G18837" s="361" t="s">
        <v>14473</v>
      </c>
      <c r="H18837" s="361" t="s">
        <v>14422</v>
      </c>
      <c r="I18837" s="361" t="s">
        <v>14473</v>
      </c>
      <c r="J18837" s="366"/>
      <c r="K18837" s="366"/>
      <c r="L18837" s="366"/>
    </row>
    <row r="18838" spans="2:12" ht="28.5">
      <c r="B18838" s="358" t="s">
        <v>24119</v>
      </c>
      <c r="C18838" s="358" t="s">
        <v>30404</v>
      </c>
      <c r="D18838" s="358" t="s">
        <v>24120</v>
      </c>
      <c r="E18838" s="358" t="s">
        <v>24121</v>
      </c>
      <c r="F18838" s="358" t="s">
        <v>14356</v>
      </c>
      <c r="G18838" s="358" t="s">
        <v>14340</v>
      </c>
      <c r="H18838" s="358" t="s">
        <v>14341</v>
      </c>
      <c r="I18838" s="358" t="s">
        <v>14340</v>
      </c>
      <c r="J18838" s="358"/>
      <c r="K18838" s="358"/>
      <c r="L18838" s="358"/>
    </row>
    <row r="18839" spans="2:12">
      <c r="B18839" s="367"/>
      <c r="C18839" s="367"/>
      <c r="D18839" s="367"/>
      <c r="E18839" s="367"/>
      <c r="F18839" s="360"/>
      <c r="G18839" s="360"/>
      <c r="H18839" s="360"/>
      <c r="I18839" s="360"/>
      <c r="J18839" s="365"/>
      <c r="K18839" s="365"/>
      <c r="L18839" s="365"/>
    </row>
    <row r="18840" spans="2:12">
      <c r="B18840" s="367"/>
      <c r="C18840" s="367"/>
      <c r="D18840" s="367"/>
      <c r="E18840" s="367"/>
      <c r="F18840" s="359" t="s">
        <v>14391</v>
      </c>
      <c r="G18840" s="359" t="s">
        <v>14392</v>
      </c>
      <c r="H18840" s="359" t="s">
        <v>14367</v>
      </c>
      <c r="I18840" s="359" t="s">
        <v>14392</v>
      </c>
      <c r="J18840" s="365"/>
      <c r="K18840" s="365"/>
      <c r="L18840" s="365"/>
    </row>
    <row r="18841" spans="2:12">
      <c r="B18841" s="367"/>
      <c r="C18841" s="367"/>
      <c r="D18841" s="367"/>
      <c r="E18841" s="367"/>
      <c r="F18841" s="360"/>
      <c r="G18841" s="360"/>
      <c r="H18841" s="360"/>
      <c r="I18841" s="360"/>
      <c r="J18841" s="365"/>
      <c r="K18841" s="365"/>
      <c r="L18841" s="365"/>
    </row>
    <row r="18842" spans="2:12" ht="28.5">
      <c r="B18842" s="367"/>
      <c r="C18842" s="367"/>
      <c r="D18842" s="367"/>
      <c r="E18842" s="367"/>
      <c r="F18842" s="359" t="s">
        <v>14394</v>
      </c>
      <c r="G18842" s="359" t="s">
        <v>14395</v>
      </c>
      <c r="H18842" s="359" t="s">
        <v>14370</v>
      </c>
      <c r="I18842" s="359" t="s">
        <v>14395</v>
      </c>
      <c r="J18842" s="365"/>
      <c r="K18842" s="365"/>
      <c r="L18842" s="365"/>
    </row>
    <row r="18843" spans="2:12">
      <c r="B18843" s="367"/>
      <c r="C18843" s="367"/>
      <c r="D18843" s="367"/>
      <c r="E18843" s="367"/>
      <c r="F18843" s="360"/>
      <c r="G18843" s="360"/>
      <c r="H18843" s="360"/>
      <c r="I18843" s="360"/>
      <c r="J18843" s="365"/>
      <c r="K18843" s="365"/>
      <c r="L18843" s="365"/>
    </row>
    <row r="18844" spans="2:12">
      <c r="B18844" s="368"/>
      <c r="C18844" s="368"/>
      <c r="D18844" s="368"/>
      <c r="E18844" s="368"/>
      <c r="F18844" s="362"/>
      <c r="G18844" s="362"/>
      <c r="H18844" s="361" t="s">
        <v>14332</v>
      </c>
      <c r="I18844" s="362"/>
      <c r="J18844" s="366"/>
      <c r="K18844" s="366"/>
      <c r="L18844" s="366"/>
    </row>
    <row r="18845" spans="2:12" ht="28.5">
      <c r="B18845" s="358" t="s">
        <v>24122</v>
      </c>
      <c r="C18845" s="358" t="s">
        <v>30405</v>
      </c>
      <c r="D18845" s="358" t="s">
        <v>24123</v>
      </c>
      <c r="E18845" s="358" t="s">
        <v>24124</v>
      </c>
      <c r="F18845" s="358" t="s">
        <v>14460</v>
      </c>
      <c r="G18845" s="358" t="s">
        <v>28895</v>
      </c>
      <c r="H18845" s="358" t="s">
        <v>14381</v>
      </c>
      <c r="I18845" s="358" t="s">
        <v>28895</v>
      </c>
      <c r="J18845" s="358"/>
      <c r="K18845" s="358"/>
      <c r="L18845" s="358"/>
    </row>
    <row r="18846" spans="2:12">
      <c r="B18846" s="367"/>
      <c r="C18846" s="367"/>
      <c r="D18846" s="367"/>
      <c r="E18846" s="367"/>
      <c r="F18846" s="360"/>
      <c r="G18846" s="360"/>
      <c r="H18846" s="360"/>
      <c r="I18846" s="360"/>
      <c r="J18846" s="365"/>
      <c r="K18846" s="365"/>
      <c r="L18846" s="365"/>
    </row>
    <row r="18847" spans="2:12">
      <c r="B18847" s="367"/>
      <c r="C18847" s="367"/>
      <c r="D18847" s="367"/>
      <c r="E18847" s="367"/>
      <c r="F18847" s="359" t="s">
        <v>14391</v>
      </c>
      <c r="G18847" s="359" t="s">
        <v>14395</v>
      </c>
      <c r="H18847" s="359" t="s">
        <v>14370</v>
      </c>
      <c r="I18847" s="359" t="s">
        <v>14395</v>
      </c>
      <c r="J18847" s="365"/>
      <c r="K18847" s="365"/>
      <c r="L18847" s="365"/>
    </row>
    <row r="18848" spans="2:12">
      <c r="B18848" s="367"/>
      <c r="C18848" s="367"/>
      <c r="D18848" s="367"/>
      <c r="E18848" s="367"/>
      <c r="F18848" s="360"/>
      <c r="G18848" s="360"/>
      <c r="H18848" s="360"/>
      <c r="I18848" s="360"/>
      <c r="J18848" s="365"/>
      <c r="K18848" s="365"/>
      <c r="L18848" s="365"/>
    </row>
    <row r="18849" spans="2:12" ht="28.5">
      <c r="B18849" s="368"/>
      <c r="C18849" s="368"/>
      <c r="D18849" s="368"/>
      <c r="E18849" s="368"/>
      <c r="F18849" s="361" t="s">
        <v>14394</v>
      </c>
      <c r="G18849" s="362"/>
      <c r="H18849" s="361" t="s">
        <v>14422</v>
      </c>
      <c r="I18849" s="362"/>
      <c r="J18849" s="366"/>
      <c r="K18849" s="366"/>
      <c r="L18849" s="366"/>
    </row>
    <row r="18850" spans="2:12">
      <c r="B18850" s="358" t="s">
        <v>24125</v>
      </c>
      <c r="C18850" s="358" t="s">
        <v>29627</v>
      </c>
      <c r="D18850" s="358" t="s">
        <v>24126</v>
      </c>
      <c r="E18850" s="358" t="s">
        <v>24127</v>
      </c>
      <c r="F18850" s="358" t="s">
        <v>14382</v>
      </c>
      <c r="G18850" s="358" t="s">
        <v>14483</v>
      </c>
      <c r="H18850" s="358" t="s">
        <v>14378</v>
      </c>
      <c r="I18850" s="358" t="s">
        <v>14483</v>
      </c>
      <c r="J18850" s="358"/>
      <c r="K18850" s="358"/>
      <c r="L18850" s="358"/>
    </row>
    <row r="18851" spans="2:12">
      <c r="B18851" s="367"/>
      <c r="C18851" s="367"/>
      <c r="D18851" s="367"/>
      <c r="E18851" s="367"/>
      <c r="F18851" s="360"/>
      <c r="G18851" s="360"/>
      <c r="H18851" s="360"/>
      <c r="I18851" s="360"/>
      <c r="J18851" s="365"/>
      <c r="K18851" s="365"/>
      <c r="L18851" s="365"/>
    </row>
    <row r="18852" spans="2:12">
      <c r="B18852" s="367"/>
      <c r="C18852" s="367"/>
      <c r="D18852" s="367"/>
      <c r="E18852" s="367"/>
      <c r="F18852" s="359" t="s">
        <v>14382</v>
      </c>
      <c r="G18852" s="359" t="s">
        <v>14383</v>
      </c>
      <c r="H18852" s="359" t="s">
        <v>14341</v>
      </c>
      <c r="I18852" s="359" t="s">
        <v>14383</v>
      </c>
      <c r="J18852" s="365"/>
      <c r="K18852" s="365"/>
      <c r="L18852" s="365"/>
    </row>
    <row r="18853" spans="2:12">
      <c r="B18853" s="367"/>
      <c r="C18853" s="367"/>
      <c r="D18853" s="367"/>
      <c r="E18853" s="367"/>
      <c r="F18853" s="360"/>
      <c r="G18853" s="360"/>
      <c r="H18853" s="360"/>
      <c r="I18853" s="360"/>
      <c r="J18853" s="365"/>
      <c r="K18853" s="365"/>
      <c r="L18853" s="365"/>
    </row>
    <row r="18854" spans="2:12">
      <c r="B18854" s="367"/>
      <c r="C18854" s="367"/>
      <c r="D18854" s="367"/>
      <c r="E18854" s="367"/>
      <c r="F18854" s="359" t="s">
        <v>14430</v>
      </c>
      <c r="G18854" s="359" t="s">
        <v>14431</v>
      </c>
      <c r="H18854" s="359" t="s">
        <v>14332</v>
      </c>
      <c r="I18854" s="359" t="s">
        <v>14431</v>
      </c>
      <c r="J18854" s="365"/>
      <c r="K18854" s="365"/>
      <c r="L18854" s="365"/>
    </row>
    <row r="18855" spans="2:12">
      <c r="B18855" s="367"/>
      <c r="C18855" s="367"/>
      <c r="D18855" s="367"/>
      <c r="E18855" s="367"/>
      <c r="F18855" s="360"/>
      <c r="G18855" s="360"/>
      <c r="H18855" s="360"/>
      <c r="I18855" s="360"/>
      <c r="J18855" s="365"/>
      <c r="K18855" s="365"/>
      <c r="L18855" s="365"/>
    </row>
    <row r="18856" spans="2:12" ht="28.5">
      <c r="B18856" s="368"/>
      <c r="C18856" s="368"/>
      <c r="D18856" s="368"/>
      <c r="E18856" s="368"/>
      <c r="F18856" s="361" t="s">
        <v>14472</v>
      </c>
      <c r="G18856" s="361" t="s">
        <v>14473</v>
      </c>
      <c r="H18856" s="362"/>
      <c r="I18856" s="361" t="s">
        <v>14473</v>
      </c>
      <c r="J18856" s="366"/>
      <c r="K18856" s="366"/>
      <c r="L18856" s="366"/>
    </row>
    <row r="18857" spans="2:12">
      <c r="B18857" s="358" t="s">
        <v>24128</v>
      </c>
      <c r="C18857" s="358" t="s">
        <v>24129</v>
      </c>
      <c r="D18857" s="358" t="s">
        <v>24130</v>
      </c>
      <c r="E18857" s="358" t="s">
        <v>24131</v>
      </c>
      <c r="F18857" s="358" t="s">
        <v>24132</v>
      </c>
      <c r="G18857" s="358" t="s">
        <v>15024</v>
      </c>
      <c r="H18857" s="358" t="s">
        <v>14479</v>
      </c>
      <c r="I18857" s="358" t="s">
        <v>15024</v>
      </c>
      <c r="J18857" s="358"/>
      <c r="K18857" s="358"/>
      <c r="L18857" s="358"/>
    </row>
    <row r="18858" spans="2:12">
      <c r="B18858" s="367"/>
      <c r="C18858" s="367"/>
      <c r="D18858" s="367"/>
      <c r="E18858" s="367"/>
      <c r="F18858" s="360"/>
      <c r="G18858" s="360"/>
      <c r="H18858" s="360"/>
      <c r="I18858" s="360"/>
      <c r="J18858" s="365"/>
      <c r="K18858" s="365"/>
      <c r="L18858" s="365"/>
    </row>
    <row r="18859" spans="2:12">
      <c r="B18859" s="367"/>
      <c r="C18859" s="367"/>
      <c r="D18859" s="367"/>
      <c r="E18859" s="367"/>
      <c r="F18859" s="359" t="s">
        <v>14382</v>
      </c>
      <c r="G18859" s="359" t="s">
        <v>14483</v>
      </c>
      <c r="H18859" s="359" t="s">
        <v>14378</v>
      </c>
      <c r="I18859" s="359" t="s">
        <v>14483</v>
      </c>
      <c r="J18859" s="365"/>
      <c r="K18859" s="365"/>
      <c r="L18859" s="365"/>
    </row>
    <row r="18860" spans="2:12">
      <c r="B18860" s="367"/>
      <c r="C18860" s="367"/>
      <c r="D18860" s="367"/>
      <c r="E18860" s="367"/>
      <c r="F18860" s="360"/>
      <c r="G18860" s="360"/>
      <c r="H18860" s="360"/>
      <c r="I18860" s="360"/>
      <c r="J18860" s="365"/>
      <c r="K18860" s="365"/>
      <c r="L18860" s="365"/>
    </row>
    <row r="18861" spans="2:12">
      <c r="B18861" s="367"/>
      <c r="C18861" s="367"/>
      <c r="D18861" s="367"/>
      <c r="E18861" s="367"/>
      <c r="F18861" s="359" t="s">
        <v>14356</v>
      </c>
      <c r="G18861" s="359" t="s">
        <v>14340</v>
      </c>
      <c r="H18861" s="359" t="s">
        <v>14341</v>
      </c>
      <c r="I18861" s="359" t="s">
        <v>14340</v>
      </c>
      <c r="J18861" s="365"/>
      <c r="K18861" s="365"/>
      <c r="L18861" s="365"/>
    </row>
    <row r="18862" spans="2:12">
      <c r="B18862" s="367"/>
      <c r="C18862" s="367"/>
      <c r="D18862" s="367"/>
      <c r="E18862" s="367"/>
      <c r="F18862" s="360"/>
      <c r="G18862" s="360"/>
      <c r="H18862" s="360"/>
      <c r="I18862" s="360"/>
      <c r="J18862" s="365"/>
      <c r="K18862" s="365"/>
      <c r="L18862" s="365"/>
    </row>
    <row r="18863" spans="2:12">
      <c r="B18863" s="367"/>
      <c r="C18863" s="367"/>
      <c r="D18863" s="367"/>
      <c r="E18863" s="367"/>
      <c r="F18863" s="359" t="s">
        <v>14420</v>
      </c>
      <c r="G18863" s="359" t="s">
        <v>14429</v>
      </c>
      <c r="H18863" s="359" t="s">
        <v>14370</v>
      </c>
      <c r="I18863" s="359" t="s">
        <v>14429</v>
      </c>
      <c r="J18863" s="365"/>
      <c r="K18863" s="365"/>
      <c r="L18863" s="365"/>
    </row>
    <row r="18864" spans="2:12">
      <c r="B18864" s="367"/>
      <c r="C18864" s="367"/>
      <c r="D18864" s="367"/>
      <c r="E18864" s="367"/>
      <c r="F18864" s="360"/>
      <c r="G18864" s="360"/>
      <c r="H18864" s="360"/>
      <c r="I18864" s="360"/>
      <c r="J18864" s="365"/>
      <c r="K18864" s="365"/>
      <c r="L18864" s="365"/>
    </row>
    <row r="18865" spans="2:12">
      <c r="B18865" s="367"/>
      <c r="C18865" s="367"/>
      <c r="D18865" s="367"/>
      <c r="E18865" s="367"/>
      <c r="F18865" s="359" t="s">
        <v>14391</v>
      </c>
      <c r="G18865" s="359" t="s">
        <v>14392</v>
      </c>
      <c r="H18865" s="359" t="s">
        <v>14332</v>
      </c>
      <c r="I18865" s="359" t="s">
        <v>14392</v>
      </c>
      <c r="J18865" s="365"/>
      <c r="K18865" s="365"/>
      <c r="L18865" s="365"/>
    </row>
    <row r="18866" spans="2:12">
      <c r="B18866" s="367"/>
      <c r="C18866" s="367"/>
      <c r="D18866" s="367"/>
      <c r="E18866" s="367"/>
      <c r="F18866" s="360"/>
      <c r="G18866" s="360"/>
      <c r="H18866" s="360"/>
      <c r="I18866" s="360"/>
      <c r="J18866" s="365"/>
      <c r="K18866" s="365"/>
      <c r="L18866" s="365"/>
    </row>
    <row r="18867" spans="2:12">
      <c r="B18867" s="368"/>
      <c r="C18867" s="368"/>
      <c r="D18867" s="368"/>
      <c r="E18867" s="368"/>
      <c r="F18867" s="361" t="s">
        <v>14371</v>
      </c>
      <c r="G18867" s="361" t="s">
        <v>14372</v>
      </c>
      <c r="H18867" s="362"/>
      <c r="I18867" s="361" t="s">
        <v>14372</v>
      </c>
      <c r="J18867" s="366"/>
      <c r="K18867" s="366"/>
      <c r="L18867" s="366"/>
    </row>
    <row r="18868" spans="2:12">
      <c r="B18868" s="358" t="s">
        <v>24133</v>
      </c>
      <c r="C18868" s="358" t="s">
        <v>29628</v>
      </c>
      <c r="D18868" s="358" t="s">
        <v>24134</v>
      </c>
      <c r="E18868" s="358" t="s">
        <v>24135</v>
      </c>
      <c r="F18868" s="358" t="s">
        <v>14420</v>
      </c>
      <c r="G18868" s="358" t="s">
        <v>14429</v>
      </c>
      <c r="H18868" s="358" t="s">
        <v>14367</v>
      </c>
      <c r="I18868" s="358" t="s">
        <v>14429</v>
      </c>
      <c r="J18868" s="358"/>
      <c r="K18868" s="358"/>
      <c r="L18868" s="358"/>
    </row>
    <row r="18869" spans="2:12">
      <c r="B18869" s="367"/>
      <c r="C18869" s="367"/>
      <c r="D18869" s="367"/>
      <c r="E18869" s="367"/>
      <c r="F18869" s="360"/>
      <c r="G18869" s="360"/>
      <c r="H18869" s="360"/>
      <c r="I18869" s="360"/>
      <c r="J18869" s="365"/>
      <c r="K18869" s="365"/>
      <c r="L18869" s="365"/>
    </row>
    <row r="18870" spans="2:12" ht="28.5">
      <c r="B18870" s="368"/>
      <c r="C18870" s="368"/>
      <c r="D18870" s="368"/>
      <c r="E18870" s="368"/>
      <c r="F18870" s="361" t="s">
        <v>14472</v>
      </c>
      <c r="G18870" s="361" t="s">
        <v>14473</v>
      </c>
      <c r="H18870" s="361" t="s">
        <v>14422</v>
      </c>
      <c r="I18870" s="361" t="s">
        <v>14473</v>
      </c>
      <c r="J18870" s="366"/>
      <c r="K18870" s="366"/>
      <c r="L18870" s="366"/>
    </row>
    <row r="18871" spans="2:12" ht="28.5">
      <c r="B18871" s="358" t="s">
        <v>24136</v>
      </c>
      <c r="C18871" s="358" t="s">
        <v>29629</v>
      </c>
      <c r="D18871" s="358" t="s">
        <v>24137</v>
      </c>
      <c r="E18871" s="358" t="s">
        <v>8356</v>
      </c>
      <c r="F18871" s="358" t="s">
        <v>14420</v>
      </c>
      <c r="G18871" s="358" t="s">
        <v>14429</v>
      </c>
      <c r="H18871" s="358" t="s">
        <v>14367</v>
      </c>
      <c r="I18871" s="358" t="s">
        <v>14429</v>
      </c>
      <c r="J18871" s="358"/>
      <c r="K18871" s="358"/>
      <c r="L18871" s="358"/>
    </row>
    <row r="18872" spans="2:12">
      <c r="B18872" s="367"/>
      <c r="C18872" s="367"/>
      <c r="D18872" s="367"/>
      <c r="E18872" s="367"/>
      <c r="F18872" s="360"/>
      <c r="G18872" s="360"/>
      <c r="H18872" s="360"/>
      <c r="I18872" s="360"/>
      <c r="J18872" s="365"/>
      <c r="K18872" s="365"/>
      <c r="L18872" s="365"/>
    </row>
    <row r="18873" spans="2:12">
      <c r="B18873" s="367"/>
      <c r="C18873" s="367"/>
      <c r="D18873" s="367"/>
      <c r="E18873" s="367"/>
      <c r="F18873" s="359" t="s">
        <v>14386</v>
      </c>
      <c r="G18873" s="359" t="s">
        <v>14387</v>
      </c>
      <c r="H18873" s="359" t="s">
        <v>14370</v>
      </c>
      <c r="I18873" s="359" t="s">
        <v>14387</v>
      </c>
      <c r="J18873" s="365"/>
      <c r="K18873" s="365"/>
      <c r="L18873" s="365"/>
    </row>
    <row r="18874" spans="2:12">
      <c r="B18874" s="367"/>
      <c r="C18874" s="367"/>
      <c r="D18874" s="367"/>
      <c r="E18874" s="367"/>
      <c r="F18874" s="360"/>
      <c r="G18874" s="360"/>
      <c r="H18874" s="360"/>
      <c r="I18874" s="360"/>
      <c r="J18874" s="365"/>
      <c r="K18874" s="365"/>
      <c r="L18874" s="365"/>
    </row>
    <row r="18875" spans="2:12" ht="28.5">
      <c r="B18875" s="368"/>
      <c r="C18875" s="368"/>
      <c r="D18875" s="368"/>
      <c r="E18875" s="368"/>
      <c r="F18875" s="361" t="s">
        <v>14394</v>
      </c>
      <c r="G18875" s="361" t="s">
        <v>14395</v>
      </c>
      <c r="H18875" s="361" t="s">
        <v>14422</v>
      </c>
      <c r="I18875" s="361" t="s">
        <v>14395</v>
      </c>
      <c r="J18875" s="366"/>
      <c r="K18875" s="366"/>
      <c r="L18875" s="366"/>
    </row>
    <row r="18876" spans="2:12" ht="42.75">
      <c r="B18876" s="358" t="s">
        <v>24138</v>
      </c>
      <c r="C18876" s="358" t="s">
        <v>30406</v>
      </c>
      <c r="D18876" s="358" t="s">
        <v>24139</v>
      </c>
      <c r="E18876" s="358" t="s">
        <v>24140</v>
      </c>
      <c r="F18876" s="358" t="s">
        <v>14391</v>
      </c>
      <c r="G18876" s="358" t="s">
        <v>14392</v>
      </c>
      <c r="H18876" s="358" t="s">
        <v>14367</v>
      </c>
      <c r="I18876" s="358" t="s">
        <v>14392</v>
      </c>
      <c r="J18876" s="358"/>
      <c r="K18876" s="358"/>
      <c r="L18876" s="358"/>
    </row>
    <row r="18877" spans="2:12">
      <c r="B18877" s="367"/>
      <c r="C18877" s="367"/>
      <c r="D18877" s="367"/>
      <c r="E18877" s="367"/>
      <c r="F18877" s="360"/>
      <c r="G18877" s="360"/>
      <c r="H18877" s="360"/>
      <c r="I18877" s="360"/>
      <c r="J18877" s="365"/>
      <c r="K18877" s="365"/>
      <c r="L18877" s="365"/>
    </row>
    <row r="18878" spans="2:12" ht="28.5">
      <c r="B18878" s="367"/>
      <c r="C18878" s="367"/>
      <c r="D18878" s="367"/>
      <c r="E18878" s="367"/>
      <c r="F18878" s="359" t="s">
        <v>14394</v>
      </c>
      <c r="G18878" s="359" t="s">
        <v>14395</v>
      </c>
      <c r="H18878" s="359" t="s">
        <v>14370</v>
      </c>
      <c r="I18878" s="359" t="s">
        <v>14395</v>
      </c>
      <c r="J18878" s="365"/>
      <c r="K18878" s="365"/>
      <c r="L18878" s="365"/>
    </row>
    <row r="18879" spans="2:12">
      <c r="B18879" s="367"/>
      <c r="C18879" s="367"/>
      <c r="D18879" s="367"/>
      <c r="E18879" s="367"/>
      <c r="F18879" s="360"/>
      <c r="G18879" s="360"/>
      <c r="H18879" s="360"/>
      <c r="I18879" s="360"/>
      <c r="J18879" s="365"/>
      <c r="K18879" s="365"/>
      <c r="L18879" s="365"/>
    </row>
    <row r="18880" spans="2:12">
      <c r="B18880" s="368"/>
      <c r="C18880" s="368"/>
      <c r="D18880" s="368"/>
      <c r="E18880" s="368"/>
      <c r="F18880" s="362"/>
      <c r="G18880" s="362"/>
      <c r="H18880" s="361" t="s">
        <v>14422</v>
      </c>
      <c r="I18880" s="362"/>
      <c r="J18880" s="366"/>
      <c r="K18880" s="366"/>
      <c r="L18880" s="366"/>
    </row>
    <row r="18881" spans="2:12" ht="28.5">
      <c r="B18881" s="358" t="s">
        <v>24141</v>
      </c>
      <c r="C18881" s="358" t="s">
        <v>29630</v>
      </c>
      <c r="D18881" s="358" t="s">
        <v>24142</v>
      </c>
      <c r="E18881" s="358" t="s">
        <v>8356</v>
      </c>
      <c r="F18881" s="358" t="s">
        <v>14420</v>
      </c>
      <c r="G18881" s="358" t="s">
        <v>14421</v>
      </c>
      <c r="H18881" s="358" t="s">
        <v>14367</v>
      </c>
      <c r="I18881" s="358" t="s">
        <v>14421</v>
      </c>
      <c r="J18881" s="358"/>
      <c r="K18881" s="358"/>
      <c r="L18881" s="358"/>
    </row>
    <row r="18882" spans="2:12">
      <c r="B18882" s="367"/>
      <c r="C18882" s="367"/>
      <c r="D18882" s="367"/>
      <c r="E18882" s="367"/>
      <c r="F18882" s="360"/>
      <c r="G18882" s="360"/>
      <c r="H18882" s="360"/>
      <c r="I18882" s="360"/>
      <c r="J18882" s="365"/>
      <c r="K18882" s="365"/>
      <c r="L18882" s="365"/>
    </row>
    <row r="18883" spans="2:12">
      <c r="B18883" s="367"/>
      <c r="C18883" s="367"/>
      <c r="D18883" s="367"/>
      <c r="E18883" s="367"/>
      <c r="F18883" s="359" t="s">
        <v>14420</v>
      </c>
      <c r="G18883" s="359" t="s">
        <v>14429</v>
      </c>
      <c r="H18883" s="359" t="s">
        <v>14370</v>
      </c>
      <c r="I18883" s="359" t="s">
        <v>14429</v>
      </c>
      <c r="J18883" s="365"/>
      <c r="K18883" s="365"/>
      <c r="L18883" s="365"/>
    </row>
    <row r="18884" spans="2:12">
      <c r="B18884" s="367"/>
      <c r="C18884" s="367"/>
      <c r="D18884" s="367"/>
      <c r="E18884" s="367"/>
      <c r="F18884" s="360"/>
      <c r="G18884" s="360"/>
      <c r="H18884" s="360"/>
      <c r="I18884" s="360"/>
      <c r="J18884" s="365"/>
      <c r="K18884" s="365"/>
      <c r="L18884" s="365"/>
    </row>
    <row r="18885" spans="2:12">
      <c r="B18885" s="367"/>
      <c r="C18885" s="367"/>
      <c r="D18885" s="367"/>
      <c r="E18885" s="367"/>
      <c r="F18885" s="359" t="s">
        <v>14389</v>
      </c>
      <c r="G18885" s="359" t="s">
        <v>14390</v>
      </c>
      <c r="H18885" s="359" t="s">
        <v>14422</v>
      </c>
      <c r="I18885" s="359" t="s">
        <v>14390</v>
      </c>
      <c r="J18885" s="365"/>
      <c r="K18885" s="365"/>
      <c r="L18885" s="365"/>
    </row>
    <row r="18886" spans="2:12">
      <c r="B18886" s="367"/>
      <c r="C18886" s="367"/>
      <c r="D18886" s="367"/>
      <c r="E18886" s="367"/>
      <c r="F18886" s="360"/>
      <c r="G18886" s="360"/>
      <c r="H18886" s="360"/>
      <c r="I18886" s="360"/>
      <c r="J18886" s="365"/>
      <c r="K18886" s="365"/>
      <c r="L18886" s="365"/>
    </row>
    <row r="18887" spans="2:12">
      <c r="B18887" s="367"/>
      <c r="C18887" s="367"/>
      <c r="D18887" s="367"/>
      <c r="E18887" s="367"/>
      <c r="F18887" s="359" t="s">
        <v>14391</v>
      </c>
      <c r="G18887" s="359" t="s">
        <v>14392</v>
      </c>
      <c r="H18887" s="360"/>
      <c r="I18887" s="359" t="s">
        <v>14392</v>
      </c>
      <c r="J18887" s="365"/>
      <c r="K18887" s="365"/>
      <c r="L18887" s="365"/>
    </row>
    <row r="18888" spans="2:12">
      <c r="B18888" s="367"/>
      <c r="C18888" s="367"/>
      <c r="D18888" s="367"/>
      <c r="E18888" s="367"/>
      <c r="F18888" s="360"/>
      <c r="G18888" s="360"/>
      <c r="H18888" s="360"/>
      <c r="I18888" s="360"/>
      <c r="J18888" s="365"/>
      <c r="K18888" s="365"/>
      <c r="L18888" s="365"/>
    </row>
    <row r="18889" spans="2:12">
      <c r="B18889" s="367"/>
      <c r="C18889" s="367"/>
      <c r="D18889" s="367"/>
      <c r="E18889" s="367"/>
      <c r="F18889" s="359" t="s">
        <v>14371</v>
      </c>
      <c r="G18889" s="359" t="s">
        <v>14372</v>
      </c>
      <c r="H18889" s="360"/>
      <c r="I18889" s="359" t="s">
        <v>14373</v>
      </c>
      <c r="J18889" s="365"/>
      <c r="K18889" s="365"/>
      <c r="L18889" s="365"/>
    </row>
    <row r="18890" spans="2:12">
      <c r="B18890" s="367"/>
      <c r="C18890" s="367"/>
      <c r="D18890" s="367"/>
      <c r="E18890" s="367"/>
      <c r="F18890" s="360"/>
      <c r="G18890" s="360"/>
      <c r="H18890" s="360"/>
      <c r="I18890" s="360"/>
      <c r="J18890" s="365"/>
      <c r="K18890" s="365"/>
      <c r="L18890" s="365"/>
    </row>
    <row r="18891" spans="2:12" ht="28.5">
      <c r="B18891" s="368"/>
      <c r="C18891" s="368"/>
      <c r="D18891" s="368"/>
      <c r="E18891" s="368"/>
      <c r="F18891" s="361" t="s">
        <v>14374</v>
      </c>
      <c r="G18891" s="361" t="s">
        <v>14373</v>
      </c>
      <c r="H18891" s="362"/>
      <c r="I18891" s="362"/>
      <c r="J18891" s="366"/>
      <c r="K18891" s="366"/>
      <c r="L18891" s="366"/>
    </row>
    <row r="18892" spans="2:12" ht="28.5">
      <c r="B18892" s="358" t="s">
        <v>24143</v>
      </c>
      <c r="C18892" s="358" t="s">
        <v>30407</v>
      </c>
      <c r="D18892" s="358" t="s">
        <v>24144</v>
      </c>
      <c r="E18892" s="358" t="s">
        <v>24145</v>
      </c>
      <c r="F18892" s="358" t="s">
        <v>29631</v>
      </c>
      <c r="G18892" s="358" t="s">
        <v>14340</v>
      </c>
      <c r="H18892" s="358" t="s">
        <v>14341</v>
      </c>
      <c r="I18892" s="358" t="s">
        <v>14340</v>
      </c>
      <c r="J18892" s="358"/>
      <c r="K18892" s="358"/>
      <c r="L18892" s="358"/>
    </row>
    <row r="18893" spans="2:12">
      <c r="B18893" s="367"/>
      <c r="C18893" s="367"/>
      <c r="D18893" s="367"/>
      <c r="E18893" s="367"/>
      <c r="F18893" s="360"/>
      <c r="G18893" s="360"/>
      <c r="H18893" s="360"/>
      <c r="I18893" s="360"/>
      <c r="J18893" s="365"/>
      <c r="K18893" s="365"/>
      <c r="L18893" s="365"/>
    </row>
    <row r="18894" spans="2:12">
      <c r="B18894" s="367"/>
      <c r="C18894" s="367"/>
      <c r="D18894" s="367"/>
      <c r="E18894" s="367"/>
      <c r="F18894" s="359" t="s">
        <v>14371</v>
      </c>
      <c r="G18894" s="359" t="s">
        <v>14392</v>
      </c>
      <c r="H18894" s="359" t="s">
        <v>14367</v>
      </c>
      <c r="I18894" s="359" t="s">
        <v>14392</v>
      </c>
      <c r="J18894" s="365"/>
      <c r="K18894" s="365"/>
      <c r="L18894" s="365"/>
    </row>
    <row r="18895" spans="2:12">
      <c r="B18895" s="367"/>
      <c r="C18895" s="367"/>
      <c r="D18895" s="367"/>
      <c r="E18895" s="367"/>
      <c r="F18895" s="360"/>
      <c r="G18895" s="360"/>
      <c r="H18895" s="360"/>
      <c r="I18895" s="360"/>
      <c r="J18895" s="365"/>
      <c r="K18895" s="365"/>
      <c r="L18895" s="365"/>
    </row>
    <row r="18896" spans="2:12" ht="28.5">
      <c r="B18896" s="367"/>
      <c r="C18896" s="367"/>
      <c r="D18896" s="367"/>
      <c r="E18896" s="367"/>
      <c r="F18896" s="359" t="s">
        <v>14374</v>
      </c>
      <c r="G18896" s="359" t="s">
        <v>14372</v>
      </c>
      <c r="H18896" s="359" t="s">
        <v>14370</v>
      </c>
      <c r="I18896" s="359" t="s">
        <v>14373</v>
      </c>
      <c r="J18896" s="365"/>
      <c r="K18896" s="365"/>
      <c r="L18896" s="365"/>
    </row>
    <row r="18897" spans="2:12">
      <c r="B18897" s="367"/>
      <c r="C18897" s="367"/>
      <c r="D18897" s="367"/>
      <c r="E18897" s="367"/>
      <c r="F18897" s="360"/>
      <c r="G18897" s="360"/>
      <c r="H18897" s="360"/>
      <c r="I18897" s="360"/>
      <c r="J18897" s="365"/>
      <c r="K18897" s="365"/>
      <c r="L18897" s="365"/>
    </row>
    <row r="18898" spans="2:12">
      <c r="B18898" s="368"/>
      <c r="C18898" s="368"/>
      <c r="D18898" s="368"/>
      <c r="E18898" s="368"/>
      <c r="F18898" s="362"/>
      <c r="G18898" s="361" t="s">
        <v>14373</v>
      </c>
      <c r="H18898" s="361" t="s">
        <v>14332</v>
      </c>
      <c r="I18898" s="362"/>
      <c r="J18898" s="366"/>
      <c r="K18898" s="366"/>
      <c r="L18898" s="366"/>
    </row>
    <row r="18899" spans="2:12">
      <c r="B18899" s="358" t="s">
        <v>24146</v>
      </c>
      <c r="C18899" s="358" t="s">
        <v>24147</v>
      </c>
      <c r="D18899" s="358" t="s">
        <v>24148</v>
      </c>
      <c r="E18899" s="358" t="s">
        <v>24149</v>
      </c>
      <c r="F18899" s="358" t="s">
        <v>14420</v>
      </c>
      <c r="G18899" s="358" t="s">
        <v>14429</v>
      </c>
      <c r="H18899" s="358" t="s">
        <v>14367</v>
      </c>
      <c r="I18899" s="358" t="s">
        <v>14429</v>
      </c>
      <c r="J18899" s="358"/>
      <c r="K18899" s="358"/>
      <c r="L18899" s="358"/>
    </row>
    <row r="18900" spans="2:12">
      <c r="B18900" s="367"/>
      <c r="C18900" s="367"/>
      <c r="D18900" s="367"/>
      <c r="E18900" s="367"/>
      <c r="F18900" s="360"/>
      <c r="G18900" s="360"/>
      <c r="H18900" s="360"/>
      <c r="I18900" s="360"/>
      <c r="J18900" s="365"/>
      <c r="K18900" s="365"/>
      <c r="L18900" s="365"/>
    </row>
    <row r="18901" spans="2:12" ht="28.5">
      <c r="B18901" s="368"/>
      <c r="C18901" s="368"/>
      <c r="D18901" s="368"/>
      <c r="E18901" s="368"/>
      <c r="F18901" s="361" t="s">
        <v>14472</v>
      </c>
      <c r="G18901" s="361" t="s">
        <v>14473</v>
      </c>
      <c r="H18901" s="361" t="s">
        <v>14422</v>
      </c>
      <c r="I18901" s="361" t="s">
        <v>14473</v>
      </c>
      <c r="J18901" s="366"/>
      <c r="K18901" s="366"/>
      <c r="L18901" s="366"/>
    </row>
    <row r="18902" spans="2:12">
      <c r="B18902" s="358" t="s">
        <v>24150</v>
      </c>
      <c r="C18902" s="358" t="s">
        <v>24151</v>
      </c>
      <c r="D18902" s="358" t="s">
        <v>24152</v>
      </c>
      <c r="E18902" s="358" t="s">
        <v>8356</v>
      </c>
      <c r="F18902" s="358" t="s">
        <v>14420</v>
      </c>
      <c r="G18902" s="358" t="s">
        <v>14421</v>
      </c>
      <c r="H18902" s="358" t="s">
        <v>14367</v>
      </c>
      <c r="I18902" s="358" t="s">
        <v>14421</v>
      </c>
      <c r="J18902" s="358"/>
      <c r="K18902" s="358"/>
      <c r="L18902" s="358"/>
    </row>
    <row r="18903" spans="2:12">
      <c r="B18903" s="367"/>
      <c r="C18903" s="367"/>
      <c r="D18903" s="367"/>
      <c r="E18903" s="367"/>
      <c r="F18903" s="360"/>
      <c r="G18903" s="360"/>
      <c r="H18903" s="360"/>
      <c r="I18903" s="360"/>
      <c r="J18903" s="365"/>
      <c r="K18903" s="365"/>
      <c r="L18903" s="365"/>
    </row>
    <row r="18904" spans="2:12">
      <c r="B18904" s="367"/>
      <c r="C18904" s="367"/>
      <c r="D18904" s="367"/>
      <c r="E18904" s="367"/>
      <c r="F18904" s="359" t="s">
        <v>14420</v>
      </c>
      <c r="G18904" s="359" t="s">
        <v>14429</v>
      </c>
      <c r="H18904" s="359" t="s">
        <v>14422</v>
      </c>
      <c r="I18904" s="359" t="s">
        <v>14429</v>
      </c>
      <c r="J18904" s="365"/>
      <c r="K18904" s="365"/>
      <c r="L18904" s="365"/>
    </row>
    <row r="18905" spans="2:12">
      <c r="B18905" s="367"/>
      <c r="C18905" s="367"/>
      <c r="D18905" s="367"/>
      <c r="E18905" s="367"/>
      <c r="F18905" s="360"/>
      <c r="G18905" s="360"/>
      <c r="H18905" s="360"/>
      <c r="I18905" s="360"/>
      <c r="J18905" s="365"/>
      <c r="K18905" s="365"/>
      <c r="L18905" s="365"/>
    </row>
    <row r="18906" spans="2:12" ht="28.5">
      <c r="B18906" s="368"/>
      <c r="C18906" s="368"/>
      <c r="D18906" s="368"/>
      <c r="E18906" s="368"/>
      <c r="F18906" s="361" t="s">
        <v>14472</v>
      </c>
      <c r="G18906" s="361" t="s">
        <v>14473</v>
      </c>
      <c r="H18906" s="362"/>
      <c r="I18906" s="361" t="s">
        <v>14473</v>
      </c>
      <c r="J18906" s="366"/>
      <c r="K18906" s="366"/>
      <c r="L18906" s="366"/>
    </row>
    <row r="18907" spans="2:12" ht="42.75">
      <c r="B18907" s="358" t="s">
        <v>24153</v>
      </c>
      <c r="C18907" s="358" t="s">
        <v>29632</v>
      </c>
      <c r="D18907" s="358" t="s">
        <v>24154</v>
      </c>
      <c r="E18907" s="358" t="s">
        <v>8356</v>
      </c>
      <c r="F18907" s="358" t="s">
        <v>29633</v>
      </c>
      <c r="G18907" s="358" t="s">
        <v>14340</v>
      </c>
      <c r="H18907" s="358" t="s">
        <v>14381</v>
      </c>
      <c r="I18907" s="358" t="s">
        <v>14340</v>
      </c>
      <c r="J18907" s="358"/>
      <c r="K18907" s="358"/>
      <c r="L18907" s="358"/>
    </row>
    <row r="18908" spans="2:12">
      <c r="B18908" s="367"/>
      <c r="C18908" s="367"/>
      <c r="D18908" s="367"/>
      <c r="E18908" s="367"/>
      <c r="F18908" s="360"/>
      <c r="G18908" s="360"/>
      <c r="H18908" s="360"/>
      <c r="I18908" s="360"/>
      <c r="J18908" s="365"/>
      <c r="K18908" s="365"/>
      <c r="L18908" s="365"/>
    </row>
    <row r="18909" spans="2:12" ht="28.5">
      <c r="B18909" s="367"/>
      <c r="C18909" s="367"/>
      <c r="D18909" s="367"/>
      <c r="E18909" s="367"/>
      <c r="F18909" s="359" t="s">
        <v>14371</v>
      </c>
      <c r="G18909" s="359" t="s">
        <v>28895</v>
      </c>
      <c r="H18909" s="359" t="s">
        <v>14341</v>
      </c>
      <c r="I18909" s="359" t="s">
        <v>28895</v>
      </c>
      <c r="J18909" s="365"/>
      <c r="K18909" s="365"/>
      <c r="L18909" s="365"/>
    </row>
    <row r="18910" spans="2:12">
      <c r="B18910" s="367"/>
      <c r="C18910" s="367"/>
      <c r="D18910" s="367"/>
      <c r="E18910" s="367"/>
      <c r="F18910" s="360"/>
      <c r="G18910" s="360"/>
      <c r="H18910" s="360"/>
      <c r="I18910" s="360"/>
      <c r="J18910" s="365"/>
      <c r="K18910" s="365"/>
      <c r="L18910" s="365"/>
    </row>
    <row r="18911" spans="2:12" ht="28.5">
      <c r="B18911" s="367"/>
      <c r="C18911" s="367"/>
      <c r="D18911" s="367"/>
      <c r="E18911" s="367"/>
      <c r="F18911" s="359" t="s">
        <v>14374</v>
      </c>
      <c r="G18911" s="359" t="s">
        <v>14372</v>
      </c>
      <c r="H18911" s="359" t="s">
        <v>14367</v>
      </c>
      <c r="I18911" s="359" t="s">
        <v>14373</v>
      </c>
      <c r="J18911" s="365"/>
      <c r="K18911" s="365"/>
      <c r="L18911" s="365"/>
    </row>
    <row r="18912" spans="2:12">
      <c r="B18912" s="367"/>
      <c r="C18912" s="367"/>
      <c r="D18912" s="367"/>
      <c r="E18912" s="367"/>
      <c r="F18912" s="360"/>
      <c r="G18912" s="360"/>
      <c r="H18912" s="360"/>
      <c r="I18912" s="360"/>
      <c r="J18912" s="365"/>
      <c r="K18912" s="365"/>
      <c r="L18912" s="365"/>
    </row>
    <row r="18913" spans="2:12">
      <c r="B18913" s="367"/>
      <c r="C18913" s="367"/>
      <c r="D18913" s="367"/>
      <c r="E18913" s="367"/>
      <c r="F18913" s="360"/>
      <c r="G18913" s="359" t="s">
        <v>14373</v>
      </c>
      <c r="H18913" s="359" t="s">
        <v>14370</v>
      </c>
      <c r="I18913" s="360"/>
      <c r="J18913" s="365"/>
      <c r="K18913" s="365"/>
      <c r="L18913" s="365"/>
    </row>
    <row r="18914" spans="2:12">
      <c r="B18914" s="367"/>
      <c r="C18914" s="367"/>
      <c r="D18914" s="367"/>
      <c r="E18914" s="367"/>
      <c r="F18914" s="360"/>
      <c r="G18914" s="360"/>
      <c r="H18914" s="360"/>
      <c r="I18914" s="360"/>
      <c r="J18914" s="365"/>
      <c r="K18914" s="365"/>
      <c r="L18914" s="365"/>
    </row>
    <row r="18915" spans="2:12">
      <c r="B18915" s="368"/>
      <c r="C18915" s="368"/>
      <c r="D18915" s="368"/>
      <c r="E18915" s="368"/>
      <c r="F18915" s="362"/>
      <c r="G18915" s="362"/>
      <c r="H18915" s="361" t="s">
        <v>14332</v>
      </c>
      <c r="I18915" s="362"/>
      <c r="J18915" s="366"/>
      <c r="K18915" s="366"/>
      <c r="L18915" s="366"/>
    </row>
    <row r="18916" spans="2:12" ht="42.75">
      <c r="B18916" s="358" t="s">
        <v>24155</v>
      </c>
      <c r="C18916" s="358" t="s">
        <v>29634</v>
      </c>
      <c r="D18916" s="358" t="s">
        <v>24156</v>
      </c>
      <c r="E18916" s="358" t="s">
        <v>24157</v>
      </c>
      <c r="F18916" s="358" t="s">
        <v>14386</v>
      </c>
      <c r="G18916" s="358" t="s">
        <v>14387</v>
      </c>
      <c r="H18916" s="358" t="s">
        <v>14367</v>
      </c>
      <c r="I18916" s="358" t="s">
        <v>14387</v>
      </c>
      <c r="J18916" s="358"/>
      <c r="K18916" s="358"/>
      <c r="L18916" s="358"/>
    </row>
    <row r="18917" spans="2:12">
      <c r="B18917" s="367"/>
      <c r="C18917" s="367"/>
      <c r="D18917" s="367"/>
      <c r="E18917" s="367"/>
      <c r="F18917" s="360"/>
      <c r="G18917" s="360"/>
      <c r="H18917" s="360"/>
      <c r="I18917" s="360"/>
      <c r="J18917" s="365"/>
      <c r="K18917" s="365"/>
      <c r="L18917" s="365"/>
    </row>
    <row r="18918" spans="2:12">
      <c r="B18918" s="367"/>
      <c r="C18918" s="367"/>
      <c r="D18918" s="367"/>
      <c r="E18918" s="367"/>
      <c r="F18918" s="359" t="s">
        <v>14371</v>
      </c>
      <c r="G18918" s="359" t="s">
        <v>14372</v>
      </c>
      <c r="H18918" s="359" t="s">
        <v>14370</v>
      </c>
      <c r="I18918" s="359" t="s">
        <v>14373</v>
      </c>
      <c r="J18918" s="365"/>
      <c r="K18918" s="365"/>
      <c r="L18918" s="365"/>
    </row>
    <row r="18919" spans="2:12">
      <c r="B18919" s="367"/>
      <c r="C18919" s="367"/>
      <c r="D18919" s="367"/>
      <c r="E18919" s="367"/>
      <c r="F18919" s="360"/>
      <c r="G18919" s="360"/>
      <c r="H18919" s="360"/>
      <c r="I18919" s="360"/>
      <c r="J18919" s="365"/>
      <c r="K18919" s="365"/>
      <c r="L18919" s="365"/>
    </row>
    <row r="18920" spans="2:12" ht="28.5">
      <c r="B18920" s="368"/>
      <c r="C18920" s="368"/>
      <c r="D18920" s="368"/>
      <c r="E18920" s="368"/>
      <c r="F18920" s="361" t="s">
        <v>14374</v>
      </c>
      <c r="G18920" s="361" t="s">
        <v>14373</v>
      </c>
      <c r="H18920" s="361" t="s">
        <v>14422</v>
      </c>
      <c r="I18920" s="362"/>
      <c r="J18920" s="366"/>
      <c r="K18920" s="366"/>
      <c r="L18920" s="366"/>
    </row>
    <row r="18921" spans="2:12" ht="71.25">
      <c r="B18921" s="358" t="s">
        <v>24158</v>
      </c>
      <c r="C18921" s="358" t="s">
        <v>30408</v>
      </c>
      <c r="D18921" s="358" t="s">
        <v>24159</v>
      </c>
      <c r="E18921" s="358" t="s">
        <v>8356</v>
      </c>
      <c r="F18921" s="358" t="s">
        <v>14391</v>
      </c>
      <c r="G18921" s="358" t="s">
        <v>14392</v>
      </c>
      <c r="H18921" s="358" t="s">
        <v>14367</v>
      </c>
      <c r="I18921" s="358" t="s">
        <v>14392</v>
      </c>
      <c r="J18921" s="358"/>
      <c r="K18921" s="358"/>
      <c r="L18921" s="358"/>
    </row>
    <row r="18922" spans="2:12">
      <c r="B18922" s="367"/>
      <c r="C18922" s="367"/>
      <c r="D18922" s="367"/>
      <c r="E18922" s="367"/>
      <c r="F18922" s="360"/>
      <c r="G18922" s="360"/>
      <c r="H18922" s="360"/>
      <c r="I18922" s="360"/>
      <c r="J18922" s="365"/>
      <c r="K18922" s="365"/>
      <c r="L18922" s="365"/>
    </row>
    <row r="18923" spans="2:12">
      <c r="B18923" s="367"/>
      <c r="C18923" s="367"/>
      <c r="D18923" s="367"/>
      <c r="E18923" s="367"/>
      <c r="F18923" s="359" t="s">
        <v>14371</v>
      </c>
      <c r="G18923" s="359" t="s">
        <v>14372</v>
      </c>
      <c r="H18923" s="359" t="s">
        <v>14370</v>
      </c>
      <c r="I18923" s="359" t="s">
        <v>14373</v>
      </c>
      <c r="J18923" s="365"/>
      <c r="K18923" s="365"/>
      <c r="L18923" s="365"/>
    </row>
    <row r="18924" spans="2:12">
      <c r="B18924" s="367"/>
      <c r="C18924" s="367"/>
      <c r="D18924" s="367"/>
      <c r="E18924" s="367"/>
      <c r="F18924" s="360"/>
      <c r="G18924" s="360"/>
      <c r="H18924" s="360"/>
      <c r="I18924" s="360"/>
      <c r="J18924" s="365"/>
      <c r="K18924" s="365"/>
      <c r="L18924" s="365"/>
    </row>
    <row r="18925" spans="2:12" ht="28.5">
      <c r="B18925" s="368"/>
      <c r="C18925" s="368"/>
      <c r="D18925" s="368"/>
      <c r="E18925" s="368"/>
      <c r="F18925" s="361" t="s">
        <v>14374</v>
      </c>
      <c r="G18925" s="361" t="s">
        <v>14373</v>
      </c>
      <c r="H18925" s="361" t="s">
        <v>14422</v>
      </c>
      <c r="I18925" s="362"/>
      <c r="J18925" s="366"/>
      <c r="K18925" s="366"/>
      <c r="L18925" s="366"/>
    </row>
    <row r="18926" spans="2:12">
      <c r="B18926" s="358" t="s">
        <v>24160</v>
      </c>
      <c r="C18926" s="358" t="s">
        <v>24161</v>
      </c>
      <c r="D18926" s="358" t="s">
        <v>24162</v>
      </c>
      <c r="E18926" s="358" t="s">
        <v>24163</v>
      </c>
      <c r="F18926" s="358" t="s">
        <v>14420</v>
      </c>
      <c r="G18926" s="358" t="s">
        <v>14429</v>
      </c>
      <c r="H18926" s="358" t="s">
        <v>14367</v>
      </c>
      <c r="I18926" s="358" t="s">
        <v>14429</v>
      </c>
      <c r="J18926" s="358"/>
      <c r="K18926" s="358"/>
      <c r="L18926" s="358"/>
    </row>
    <row r="18927" spans="2:12">
      <c r="B18927" s="367"/>
      <c r="C18927" s="367"/>
      <c r="D18927" s="367"/>
      <c r="E18927" s="367"/>
      <c r="F18927" s="367"/>
      <c r="G18927" s="367"/>
      <c r="H18927" s="360"/>
      <c r="I18927" s="367"/>
      <c r="J18927" s="365"/>
      <c r="K18927" s="365"/>
      <c r="L18927" s="365"/>
    </row>
    <row r="18928" spans="2:12">
      <c r="B18928" s="368"/>
      <c r="C18928" s="368"/>
      <c r="D18928" s="368"/>
      <c r="E18928" s="368"/>
      <c r="F18928" s="368"/>
      <c r="G18928" s="368"/>
      <c r="H18928" s="361" t="s">
        <v>14422</v>
      </c>
      <c r="I18928" s="368"/>
      <c r="J18928" s="366"/>
      <c r="K18928" s="366"/>
      <c r="L18928" s="366"/>
    </row>
    <row r="18929" spans="2:12">
      <c r="B18929" s="358" t="s">
        <v>24164</v>
      </c>
      <c r="C18929" s="358" t="s">
        <v>24165</v>
      </c>
      <c r="D18929" s="358" t="s">
        <v>24166</v>
      </c>
      <c r="E18929" s="358" t="s">
        <v>24167</v>
      </c>
      <c r="F18929" s="358" t="s">
        <v>14505</v>
      </c>
      <c r="G18929" s="358" t="s">
        <v>14506</v>
      </c>
      <c r="H18929" s="358" t="s">
        <v>14328</v>
      </c>
      <c r="I18929" s="358" t="s">
        <v>14506</v>
      </c>
      <c r="J18929" s="358"/>
      <c r="K18929" s="358"/>
      <c r="L18929" s="358"/>
    </row>
    <row r="18930" spans="2:12">
      <c r="B18930" s="367"/>
      <c r="C18930" s="367"/>
      <c r="D18930" s="367"/>
      <c r="E18930" s="367"/>
      <c r="F18930" s="360"/>
      <c r="G18930" s="360"/>
      <c r="H18930" s="360"/>
      <c r="I18930" s="360"/>
      <c r="J18930" s="365"/>
      <c r="K18930" s="365"/>
      <c r="L18930" s="365"/>
    </row>
    <row r="18931" spans="2:12">
      <c r="B18931" s="367"/>
      <c r="C18931" s="367"/>
      <c r="D18931" s="367"/>
      <c r="E18931" s="367"/>
      <c r="F18931" s="359" t="s">
        <v>14420</v>
      </c>
      <c r="G18931" s="359" t="s">
        <v>14459</v>
      </c>
      <c r="H18931" s="359" t="s">
        <v>14367</v>
      </c>
      <c r="I18931" s="359" t="s">
        <v>14459</v>
      </c>
      <c r="J18931" s="365"/>
      <c r="K18931" s="365"/>
      <c r="L18931" s="365"/>
    </row>
    <row r="18932" spans="2:12">
      <c r="B18932" s="367"/>
      <c r="C18932" s="367"/>
      <c r="D18932" s="367"/>
      <c r="E18932" s="367"/>
      <c r="F18932" s="360"/>
      <c r="G18932" s="360"/>
      <c r="H18932" s="360"/>
      <c r="I18932" s="360"/>
      <c r="J18932" s="365"/>
      <c r="K18932" s="365"/>
      <c r="L18932" s="365"/>
    </row>
    <row r="18933" spans="2:12">
      <c r="B18933" s="367"/>
      <c r="C18933" s="367"/>
      <c r="D18933" s="367"/>
      <c r="E18933" s="367"/>
      <c r="F18933" s="359" t="s">
        <v>14420</v>
      </c>
      <c r="G18933" s="359" t="s">
        <v>14421</v>
      </c>
      <c r="H18933" s="359" t="s">
        <v>14332</v>
      </c>
      <c r="I18933" s="359" t="s">
        <v>14421</v>
      </c>
      <c r="J18933" s="365"/>
      <c r="K18933" s="365"/>
      <c r="L18933" s="365"/>
    </row>
    <row r="18934" spans="2:12">
      <c r="B18934" s="367"/>
      <c r="C18934" s="367"/>
      <c r="D18934" s="367"/>
      <c r="E18934" s="367"/>
      <c r="F18934" s="360"/>
      <c r="G18934" s="360"/>
      <c r="H18934" s="360"/>
      <c r="I18934" s="360"/>
      <c r="J18934" s="365"/>
      <c r="K18934" s="365"/>
      <c r="L18934" s="365"/>
    </row>
    <row r="18935" spans="2:12">
      <c r="B18935" s="367"/>
      <c r="C18935" s="367"/>
      <c r="D18935" s="367"/>
      <c r="E18935" s="367"/>
      <c r="F18935" s="359" t="s">
        <v>14420</v>
      </c>
      <c r="G18935" s="359" t="s">
        <v>14429</v>
      </c>
      <c r="H18935" s="360"/>
      <c r="I18935" s="359" t="s">
        <v>14429</v>
      </c>
      <c r="J18935" s="365"/>
      <c r="K18935" s="365"/>
      <c r="L18935" s="365"/>
    </row>
    <row r="18936" spans="2:12">
      <c r="B18936" s="367"/>
      <c r="C18936" s="367"/>
      <c r="D18936" s="367"/>
      <c r="E18936" s="367"/>
      <c r="F18936" s="360"/>
      <c r="G18936" s="360"/>
      <c r="H18936" s="360"/>
      <c r="I18936" s="360"/>
      <c r="J18936" s="365"/>
      <c r="K18936" s="365"/>
      <c r="L18936" s="365"/>
    </row>
    <row r="18937" spans="2:12">
      <c r="B18937" s="367"/>
      <c r="C18937" s="367"/>
      <c r="D18937" s="367"/>
      <c r="E18937" s="367"/>
      <c r="F18937" s="359" t="s">
        <v>14386</v>
      </c>
      <c r="G18937" s="359" t="s">
        <v>14387</v>
      </c>
      <c r="H18937" s="360"/>
      <c r="I18937" s="359" t="s">
        <v>14387</v>
      </c>
      <c r="J18937" s="365"/>
      <c r="K18937" s="365"/>
      <c r="L18937" s="365"/>
    </row>
    <row r="18938" spans="2:12">
      <c r="B18938" s="367"/>
      <c r="C18938" s="367"/>
      <c r="D18938" s="367"/>
      <c r="E18938" s="367"/>
      <c r="F18938" s="360"/>
      <c r="G18938" s="360"/>
      <c r="H18938" s="360"/>
      <c r="I18938" s="360"/>
      <c r="J18938" s="365"/>
      <c r="K18938" s="365"/>
      <c r="L18938" s="365"/>
    </row>
    <row r="18939" spans="2:12">
      <c r="B18939" s="367"/>
      <c r="C18939" s="367"/>
      <c r="D18939" s="367"/>
      <c r="E18939" s="367"/>
      <c r="F18939" s="359" t="s">
        <v>14389</v>
      </c>
      <c r="G18939" s="359" t="s">
        <v>14390</v>
      </c>
      <c r="H18939" s="360"/>
      <c r="I18939" s="359" t="s">
        <v>14390</v>
      </c>
      <c r="J18939" s="365"/>
      <c r="K18939" s="365"/>
      <c r="L18939" s="365"/>
    </row>
    <row r="18940" spans="2:12">
      <c r="B18940" s="367"/>
      <c r="C18940" s="367"/>
      <c r="D18940" s="367"/>
      <c r="E18940" s="367"/>
      <c r="F18940" s="360"/>
      <c r="G18940" s="360"/>
      <c r="H18940" s="360"/>
      <c r="I18940" s="360"/>
      <c r="J18940" s="365"/>
      <c r="K18940" s="365"/>
      <c r="L18940" s="365"/>
    </row>
    <row r="18941" spans="2:12" ht="28.5">
      <c r="B18941" s="368"/>
      <c r="C18941" s="368"/>
      <c r="D18941" s="368"/>
      <c r="E18941" s="368"/>
      <c r="F18941" s="361" t="s">
        <v>14472</v>
      </c>
      <c r="G18941" s="361" t="s">
        <v>14473</v>
      </c>
      <c r="H18941" s="362"/>
      <c r="I18941" s="361" t="s">
        <v>14473</v>
      </c>
      <c r="J18941" s="366"/>
      <c r="K18941" s="366"/>
      <c r="L18941" s="366"/>
    </row>
    <row r="18942" spans="2:12" ht="42.75">
      <c r="B18942" s="358" t="s">
        <v>24168</v>
      </c>
      <c r="C18942" s="358" t="s">
        <v>30409</v>
      </c>
      <c r="D18942" s="358" t="s">
        <v>24169</v>
      </c>
      <c r="E18942" s="358" t="s">
        <v>1573</v>
      </c>
      <c r="F18942" s="358" t="s">
        <v>14420</v>
      </c>
      <c r="G18942" s="358" t="s">
        <v>14429</v>
      </c>
      <c r="H18942" s="358" t="s">
        <v>14341</v>
      </c>
      <c r="I18942" s="358" t="s">
        <v>14429</v>
      </c>
      <c r="J18942" s="358"/>
      <c r="K18942" s="358" t="s">
        <v>29635</v>
      </c>
      <c r="L18942" s="358"/>
    </row>
    <row r="18943" spans="2:12">
      <c r="B18943" s="367"/>
      <c r="C18943" s="367"/>
      <c r="D18943" s="367"/>
      <c r="E18943" s="367"/>
      <c r="F18943" s="360"/>
      <c r="G18943" s="360"/>
      <c r="H18943" s="360"/>
      <c r="I18943" s="360"/>
      <c r="J18943" s="365"/>
      <c r="K18943" s="367"/>
      <c r="L18943" s="365"/>
    </row>
    <row r="18944" spans="2:12">
      <c r="B18944" s="367"/>
      <c r="C18944" s="367"/>
      <c r="D18944" s="367"/>
      <c r="E18944" s="367"/>
      <c r="F18944" s="359" t="s">
        <v>14389</v>
      </c>
      <c r="G18944" s="359" t="s">
        <v>14390</v>
      </c>
      <c r="H18944" s="359" t="s">
        <v>14367</v>
      </c>
      <c r="I18944" s="359" t="s">
        <v>14390</v>
      </c>
      <c r="J18944" s="365"/>
      <c r="K18944" s="367"/>
      <c r="L18944" s="365"/>
    </row>
    <row r="18945" spans="2:12">
      <c r="B18945" s="367"/>
      <c r="C18945" s="367"/>
      <c r="D18945" s="367"/>
      <c r="E18945" s="367"/>
      <c r="F18945" s="360"/>
      <c r="G18945" s="360"/>
      <c r="H18945" s="360"/>
      <c r="I18945" s="360"/>
      <c r="J18945" s="365"/>
      <c r="K18945" s="367"/>
      <c r="L18945" s="365"/>
    </row>
    <row r="18946" spans="2:12">
      <c r="B18946" s="367"/>
      <c r="C18946" s="367"/>
      <c r="D18946" s="367"/>
      <c r="E18946" s="367"/>
      <c r="F18946" s="359" t="s">
        <v>14430</v>
      </c>
      <c r="G18946" s="359" t="s">
        <v>14431</v>
      </c>
      <c r="H18946" s="359" t="s">
        <v>14370</v>
      </c>
      <c r="I18946" s="359" t="s">
        <v>14431</v>
      </c>
      <c r="J18946" s="365"/>
      <c r="K18946" s="367"/>
      <c r="L18946" s="365"/>
    </row>
    <row r="18947" spans="2:12">
      <c r="B18947" s="367"/>
      <c r="C18947" s="367"/>
      <c r="D18947" s="367"/>
      <c r="E18947" s="367"/>
      <c r="F18947" s="360"/>
      <c r="G18947" s="360"/>
      <c r="H18947" s="360"/>
      <c r="I18947" s="360"/>
      <c r="J18947" s="365"/>
      <c r="K18947" s="367"/>
      <c r="L18947" s="365"/>
    </row>
    <row r="18948" spans="2:12">
      <c r="B18948" s="367"/>
      <c r="C18948" s="367"/>
      <c r="D18948" s="367"/>
      <c r="E18948" s="367"/>
      <c r="F18948" s="359" t="s">
        <v>14391</v>
      </c>
      <c r="G18948" s="359" t="s">
        <v>14392</v>
      </c>
      <c r="H18948" s="359" t="s">
        <v>14332</v>
      </c>
      <c r="I18948" s="359" t="s">
        <v>14392</v>
      </c>
      <c r="J18948" s="365"/>
      <c r="K18948" s="367"/>
      <c r="L18948" s="365"/>
    </row>
    <row r="18949" spans="2:12">
      <c r="B18949" s="367"/>
      <c r="C18949" s="367"/>
      <c r="D18949" s="367"/>
      <c r="E18949" s="367"/>
      <c r="F18949" s="360"/>
      <c r="G18949" s="360"/>
      <c r="H18949" s="360"/>
      <c r="I18949" s="360"/>
      <c r="J18949" s="365"/>
      <c r="K18949" s="367"/>
      <c r="L18949" s="365"/>
    </row>
    <row r="18950" spans="2:12">
      <c r="B18950" s="368"/>
      <c r="C18950" s="368"/>
      <c r="D18950" s="368"/>
      <c r="E18950" s="368"/>
      <c r="F18950" s="361" t="s">
        <v>14371</v>
      </c>
      <c r="G18950" s="361" t="s">
        <v>14372</v>
      </c>
      <c r="H18950" s="362"/>
      <c r="I18950" s="361" t="s">
        <v>14372</v>
      </c>
      <c r="J18950" s="366"/>
      <c r="K18950" s="368"/>
      <c r="L18950" s="366"/>
    </row>
    <row r="18951" spans="2:12" ht="42.75">
      <c r="B18951" s="358" t="s">
        <v>24170</v>
      </c>
      <c r="C18951" s="358" t="s">
        <v>29636</v>
      </c>
      <c r="D18951" s="358" t="s">
        <v>24171</v>
      </c>
      <c r="E18951" s="358" t="s">
        <v>24172</v>
      </c>
      <c r="F18951" s="358" t="s">
        <v>29133</v>
      </c>
      <c r="G18951" s="358" t="s">
        <v>14380</v>
      </c>
      <c r="H18951" s="358" t="s">
        <v>14378</v>
      </c>
      <c r="I18951" s="358" t="s">
        <v>14380</v>
      </c>
      <c r="J18951" s="358"/>
      <c r="K18951" s="358"/>
      <c r="L18951" s="358"/>
    </row>
    <row r="18952" spans="2:12">
      <c r="B18952" s="367"/>
      <c r="C18952" s="367"/>
      <c r="D18952" s="360"/>
      <c r="E18952" s="360"/>
      <c r="F18952" s="360"/>
      <c r="G18952" s="360"/>
      <c r="H18952" s="360"/>
      <c r="I18952" s="360"/>
      <c r="J18952" s="365"/>
      <c r="K18952" s="365"/>
      <c r="L18952" s="365"/>
    </row>
    <row r="18953" spans="2:12" ht="28.5">
      <c r="B18953" s="367"/>
      <c r="C18953" s="367"/>
      <c r="D18953" s="359" t="s">
        <v>24173</v>
      </c>
      <c r="E18953" s="359" t="s">
        <v>24174</v>
      </c>
      <c r="F18953" s="359" t="s">
        <v>14420</v>
      </c>
      <c r="G18953" s="359" t="s">
        <v>28674</v>
      </c>
      <c r="H18953" s="359" t="s">
        <v>14381</v>
      </c>
      <c r="I18953" s="359" t="s">
        <v>28674</v>
      </c>
      <c r="J18953" s="365"/>
      <c r="K18953" s="365"/>
      <c r="L18953" s="365"/>
    </row>
    <row r="18954" spans="2:12">
      <c r="B18954" s="367"/>
      <c r="C18954" s="367"/>
      <c r="D18954" s="360"/>
      <c r="E18954" s="360"/>
      <c r="F18954" s="360"/>
      <c r="G18954" s="360"/>
      <c r="H18954" s="360"/>
      <c r="I18954" s="360"/>
      <c r="J18954" s="365"/>
      <c r="K18954" s="365"/>
      <c r="L18954" s="365"/>
    </row>
    <row r="18955" spans="2:12" ht="28.5">
      <c r="B18955" s="367"/>
      <c r="C18955" s="367"/>
      <c r="D18955" s="359" t="s">
        <v>24175</v>
      </c>
      <c r="E18955" s="359" t="s">
        <v>24176</v>
      </c>
      <c r="F18955" s="359" t="s">
        <v>14386</v>
      </c>
      <c r="G18955" s="359" t="s">
        <v>14387</v>
      </c>
      <c r="H18955" s="359" t="s">
        <v>14370</v>
      </c>
      <c r="I18955" s="359" t="s">
        <v>14387</v>
      </c>
      <c r="J18955" s="365"/>
      <c r="K18955" s="365"/>
      <c r="L18955" s="365"/>
    </row>
    <row r="18956" spans="2:12">
      <c r="B18956" s="367"/>
      <c r="C18956" s="367"/>
      <c r="D18956" s="360"/>
      <c r="E18956" s="360"/>
      <c r="F18956" s="360"/>
      <c r="G18956" s="360"/>
      <c r="H18956" s="360"/>
      <c r="I18956" s="360"/>
      <c r="J18956" s="365"/>
      <c r="K18956" s="365"/>
      <c r="L18956" s="365"/>
    </row>
    <row r="18957" spans="2:12">
      <c r="B18957" s="367"/>
      <c r="C18957" s="367"/>
      <c r="D18957" s="360"/>
      <c r="E18957" s="360"/>
      <c r="F18957" s="359" t="s">
        <v>14368</v>
      </c>
      <c r="G18957" s="359" t="s">
        <v>14388</v>
      </c>
      <c r="H18957" s="359" t="s">
        <v>14332</v>
      </c>
      <c r="I18957" s="359" t="s">
        <v>14388</v>
      </c>
      <c r="J18957" s="365"/>
      <c r="K18957" s="365"/>
      <c r="L18957" s="365"/>
    </row>
    <row r="18958" spans="2:12">
      <c r="B18958" s="367"/>
      <c r="C18958" s="367"/>
      <c r="D18958" s="360"/>
      <c r="E18958" s="360"/>
      <c r="F18958" s="360"/>
      <c r="G18958" s="360"/>
      <c r="H18958" s="360"/>
      <c r="I18958" s="360"/>
      <c r="J18958" s="365"/>
      <c r="K18958" s="365"/>
      <c r="L18958" s="365"/>
    </row>
    <row r="18959" spans="2:12">
      <c r="B18959" s="367"/>
      <c r="C18959" s="367"/>
      <c r="D18959" s="360"/>
      <c r="E18959" s="360"/>
      <c r="F18959" s="359" t="s">
        <v>14389</v>
      </c>
      <c r="G18959" s="359" t="s">
        <v>14390</v>
      </c>
      <c r="H18959" s="360"/>
      <c r="I18959" s="359" t="s">
        <v>14390</v>
      </c>
      <c r="J18959" s="365"/>
      <c r="K18959" s="365"/>
      <c r="L18959" s="365"/>
    </row>
    <row r="18960" spans="2:12">
      <c r="B18960" s="367"/>
      <c r="C18960" s="367"/>
      <c r="D18960" s="360"/>
      <c r="E18960" s="360"/>
      <c r="F18960" s="360"/>
      <c r="G18960" s="360"/>
      <c r="H18960" s="360"/>
      <c r="I18960" s="360"/>
      <c r="J18960" s="365"/>
      <c r="K18960" s="365"/>
      <c r="L18960" s="365"/>
    </row>
    <row r="18961" spans="2:12">
      <c r="B18961" s="367"/>
      <c r="C18961" s="367"/>
      <c r="D18961" s="360"/>
      <c r="E18961" s="360"/>
      <c r="F18961" s="359" t="s">
        <v>14391</v>
      </c>
      <c r="G18961" s="359" t="s">
        <v>14392</v>
      </c>
      <c r="H18961" s="360"/>
      <c r="I18961" s="359" t="s">
        <v>14392</v>
      </c>
      <c r="J18961" s="365"/>
      <c r="K18961" s="365"/>
      <c r="L18961" s="365"/>
    </row>
    <row r="18962" spans="2:12">
      <c r="B18962" s="367"/>
      <c r="C18962" s="367"/>
      <c r="D18962" s="360"/>
      <c r="E18962" s="360"/>
      <c r="F18962" s="360"/>
      <c r="G18962" s="360"/>
      <c r="H18962" s="360"/>
      <c r="I18962" s="360"/>
      <c r="J18962" s="365"/>
      <c r="K18962" s="365"/>
      <c r="L18962" s="365"/>
    </row>
    <row r="18963" spans="2:12">
      <c r="B18963" s="367"/>
      <c r="C18963" s="367"/>
      <c r="D18963" s="360"/>
      <c r="E18963" s="360"/>
      <c r="F18963" s="359" t="s">
        <v>14371</v>
      </c>
      <c r="G18963" s="359" t="s">
        <v>14372</v>
      </c>
      <c r="H18963" s="360"/>
      <c r="I18963" s="359" t="s">
        <v>14373</v>
      </c>
      <c r="J18963" s="365"/>
      <c r="K18963" s="365"/>
      <c r="L18963" s="365"/>
    </row>
    <row r="18964" spans="2:12">
      <c r="B18964" s="367"/>
      <c r="C18964" s="367"/>
      <c r="D18964" s="360"/>
      <c r="E18964" s="360"/>
      <c r="F18964" s="360"/>
      <c r="G18964" s="360"/>
      <c r="H18964" s="360"/>
      <c r="I18964" s="360"/>
      <c r="J18964" s="365"/>
      <c r="K18964" s="365"/>
      <c r="L18964" s="365"/>
    </row>
    <row r="18965" spans="2:12" ht="28.5">
      <c r="B18965" s="368"/>
      <c r="C18965" s="368"/>
      <c r="D18965" s="362"/>
      <c r="E18965" s="362"/>
      <c r="F18965" s="361" t="s">
        <v>14374</v>
      </c>
      <c r="G18965" s="361" t="s">
        <v>14373</v>
      </c>
      <c r="H18965" s="362"/>
      <c r="I18965" s="362"/>
      <c r="J18965" s="366"/>
      <c r="K18965" s="366"/>
      <c r="L18965" s="366"/>
    </row>
    <row r="18966" spans="2:12" ht="57">
      <c r="B18966" s="358" t="s">
        <v>24177</v>
      </c>
      <c r="C18966" s="358" t="s">
        <v>29637</v>
      </c>
      <c r="D18966" s="358" t="s">
        <v>24178</v>
      </c>
      <c r="E18966" s="358" t="s">
        <v>24179</v>
      </c>
      <c r="F18966" s="358" t="s">
        <v>29018</v>
      </c>
      <c r="G18966" s="358" t="s">
        <v>14380</v>
      </c>
      <c r="H18966" s="358" t="s">
        <v>14378</v>
      </c>
      <c r="I18966" s="358" t="s">
        <v>14380</v>
      </c>
      <c r="J18966" s="358"/>
      <c r="K18966" s="358"/>
      <c r="L18966" s="358"/>
    </row>
    <row r="18967" spans="2:12">
      <c r="B18967" s="367"/>
      <c r="C18967" s="367"/>
      <c r="D18967" s="360"/>
      <c r="E18967" s="360"/>
      <c r="F18967" s="360"/>
      <c r="G18967" s="360"/>
      <c r="H18967" s="360"/>
      <c r="I18967" s="360"/>
      <c r="J18967" s="365"/>
      <c r="K18967" s="365"/>
      <c r="L18967" s="365"/>
    </row>
    <row r="18968" spans="2:12" ht="28.5">
      <c r="B18968" s="367"/>
      <c r="C18968" s="367"/>
      <c r="D18968" s="359" t="s">
        <v>24180</v>
      </c>
      <c r="E18968" s="359" t="s">
        <v>24181</v>
      </c>
      <c r="F18968" s="359" t="s">
        <v>14386</v>
      </c>
      <c r="G18968" s="359" t="s">
        <v>14579</v>
      </c>
      <c r="H18968" s="359" t="s">
        <v>14381</v>
      </c>
      <c r="I18968" s="359" t="s">
        <v>14579</v>
      </c>
      <c r="J18968" s="365"/>
      <c r="K18968" s="365"/>
      <c r="L18968" s="365"/>
    </row>
    <row r="18969" spans="2:12">
      <c r="B18969" s="367"/>
      <c r="C18969" s="367"/>
      <c r="D18969" s="360"/>
      <c r="E18969" s="360"/>
      <c r="F18969" s="360"/>
      <c r="G18969" s="360"/>
      <c r="H18969" s="360"/>
      <c r="I18969" s="360"/>
      <c r="J18969" s="365"/>
      <c r="K18969" s="365"/>
      <c r="L18969" s="365"/>
    </row>
    <row r="18970" spans="2:12">
      <c r="B18970" s="367"/>
      <c r="C18970" s="367"/>
      <c r="D18970" s="360"/>
      <c r="E18970" s="360"/>
      <c r="F18970" s="359" t="s">
        <v>14368</v>
      </c>
      <c r="G18970" s="359" t="s">
        <v>14383</v>
      </c>
      <c r="H18970" s="359" t="s">
        <v>14370</v>
      </c>
      <c r="I18970" s="359" t="s">
        <v>14383</v>
      </c>
      <c r="J18970" s="365"/>
      <c r="K18970" s="365"/>
      <c r="L18970" s="365"/>
    </row>
    <row r="18971" spans="2:12">
      <c r="B18971" s="367"/>
      <c r="C18971" s="367"/>
      <c r="D18971" s="360"/>
      <c r="E18971" s="360"/>
      <c r="F18971" s="360"/>
      <c r="G18971" s="360"/>
      <c r="H18971" s="360"/>
      <c r="I18971" s="360"/>
      <c r="J18971" s="365"/>
      <c r="K18971" s="365"/>
      <c r="L18971" s="365"/>
    </row>
    <row r="18972" spans="2:12" ht="28.5">
      <c r="B18972" s="367"/>
      <c r="C18972" s="367"/>
      <c r="D18972" s="360"/>
      <c r="E18972" s="360"/>
      <c r="F18972" s="359" t="s">
        <v>14389</v>
      </c>
      <c r="G18972" s="359" t="s">
        <v>29638</v>
      </c>
      <c r="H18972" s="359" t="s">
        <v>14332</v>
      </c>
      <c r="I18972" s="359" t="s">
        <v>29638</v>
      </c>
      <c r="J18972" s="365"/>
      <c r="K18972" s="365"/>
      <c r="L18972" s="365"/>
    </row>
    <row r="18973" spans="2:12">
      <c r="B18973" s="367"/>
      <c r="C18973" s="367"/>
      <c r="D18973" s="360"/>
      <c r="E18973" s="360"/>
      <c r="F18973" s="360"/>
      <c r="G18973" s="360"/>
      <c r="H18973" s="360"/>
      <c r="I18973" s="360"/>
      <c r="J18973" s="365"/>
      <c r="K18973" s="365"/>
      <c r="L18973" s="365"/>
    </row>
    <row r="18974" spans="2:12">
      <c r="B18974" s="367"/>
      <c r="C18974" s="367"/>
      <c r="D18974" s="360"/>
      <c r="E18974" s="360"/>
      <c r="F18974" s="359" t="s">
        <v>14371</v>
      </c>
      <c r="G18974" s="359" t="s">
        <v>14388</v>
      </c>
      <c r="H18974" s="360"/>
      <c r="I18974" s="359" t="s">
        <v>14388</v>
      </c>
      <c r="J18974" s="365"/>
      <c r="K18974" s="365"/>
      <c r="L18974" s="365"/>
    </row>
    <row r="18975" spans="2:12">
      <c r="B18975" s="367"/>
      <c r="C18975" s="367"/>
      <c r="D18975" s="360"/>
      <c r="E18975" s="360"/>
      <c r="F18975" s="360"/>
      <c r="G18975" s="360"/>
      <c r="H18975" s="360"/>
      <c r="I18975" s="360"/>
      <c r="J18975" s="365"/>
      <c r="K18975" s="365"/>
      <c r="L18975" s="365"/>
    </row>
    <row r="18976" spans="2:12" ht="28.5">
      <c r="B18976" s="367"/>
      <c r="C18976" s="367"/>
      <c r="D18976" s="360"/>
      <c r="E18976" s="360"/>
      <c r="F18976" s="359" t="s">
        <v>14374</v>
      </c>
      <c r="G18976" s="359" t="s">
        <v>14390</v>
      </c>
      <c r="H18976" s="360"/>
      <c r="I18976" s="359" t="s">
        <v>14390</v>
      </c>
      <c r="J18976" s="365"/>
      <c r="K18976" s="365"/>
      <c r="L18976" s="365"/>
    </row>
    <row r="18977" spans="2:12">
      <c r="B18977" s="367"/>
      <c r="C18977" s="367"/>
      <c r="D18977" s="360"/>
      <c r="E18977" s="360"/>
      <c r="F18977" s="360"/>
      <c r="G18977" s="360"/>
      <c r="H18977" s="360"/>
      <c r="I18977" s="360"/>
      <c r="J18977" s="365"/>
      <c r="K18977" s="365"/>
      <c r="L18977" s="365"/>
    </row>
    <row r="18978" spans="2:12">
      <c r="B18978" s="367"/>
      <c r="C18978" s="367"/>
      <c r="D18978" s="360"/>
      <c r="E18978" s="360"/>
      <c r="F18978" s="360"/>
      <c r="G18978" s="359" t="s">
        <v>14372</v>
      </c>
      <c r="H18978" s="360"/>
      <c r="I18978" s="359" t="s">
        <v>14373</v>
      </c>
      <c r="J18978" s="365"/>
      <c r="K18978" s="365"/>
      <c r="L18978" s="365"/>
    </row>
    <row r="18979" spans="2:12">
      <c r="B18979" s="367"/>
      <c r="C18979" s="367"/>
      <c r="D18979" s="360"/>
      <c r="E18979" s="360"/>
      <c r="F18979" s="360"/>
      <c r="G18979" s="360"/>
      <c r="H18979" s="360"/>
      <c r="I18979" s="360"/>
      <c r="J18979" s="365"/>
      <c r="K18979" s="365"/>
      <c r="L18979" s="365"/>
    </row>
    <row r="18980" spans="2:12">
      <c r="B18980" s="368"/>
      <c r="C18980" s="368"/>
      <c r="D18980" s="362"/>
      <c r="E18980" s="362"/>
      <c r="F18980" s="362"/>
      <c r="G18980" s="361" t="s">
        <v>14373</v>
      </c>
      <c r="H18980" s="362"/>
      <c r="I18980" s="362"/>
      <c r="J18980" s="366"/>
      <c r="K18980" s="366"/>
      <c r="L18980" s="366"/>
    </row>
    <row r="18981" spans="2:12" ht="28.5">
      <c r="B18981" s="358" t="s">
        <v>24182</v>
      </c>
      <c r="C18981" s="358" t="s">
        <v>29639</v>
      </c>
      <c r="D18981" s="358" t="s">
        <v>29640</v>
      </c>
      <c r="E18981" s="358" t="s">
        <v>24183</v>
      </c>
      <c r="F18981" s="358" t="s">
        <v>14420</v>
      </c>
      <c r="G18981" s="358" t="s">
        <v>14429</v>
      </c>
      <c r="H18981" s="358" t="s">
        <v>14367</v>
      </c>
      <c r="I18981" s="358" t="s">
        <v>14429</v>
      </c>
      <c r="J18981" s="358"/>
      <c r="K18981" s="358"/>
      <c r="L18981" s="358"/>
    </row>
    <row r="18982" spans="2:12">
      <c r="B18982" s="367"/>
      <c r="C18982" s="367"/>
      <c r="D18982" s="367"/>
      <c r="E18982" s="360"/>
      <c r="F18982" s="360"/>
      <c r="G18982" s="360"/>
      <c r="H18982" s="360"/>
      <c r="I18982" s="360"/>
      <c r="J18982" s="365"/>
      <c r="K18982" s="365"/>
      <c r="L18982" s="365"/>
    </row>
    <row r="18983" spans="2:12" ht="28.5">
      <c r="B18983" s="367"/>
      <c r="C18983" s="367"/>
      <c r="D18983" s="367"/>
      <c r="E18983" s="359" t="s">
        <v>24184</v>
      </c>
      <c r="F18983" s="359" t="s">
        <v>14386</v>
      </c>
      <c r="G18983" s="359" t="s">
        <v>14387</v>
      </c>
      <c r="H18983" s="359" t="s">
        <v>14422</v>
      </c>
      <c r="I18983" s="359" t="s">
        <v>14387</v>
      </c>
      <c r="J18983" s="365"/>
      <c r="K18983" s="365"/>
      <c r="L18983" s="365"/>
    </row>
    <row r="18984" spans="2:12">
      <c r="B18984" s="367"/>
      <c r="C18984" s="367"/>
      <c r="D18984" s="367"/>
      <c r="E18984" s="360"/>
      <c r="F18984" s="360"/>
      <c r="G18984" s="360"/>
      <c r="H18984" s="360"/>
      <c r="I18984" s="360"/>
      <c r="J18984" s="365"/>
      <c r="K18984" s="365"/>
      <c r="L18984" s="365"/>
    </row>
    <row r="18985" spans="2:12">
      <c r="B18985" s="367"/>
      <c r="C18985" s="367"/>
      <c r="D18985" s="367"/>
      <c r="E18985" s="360"/>
      <c r="F18985" s="359" t="s">
        <v>14368</v>
      </c>
      <c r="G18985" s="359" t="s">
        <v>14388</v>
      </c>
      <c r="H18985" s="360"/>
      <c r="I18985" s="359" t="s">
        <v>14388</v>
      </c>
      <c r="J18985" s="365"/>
      <c r="K18985" s="365"/>
      <c r="L18985" s="365"/>
    </row>
    <row r="18986" spans="2:12">
      <c r="B18986" s="367"/>
      <c r="C18986" s="367"/>
      <c r="D18986" s="367"/>
      <c r="E18986" s="360"/>
      <c r="F18986" s="360"/>
      <c r="G18986" s="360"/>
      <c r="H18986" s="360"/>
      <c r="I18986" s="360"/>
      <c r="J18986" s="365"/>
      <c r="K18986" s="365"/>
      <c r="L18986" s="365"/>
    </row>
    <row r="18987" spans="2:12">
      <c r="B18987" s="367"/>
      <c r="C18987" s="367"/>
      <c r="D18987" s="367"/>
      <c r="E18987" s="360"/>
      <c r="F18987" s="359" t="s">
        <v>14389</v>
      </c>
      <c r="G18987" s="359" t="s">
        <v>14390</v>
      </c>
      <c r="H18987" s="360"/>
      <c r="I18987" s="359" t="s">
        <v>14390</v>
      </c>
      <c r="J18987" s="365"/>
      <c r="K18987" s="365"/>
      <c r="L18987" s="365"/>
    </row>
    <row r="18988" spans="2:12">
      <c r="B18988" s="367"/>
      <c r="C18988" s="367"/>
      <c r="D18988" s="367"/>
      <c r="E18988" s="360"/>
      <c r="F18988" s="360"/>
      <c r="G18988" s="360"/>
      <c r="H18988" s="360"/>
      <c r="I18988" s="360"/>
      <c r="J18988" s="365"/>
      <c r="K18988" s="365"/>
      <c r="L18988" s="365"/>
    </row>
    <row r="18989" spans="2:12" ht="28.5">
      <c r="B18989" s="368"/>
      <c r="C18989" s="368"/>
      <c r="D18989" s="368"/>
      <c r="E18989" s="362"/>
      <c r="F18989" s="361" t="s">
        <v>14472</v>
      </c>
      <c r="G18989" s="361" t="s">
        <v>14473</v>
      </c>
      <c r="H18989" s="362"/>
      <c r="I18989" s="361" t="s">
        <v>14473</v>
      </c>
      <c r="J18989" s="366"/>
      <c r="K18989" s="366"/>
      <c r="L18989" s="366"/>
    </row>
    <row r="18990" spans="2:12" ht="28.5">
      <c r="B18990" s="358" t="s">
        <v>24185</v>
      </c>
      <c r="C18990" s="358" t="s">
        <v>24186</v>
      </c>
      <c r="D18990" s="358" t="s">
        <v>24187</v>
      </c>
      <c r="E18990" s="358" t="s">
        <v>24188</v>
      </c>
      <c r="F18990" s="358" t="s">
        <v>28568</v>
      </c>
      <c r="G18990" s="358" t="s">
        <v>14383</v>
      </c>
      <c r="H18990" s="358" t="s">
        <v>14378</v>
      </c>
      <c r="I18990" s="358" t="s">
        <v>14383</v>
      </c>
      <c r="J18990" s="358"/>
      <c r="K18990" s="358"/>
      <c r="L18990" s="358"/>
    </row>
    <row r="18991" spans="2:12">
      <c r="B18991" s="367"/>
      <c r="C18991" s="367"/>
      <c r="D18991" s="367"/>
      <c r="E18991" s="367"/>
      <c r="F18991" s="360"/>
      <c r="G18991" s="360"/>
      <c r="H18991" s="360"/>
      <c r="I18991" s="360"/>
      <c r="J18991" s="365"/>
      <c r="K18991" s="365"/>
      <c r="L18991" s="365"/>
    </row>
    <row r="18992" spans="2:12" ht="28.5">
      <c r="B18992" s="367"/>
      <c r="C18992" s="367"/>
      <c r="D18992" s="367"/>
      <c r="E18992" s="367"/>
      <c r="F18992" s="359" t="s">
        <v>14374</v>
      </c>
      <c r="G18992" s="359" t="s">
        <v>14372</v>
      </c>
      <c r="H18992" s="359" t="s">
        <v>14370</v>
      </c>
      <c r="I18992" s="359" t="s">
        <v>14373</v>
      </c>
      <c r="J18992" s="365"/>
      <c r="K18992" s="365"/>
      <c r="L18992" s="365"/>
    </row>
    <row r="18993" spans="2:12">
      <c r="B18993" s="367"/>
      <c r="C18993" s="367"/>
      <c r="D18993" s="367"/>
      <c r="E18993" s="367"/>
      <c r="F18993" s="360"/>
      <c r="G18993" s="360"/>
      <c r="H18993" s="360"/>
      <c r="I18993" s="360"/>
      <c r="J18993" s="365"/>
      <c r="K18993" s="365"/>
      <c r="L18993" s="365"/>
    </row>
    <row r="18994" spans="2:12">
      <c r="B18994" s="368"/>
      <c r="C18994" s="368"/>
      <c r="D18994" s="368"/>
      <c r="E18994" s="368"/>
      <c r="F18994" s="362"/>
      <c r="G18994" s="361" t="s">
        <v>14373</v>
      </c>
      <c r="H18994" s="361" t="s">
        <v>14332</v>
      </c>
      <c r="I18994" s="362"/>
      <c r="J18994" s="366"/>
      <c r="K18994" s="366"/>
      <c r="L18994" s="366"/>
    </row>
    <row r="18995" spans="2:12" ht="57">
      <c r="B18995" s="358" t="s">
        <v>24189</v>
      </c>
      <c r="C18995" s="358" t="s">
        <v>29641</v>
      </c>
      <c r="D18995" s="358" t="s">
        <v>24190</v>
      </c>
      <c r="E18995" s="358" t="s">
        <v>24191</v>
      </c>
      <c r="F18995" s="358" t="s">
        <v>14814</v>
      </c>
      <c r="G18995" s="358" t="s">
        <v>14815</v>
      </c>
      <c r="H18995" s="358" t="s">
        <v>14381</v>
      </c>
      <c r="I18995" s="358" t="s">
        <v>14815</v>
      </c>
      <c r="J18995" s="358"/>
      <c r="K18995" s="358"/>
      <c r="L18995" s="358"/>
    </row>
    <row r="18996" spans="2:12">
      <c r="B18996" s="367"/>
      <c r="C18996" s="367"/>
      <c r="D18996" s="367"/>
      <c r="E18996" s="367"/>
      <c r="F18996" s="360"/>
      <c r="G18996" s="360"/>
      <c r="H18996" s="360"/>
      <c r="I18996" s="360"/>
      <c r="J18996" s="365"/>
      <c r="K18996" s="365"/>
      <c r="L18996" s="365"/>
    </row>
    <row r="18997" spans="2:12">
      <c r="B18997" s="368"/>
      <c r="C18997" s="368"/>
      <c r="D18997" s="368"/>
      <c r="E18997" s="368"/>
      <c r="F18997" s="361" t="s">
        <v>14391</v>
      </c>
      <c r="G18997" s="361" t="s">
        <v>14392</v>
      </c>
      <c r="H18997" s="361" t="s">
        <v>14332</v>
      </c>
      <c r="I18997" s="361" t="s">
        <v>14392</v>
      </c>
      <c r="J18997" s="366"/>
      <c r="K18997" s="366"/>
      <c r="L18997" s="366"/>
    </row>
    <row r="18998" spans="2:12" ht="28.5">
      <c r="B18998" s="358" t="s">
        <v>24192</v>
      </c>
      <c r="C18998" s="358" t="s">
        <v>30410</v>
      </c>
      <c r="D18998" s="358" t="s">
        <v>24193</v>
      </c>
      <c r="E18998" s="358" t="s">
        <v>24194</v>
      </c>
      <c r="F18998" s="358" t="s">
        <v>28964</v>
      </c>
      <c r="G18998" s="358" t="s">
        <v>14429</v>
      </c>
      <c r="H18998" s="358" t="s">
        <v>14381</v>
      </c>
      <c r="I18998" s="358" t="s">
        <v>14429</v>
      </c>
      <c r="J18998" s="358"/>
      <c r="K18998" s="358"/>
      <c r="L18998" s="358"/>
    </row>
    <row r="18999" spans="2:12">
      <c r="B18999" s="367"/>
      <c r="C18999" s="367"/>
      <c r="D18999" s="367"/>
      <c r="E18999" s="367"/>
      <c r="F18999" s="367"/>
      <c r="G18999" s="360"/>
      <c r="H18999" s="360"/>
      <c r="I18999" s="360"/>
      <c r="J18999" s="365"/>
      <c r="K18999" s="365"/>
      <c r="L18999" s="365"/>
    </row>
    <row r="19000" spans="2:12">
      <c r="B19000" s="367"/>
      <c r="C19000" s="367"/>
      <c r="D19000" s="367"/>
      <c r="E19000" s="367"/>
      <c r="F19000" s="367"/>
      <c r="G19000" s="359" t="s">
        <v>14519</v>
      </c>
      <c r="H19000" s="359" t="s">
        <v>14367</v>
      </c>
      <c r="I19000" s="359" t="s">
        <v>14519</v>
      </c>
      <c r="J19000" s="365"/>
      <c r="K19000" s="365"/>
      <c r="L19000" s="365"/>
    </row>
    <row r="19001" spans="2:12">
      <c r="B19001" s="367"/>
      <c r="C19001" s="367"/>
      <c r="D19001" s="367"/>
      <c r="E19001" s="367"/>
      <c r="F19001" s="367"/>
      <c r="G19001" s="360"/>
      <c r="H19001" s="360"/>
      <c r="I19001" s="360"/>
      <c r="J19001" s="365"/>
      <c r="K19001" s="365"/>
      <c r="L19001" s="365"/>
    </row>
    <row r="19002" spans="2:12">
      <c r="B19002" s="368"/>
      <c r="C19002" s="368"/>
      <c r="D19002" s="368"/>
      <c r="E19002" s="368"/>
      <c r="F19002" s="368"/>
      <c r="G19002" s="362"/>
      <c r="H19002" s="361" t="s">
        <v>14422</v>
      </c>
      <c r="I19002" s="362"/>
      <c r="J19002" s="366"/>
      <c r="K19002" s="366"/>
      <c r="L19002" s="366"/>
    </row>
    <row r="19003" spans="2:12" ht="28.5">
      <c r="B19003" s="358" t="s">
        <v>24195</v>
      </c>
      <c r="C19003" s="358" t="s">
        <v>30411</v>
      </c>
      <c r="D19003" s="358" t="s">
        <v>24196</v>
      </c>
      <c r="E19003" s="358" t="s">
        <v>24197</v>
      </c>
      <c r="F19003" s="358" t="s">
        <v>14430</v>
      </c>
      <c r="G19003" s="358" t="s">
        <v>14431</v>
      </c>
      <c r="H19003" s="358" t="s">
        <v>14341</v>
      </c>
      <c r="I19003" s="358" t="s">
        <v>14431</v>
      </c>
      <c r="J19003" s="358"/>
      <c r="K19003" s="358"/>
      <c r="L19003" s="358"/>
    </row>
    <row r="19004" spans="2:12">
      <c r="B19004" s="367"/>
      <c r="C19004" s="367"/>
      <c r="D19004" s="367"/>
      <c r="E19004" s="367"/>
      <c r="F19004" s="367"/>
      <c r="G19004" s="367"/>
      <c r="H19004" s="360"/>
      <c r="I19004" s="367"/>
      <c r="J19004" s="365"/>
      <c r="K19004" s="365"/>
      <c r="L19004" s="365"/>
    </row>
    <row r="19005" spans="2:12">
      <c r="B19005" s="368"/>
      <c r="C19005" s="368"/>
      <c r="D19005" s="368"/>
      <c r="E19005" s="368"/>
      <c r="F19005" s="368"/>
      <c r="G19005" s="368"/>
      <c r="H19005" s="361" t="s">
        <v>14332</v>
      </c>
      <c r="I19005" s="368"/>
      <c r="J19005" s="366"/>
      <c r="K19005" s="366"/>
      <c r="L19005" s="366"/>
    </row>
    <row r="19006" spans="2:12">
      <c r="B19006" s="358" t="s">
        <v>24198</v>
      </c>
      <c r="C19006" s="358" t="s">
        <v>24199</v>
      </c>
      <c r="D19006" s="358" t="s">
        <v>24200</v>
      </c>
      <c r="E19006" s="358" t="s">
        <v>24201</v>
      </c>
      <c r="F19006" s="358" t="s">
        <v>14420</v>
      </c>
      <c r="G19006" s="358" t="s">
        <v>14429</v>
      </c>
      <c r="H19006" s="358" t="s">
        <v>14367</v>
      </c>
      <c r="I19006" s="358" t="s">
        <v>14429</v>
      </c>
      <c r="J19006" s="358"/>
      <c r="K19006" s="358"/>
      <c r="L19006" s="358"/>
    </row>
    <row r="19007" spans="2:12">
      <c r="B19007" s="367"/>
      <c r="C19007" s="367"/>
      <c r="D19007" s="367"/>
      <c r="E19007" s="367"/>
      <c r="F19007" s="367"/>
      <c r="G19007" s="367"/>
      <c r="H19007" s="360"/>
      <c r="I19007" s="367"/>
      <c r="J19007" s="365"/>
      <c r="K19007" s="365"/>
      <c r="L19007" s="365"/>
    </row>
    <row r="19008" spans="2:12">
      <c r="B19008" s="368"/>
      <c r="C19008" s="368"/>
      <c r="D19008" s="368"/>
      <c r="E19008" s="368"/>
      <c r="F19008" s="368"/>
      <c r="G19008" s="368"/>
      <c r="H19008" s="361" t="s">
        <v>14422</v>
      </c>
      <c r="I19008" s="368"/>
      <c r="J19008" s="366"/>
      <c r="K19008" s="366"/>
      <c r="L19008" s="366"/>
    </row>
    <row r="19009" spans="2:12" ht="42.75">
      <c r="B19009" s="358" t="s">
        <v>24202</v>
      </c>
      <c r="C19009" s="358" t="s">
        <v>29642</v>
      </c>
      <c r="D19009" s="358" t="s">
        <v>24203</v>
      </c>
      <c r="E19009" s="358" t="s">
        <v>24204</v>
      </c>
      <c r="F19009" s="358" t="s">
        <v>14814</v>
      </c>
      <c r="G19009" s="358" t="s">
        <v>14815</v>
      </c>
      <c r="H19009" s="358" t="s">
        <v>14381</v>
      </c>
      <c r="I19009" s="358" t="s">
        <v>14815</v>
      </c>
      <c r="J19009" s="358"/>
      <c r="K19009" s="358"/>
      <c r="L19009" s="358"/>
    </row>
    <row r="19010" spans="2:12">
      <c r="B19010" s="367"/>
      <c r="C19010" s="367"/>
      <c r="D19010" s="367"/>
      <c r="E19010" s="367"/>
      <c r="F19010" s="360"/>
      <c r="G19010" s="360"/>
      <c r="H19010" s="360"/>
      <c r="I19010" s="360"/>
      <c r="J19010" s="365"/>
      <c r="K19010" s="365"/>
      <c r="L19010" s="365"/>
    </row>
    <row r="19011" spans="2:12">
      <c r="B19011" s="367"/>
      <c r="C19011" s="367"/>
      <c r="D19011" s="367"/>
      <c r="E19011" s="367"/>
      <c r="F19011" s="359" t="s">
        <v>14391</v>
      </c>
      <c r="G19011" s="359" t="s">
        <v>14392</v>
      </c>
      <c r="H19011" s="359" t="s">
        <v>14332</v>
      </c>
      <c r="I19011" s="359" t="s">
        <v>14392</v>
      </c>
      <c r="J19011" s="365"/>
      <c r="K19011" s="365"/>
      <c r="L19011" s="365"/>
    </row>
    <row r="19012" spans="2:12">
      <c r="B19012" s="367"/>
      <c r="C19012" s="367"/>
      <c r="D19012" s="367"/>
      <c r="E19012" s="367"/>
      <c r="F19012" s="360"/>
      <c r="G19012" s="360"/>
      <c r="H19012" s="360"/>
      <c r="I19012" s="360"/>
      <c r="J19012" s="365"/>
      <c r="K19012" s="365"/>
      <c r="L19012" s="365"/>
    </row>
    <row r="19013" spans="2:12" ht="28.5">
      <c r="B19013" s="368"/>
      <c r="C19013" s="368"/>
      <c r="D19013" s="368"/>
      <c r="E19013" s="368"/>
      <c r="F19013" s="361" t="s">
        <v>14472</v>
      </c>
      <c r="G19013" s="361" t="s">
        <v>14473</v>
      </c>
      <c r="H19013" s="362"/>
      <c r="I19013" s="361" t="s">
        <v>14473</v>
      </c>
      <c r="J19013" s="366"/>
      <c r="K19013" s="366"/>
      <c r="L19013" s="366"/>
    </row>
    <row r="19014" spans="2:12" ht="42.75">
      <c r="B19014" s="358" t="s">
        <v>24205</v>
      </c>
      <c r="C19014" s="358" t="s">
        <v>27911</v>
      </c>
      <c r="D19014" s="358" t="s">
        <v>24206</v>
      </c>
      <c r="E19014" s="358" t="s">
        <v>24207</v>
      </c>
      <c r="F19014" s="358" t="s">
        <v>29033</v>
      </c>
      <c r="G19014" s="358" t="s">
        <v>14340</v>
      </c>
      <c r="H19014" s="358" t="s">
        <v>14341</v>
      </c>
      <c r="I19014" s="358" t="s">
        <v>14340</v>
      </c>
      <c r="J19014" s="358"/>
      <c r="K19014" s="358"/>
      <c r="L19014" s="358"/>
    </row>
    <row r="19015" spans="2:12">
      <c r="B19015" s="367"/>
      <c r="C19015" s="367"/>
      <c r="D19015" s="367"/>
      <c r="E19015" s="367"/>
      <c r="F19015" s="367"/>
      <c r="G19015" s="360"/>
      <c r="H19015" s="360"/>
      <c r="I19015" s="360"/>
      <c r="J19015" s="365"/>
      <c r="K19015" s="365"/>
      <c r="L19015" s="365"/>
    </row>
    <row r="19016" spans="2:12">
      <c r="B19016" s="367"/>
      <c r="C19016" s="367"/>
      <c r="D19016" s="367"/>
      <c r="E19016" s="367"/>
      <c r="F19016" s="367"/>
      <c r="G19016" s="359" t="s">
        <v>14395</v>
      </c>
      <c r="H19016" s="359" t="s">
        <v>14370</v>
      </c>
      <c r="I19016" s="359" t="s">
        <v>14395</v>
      </c>
      <c r="J19016" s="365"/>
      <c r="K19016" s="365"/>
      <c r="L19016" s="365"/>
    </row>
    <row r="19017" spans="2:12">
      <c r="B19017" s="367"/>
      <c r="C19017" s="367"/>
      <c r="D19017" s="367"/>
      <c r="E19017" s="367"/>
      <c r="F19017" s="367"/>
      <c r="G19017" s="360"/>
      <c r="H19017" s="360"/>
      <c r="I19017" s="360"/>
      <c r="J19017" s="365"/>
      <c r="K19017" s="365"/>
      <c r="L19017" s="365"/>
    </row>
    <row r="19018" spans="2:12">
      <c r="B19018" s="368"/>
      <c r="C19018" s="368"/>
      <c r="D19018" s="368"/>
      <c r="E19018" s="368"/>
      <c r="F19018" s="368"/>
      <c r="G19018" s="362"/>
      <c r="H19018" s="361" t="s">
        <v>14332</v>
      </c>
      <c r="I19018" s="362"/>
      <c r="J19018" s="366"/>
      <c r="K19018" s="366"/>
      <c r="L19018" s="366"/>
    </row>
    <row r="19019" spans="2:12" ht="28.5">
      <c r="B19019" s="358" t="s">
        <v>24208</v>
      </c>
      <c r="C19019" s="358" t="s">
        <v>24209</v>
      </c>
      <c r="D19019" s="358" t="s">
        <v>24210</v>
      </c>
      <c r="E19019" s="358" t="s">
        <v>24211</v>
      </c>
      <c r="F19019" s="358" t="s">
        <v>29631</v>
      </c>
      <c r="G19019" s="358" t="s">
        <v>14340</v>
      </c>
      <c r="H19019" s="358" t="s">
        <v>14341</v>
      </c>
      <c r="I19019" s="358" t="s">
        <v>14340</v>
      </c>
      <c r="J19019" s="358"/>
      <c r="K19019" s="358"/>
      <c r="L19019" s="358"/>
    </row>
    <row r="19020" spans="2:12">
      <c r="B19020" s="367"/>
      <c r="C19020" s="367"/>
      <c r="D19020" s="367"/>
      <c r="E19020" s="367"/>
      <c r="F19020" s="360"/>
      <c r="G19020" s="360"/>
      <c r="H19020" s="360"/>
      <c r="I19020" s="360"/>
      <c r="J19020" s="365"/>
      <c r="K19020" s="365"/>
      <c r="L19020" s="365"/>
    </row>
    <row r="19021" spans="2:12">
      <c r="B19021" s="367"/>
      <c r="C19021" s="367"/>
      <c r="D19021" s="367"/>
      <c r="E19021" s="367"/>
      <c r="F19021" s="359" t="s">
        <v>14371</v>
      </c>
      <c r="G19021" s="359" t="s">
        <v>14392</v>
      </c>
      <c r="H19021" s="359" t="s">
        <v>14367</v>
      </c>
      <c r="I19021" s="359" t="s">
        <v>14392</v>
      </c>
      <c r="J19021" s="365"/>
      <c r="K19021" s="365"/>
      <c r="L19021" s="365"/>
    </row>
    <row r="19022" spans="2:12">
      <c r="B19022" s="367"/>
      <c r="C19022" s="367"/>
      <c r="D19022" s="367"/>
      <c r="E19022" s="367"/>
      <c r="F19022" s="360"/>
      <c r="G19022" s="360"/>
      <c r="H19022" s="360"/>
      <c r="I19022" s="360"/>
      <c r="J19022" s="365"/>
      <c r="K19022" s="365"/>
      <c r="L19022" s="365"/>
    </row>
    <row r="19023" spans="2:12" ht="28.5">
      <c r="B19023" s="367"/>
      <c r="C19023" s="367"/>
      <c r="D19023" s="367"/>
      <c r="E19023" s="367"/>
      <c r="F19023" s="359" t="s">
        <v>14374</v>
      </c>
      <c r="G19023" s="359" t="s">
        <v>14372</v>
      </c>
      <c r="H19023" s="359" t="s">
        <v>14370</v>
      </c>
      <c r="I19023" s="359" t="s">
        <v>14373</v>
      </c>
      <c r="J19023" s="365"/>
      <c r="K19023" s="365"/>
      <c r="L19023" s="365"/>
    </row>
    <row r="19024" spans="2:12">
      <c r="B19024" s="367"/>
      <c r="C19024" s="367"/>
      <c r="D19024" s="367"/>
      <c r="E19024" s="367"/>
      <c r="F19024" s="360"/>
      <c r="G19024" s="360"/>
      <c r="H19024" s="360"/>
      <c r="I19024" s="360"/>
      <c r="J19024" s="365"/>
      <c r="K19024" s="365"/>
      <c r="L19024" s="365"/>
    </row>
    <row r="19025" spans="2:12">
      <c r="B19025" s="368"/>
      <c r="C19025" s="368"/>
      <c r="D19025" s="368"/>
      <c r="E19025" s="368"/>
      <c r="F19025" s="362"/>
      <c r="G19025" s="361" t="s">
        <v>14373</v>
      </c>
      <c r="H19025" s="361" t="s">
        <v>14332</v>
      </c>
      <c r="I19025" s="362"/>
      <c r="J19025" s="366"/>
      <c r="K19025" s="366"/>
      <c r="L19025" s="366"/>
    </row>
    <row r="19026" spans="2:12" ht="28.5">
      <c r="B19026" s="358" t="s">
        <v>24212</v>
      </c>
      <c r="C19026" s="358" t="s">
        <v>24213</v>
      </c>
      <c r="D19026" s="358" t="s">
        <v>24214</v>
      </c>
      <c r="E19026" s="358" t="s">
        <v>8356</v>
      </c>
      <c r="F19026" s="358" t="s">
        <v>14391</v>
      </c>
      <c r="G19026" s="358" t="s">
        <v>14392</v>
      </c>
      <c r="H19026" s="358" t="s">
        <v>14367</v>
      </c>
      <c r="I19026" s="358" t="s">
        <v>14392</v>
      </c>
      <c r="J19026" s="358"/>
      <c r="K19026" s="358"/>
      <c r="L19026" s="358"/>
    </row>
    <row r="19027" spans="2:12">
      <c r="B19027" s="367"/>
      <c r="C19027" s="367"/>
      <c r="D19027" s="367"/>
      <c r="E19027" s="367"/>
      <c r="F19027" s="360"/>
      <c r="G19027" s="360"/>
      <c r="H19027" s="360"/>
      <c r="I19027" s="360"/>
      <c r="J19027" s="365"/>
      <c r="K19027" s="365"/>
      <c r="L19027" s="365"/>
    </row>
    <row r="19028" spans="2:12" ht="28.5">
      <c r="B19028" s="368"/>
      <c r="C19028" s="368"/>
      <c r="D19028" s="368"/>
      <c r="E19028" s="368"/>
      <c r="F19028" s="361" t="s">
        <v>14462</v>
      </c>
      <c r="G19028" s="361" t="s">
        <v>14463</v>
      </c>
      <c r="H19028" s="361" t="s">
        <v>14422</v>
      </c>
      <c r="I19028" s="361" t="s">
        <v>14463</v>
      </c>
      <c r="J19028" s="366"/>
      <c r="K19028" s="366"/>
      <c r="L19028" s="366"/>
    </row>
    <row r="19029" spans="2:12">
      <c r="B19029" s="358" t="s">
        <v>24215</v>
      </c>
      <c r="C19029" s="358" t="s">
        <v>27912</v>
      </c>
      <c r="D19029" s="358" t="s">
        <v>24216</v>
      </c>
      <c r="E19029" s="358" t="s">
        <v>24217</v>
      </c>
      <c r="F19029" s="358" t="s">
        <v>14391</v>
      </c>
      <c r="G19029" s="358" t="s">
        <v>14392</v>
      </c>
      <c r="H19029" s="358" t="s">
        <v>14367</v>
      </c>
      <c r="I19029" s="358" t="s">
        <v>14392</v>
      </c>
      <c r="J19029" s="358"/>
      <c r="K19029" s="358"/>
      <c r="L19029" s="358"/>
    </row>
    <row r="19030" spans="2:12">
      <c r="B19030" s="367"/>
      <c r="C19030" s="367"/>
      <c r="D19030" s="367"/>
      <c r="E19030" s="367"/>
      <c r="F19030" s="360"/>
      <c r="G19030" s="360"/>
      <c r="H19030" s="360"/>
      <c r="I19030" s="360"/>
      <c r="J19030" s="365"/>
      <c r="K19030" s="365"/>
      <c r="L19030" s="365"/>
    </row>
    <row r="19031" spans="2:12" ht="28.5">
      <c r="B19031" s="368"/>
      <c r="C19031" s="368"/>
      <c r="D19031" s="368"/>
      <c r="E19031" s="368"/>
      <c r="F19031" s="361" t="s">
        <v>14472</v>
      </c>
      <c r="G19031" s="361" t="s">
        <v>14473</v>
      </c>
      <c r="H19031" s="361" t="s">
        <v>14422</v>
      </c>
      <c r="I19031" s="361" t="s">
        <v>14473</v>
      </c>
      <c r="J19031" s="366"/>
      <c r="K19031" s="366"/>
      <c r="L19031" s="366"/>
    </row>
    <row r="19032" spans="2:12" ht="28.5">
      <c r="B19032" s="358" t="s">
        <v>24218</v>
      </c>
      <c r="C19032" s="358" t="s">
        <v>29643</v>
      </c>
      <c r="D19032" s="358" t="s">
        <v>24219</v>
      </c>
      <c r="E19032" s="358" t="s">
        <v>24220</v>
      </c>
      <c r="F19032" s="358" t="s">
        <v>14394</v>
      </c>
      <c r="G19032" s="358" t="s">
        <v>14395</v>
      </c>
      <c r="H19032" s="358" t="s">
        <v>14370</v>
      </c>
      <c r="I19032" s="358" t="s">
        <v>14395</v>
      </c>
      <c r="J19032" s="358"/>
      <c r="K19032" s="358"/>
      <c r="L19032" s="358"/>
    </row>
    <row r="19033" spans="2:12">
      <c r="B19033" s="368"/>
      <c r="C19033" s="368"/>
      <c r="D19033" s="368"/>
      <c r="E19033" s="368"/>
      <c r="F19033" s="368"/>
      <c r="G19033" s="368"/>
      <c r="H19033" s="368"/>
      <c r="I19033" s="368"/>
      <c r="J19033" s="366"/>
      <c r="K19033" s="366"/>
      <c r="L19033" s="366"/>
    </row>
    <row r="19034" spans="2:12" ht="42.75">
      <c r="B19034" s="358" t="s">
        <v>24221</v>
      </c>
      <c r="C19034" s="358" t="s">
        <v>27913</v>
      </c>
      <c r="D19034" s="358" t="s">
        <v>24222</v>
      </c>
      <c r="E19034" s="358" t="s">
        <v>24223</v>
      </c>
      <c r="F19034" s="358" t="s">
        <v>29601</v>
      </c>
      <c r="G19034" s="358" t="s">
        <v>14429</v>
      </c>
      <c r="H19034" s="358" t="s">
        <v>14341</v>
      </c>
      <c r="I19034" s="358" t="s">
        <v>14429</v>
      </c>
      <c r="J19034" s="358"/>
      <c r="K19034" s="358"/>
      <c r="L19034" s="358"/>
    </row>
    <row r="19035" spans="2:12">
      <c r="B19035" s="367"/>
      <c r="C19035" s="367"/>
      <c r="D19035" s="367"/>
      <c r="E19035" s="367"/>
      <c r="F19035" s="360"/>
      <c r="G19035" s="360"/>
      <c r="H19035" s="360"/>
      <c r="I19035" s="360"/>
      <c r="J19035" s="365"/>
      <c r="K19035" s="365"/>
      <c r="L19035" s="365"/>
    </row>
    <row r="19036" spans="2:12" ht="28.5">
      <c r="B19036" s="367"/>
      <c r="C19036" s="367"/>
      <c r="D19036" s="367"/>
      <c r="E19036" s="367"/>
      <c r="F19036" s="359" t="s">
        <v>14394</v>
      </c>
      <c r="G19036" s="359" t="s">
        <v>14340</v>
      </c>
      <c r="H19036" s="359" t="s">
        <v>14367</v>
      </c>
      <c r="I19036" s="359" t="s">
        <v>14340</v>
      </c>
      <c r="J19036" s="365"/>
      <c r="K19036" s="365"/>
      <c r="L19036" s="365"/>
    </row>
    <row r="19037" spans="2:12">
      <c r="B19037" s="367"/>
      <c r="C19037" s="367"/>
      <c r="D19037" s="367"/>
      <c r="E19037" s="367"/>
      <c r="F19037" s="360"/>
      <c r="G19037" s="360"/>
      <c r="H19037" s="360"/>
      <c r="I19037" s="360"/>
      <c r="J19037" s="365"/>
      <c r="K19037" s="365"/>
      <c r="L19037" s="365"/>
    </row>
    <row r="19038" spans="2:12">
      <c r="B19038" s="367"/>
      <c r="C19038" s="367"/>
      <c r="D19038" s="367"/>
      <c r="E19038" s="367"/>
      <c r="F19038" s="360"/>
      <c r="G19038" s="359" t="s">
        <v>14392</v>
      </c>
      <c r="H19038" s="359" t="s">
        <v>14370</v>
      </c>
      <c r="I19038" s="359" t="s">
        <v>14392</v>
      </c>
      <c r="J19038" s="365"/>
      <c r="K19038" s="365"/>
      <c r="L19038" s="365"/>
    </row>
    <row r="19039" spans="2:12">
      <c r="B19039" s="367"/>
      <c r="C19039" s="367"/>
      <c r="D19039" s="367"/>
      <c r="E19039" s="367"/>
      <c r="F19039" s="360"/>
      <c r="G19039" s="360"/>
      <c r="H19039" s="360"/>
      <c r="I19039" s="360"/>
      <c r="J19039" s="365"/>
      <c r="K19039" s="365"/>
      <c r="L19039" s="365"/>
    </row>
    <row r="19040" spans="2:12">
      <c r="B19040" s="368"/>
      <c r="C19040" s="368"/>
      <c r="D19040" s="368"/>
      <c r="E19040" s="368"/>
      <c r="F19040" s="362"/>
      <c r="G19040" s="361" t="s">
        <v>14395</v>
      </c>
      <c r="H19040" s="361" t="s">
        <v>14332</v>
      </c>
      <c r="I19040" s="361" t="s">
        <v>14395</v>
      </c>
      <c r="J19040" s="366"/>
      <c r="K19040" s="366"/>
      <c r="L19040" s="366"/>
    </row>
    <row r="19041" spans="2:12" ht="42.75">
      <c r="B19041" s="358" t="s">
        <v>24224</v>
      </c>
      <c r="C19041" s="358" t="s">
        <v>27914</v>
      </c>
      <c r="D19041" s="358" t="s">
        <v>24225</v>
      </c>
      <c r="E19041" s="358" t="s">
        <v>8356</v>
      </c>
      <c r="F19041" s="358" t="s">
        <v>29644</v>
      </c>
      <c r="G19041" s="358" t="s">
        <v>14429</v>
      </c>
      <c r="H19041" s="358" t="s">
        <v>14381</v>
      </c>
      <c r="I19041" s="358" t="s">
        <v>14429</v>
      </c>
      <c r="J19041" s="358"/>
      <c r="K19041" s="358"/>
      <c r="L19041" s="358"/>
    </row>
    <row r="19042" spans="2:12">
      <c r="B19042" s="367"/>
      <c r="C19042" s="367"/>
      <c r="D19042" s="367"/>
      <c r="E19042" s="367"/>
      <c r="F19042" s="360"/>
      <c r="G19042" s="360"/>
      <c r="H19042" s="360"/>
      <c r="I19042" s="360"/>
      <c r="J19042" s="365"/>
      <c r="K19042" s="365"/>
      <c r="L19042" s="365"/>
    </row>
    <row r="19043" spans="2:12" ht="28.5">
      <c r="B19043" s="367"/>
      <c r="C19043" s="367"/>
      <c r="D19043" s="367"/>
      <c r="E19043" s="367"/>
      <c r="F19043" s="359" t="s">
        <v>14472</v>
      </c>
      <c r="G19043" s="359" t="s">
        <v>28649</v>
      </c>
      <c r="H19043" s="359" t="s">
        <v>14341</v>
      </c>
      <c r="I19043" s="359" t="s">
        <v>28649</v>
      </c>
      <c r="J19043" s="365"/>
      <c r="K19043" s="365"/>
      <c r="L19043" s="365"/>
    </row>
    <row r="19044" spans="2:12">
      <c r="B19044" s="367"/>
      <c r="C19044" s="367"/>
      <c r="D19044" s="367"/>
      <c r="E19044" s="367"/>
      <c r="F19044" s="360"/>
      <c r="G19044" s="360"/>
      <c r="H19044" s="360"/>
      <c r="I19044" s="360"/>
      <c r="J19044" s="365"/>
      <c r="K19044" s="365"/>
      <c r="L19044" s="365"/>
    </row>
    <row r="19045" spans="2:12">
      <c r="B19045" s="367"/>
      <c r="C19045" s="367"/>
      <c r="D19045" s="367"/>
      <c r="E19045" s="367"/>
      <c r="F19045" s="360"/>
      <c r="G19045" s="359" t="s">
        <v>14473</v>
      </c>
      <c r="H19045" s="359" t="s">
        <v>14367</v>
      </c>
      <c r="I19045" s="359" t="s">
        <v>14473</v>
      </c>
      <c r="J19045" s="365"/>
      <c r="K19045" s="365"/>
      <c r="L19045" s="365"/>
    </row>
    <row r="19046" spans="2:12">
      <c r="B19046" s="367"/>
      <c r="C19046" s="367"/>
      <c r="D19046" s="367"/>
      <c r="E19046" s="367"/>
      <c r="F19046" s="360"/>
      <c r="G19046" s="360"/>
      <c r="H19046" s="360"/>
      <c r="I19046" s="360"/>
      <c r="J19046" s="365"/>
      <c r="K19046" s="365"/>
      <c r="L19046" s="365"/>
    </row>
    <row r="19047" spans="2:12">
      <c r="B19047" s="368"/>
      <c r="C19047" s="368"/>
      <c r="D19047" s="368"/>
      <c r="E19047" s="368"/>
      <c r="F19047" s="362"/>
      <c r="G19047" s="362"/>
      <c r="H19047" s="361" t="s">
        <v>14332</v>
      </c>
      <c r="I19047" s="362"/>
      <c r="J19047" s="366"/>
      <c r="K19047" s="366"/>
      <c r="L19047" s="366"/>
    </row>
    <row r="19048" spans="2:12" ht="57">
      <c r="B19048" s="358" t="s">
        <v>24226</v>
      </c>
      <c r="C19048" s="358" t="s">
        <v>29645</v>
      </c>
      <c r="D19048" s="358" t="s">
        <v>24227</v>
      </c>
      <c r="E19048" s="358" t="s">
        <v>24228</v>
      </c>
      <c r="F19048" s="358" t="s">
        <v>29646</v>
      </c>
      <c r="G19048" s="358" t="s">
        <v>14383</v>
      </c>
      <c r="H19048" s="358" t="s">
        <v>14378</v>
      </c>
      <c r="I19048" s="358" t="s">
        <v>14383</v>
      </c>
      <c r="J19048" s="358"/>
      <c r="K19048" s="358"/>
      <c r="L19048" s="358"/>
    </row>
    <row r="19049" spans="2:12">
      <c r="B19049" s="367"/>
      <c r="C19049" s="367"/>
      <c r="D19049" s="367"/>
      <c r="E19049" s="367"/>
      <c r="F19049" s="360"/>
      <c r="G19049" s="360"/>
      <c r="H19049" s="360"/>
      <c r="I19049" s="360"/>
      <c r="J19049" s="365"/>
      <c r="K19049" s="365"/>
      <c r="L19049" s="365"/>
    </row>
    <row r="19050" spans="2:12" ht="28.5">
      <c r="B19050" s="367"/>
      <c r="C19050" s="367"/>
      <c r="D19050" s="367"/>
      <c r="E19050" s="367"/>
      <c r="F19050" s="359" t="s">
        <v>14472</v>
      </c>
      <c r="G19050" s="359" t="s">
        <v>14392</v>
      </c>
      <c r="H19050" s="359" t="s">
        <v>14332</v>
      </c>
      <c r="I19050" s="359" t="s">
        <v>14392</v>
      </c>
      <c r="J19050" s="365"/>
      <c r="K19050" s="365"/>
      <c r="L19050" s="365"/>
    </row>
    <row r="19051" spans="2:12">
      <c r="B19051" s="367"/>
      <c r="C19051" s="367"/>
      <c r="D19051" s="367"/>
      <c r="E19051" s="367"/>
      <c r="F19051" s="360"/>
      <c r="G19051" s="360"/>
      <c r="H19051" s="360"/>
      <c r="I19051" s="360"/>
      <c r="J19051" s="365"/>
      <c r="K19051" s="365"/>
      <c r="L19051" s="365"/>
    </row>
    <row r="19052" spans="2:12">
      <c r="B19052" s="368"/>
      <c r="C19052" s="368"/>
      <c r="D19052" s="368"/>
      <c r="E19052" s="368"/>
      <c r="F19052" s="362"/>
      <c r="G19052" s="361" t="s">
        <v>14473</v>
      </c>
      <c r="H19052" s="362"/>
      <c r="I19052" s="361" t="s">
        <v>14473</v>
      </c>
      <c r="J19052" s="366"/>
      <c r="K19052" s="366"/>
      <c r="L19052" s="366"/>
    </row>
    <row r="19053" spans="2:12" ht="57">
      <c r="B19053" s="358" t="s">
        <v>24229</v>
      </c>
      <c r="C19053" s="358" t="s">
        <v>29647</v>
      </c>
      <c r="D19053" s="358" t="s">
        <v>24230</v>
      </c>
      <c r="E19053" s="358" t="s">
        <v>8356</v>
      </c>
      <c r="F19053" s="358" t="s">
        <v>14391</v>
      </c>
      <c r="G19053" s="358" t="s">
        <v>14392</v>
      </c>
      <c r="H19053" s="358" t="s">
        <v>14367</v>
      </c>
      <c r="I19053" s="358" t="s">
        <v>14392</v>
      </c>
      <c r="J19053" s="358"/>
      <c r="K19053" s="358"/>
      <c r="L19053" s="358"/>
    </row>
    <row r="19054" spans="2:12">
      <c r="B19054" s="367"/>
      <c r="C19054" s="367"/>
      <c r="D19054" s="367"/>
      <c r="E19054" s="367"/>
      <c r="F19054" s="367"/>
      <c r="G19054" s="367"/>
      <c r="H19054" s="360"/>
      <c r="I19054" s="367"/>
      <c r="J19054" s="365"/>
      <c r="K19054" s="365"/>
      <c r="L19054" s="365"/>
    </row>
    <row r="19055" spans="2:12">
      <c r="B19055" s="368"/>
      <c r="C19055" s="368"/>
      <c r="D19055" s="368"/>
      <c r="E19055" s="368"/>
      <c r="F19055" s="368"/>
      <c r="G19055" s="368"/>
      <c r="H19055" s="361" t="s">
        <v>14422</v>
      </c>
      <c r="I19055" s="368"/>
      <c r="J19055" s="366"/>
      <c r="K19055" s="366"/>
      <c r="L19055" s="366"/>
    </row>
    <row r="19056" spans="2:12" ht="57">
      <c r="B19056" s="358" t="s">
        <v>24231</v>
      </c>
      <c r="C19056" s="358" t="s">
        <v>30412</v>
      </c>
      <c r="D19056" s="358" t="s">
        <v>24232</v>
      </c>
      <c r="E19056" s="358" t="s">
        <v>24233</v>
      </c>
      <c r="F19056" s="358" t="s">
        <v>14386</v>
      </c>
      <c r="G19056" s="358" t="s">
        <v>14387</v>
      </c>
      <c r="H19056" s="358" t="s">
        <v>14367</v>
      </c>
      <c r="I19056" s="358" t="s">
        <v>14387</v>
      </c>
      <c r="J19056" s="358"/>
      <c r="K19056" s="358"/>
      <c r="L19056" s="358"/>
    </row>
    <row r="19057" spans="2:12">
      <c r="B19057" s="367"/>
      <c r="C19057" s="367"/>
      <c r="D19057" s="367"/>
      <c r="E19057" s="367"/>
      <c r="F19057" s="367"/>
      <c r="G19057" s="367"/>
      <c r="H19057" s="360"/>
      <c r="I19057" s="367"/>
      <c r="J19057" s="365"/>
      <c r="K19057" s="365"/>
      <c r="L19057" s="365"/>
    </row>
    <row r="19058" spans="2:12">
      <c r="B19058" s="368"/>
      <c r="C19058" s="368"/>
      <c r="D19058" s="368"/>
      <c r="E19058" s="368"/>
      <c r="F19058" s="368"/>
      <c r="G19058" s="368"/>
      <c r="H19058" s="361" t="s">
        <v>14422</v>
      </c>
      <c r="I19058" s="368"/>
      <c r="J19058" s="366"/>
      <c r="K19058" s="366"/>
      <c r="L19058" s="366"/>
    </row>
    <row r="19059" spans="2:12">
      <c r="B19059" s="358" t="s">
        <v>24234</v>
      </c>
      <c r="C19059" s="358" t="s">
        <v>24235</v>
      </c>
      <c r="D19059" s="358" t="s">
        <v>24236</v>
      </c>
      <c r="E19059" s="358" t="s">
        <v>1475</v>
      </c>
      <c r="F19059" s="358" t="s">
        <v>14391</v>
      </c>
      <c r="G19059" s="358" t="s">
        <v>14392</v>
      </c>
      <c r="H19059" s="358" t="s">
        <v>14367</v>
      </c>
      <c r="I19059" s="358" t="s">
        <v>14392</v>
      </c>
      <c r="J19059" s="358"/>
      <c r="K19059" s="358"/>
      <c r="L19059" s="358"/>
    </row>
    <row r="19060" spans="2:12">
      <c r="B19060" s="367"/>
      <c r="C19060" s="367"/>
      <c r="D19060" s="367"/>
      <c r="E19060" s="367"/>
      <c r="F19060" s="360"/>
      <c r="G19060" s="360"/>
      <c r="H19060" s="360"/>
      <c r="I19060" s="360"/>
      <c r="J19060" s="365"/>
      <c r="K19060" s="365"/>
      <c r="L19060" s="365"/>
    </row>
    <row r="19061" spans="2:12">
      <c r="B19061" s="367"/>
      <c r="C19061" s="367"/>
      <c r="D19061" s="367"/>
      <c r="E19061" s="367"/>
      <c r="F19061" s="359" t="s">
        <v>14371</v>
      </c>
      <c r="G19061" s="359" t="s">
        <v>14372</v>
      </c>
      <c r="H19061" s="359" t="s">
        <v>14370</v>
      </c>
      <c r="I19061" s="359" t="s">
        <v>14373</v>
      </c>
      <c r="J19061" s="365"/>
      <c r="K19061" s="365"/>
      <c r="L19061" s="365"/>
    </row>
    <row r="19062" spans="2:12">
      <c r="B19062" s="367"/>
      <c r="C19062" s="367"/>
      <c r="D19062" s="367"/>
      <c r="E19062" s="367"/>
      <c r="F19062" s="360"/>
      <c r="G19062" s="360"/>
      <c r="H19062" s="360"/>
      <c r="I19062" s="360"/>
      <c r="J19062" s="365"/>
      <c r="K19062" s="365"/>
      <c r="L19062" s="365"/>
    </row>
    <row r="19063" spans="2:12" ht="28.5">
      <c r="B19063" s="368"/>
      <c r="C19063" s="368"/>
      <c r="D19063" s="368"/>
      <c r="E19063" s="368"/>
      <c r="F19063" s="361" t="s">
        <v>14374</v>
      </c>
      <c r="G19063" s="361" t="s">
        <v>14373</v>
      </c>
      <c r="H19063" s="361" t="s">
        <v>14422</v>
      </c>
      <c r="I19063" s="362"/>
      <c r="J19063" s="366"/>
      <c r="K19063" s="366"/>
      <c r="L19063" s="366"/>
    </row>
    <row r="19064" spans="2:12">
      <c r="B19064" s="358" t="s">
        <v>24237</v>
      </c>
      <c r="C19064" s="358" t="s">
        <v>24238</v>
      </c>
      <c r="D19064" s="358" t="s">
        <v>24239</v>
      </c>
      <c r="E19064" s="358" t="s">
        <v>24240</v>
      </c>
      <c r="F19064" s="358" t="s">
        <v>14386</v>
      </c>
      <c r="G19064" s="358" t="s">
        <v>14387</v>
      </c>
      <c r="H19064" s="358" t="s">
        <v>14367</v>
      </c>
      <c r="I19064" s="358" t="s">
        <v>14387</v>
      </c>
      <c r="J19064" s="358"/>
      <c r="K19064" s="358"/>
      <c r="L19064" s="358"/>
    </row>
    <row r="19065" spans="2:12">
      <c r="B19065" s="367"/>
      <c r="C19065" s="367"/>
      <c r="D19065" s="367"/>
      <c r="E19065" s="367"/>
      <c r="F19065" s="360"/>
      <c r="G19065" s="360"/>
      <c r="H19065" s="360"/>
      <c r="I19065" s="360"/>
      <c r="J19065" s="365"/>
      <c r="K19065" s="365"/>
      <c r="L19065" s="365"/>
    </row>
    <row r="19066" spans="2:12">
      <c r="B19066" s="367"/>
      <c r="C19066" s="367"/>
      <c r="D19066" s="367"/>
      <c r="E19066" s="367"/>
      <c r="F19066" s="359" t="s">
        <v>14368</v>
      </c>
      <c r="G19066" s="359" t="s">
        <v>14388</v>
      </c>
      <c r="H19066" s="359" t="s">
        <v>14422</v>
      </c>
      <c r="I19066" s="359" t="s">
        <v>14388</v>
      </c>
      <c r="J19066" s="365"/>
      <c r="K19066" s="365"/>
      <c r="L19066" s="365"/>
    </row>
    <row r="19067" spans="2:12">
      <c r="B19067" s="367"/>
      <c r="C19067" s="367"/>
      <c r="D19067" s="367"/>
      <c r="E19067" s="367"/>
      <c r="F19067" s="360"/>
      <c r="G19067" s="360"/>
      <c r="H19067" s="360"/>
      <c r="I19067" s="360"/>
      <c r="J19067" s="365"/>
      <c r="K19067" s="365"/>
      <c r="L19067" s="365"/>
    </row>
    <row r="19068" spans="2:12">
      <c r="B19068" s="367"/>
      <c r="C19068" s="367"/>
      <c r="D19068" s="367"/>
      <c r="E19068" s="367"/>
      <c r="F19068" s="359" t="s">
        <v>14389</v>
      </c>
      <c r="G19068" s="359" t="s">
        <v>14390</v>
      </c>
      <c r="H19068" s="360"/>
      <c r="I19068" s="359" t="s">
        <v>14390</v>
      </c>
      <c r="J19068" s="365"/>
      <c r="K19068" s="365"/>
      <c r="L19068" s="365"/>
    </row>
    <row r="19069" spans="2:12">
      <c r="B19069" s="367"/>
      <c r="C19069" s="367"/>
      <c r="D19069" s="367"/>
      <c r="E19069" s="367"/>
      <c r="F19069" s="360"/>
      <c r="G19069" s="360"/>
      <c r="H19069" s="360"/>
      <c r="I19069" s="360"/>
      <c r="J19069" s="365"/>
      <c r="K19069" s="365"/>
      <c r="L19069" s="365"/>
    </row>
    <row r="19070" spans="2:12">
      <c r="B19070" s="368"/>
      <c r="C19070" s="368"/>
      <c r="D19070" s="368"/>
      <c r="E19070" s="368"/>
      <c r="F19070" s="361" t="s">
        <v>14391</v>
      </c>
      <c r="G19070" s="361" t="s">
        <v>14392</v>
      </c>
      <c r="H19070" s="362"/>
      <c r="I19070" s="361" t="s">
        <v>14392</v>
      </c>
      <c r="J19070" s="366"/>
      <c r="K19070" s="366"/>
      <c r="L19070" s="366"/>
    </row>
    <row r="19071" spans="2:12" ht="28.5">
      <c r="B19071" s="358" t="s">
        <v>24241</v>
      </c>
      <c r="C19071" s="358" t="s">
        <v>30413</v>
      </c>
      <c r="D19071" s="358" t="s">
        <v>24242</v>
      </c>
      <c r="E19071" s="358" t="s">
        <v>24243</v>
      </c>
      <c r="F19071" s="358" t="s">
        <v>14420</v>
      </c>
      <c r="G19071" s="358" t="s">
        <v>14429</v>
      </c>
      <c r="H19071" s="358" t="s">
        <v>14367</v>
      </c>
      <c r="I19071" s="358" t="s">
        <v>14429</v>
      </c>
      <c r="J19071" s="358"/>
      <c r="K19071" s="358"/>
      <c r="L19071" s="358"/>
    </row>
    <row r="19072" spans="2:12">
      <c r="B19072" s="367"/>
      <c r="C19072" s="367"/>
      <c r="D19072" s="367"/>
      <c r="E19072" s="367"/>
      <c r="F19072" s="360"/>
      <c r="G19072" s="360"/>
      <c r="H19072" s="360"/>
      <c r="I19072" s="360"/>
      <c r="J19072" s="365"/>
      <c r="K19072" s="365"/>
      <c r="L19072" s="365"/>
    </row>
    <row r="19073" spans="2:12" ht="28.5">
      <c r="B19073" s="367"/>
      <c r="C19073" s="367"/>
      <c r="D19073" s="367"/>
      <c r="E19073" s="367"/>
      <c r="F19073" s="359" t="s">
        <v>14394</v>
      </c>
      <c r="G19073" s="359" t="s">
        <v>14395</v>
      </c>
      <c r="H19073" s="359" t="s">
        <v>14370</v>
      </c>
      <c r="I19073" s="359" t="s">
        <v>14395</v>
      </c>
      <c r="J19073" s="365"/>
      <c r="K19073" s="365"/>
      <c r="L19073" s="365"/>
    </row>
    <row r="19074" spans="2:12">
      <c r="B19074" s="367"/>
      <c r="C19074" s="367"/>
      <c r="D19074" s="367"/>
      <c r="E19074" s="367"/>
      <c r="F19074" s="360"/>
      <c r="G19074" s="360"/>
      <c r="H19074" s="360"/>
      <c r="I19074" s="360"/>
      <c r="J19074" s="365"/>
      <c r="K19074" s="365"/>
      <c r="L19074" s="365"/>
    </row>
    <row r="19075" spans="2:12">
      <c r="B19075" s="368"/>
      <c r="C19075" s="368"/>
      <c r="D19075" s="368"/>
      <c r="E19075" s="368"/>
      <c r="F19075" s="362"/>
      <c r="G19075" s="362"/>
      <c r="H19075" s="361" t="s">
        <v>14422</v>
      </c>
      <c r="I19075" s="362"/>
      <c r="J19075" s="366"/>
      <c r="K19075" s="366"/>
      <c r="L19075" s="366"/>
    </row>
    <row r="19076" spans="2:12" ht="28.5">
      <c r="B19076" s="358" t="s">
        <v>24244</v>
      </c>
      <c r="C19076" s="358" t="s">
        <v>24245</v>
      </c>
      <c r="D19076" s="358" t="s">
        <v>24246</v>
      </c>
      <c r="E19076" s="358" t="s">
        <v>24247</v>
      </c>
      <c r="F19076" s="358" t="s">
        <v>14507</v>
      </c>
      <c r="G19076" s="358" t="s">
        <v>28907</v>
      </c>
      <c r="H19076" s="358" t="s">
        <v>14381</v>
      </c>
      <c r="I19076" s="358" t="s">
        <v>28907</v>
      </c>
      <c r="J19076" s="358"/>
      <c r="K19076" s="358"/>
      <c r="L19076" s="358"/>
    </row>
    <row r="19077" spans="2:12">
      <c r="B19077" s="367"/>
      <c r="C19077" s="367"/>
      <c r="D19077" s="367"/>
      <c r="E19077" s="367"/>
      <c r="F19077" s="360"/>
      <c r="G19077" s="360"/>
      <c r="H19077" s="360"/>
      <c r="I19077" s="360"/>
      <c r="J19077" s="365"/>
      <c r="K19077" s="365"/>
      <c r="L19077" s="365"/>
    </row>
    <row r="19078" spans="2:12">
      <c r="B19078" s="367"/>
      <c r="C19078" s="367"/>
      <c r="D19078" s="367"/>
      <c r="E19078" s="367"/>
      <c r="F19078" s="359" t="s">
        <v>14420</v>
      </c>
      <c r="G19078" s="359" t="s">
        <v>14387</v>
      </c>
      <c r="H19078" s="359" t="s">
        <v>14367</v>
      </c>
      <c r="I19078" s="359" t="s">
        <v>14387</v>
      </c>
      <c r="J19078" s="365"/>
      <c r="K19078" s="365"/>
      <c r="L19078" s="365"/>
    </row>
    <row r="19079" spans="2:12">
      <c r="B19079" s="367"/>
      <c r="C19079" s="367"/>
      <c r="D19079" s="367"/>
      <c r="E19079" s="367"/>
      <c r="F19079" s="360"/>
      <c r="G19079" s="360"/>
      <c r="H19079" s="360"/>
      <c r="I19079" s="360"/>
      <c r="J19079" s="365"/>
      <c r="K19079" s="365"/>
      <c r="L19079" s="365"/>
    </row>
    <row r="19080" spans="2:12">
      <c r="B19080" s="368"/>
      <c r="C19080" s="368"/>
      <c r="D19080" s="368"/>
      <c r="E19080" s="368"/>
      <c r="F19080" s="361" t="s">
        <v>14386</v>
      </c>
      <c r="G19080" s="362"/>
      <c r="H19080" s="361" t="s">
        <v>14422</v>
      </c>
      <c r="I19080" s="362"/>
      <c r="J19080" s="366"/>
      <c r="K19080" s="366"/>
      <c r="L19080" s="366"/>
    </row>
    <row r="19081" spans="2:12" ht="42.75">
      <c r="B19081" s="358" t="s">
        <v>24248</v>
      </c>
      <c r="C19081" s="358" t="s">
        <v>30414</v>
      </c>
      <c r="D19081" s="358" t="s">
        <v>24249</v>
      </c>
      <c r="E19081" s="358" t="s">
        <v>1856</v>
      </c>
      <c r="F19081" s="358" t="s">
        <v>14382</v>
      </c>
      <c r="G19081" s="358" t="s">
        <v>14483</v>
      </c>
      <c r="H19081" s="358" t="s">
        <v>14378</v>
      </c>
      <c r="I19081" s="358" t="s">
        <v>14483</v>
      </c>
      <c r="J19081" s="358"/>
      <c r="K19081" s="358" t="s">
        <v>29635</v>
      </c>
      <c r="L19081" s="358"/>
    </row>
    <row r="19082" spans="2:12">
      <c r="B19082" s="367"/>
      <c r="C19082" s="367"/>
      <c r="D19082" s="367"/>
      <c r="E19082" s="367"/>
      <c r="F19082" s="360"/>
      <c r="G19082" s="360"/>
      <c r="H19082" s="360"/>
      <c r="I19082" s="360"/>
      <c r="J19082" s="365"/>
      <c r="K19082" s="367"/>
      <c r="L19082" s="365"/>
    </row>
    <row r="19083" spans="2:12">
      <c r="B19083" s="367"/>
      <c r="C19083" s="367"/>
      <c r="D19083" s="367"/>
      <c r="E19083" s="367"/>
      <c r="F19083" s="359" t="s">
        <v>14382</v>
      </c>
      <c r="G19083" s="359" t="s">
        <v>14579</v>
      </c>
      <c r="H19083" s="359" t="s">
        <v>14341</v>
      </c>
      <c r="I19083" s="359" t="s">
        <v>14579</v>
      </c>
      <c r="J19083" s="365"/>
      <c r="K19083" s="367"/>
      <c r="L19083" s="365"/>
    </row>
    <row r="19084" spans="2:12">
      <c r="B19084" s="367"/>
      <c r="C19084" s="367"/>
      <c r="D19084" s="367"/>
      <c r="E19084" s="367"/>
      <c r="F19084" s="360"/>
      <c r="G19084" s="360"/>
      <c r="H19084" s="360"/>
      <c r="I19084" s="360"/>
      <c r="J19084" s="365"/>
      <c r="K19084" s="367"/>
      <c r="L19084" s="365"/>
    </row>
    <row r="19085" spans="2:12">
      <c r="B19085" s="367"/>
      <c r="C19085" s="367"/>
      <c r="D19085" s="367"/>
      <c r="E19085" s="367"/>
      <c r="F19085" s="359" t="s">
        <v>14420</v>
      </c>
      <c r="G19085" s="359" t="s">
        <v>14429</v>
      </c>
      <c r="H19085" s="359" t="s">
        <v>14370</v>
      </c>
      <c r="I19085" s="359" t="s">
        <v>14429</v>
      </c>
      <c r="J19085" s="365"/>
      <c r="K19085" s="367"/>
      <c r="L19085" s="365"/>
    </row>
    <row r="19086" spans="2:12">
      <c r="B19086" s="367"/>
      <c r="C19086" s="367"/>
      <c r="D19086" s="367"/>
      <c r="E19086" s="367"/>
      <c r="F19086" s="360"/>
      <c r="G19086" s="360"/>
      <c r="H19086" s="360"/>
      <c r="I19086" s="360"/>
      <c r="J19086" s="365"/>
      <c r="K19086" s="367"/>
      <c r="L19086" s="365"/>
    </row>
    <row r="19087" spans="2:12">
      <c r="B19087" s="367"/>
      <c r="C19087" s="367"/>
      <c r="D19087" s="367"/>
      <c r="E19087" s="367"/>
      <c r="F19087" s="359" t="s">
        <v>14356</v>
      </c>
      <c r="G19087" s="359" t="s">
        <v>14340</v>
      </c>
      <c r="H19087" s="359" t="s">
        <v>14332</v>
      </c>
      <c r="I19087" s="359" t="s">
        <v>14340</v>
      </c>
      <c r="J19087" s="365"/>
      <c r="K19087" s="367"/>
      <c r="L19087" s="365"/>
    </row>
    <row r="19088" spans="2:12">
      <c r="B19088" s="367"/>
      <c r="C19088" s="367"/>
      <c r="D19088" s="367"/>
      <c r="E19088" s="367"/>
      <c r="F19088" s="360"/>
      <c r="G19088" s="360"/>
      <c r="H19088" s="360"/>
      <c r="I19088" s="360"/>
      <c r="J19088" s="365"/>
      <c r="K19088" s="367"/>
      <c r="L19088" s="365"/>
    </row>
    <row r="19089" spans="2:12">
      <c r="B19089" s="367"/>
      <c r="C19089" s="367"/>
      <c r="D19089" s="367"/>
      <c r="E19089" s="367"/>
      <c r="F19089" s="359" t="s">
        <v>14391</v>
      </c>
      <c r="G19089" s="359" t="s">
        <v>14392</v>
      </c>
      <c r="H19089" s="360"/>
      <c r="I19089" s="359" t="s">
        <v>14392</v>
      </c>
      <c r="J19089" s="365"/>
      <c r="K19089" s="367"/>
      <c r="L19089" s="365"/>
    </row>
    <row r="19090" spans="2:12">
      <c r="B19090" s="367"/>
      <c r="C19090" s="367"/>
      <c r="D19090" s="367"/>
      <c r="E19090" s="367"/>
      <c r="F19090" s="360"/>
      <c r="G19090" s="360"/>
      <c r="H19090" s="360"/>
      <c r="I19090" s="360"/>
      <c r="J19090" s="365"/>
      <c r="K19090" s="367"/>
      <c r="L19090" s="365"/>
    </row>
    <row r="19091" spans="2:12">
      <c r="B19091" s="367"/>
      <c r="C19091" s="367"/>
      <c r="D19091" s="367"/>
      <c r="E19091" s="367"/>
      <c r="F19091" s="359" t="s">
        <v>14371</v>
      </c>
      <c r="G19091" s="359" t="s">
        <v>14372</v>
      </c>
      <c r="H19091" s="360"/>
      <c r="I19091" s="359" t="s">
        <v>14373</v>
      </c>
      <c r="J19091" s="365"/>
      <c r="K19091" s="367"/>
      <c r="L19091" s="365"/>
    </row>
    <row r="19092" spans="2:12">
      <c r="B19092" s="367"/>
      <c r="C19092" s="367"/>
      <c r="D19092" s="367"/>
      <c r="E19092" s="367"/>
      <c r="F19092" s="360"/>
      <c r="G19092" s="360"/>
      <c r="H19092" s="360"/>
      <c r="I19092" s="360"/>
      <c r="J19092" s="365"/>
      <c r="K19092" s="367"/>
      <c r="L19092" s="365"/>
    </row>
    <row r="19093" spans="2:12" ht="28.5">
      <c r="B19093" s="368"/>
      <c r="C19093" s="368"/>
      <c r="D19093" s="368"/>
      <c r="E19093" s="368"/>
      <c r="F19093" s="361" t="s">
        <v>14374</v>
      </c>
      <c r="G19093" s="361" t="s">
        <v>14373</v>
      </c>
      <c r="H19093" s="362"/>
      <c r="I19093" s="362"/>
      <c r="J19093" s="366"/>
      <c r="K19093" s="368"/>
      <c r="L19093" s="366"/>
    </row>
    <row r="19094" spans="2:12">
      <c r="B19094" s="358" t="s">
        <v>24250</v>
      </c>
      <c r="C19094" s="358" t="s">
        <v>24251</v>
      </c>
      <c r="D19094" s="358" t="s">
        <v>24252</v>
      </c>
      <c r="E19094" s="358" t="s">
        <v>24253</v>
      </c>
      <c r="F19094" s="358" t="s">
        <v>14386</v>
      </c>
      <c r="G19094" s="358" t="s">
        <v>14387</v>
      </c>
      <c r="H19094" s="358" t="s">
        <v>14367</v>
      </c>
      <c r="I19094" s="358" t="s">
        <v>14387</v>
      </c>
      <c r="J19094" s="358"/>
      <c r="K19094" s="358"/>
      <c r="L19094" s="358"/>
    </row>
    <row r="19095" spans="2:12">
      <c r="B19095" s="367"/>
      <c r="C19095" s="367"/>
      <c r="D19095" s="367"/>
      <c r="E19095" s="367"/>
      <c r="F19095" s="360"/>
      <c r="G19095" s="360"/>
      <c r="H19095" s="360"/>
      <c r="I19095" s="360"/>
      <c r="J19095" s="365"/>
      <c r="K19095" s="365"/>
      <c r="L19095" s="365"/>
    </row>
    <row r="19096" spans="2:12">
      <c r="B19096" s="367"/>
      <c r="C19096" s="367"/>
      <c r="D19096" s="367"/>
      <c r="E19096" s="367"/>
      <c r="F19096" s="359" t="s">
        <v>14389</v>
      </c>
      <c r="G19096" s="359" t="s">
        <v>14390</v>
      </c>
      <c r="H19096" s="359" t="s">
        <v>14370</v>
      </c>
      <c r="I19096" s="359" t="s">
        <v>14390</v>
      </c>
      <c r="J19096" s="365"/>
      <c r="K19096" s="365"/>
      <c r="L19096" s="365"/>
    </row>
    <row r="19097" spans="2:12">
      <c r="B19097" s="367"/>
      <c r="C19097" s="367"/>
      <c r="D19097" s="367"/>
      <c r="E19097" s="367"/>
      <c r="F19097" s="360"/>
      <c r="G19097" s="360"/>
      <c r="H19097" s="360"/>
      <c r="I19097" s="360"/>
      <c r="J19097" s="365"/>
      <c r="K19097" s="365"/>
      <c r="L19097" s="365"/>
    </row>
    <row r="19098" spans="2:12">
      <c r="B19098" s="367"/>
      <c r="C19098" s="367"/>
      <c r="D19098" s="367"/>
      <c r="E19098" s="367"/>
      <c r="F19098" s="359" t="s">
        <v>14391</v>
      </c>
      <c r="G19098" s="359" t="s">
        <v>14392</v>
      </c>
      <c r="H19098" s="359" t="s">
        <v>14422</v>
      </c>
      <c r="I19098" s="359" t="s">
        <v>14392</v>
      </c>
      <c r="J19098" s="365"/>
      <c r="K19098" s="365"/>
      <c r="L19098" s="365"/>
    </row>
    <row r="19099" spans="2:12">
      <c r="B19099" s="367"/>
      <c r="C19099" s="367"/>
      <c r="D19099" s="367"/>
      <c r="E19099" s="367"/>
      <c r="F19099" s="360"/>
      <c r="G19099" s="360"/>
      <c r="H19099" s="360"/>
      <c r="I19099" s="360"/>
      <c r="J19099" s="365"/>
      <c r="K19099" s="365"/>
      <c r="L19099" s="365"/>
    </row>
    <row r="19100" spans="2:12" ht="28.5">
      <c r="B19100" s="368"/>
      <c r="C19100" s="368"/>
      <c r="D19100" s="368"/>
      <c r="E19100" s="368"/>
      <c r="F19100" s="361" t="s">
        <v>14394</v>
      </c>
      <c r="G19100" s="361" t="s">
        <v>14395</v>
      </c>
      <c r="H19100" s="362"/>
      <c r="I19100" s="361" t="s">
        <v>14395</v>
      </c>
      <c r="J19100" s="366"/>
      <c r="K19100" s="366"/>
      <c r="L19100" s="366"/>
    </row>
    <row r="19101" spans="2:12" ht="42.75">
      <c r="B19101" s="358" t="s">
        <v>24254</v>
      </c>
      <c r="C19101" s="358" t="s">
        <v>29648</v>
      </c>
      <c r="D19101" s="358" t="s">
        <v>24255</v>
      </c>
      <c r="E19101" s="358" t="s">
        <v>1583</v>
      </c>
      <c r="F19101" s="358" t="s">
        <v>14420</v>
      </c>
      <c r="G19101" s="358" t="s">
        <v>14429</v>
      </c>
      <c r="H19101" s="358" t="s">
        <v>14367</v>
      </c>
      <c r="I19101" s="358" t="s">
        <v>14429</v>
      </c>
      <c r="J19101" s="358"/>
      <c r="K19101" s="358" t="s">
        <v>28744</v>
      </c>
      <c r="L19101" s="358"/>
    </row>
    <row r="19102" spans="2:12">
      <c r="B19102" s="367"/>
      <c r="C19102" s="367"/>
      <c r="D19102" s="367"/>
      <c r="E19102" s="367"/>
      <c r="F19102" s="360"/>
      <c r="G19102" s="360"/>
      <c r="H19102" s="360"/>
      <c r="I19102" s="360"/>
      <c r="J19102" s="365"/>
      <c r="K19102" s="360"/>
      <c r="L19102" s="365"/>
    </row>
    <row r="19103" spans="2:12">
      <c r="B19103" s="368"/>
      <c r="C19103" s="368"/>
      <c r="D19103" s="368"/>
      <c r="E19103" s="368"/>
      <c r="F19103" s="361" t="s">
        <v>14391</v>
      </c>
      <c r="G19103" s="361" t="s">
        <v>14392</v>
      </c>
      <c r="H19103" s="361" t="s">
        <v>14422</v>
      </c>
      <c r="I19103" s="361" t="s">
        <v>14392</v>
      </c>
      <c r="J19103" s="366"/>
      <c r="K19103" s="361" t="s">
        <v>29649</v>
      </c>
      <c r="L19103" s="366"/>
    </row>
    <row r="19104" spans="2:12">
      <c r="B19104" s="358" t="s">
        <v>24256</v>
      </c>
      <c r="C19104" s="358" t="s">
        <v>29650</v>
      </c>
      <c r="D19104" s="358" t="s">
        <v>24257</v>
      </c>
      <c r="E19104" s="358" t="s">
        <v>24258</v>
      </c>
      <c r="F19104" s="358" t="s">
        <v>14420</v>
      </c>
      <c r="G19104" s="358" t="s">
        <v>14429</v>
      </c>
      <c r="H19104" s="358" t="s">
        <v>14341</v>
      </c>
      <c r="I19104" s="358" t="s">
        <v>14429</v>
      </c>
      <c r="J19104" s="358"/>
      <c r="K19104" s="358"/>
      <c r="L19104" s="358"/>
    </row>
    <row r="19105" spans="2:12">
      <c r="B19105" s="367"/>
      <c r="C19105" s="367"/>
      <c r="D19105" s="367"/>
      <c r="E19105" s="367"/>
      <c r="F19105" s="360"/>
      <c r="G19105" s="360"/>
      <c r="H19105" s="360"/>
      <c r="I19105" s="360"/>
      <c r="J19105" s="365"/>
      <c r="K19105" s="365"/>
      <c r="L19105" s="365"/>
    </row>
    <row r="19106" spans="2:12">
      <c r="B19106" s="367"/>
      <c r="C19106" s="367"/>
      <c r="D19106" s="367"/>
      <c r="E19106" s="367"/>
      <c r="F19106" s="359" t="s">
        <v>14430</v>
      </c>
      <c r="G19106" s="359" t="s">
        <v>14431</v>
      </c>
      <c r="H19106" s="359" t="s">
        <v>14367</v>
      </c>
      <c r="I19106" s="359" t="s">
        <v>14431</v>
      </c>
      <c r="J19106" s="365"/>
      <c r="K19106" s="365"/>
      <c r="L19106" s="365"/>
    </row>
    <row r="19107" spans="2:12">
      <c r="B19107" s="367"/>
      <c r="C19107" s="367"/>
      <c r="D19107" s="367"/>
      <c r="E19107" s="367"/>
      <c r="F19107" s="360"/>
      <c r="G19107" s="360"/>
      <c r="H19107" s="360"/>
      <c r="I19107" s="360"/>
      <c r="J19107" s="365"/>
      <c r="K19107" s="365"/>
      <c r="L19107" s="365"/>
    </row>
    <row r="19108" spans="2:12" ht="28.5">
      <c r="B19108" s="368"/>
      <c r="C19108" s="368"/>
      <c r="D19108" s="368"/>
      <c r="E19108" s="368"/>
      <c r="F19108" s="361" t="s">
        <v>14472</v>
      </c>
      <c r="G19108" s="361" t="s">
        <v>14473</v>
      </c>
      <c r="H19108" s="361" t="s">
        <v>14332</v>
      </c>
      <c r="I19108" s="361" t="s">
        <v>14473</v>
      </c>
      <c r="J19108" s="366"/>
      <c r="K19108" s="366"/>
      <c r="L19108" s="366"/>
    </row>
    <row r="19109" spans="2:12" ht="71.25">
      <c r="B19109" s="358" t="s">
        <v>24259</v>
      </c>
      <c r="C19109" s="358" t="s">
        <v>30415</v>
      </c>
      <c r="D19109" s="358" t="s">
        <v>24260</v>
      </c>
      <c r="E19109" s="358" t="s">
        <v>2000</v>
      </c>
      <c r="F19109" s="358" t="s">
        <v>29133</v>
      </c>
      <c r="G19109" s="358" t="s">
        <v>14380</v>
      </c>
      <c r="H19109" s="358" t="s">
        <v>14378</v>
      </c>
      <c r="I19109" s="358" t="s">
        <v>14380</v>
      </c>
      <c r="J19109" s="358"/>
      <c r="K19109" s="358" t="s">
        <v>14820</v>
      </c>
      <c r="L19109" s="358"/>
    </row>
    <row r="19110" spans="2:12">
      <c r="B19110" s="367"/>
      <c r="C19110" s="367"/>
      <c r="D19110" s="367"/>
      <c r="E19110" s="367"/>
      <c r="F19110" s="360"/>
      <c r="G19110" s="360"/>
      <c r="H19110" s="360"/>
      <c r="I19110" s="360"/>
      <c r="J19110" s="365"/>
      <c r="K19110" s="367"/>
      <c r="L19110" s="365"/>
    </row>
    <row r="19111" spans="2:12" ht="28.5">
      <c r="B19111" s="367"/>
      <c r="C19111" s="367"/>
      <c r="D19111" s="367"/>
      <c r="E19111" s="367"/>
      <c r="F19111" s="359" t="s">
        <v>14386</v>
      </c>
      <c r="G19111" s="359" t="s">
        <v>29651</v>
      </c>
      <c r="H19111" s="359" t="s">
        <v>14381</v>
      </c>
      <c r="I19111" s="359" t="s">
        <v>29651</v>
      </c>
      <c r="J19111" s="365"/>
      <c r="K19111" s="367"/>
      <c r="L19111" s="365"/>
    </row>
    <row r="19112" spans="2:12">
      <c r="B19112" s="367"/>
      <c r="C19112" s="367"/>
      <c r="D19112" s="367"/>
      <c r="E19112" s="367"/>
      <c r="F19112" s="360"/>
      <c r="G19112" s="360"/>
      <c r="H19112" s="360"/>
      <c r="I19112" s="360"/>
      <c r="J19112" s="365"/>
      <c r="K19112" s="367"/>
      <c r="L19112" s="365"/>
    </row>
    <row r="19113" spans="2:12">
      <c r="B19113" s="367"/>
      <c r="C19113" s="367"/>
      <c r="D19113" s="367"/>
      <c r="E19113" s="367"/>
      <c r="F19113" s="359" t="s">
        <v>14368</v>
      </c>
      <c r="G19113" s="359" t="s">
        <v>14388</v>
      </c>
      <c r="H19113" s="359" t="s">
        <v>14370</v>
      </c>
      <c r="I19113" s="359" t="s">
        <v>14388</v>
      </c>
      <c r="J19113" s="365"/>
      <c r="K19113" s="367"/>
      <c r="L19113" s="365"/>
    </row>
    <row r="19114" spans="2:12">
      <c r="B19114" s="367"/>
      <c r="C19114" s="367"/>
      <c r="D19114" s="367"/>
      <c r="E19114" s="367"/>
      <c r="F19114" s="360"/>
      <c r="G19114" s="360"/>
      <c r="H19114" s="360"/>
      <c r="I19114" s="360"/>
      <c r="J19114" s="365"/>
      <c r="K19114" s="367"/>
      <c r="L19114" s="365"/>
    </row>
    <row r="19115" spans="2:12">
      <c r="B19115" s="367"/>
      <c r="C19115" s="367"/>
      <c r="D19115" s="367"/>
      <c r="E19115" s="367"/>
      <c r="F19115" s="359" t="s">
        <v>14389</v>
      </c>
      <c r="G19115" s="359" t="s">
        <v>14390</v>
      </c>
      <c r="H19115" s="359" t="s">
        <v>14332</v>
      </c>
      <c r="I19115" s="359" t="s">
        <v>14390</v>
      </c>
      <c r="J19115" s="365"/>
      <c r="K19115" s="367"/>
      <c r="L19115" s="365"/>
    </row>
    <row r="19116" spans="2:12">
      <c r="B19116" s="367"/>
      <c r="C19116" s="367"/>
      <c r="D19116" s="367"/>
      <c r="E19116" s="367"/>
      <c r="F19116" s="360"/>
      <c r="G19116" s="360"/>
      <c r="H19116" s="360"/>
      <c r="I19116" s="360"/>
      <c r="J19116" s="365"/>
      <c r="K19116" s="367"/>
      <c r="L19116" s="365"/>
    </row>
    <row r="19117" spans="2:12">
      <c r="B19117" s="367"/>
      <c r="C19117" s="367"/>
      <c r="D19117" s="367"/>
      <c r="E19117" s="367"/>
      <c r="F19117" s="359" t="s">
        <v>14391</v>
      </c>
      <c r="G19117" s="359" t="s">
        <v>14392</v>
      </c>
      <c r="H19117" s="360"/>
      <c r="I19117" s="359" t="s">
        <v>14392</v>
      </c>
      <c r="J19117" s="365"/>
      <c r="K19117" s="367"/>
      <c r="L19117" s="365"/>
    </row>
    <row r="19118" spans="2:12">
      <c r="B19118" s="367"/>
      <c r="C19118" s="367"/>
      <c r="D19118" s="367"/>
      <c r="E19118" s="367"/>
      <c r="F19118" s="360"/>
      <c r="G19118" s="360"/>
      <c r="H19118" s="360"/>
      <c r="I19118" s="360"/>
      <c r="J19118" s="365"/>
      <c r="K19118" s="367"/>
      <c r="L19118" s="365"/>
    </row>
    <row r="19119" spans="2:12">
      <c r="B19119" s="368"/>
      <c r="C19119" s="368"/>
      <c r="D19119" s="368"/>
      <c r="E19119" s="368"/>
      <c r="F19119" s="361" t="s">
        <v>14371</v>
      </c>
      <c r="G19119" s="361" t="s">
        <v>14372</v>
      </c>
      <c r="H19119" s="362"/>
      <c r="I19119" s="361" t="s">
        <v>14372</v>
      </c>
      <c r="J19119" s="366"/>
      <c r="K19119" s="368"/>
      <c r="L19119" s="366"/>
    </row>
    <row r="19120" spans="2:12" ht="71.25">
      <c r="B19120" s="358" t="s">
        <v>24261</v>
      </c>
      <c r="C19120" s="358" t="s">
        <v>30416</v>
      </c>
      <c r="D19120" s="358" t="s">
        <v>24260</v>
      </c>
      <c r="E19120" s="358" t="s">
        <v>2000</v>
      </c>
      <c r="F19120" s="358" t="s">
        <v>14386</v>
      </c>
      <c r="G19120" s="358" t="s">
        <v>14387</v>
      </c>
      <c r="H19120" s="358" t="s">
        <v>14367</v>
      </c>
      <c r="I19120" s="358" t="s">
        <v>14387</v>
      </c>
      <c r="J19120" s="358"/>
      <c r="K19120" s="358" t="s">
        <v>14820</v>
      </c>
      <c r="L19120" s="358"/>
    </row>
    <row r="19121" spans="2:12">
      <c r="B19121" s="367"/>
      <c r="C19121" s="367"/>
      <c r="D19121" s="367"/>
      <c r="E19121" s="367"/>
      <c r="F19121" s="360"/>
      <c r="G19121" s="360"/>
      <c r="H19121" s="360"/>
      <c r="I19121" s="360"/>
      <c r="J19121" s="365"/>
      <c r="K19121" s="367"/>
      <c r="L19121" s="365"/>
    </row>
    <row r="19122" spans="2:12">
      <c r="B19122" s="367"/>
      <c r="C19122" s="367"/>
      <c r="D19122" s="367"/>
      <c r="E19122" s="367"/>
      <c r="F19122" s="359" t="s">
        <v>14368</v>
      </c>
      <c r="G19122" s="359" t="s">
        <v>14388</v>
      </c>
      <c r="H19122" s="359" t="s">
        <v>14370</v>
      </c>
      <c r="I19122" s="359" t="s">
        <v>14388</v>
      </c>
      <c r="J19122" s="365"/>
      <c r="K19122" s="367"/>
      <c r="L19122" s="365"/>
    </row>
    <row r="19123" spans="2:12">
      <c r="B19123" s="367"/>
      <c r="C19123" s="367"/>
      <c r="D19123" s="367"/>
      <c r="E19123" s="367"/>
      <c r="F19123" s="360"/>
      <c r="G19123" s="360"/>
      <c r="H19123" s="360"/>
      <c r="I19123" s="360"/>
      <c r="J19123" s="365"/>
      <c r="K19123" s="367"/>
      <c r="L19123" s="365"/>
    </row>
    <row r="19124" spans="2:12">
      <c r="B19124" s="367"/>
      <c r="C19124" s="367"/>
      <c r="D19124" s="367"/>
      <c r="E19124" s="367"/>
      <c r="F19124" s="359" t="s">
        <v>14389</v>
      </c>
      <c r="G19124" s="359" t="s">
        <v>14390</v>
      </c>
      <c r="H19124" s="359" t="s">
        <v>14422</v>
      </c>
      <c r="I19124" s="359" t="s">
        <v>14390</v>
      </c>
      <c r="J19124" s="365"/>
      <c r="K19124" s="367"/>
      <c r="L19124" s="365"/>
    </row>
    <row r="19125" spans="2:12">
      <c r="B19125" s="367"/>
      <c r="C19125" s="367"/>
      <c r="D19125" s="367"/>
      <c r="E19125" s="367"/>
      <c r="F19125" s="360"/>
      <c r="G19125" s="360"/>
      <c r="H19125" s="360"/>
      <c r="I19125" s="360"/>
      <c r="J19125" s="365"/>
      <c r="K19125" s="367"/>
      <c r="L19125" s="365"/>
    </row>
    <row r="19126" spans="2:12">
      <c r="B19126" s="367"/>
      <c r="C19126" s="367"/>
      <c r="D19126" s="367"/>
      <c r="E19126" s="367"/>
      <c r="F19126" s="359" t="s">
        <v>14391</v>
      </c>
      <c r="G19126" s="359" t="s">
        <v>14392</v>
      </c>
      <c r="H19126" s="360"/>
      <c r="I19126" s="359" t="s">
        <v>14392</v>
      </c>
      <c r="J19126" s="365"/>
      <c r="K19126" s="367"/>
      <c r="L19126" s="365"/>
    </row>
    <row r="19127" spans="2:12">
      <c r="B19127" s="367"/>
      <c r="C19127" s="367"/>
      <c r="D19127" s="367"/>
      <c r="E19127" s="367"/>
      <c r="F19127" s="360"/>
      <c r="G19127" s="360"/>
      <c r="H19127" s="360"/>
      <c r="I19127" s="360"/>
      <c r="J19127" s="365"/>
      <c r="K19127" s="367"/>
      <c r="L19127" s="365"/>
    </row>
    <row r="19128" spans="2:12">
      <c r="B19128" s="368"/>
      <c r="C19128" s="368"/>
      <c r="D19128" s="368"/>
      <c r="E19128" s="368"/>
      <c r="F19128" s="361" t="s">
        <v>14371</v>
      </c>
      <c r="G19128" s="361" t="s">
        <v>14372</v>
      </c>
      <c r="H19128" s="362"/>
      <c r="I19128" s="361" t="s">
        <v>14372</v>
      </c>
      <c r="J19128" s="366"/>
      <c r="K19128" s="368"/>
      <c r="L19128" s="366"/>
    </row>
    <row r="19129" spans="2:12" ht="71.25">
      <c r="B19129" s="358" t="s">
        <v>24262</v>
      </c>
      <c r="C19129" s="358" t="s">
        <v>30417</v>
      </c>
      <c r="D19129" s="358" t="s">
        <v>8356</v>
      </c>
      <c r="E19129" s="358" t="s">
        <v>24263</v>
      </c>
      <c r="F19129" s="358" t="s">
        <v>29049</v>
      </c>
      <c r="G19129" s="358" t="s">
        <v>14429</v>
      </c>
      <c r="H19129" s="358" t="s">
        <v>14367</v>
      </c>
      <c r="I19129" s="358" t="s">
        <v>14429</v>
      </c>
      <c r="J19129" s="358"/>
      <c r="K19129" s="358"/>
      <c r="L19129" s="358"/>
    </row>
    <row r="19130" spans="2:12">
      <c r="B19130" s="367"/>
      <c r="C19130" s="367"/>
      <c r="D19130" s="367"/>
      <c r="E19130" s="367"/>
      <c r="F19130" s="360"/>
      <c r="G19130" s="360"/>
      <c r="H19130" s="360"/>
      <c r="I19130" s="360"/>
      <c r="J19130" s="365"/>
      <c r="K19130" s="365"/>
      <c r="L19130" s="365"/>
    </row>
    <row r="19131" spans="2:12" ht="28.5">
      <c r="B19131" s="367"/>
      <c r="C19131" s="367"/>
      <c r="D19131" s="367"/>
      <c r="E19131" s="367"/>
      <c r="F19131" s="359" t="s">
        <v>14374</v>
      </c>
      <c r="G19131" s="359" t="s">
        <v>14372</v>
      </c>
      <c r="H19131" s="359" t="s">
        <v>14370</v>
      </c>
      <c r="I19131" s="359" t="s">
        <v>14373</v>
      </c>
      <c r="J19131" s="365"/>
      <c r="K19131" s="365"/>
      <c r="L19131" s="365"/>
    </row>
    <row r="19132" spans="2:12">
      <c r="B19132" s="367"/>
      <c r="C19132" s="367"/>
      <c r="D19132" s="367"/>
      <c r="E19132" s="367"/>
      <c r="F19132" s="360"/>
      <c r="G19132" s="360"/>
      <c r="H19132" s="360"/>
      <c r="I19132" s="360"/>
      <c r="J19132" s="365"/>
      <c r="K19132" s="365"/>
      <c r="L19132" s="365"/>
    </row>
    <row r="19133" spans="2:12">
      <c r="B19133" s="368"/>
      <c r="C19133" s="368"/>
      <c r="D19133" s="368"/>
      <c r="E19133" s="368"/>
      <c r="F19133" s="362"/>
      <c r="G19133" s="361" t="s">
        <v>14373</v>
      </c>
      <c r="H19133" s="361" t="s">
        <v>14422</v>
      </c>
      <c r="I19133" s="362"/>
      <c r="J19133" s="366"/>
      <c r="K19133" s="366"/>
      <c r="L19133" s="366"/>
    </row>
    <row r="19134" spans="2:12" ht="28.5">
      <c r="B19134" s="358" t="s">
        <v>24264</v>
      </c>
      <c r="C19134" s="358" t="s">
        <v>30418</v>
      </c>
      <c r="D19134" s="358" t="s">
        <v>24265</v>
      </c>
      <c r="E19134" s="358" t="s">
        <v>24266</v>
      </c>
      <c r="F19134" s="358" t="s">
        <v>14386</v>
      </c>
      <c r="G19134" s="358" t="s">
        <v>14387</v>
      </c>
      <c r="H19134" s="358" t="s">
        <v>14367</v>
      </c>
      <c r="I19134" s="358" t="s">
        <v>14387</v>
      </c>
      <c r="J19134" s="358"/>
      <c r="K19134" s="358"/>
      <c r="L19134" s="358"/>
    </row>
    <row r="19135" spans="2:12">
      <c r="B19135" s="367"/>
      <c r="C19135" s="367"/>
      <c r="D19135" s="367"/>
      <c r="E19135" s="367"/>
      <c r="F19135" s="360"/>
      <c r="G19135" s="360"/>
      <c r="H19135" s="360"/>
      <c r="I19135" s="360"/>
      <c r="J19135" s="365"/>
      <c r="K19135" s="365"/>
      <c r="L19135" s="365"/>
    </row>
    <row r="19136" spans="2:12">
      <c r="B19136" s="367"/>
      <c r="C19136" s="367"/>
      <c r="D19136" s="367"/>
      <c r="E19136" s="367"/>
      <c r="F19136" s="359" t="s">
        <v>14371</v>
      </c>
      <c r="G19136" s="359" t="s">
        <v>14372</v>
      </c>
      <c r="H19136" s="359" t="s">
        <v>14370</v>
      </c>
      <c r="I19136" s="359" t="s">
        <v>14373</v>
      </c>
      <c r="J19136" s="365"/>
      <c r="K19136" s="365"/>
      <c r="L19136" s="365"/>
    </row>
    <row r="19137" spans="2:12">
      <c r="B19137" s="367"/>
      <c r="C19137" s="367"/>
      <c r="D19137" s="367"/>
      <c r="E19137" s="367"/>
      <c r="F19137" s="360"/>
      <c r="G19137" s="360"/>
      <c r="H19137" s="360"/>
      <c r="I19137" s="360"/>
      <c r="J19137" s="365"/>
      <c r="K19137" s="365"/>
      <c r="L19137" s="365"/>
    </row>
    <row r="19138" spans="2:12" ht="28.5">
      <c r="B19138" s="368"/>
      <c r="C19138" s="368"/>
      <c r="D19138" s="368"/>
      <c r="E19138" s="368"/>
      <c r="F19138" s="361" t="s">
        <v>14374</v>
      </c>
      <c r="G19138" s="361" t="s">
        <v>14373</v>
      </c>
      <c r="H19138" s="361" t="s">
        <v>14422</v>
      </c>
      <c r="I19138" s="362"/>
      <c r="J19138" s="366"/>
      <c r="K19138" s="366"/>
      <c r="L19138" s="366"/>
    </row>
    <row r="19139" spans="2:12" ht="42.75">
      <c r="B19139" s="358" t="s">
        <v>24267</v>
      </c>
      <c r="C19139" s="358" t="s">
        <v>29652</v>
      </c>
      <c r="D19139" s="358" t="s">
        <v>24268</v>
      </c>
      <c r="E19139" s="358" t="s">
        <v>1980</v>
      </c>
      <c r="F19139" s="358" t="s">
        <v>29653</v>
      </c>
      <c r="G19139" s="358" t="s">
        <v>14380</v>
      </c>
      <c r="H19139" s="358" t="s">
        <v>14378</v>
      </c>
      <c r="I19139" s="358" t="s">
        <v>14380</v>
      </c>
      <c r="J19139" s="358"/>
      <c r="K19139" s="358"/>
      <c r="L19139" s="358"/>
    </row>
    <row r="19140" spans="2:12">
      <c r="B19140" s="367"/>
      <c r="C19140" s="367"/>
      <c r="D19140" s="367"/>
      <c r="E19140" s="367"/>
      <c r="F19140" s="360"/>
      <c r="G19140" s="360"/>
      <c r="H19140" s="360"/>
      <c r="I19140" s="360"/>
      <c r="J19140" s="365"/>
      <c r="K19140" s="365"/>
      <c r="L19140" s="365"/>
    </row>
    <row r="19141" spans="2:12">
      <c r="B19141" s="367"/>
      <c r="C19141" s="367"/>
      <c r="D19141" s="367"/>
      <c r="E19141" s="367"/>
      <c r="F19141" s="359" t="s">
        <v>14389</v>
      </c>
      <c r="G19141" s="359" t="s">
        <v>14429</v>
      </c>
      <c r="H19141" s="359" t="s">
        <v>14370</v>
      </c>
      <c r="I19141" s="359" t="s">
        <v>14429</v>
      </c>
      <c r="J19141" s="365"/>
      <c r="K19141" s="365"/>
      <c r="L19141" s="365"/>
    </row>
    <row r="19142" spans="2:12">
      <c r="B19142" s="367"/>
      <c r="C19142" s="367"/>
      <c r="D19142" s="367"/>
      <c r="E19142" s="367"/>
      <c r="F19142" s="360"/>
      <c r="G19142" s="360"/>
      <c r="H19142" s="360"/>
      <c r="I19142" s="360"/>
      <c r="J19142" s="365"/>
      <c r="K19142" s="365"/>
      <c r="L19142" s="365"/>
    </row>
    <row r="19143" spans="2:12">
      <c r="B19143" s="367"/>
      <c r="C19143" s="367"/>
      <c r="D19143" s="367"/>
      <c r="E19143" s="367"/>
      <c r="F19143" s="359" t="s">
        <v>14391</v>
      </c>
      <c r="G19143" s="359" t="s">
        <v>14387</v>
      </c>
      <c r="H19143" s="359" t="s">
        <v>14332</v>
      </c>
      <c r="I19143" s="359" t="s">
        <v>14387</v>
      </c>
      <c r="J19143" s="365"/>
      <c r="K19143" s="365"/>
      <c r="L19143" s="365"/>
    </row>
    <row r="19144" spans="2:12">
      <c r="B19144" s="367"/>
      <c r="C19144" s="367"/>
      <c r="D19144" s="367"/>
      <c r="E19144" s="367"/>
      <c r="F19144" s="360"/>
      <c r="G19144" s="360"/>
      <c r="H19144" s="360"/>
      <c r="I19144" s="360"/>
      <c r="J19144" s="365"/>
      <c r="K19144" s="365"/>
      <c r="L19144" s="365"/>
    </row>
    <row r="19145" spans="2:12">
      <c r="B19145" s="367"/>
      <c r="C19145" s="367"/>
      <c r="D19145" s="367"/>
      <c r="E19145" s="367"/>
      <c r="F19145" s="359" t="s">
        <v>14371</v>
      </c>
      <c r="G19145" s="359" t="s">
        <v>14390</v>
      </c>
      <c r="H19145" s="360"/>
      <c r="I19145" s="359" t="s">
        <v>14390</v>
      </c>
      <c r="J19145" s="365"/>
      <c r="K19145" s="365"/>
      <c r="L19145" s="365"/>
    </row>
    <row r="19146" spans="2:12">
      <c r="B19146" s="367"/>
      <c r="C19146" s="367"/>
      <c r="D19146" s="367"/>
      <c r="E19146" s="367"/>
      <c r="F19146" s="360"/>
      <c r="G19146" s="360"/>
      <c r="H19146" s="360"/>
      <c r="I19146" s="360"/>
      <c r="J19146" s="365"/>
      <c r="K19146" s="365"/>
      <c r="L19146" s="365"/>
    </row>
    <row r="19147" spans="2:12" ht="28.5">
      <c r="B19147" s="367"/>
      <c r="C19147" s="367"/>
      <c r="D19147" s="367"/>
      <c r="E19147" s="367"/>
      <c r="F19147" s="359" t="s">
        <v>14374</v>
      </c>
      <c r="G19147" s="359" t="s">
        <v>14392</v>
      </c>
      <c r="H19147" s="360"/>
      <c r="I19147" s="359" t="s">
        <v>14392</v>
      </c>
      <c r="J19147" s="365"/>
      <c r="K19147" s="365"/>
      <c r="L19147" s="365"/>
    </row>
    <row r="19148" spans="2:12">
      <c r="B19148" s="367"/>
      <c r="C19148" s="367"/>
      <c r="D19148" s="367"/>
      <c r="E19148" s="367"/>
      <c r="F19148" s="360"/>
      <c r="G19148" s="360"/>
      <c r="H19148" s="360"/>
      <c r="I19148" s="360"/>
      <c r="J19148" s="365"/>
      <c r="K19148" s="365"/>
      <c r="L19148" s="365"/>
    </row>
    <row r="19149" spans="2:12">
      <c r="B19149" s="367"/>
      <c r="C19149" s="367"/>
      <c r="D19149" s="367"/>
      <c r="E19149" s="367"/>
      <c r="F19149" s="360"/>
      <c r="G19149" s="359" t="s">
        <v>14372</v>
      </c>
      <c r="H19149" s="360"/>
      <c r="I19149" s="359" t="s">
        <v>14373</v>
      </c>
      <c r="J19149" s="365"/>
      <c r="K19149" s="365"/>
      <c r="L19149" s="365"/>
    </row>
    <row r="19150" spans="2:12">
      <c r="B19150" s="367"/>
      <c r="C19150" s="367"/>
      <c r="D19150" s="367"/>
      <c r="E19150" s="367"/>
      <c r="F19150" s="360"/>
      <c r="G19150" s="360"/>
      <c r="H19150" s="360"/>
      <c r="I19150" s="360"/>
      <c r="J19150" s="365"/>
      <c r="K19150" s="365"/>
      <c r="L19150" s="365"/>
    </row>
    <row r="19151" spans="2:12">
      <c r="B19151" s="368"/>
      <c r="C19151" s="368"/>
      <c r="D19151" s="368"/>
      <c r="E19151" s="368"/>
      <c r="F19151" s="362"/>
      <c r="G19151" s="361" t="s">
        <v>14373</v>
      </c>
      <c r="H19151" s="362"/>
      <c r="I19151" s="362"/>
      <c r="J19151" s="366"/>
      <c r="K19151" s="366"/>
      <c r="L19151" s="366"/>
    </row>
    <row r="19152" spans="2:12" ht="42.75">
      <c r="B19152" s="358" t="s">
        <v>24269</v>
      </c>
      <c r="C19152" s="358" t="s">
        <v>30419</v>
      </c>
      <c r="D19152" s="358" t="s">
        <v>24270</v>
      </c>
      <c r="E19152" s="358" t="s">
        <v>24271</v>
      </c>
      <c r="F19152" s="358" t="s">
        <v>14371</v>
      </c>
      <c r="G19152" s="358" t="s">
        <v>14372</v>
      </c>
      <c r="H19152" s="358" t="s">
        <v>14370</v>
      </c>
      <c r="I19152" s="358" t="s">
        <v>14373</v>
      </c>
      <c r="J19152" s="358"/>
      <c r="K19152" s="358" t="s">
        <v>15400</v>
      </c>
      <c r="L19152" s="358"/>
    </row>
    <row r="19153" spans="2:12">
      <c r="B19153" s="367"/>
      <c r="C19153" s="367"/>
      <c r="D19153" s="367"/>
      <c r="E19153" s="367"/>
      <c r="F19153" s="360"/>
      <c r="G19153" s="360"/>
      <c r="H19153" s="360"/>
      <c r="I19153" s="367"/>
      <c r="J19153" s="365"/>
      <c r="K19153" s="367"/>
      <c r="L19153" s="365"/>
    </row>
    <row r="19154" spans="2:12" ht="28.5">
      <c r="B19154" s="368"/>
      <c r="C19154" s="368"/>
      <c r="D19154" s="368"/>
      <c r="E19154" s="368"/>
      <c r="F19154" s="361" t="s">
        <v>14374</v>
      </c>
      <c r="G19154" s="361" t="s">
        <v>14373</v>
      </c>
      <c r="H19154" s="361" t="s">
        <v>14422</v>
      </c>
      <c r="I19154" s="368"/>
      <c r="J19154" s="366"/>
      <c r="K19154" s="368"/>
      <c r="L19154" s="366"/>
    </row>
    <row r="19155" spans="2:12">
      <c r="B19155" s="354" t="s">
        <v>14492</v>
      </c>
      <c r="C19155" s="369"/>
      <c r="D19155" s="369"/>
      <c r="E19155" s="369"/>
      <c r="F19155" s="369"/>
      <c r="G19155" s="369"/>
      <c r="H19155" s="369"/>
      <c r="I19155" s="369"/>
      <c r="J19155" s="369"/>
      <c r="K19155" s="369"/>
      <c r="L19155" s="370"/>
    </row>
    <row r="19156" spans="2:12" ht="42.75">
      <c r="B19156" s="358" t="s">
        <v>24272</v>
      </c>
      <c r="C19156" s="358" t="s">
        <v>24273</v>
      </c>
      <c r="D19156" s="358" t="s">
        <v>24274</v>
      </c>
      <c r="E19156" s="358" t="s">
        <v>24275</v>
      </c>
      <c r="F19156" s="358" t="s">
        <v>14371</v>
      </c>
      <c r="G19156" s="358" t="s">
        <v>14372</v>
      </c>
      <c r="H19156" s="358" t="s">
        <v>14370</v>
      </c>
      <c r="I19156" s="358" t="s">
        <v>14373</v>
      </c>
      <c r="J19156" s="358"/>
      <c r="K19156" s="358" t="s">
        <v>22182</v>
      </c>
      <c r="L19156" s="358"/>
    </row>
    <row r="19157" spans="2:12">
      <c r="B19157" s="367"/>
      <c r="C19157" s="367"/>
      <c r="D19157" s="367"/>
      <c r="E19157" s="367"/>
      <c r="F19157" s="360"/>
      <c r="G19157" s="360"/>
      <c r="H19157" s="360"/>
      <c r="I19157" s="367"/>
      <c r="J19157" s="365"/>
      <c r="K19157" s="360"/>
      <c r="L19157" s="365"/>
    </row>
    <row r="19158" spans="2:12" ht="28.5">
      <c r="B19158" s="368"/>
      <c r="C19158" s="368"/>
      <c r="D19158" s="368"/>
      <c r="E19158" s="368"/>
      <c r="F19158" s="361" t="s">
        <v>14374</v>
      </c>
      <c r="G19158" s="361" t="s">
        <v>14373</v>
      </c>
      <c r="H19158" s="361" t="s">
        <v>14422</v>
      </c>
      <c r="I19158" s="368"/>
      <c r="J19158" s="366"/>
      <c r="K19158" s="361" t="s">
        <v>14657</v>
      </c>
      <c r="L19158" s="366"/>
    </row>
    <row r="19159" spans="2:12">
      <c r="B19159" s="354" t="s">
        <v>28528</v>
      </c>
      <c r="C19159" s="369"/>
      <c r="D19159" s="369"/>
      <c r="E19159" s="369"/>
      <c r="F19159" s="369"/>
      <c r="G19159" s="369"/>
      <c r="H19159" s="369"/>
      <c r="I19159" s="369"/>
      <c r="J19159" s="369"/>
      <c r="K19159" s="369"/>
      <c r="L19159" s="370"/>
    </row>
    <row r="19160" spans="2:12" ht="57">
      <c r="B19160" s="358" t="s">
        <v>24276</v>
      </c>
      <c r="C19160" s="358" t="s">
        <v>30420</v>
      </c>
      <c r="D19160" s="358" t="s">
        <v>8356</v>
      </c>
      <c r="E19160" s="358" t="s">
        <v>24277</v>
      </c>
      <c r="F19160" s="358" t="s">
        <v>14386</v>
      </c>
      <c r="G19160" s="358" t="s">
        <v>14387</v>
      </c>
      <c r="H19160" s="358" t="s">
        <v>14367</v>
      </c>
      <c r="I19160" s="358" t="s">
        <v>14387</v>
      </c>
      <c r="J19160" s="358"/>
      <c r="K19160" s="358"/>
      <c r="L19160" s="358"/>
    </row>
    <row r="19161" spans="2:12">
      <c r="B19161" s="367"/>
      <c r="C19161" s="367"/>
      <c r="D19161" s="367"/>
      <c r="E19161" s="367"/>
      <c r="F19161" s="360"/>
      <c r="G19161" s="360"/>
      <c r="H19161" s="360"/>
      <c r="I19161" s="360"/>
      <c r="J19161" s="365"/>
      <c r="K19161" s="365"/>
      <c r="L19161" s="365"/>
    </row>
    <row r="19162" spans="2:12" ht="28.5">
      <c r="B19162" s="367"/>
      <c r="C19162" s="367"/>
      <c r="D19162" s="367"/>
      <c r="E19162" s="367"/>
      <c r="F19162" s="359" t="s">
        <v>14394</v>
      </c>
      <c r="G19162" s="359" t="s">
        <v>14395</v>
      </c>
      <c r="H19162" s="359" t="s">
        <v>14370</v>
      </c>
      <c r="I19162" s="359" t="s">
        <v>14395</v>
      </c>
      <c r="J19162" s="365"/>
      <c r="K19162" s="365"/>
      <c r="L19162" s="365"/>
    </row>
    <row r="19163" spans="2:12">
      <c r="B19163" s="367"/>
      <c r="C19163" s="367"/>
      <c r="D19163" s="367"/>
      <c r="E19163" s="367"/>
      <c r="F19163" s="360"/>
      <c r="G19163" s="360"/>
      <c r="H19163" s="360"/>
      <c r="I19163" s="360"/>
      <c r="J19163" s="365"/>
      <c r="K19163" s="365"/>
      <c r="L19163" s="365"/>
    </row>
    <row r="19164" spans="2:12">
      <c r="B19164" s="368"/>
      <c r="C19164" s="368"/>
      <c r="D19164" s="368"/>
      <c r="E19164" s="368"/>
      <c r="F19164" s="362"/>
      <c r="G19164" s="362"/>
      <c r="H19164" s="361" t="s">
        <v>14422</v>
      </c>
      <c r="I19164" s="362"/>
      <c r="J19164" s="366"/>
      <c r="K19164" s="366"/>
      <c r="L19164" s="366"/>
    </row>
    <row r="19165" spans="2:12" ht="28.5">
      <c r="B19165" s="358" t="s">
        <v>24278</v>
      </c>
      <c r="C19165" s="358" t="s">
        <v>30421</v>
      </c>
      <c r="D19165" s="358" t="s">
        <v>24279</v>
      </c>
      <c r="E19165" s="358" t="s">
        <v>24280</v>
      </c>
      <c r="F19165" s="358" t="s">
        <v>29049</v>
      </c>
      <c r="G19165" s="358" t="s">
        <v>14429</v>
      </c>
      <c r="H19165" s="358" t="s">
        <v>14367</v>
      </c>
      <c r="I19165" s="358" t="s">
        <v>14429</v>
      </c>
      <c r="J19165" s="358"/>
      <c r="K19165" s="358"/>
      <c r="L19165" s="358"/>
    </row>
    <row r="19166" spans="2:12">
      <c r="B19166" s="367"/>
      <c r="C19166" s="367"/>
      <c r="D19166" s="367"/>
      <c r="E19166" s="367"/>
      <c r="F19166" s="360"/>
      <c r="G19166" s="360"/>
      <c r="H19166" s="360"/>
      <c r="I19166" s="360"/>
      <c r="J19166" s="365"/>
      <c r="K19166" s="365"/>
      <c r="L19166" s="365"/>
    </row>
    <row r="19167" spans="2:12" ht="28.5">
      <c r="B19167" s="367"/>
      <c r="C19167" s="367"/>
      <c r="D19167" s="367"/>
      <c r="E19167" s="367"/>
      <c r="F19167" s="359" t="s">
        <v>14374</v>
      </c>
      <c r="G19167" s="359" t="s">
        <v>14372</v>
      </c>
      <c r="H19167" s="359" t="s">
        <v>14370</v>
      </c>
      <c r="I19167" s="359" t="s">
        <v>14373</v>
      </c>
      <c r="J19167" s="365"/>
      <c r="K19167" s="365"/>
      <c r="L19167" s="365"/>
    </row>
    <row r="19168" spans="2:12">
      <c r="B19168" s="367"/>
      <c r="C19168" s="367"/>
      <c r="D19168" s="367"/>
      <c r="E19168" s="367"/>
      <c r="F19168" s="360"/>
      <c r="G19168" s="360"/>
      <c r="H19168" s="360"/>
      <c r="I19168" s="360"/>
      <c r="J19168" s="365"/>
      <c r="K19168" s="365"/>
      <c r="L19168" s="365"/>
    </row>
    <row r="19169" spans="2:12">
      <c r="B19169" s="368"/>
      <c r="C19169" s="368"/>
      <c r="D19169" s="368"/>
      <c r="E19169" s="368"/>
      <c r="F19169" s="362"/>
      <c r="G19169" s="361" t="s">
        <v>14373</v>
      </c>
      <c r="H19169" s="361" t="s">
        <v>14422</v>
      </c>
      <c r="I19169" s="362"/>
      <c r="J19169" s="366"/>
      <c r="K19169" s="366"/>
      <c r="L19169" s="366"/>
    </row>
    <row r="19170" spans="2:12" ht="28.5">
      <c r="B19170" s="358" t="s">
        <v>24281</v>
      </c>
      <c r="C19170" s="358" t="s">
        <v>30422</v>
      </c>
      <c r="D19170" s="358" t="s">
        <v>24282</v>
      </c>
      <c r="E19170" s="358" t="s">
        <v>1696</v>
      </c>
      <c r="F19170" s="358" t="s">
        <v>14507</v>
      </c>
      <c r="G19170" s="358" t="s">
        <v>28907</v>
      </c>
      <c r="H19170" s="358" t="s">
        <v>14381</v>
      </c>
      <c r="I19170" s="358" t="s">
        <v>28907</v>
      </c>
      <c r="J19170" s="358"/>
      <c r="K19170" s="358"/>
      <c r="L19170" s="358"/>
    </row>
    <row r="19171" spans="2:12">
      <c r="B19171" s="367"/>
      <c r="C19171" s="367"/>
      <c r="D19171" s="367"/>
      <c r="E19171" s="367"/>
      <c r="F19171" s="360"/>
      <c r="G19171" s="360"/>
      <c r="H19171" s="360"/>
      <c r="I19171" s="360"/>
      <c r="J19171" s="365"/>
      <c r="K19171" s="365"/>
      <c r="L19171" s="365"/>
    </row>
    <row r="19172" spans="2:12">
      <c r="B19172" s="367"/>
      <c r="C19172" s="367"/>
      <c r="D19172" s="367"/>
      <c r="E19172" s="367"/>
      <c r="F19172" s="359" t="s">
        <v>14420</v>
      </c>
      <c r="G19172" s="359" t="s">
        <v>14390</v>
      </c>
      <c r="H19172" s="359" t="s">
        <v>14367</v>
      </c>
      <c r="I19172" s="359" t="s">
        <v>14390</v>
      </c>
      <c r="J19172" s="365"/>
      <c r="K19172" s="365"/>
      <c r="L19172" s="365"/>
    </row>
    <row r="19173" spans="2:12">
      <c r="B19173" s="367"/>
      <c r="C19173" s="367"/>
      <c r="D19173" s="367"/>
      <c r="E19173" s="367"/>
      <c r="F19173" s="360"/>
      <c r="G19173" s="360"/>
      <c r="H19173" s="360"/>
      <c r="I19173" s="360"/>
      <c r="J19173" s="365"/>
      <c r="K19173" s="365"/>
      <c r="L19173" s="365"/>
    </row>
    <row r="19174" spans="2:12">
      <c r="B19174" s="367"/>
      <c r="C19174" s="367"/>
      <c r="D19174" s="367"/>
      <c r="E19174" s="367"/>
      <c r="F19174" s="359" t="s">
        <v>14389</v>
      </c>
      <c r="G19174" s="359" t="s">
        <v>14395</v>
      </c>
      <c r="H19174" s="359" t="s">
        <v>14370</v>
      </c>
      <c r="I19174" s="359" t="s">
        <v>14395</v>
      </c>
      <c r="J19174" s="365"/>
      <c r="K19174" s="365"/>
      <c r="L19174" s="365"/>
    </row>
    <row r="19175" spans="2:12">
      <c r="B19175" s="367"/>
      <c r="C19175" s="367"/>
      <c r="D19175" s="367"/>
      <c r="E19175" s="367"/>
      <c r="F19175" s="360"/>
      <c r="G19175" s="360"/>
      <c r="H19175" s="360"/>
      <c r="I19175" s="360"/>
      <c r="J19175" s="365"/>
      <c r="K19175" s="365"/>
      <c r="L19175" s="365"/>
    </row>
    <row r="19176" spans="2:12" ht="28.5">
      <c r="B19176" s="368"/>
      <c r="C19176" s="368"/>
      <c r="D19176" s="368"/>
      <c r="E19176" s="368"/>
      <c r="F19176" s="361" t="s">
        <v>14394</v>
      </c>
      <c r="G19176" s="362"/>
      <c r="H19176" s="361" t="s">
        <v>14422</v>
      </c>
      <c r="I19176" s="362"/>
      <c r="J19176" s="366"/>
      <c r="K19176" s="366"/>
      <c r="L19176" s="366"/>
    </row>
    <row r="19177" spans="2:12" ht="28.5">
      <c r="B19177" s="358" t="s">
        <v>24283</v>
      </c>
      <c r="C19177" s="358" t="s">
        <v>30423</v>
      </c>
      <c r="D19177" s="358" t="s">
        <v>8356</v>
      </c>
      <c r="E19177" s="358" t="s">
        <v>24284</v>
      </c>
      <c r="F19177" s="358" t="s">
        <v>14371</v>
      </c>
      <c r="G19177" s="358" t="s">
        <v>14372</v>
      </c>
      <c r="H19177" s="358" t="s">
        <v>14370</v>
      </c>
      <c r="I19177" s="358" t="s">
        <v>14373</v>
      </c>
      <c r="J19177" s="358"/>
      <c r="K19177" s="358"/>
      <c r="L19177" s="358"/>
    </row>
    <row r="19178" spans="2:12">
      <c r="B19178" s="367"/>
      <c r="C19178" s="367"/>
      <c r="D19178" s="367"/>
      <c r="E19178" s="367"/>
      <c r="F19178" s="360"/>
      <c r="G19178" s="360"/>
      <c r="H19178" s="360"/>
      <c r="I19178" s="367"/>
      <c r="J19178" s="365"/>
      <c r="K19178" s="365"/>
      <c r="L19178" s="365"/>
    </row>
    <row r="19179" spans="2:12" ht="28.5">
      <c r="B19179" s="368"/>
      <c r="C19179" s="368"/>
      <c r="D19179" s="368"/>
      <c r="E19179" s="368"/>
      <c r="F19179" s="361" t="s">
        <v>14374</v>
      </c>
      <c r="G19179" s="361" t="s">
        <v>14373</v>
      </c>
      <c r="H19179" s="361" t="s">
        <v>14422</v>
      </c>
      <c r="I19179" s="368"/>
      <c r="J19179" s="366"/>
      <c r="K19179" s="366"/>
      <c r="L19179" s="366"/>
    </row>
    <row r="19180" spans="2:12" ht="42.75">
      <c r="B19180" s="358" t="s">
        <v>24285</v>
      </c>
      <c r="C19180" s="358" t="s">
        <v>30424</v>
      </c>
      <c r="D19180" s="358" t="s">
        <v>8356</v>
      </c>
      <c r="E19180" s="358" t="s">
        <v>24286</v>
      </c>
      <c r="F19180" s="358" t="s">
        <v>14386</v>
      </c>
      <c r="G19180" s="358" t="s">
        <v>14387</v>
      </c>
      <c r="H19180" s="358" t="s">
        <v>14367</v>
      </c>
      <c r="I19180" s="358" t="s">
        <v>14387</v>
      </c>
      <c r="J19180" s="358"/>
      <c r="K19180" s="358"/>
      <c r="L19180" s="358"/>
    </row>
    <row r="19181" spans="2:12">
      <c r="B19181" s="367"/>
      <c r="C19181" s="367"/>
      <c r="D19181" s="367"/>
      <c r="E19181" s="367"/>
      <c r="F19181" s="360"/>
      <c r="G19181" s="360"/>
      <c r="H19181" s="360"/>
      <c r="I19181" s="360"/>
      <c r="J19181" s="365"/>
      <c r="K19181" s="365"/>
      <c r="L19181" s="365"/>
    </row>
    <row r="19182" spans="2:12" ht="28.5">
      <c r="B19182" s="368"/>
      <c r="C19182" s="368"/>
      <c r="D19182" s="368"/>
      <c r="E19182" s="368"/>
      <c r="F19182" s="361" t="s">
        <v>14472</v>
      </c>
      <c r="G19182" s="361" t="s">
        <v>14473</v>
      </c>
      <c r="H19182" s="361" t="s">
        <v>14422</v>
      </c>
      <c r="I19182" s="361" t="s">
        <v>14473</v>
      </c>
      <c r="J19182" s="366"/>
      <c r="K19182" s="366"/>
      <c r="L19182" s="366"/>
    </row>
    <row r="19183" spans="2:12">
      <c r="B19183" s="358" t="s">
        <v>24287</v>
      </c>
      <c r="C19183" s="358" t="s">
        <v>29654</v>
      </c>
      <c r="D19183" s="358" t="s">
        <v>24288</v>
      </c>
      <c r="E19183" s="358" t="s">
        <v>24289</v>
      </c>
      <c r="F19183" s="358" t="s">
        <v>14420</v>
      </c>
      <c r="G19183" s="358" t="s">
        <v>14429</v>
      </c>
      <c r="H19183" s="358" t="s">
        <v>14367</v>
      </c>
      <c r="I19183" s="358" t="s">
        <v>14429</v>
      </c>
      <c r="J19183" s="358"/>
      <c r="K19183" s="358"/>
      <c r="L19183" s="358"/>
    </row>
    <row r="19184" spans="2:12">
      <c r="B19184" s="367"/>
      <c r="C19184" s="367"/>
      <c r="D19184" s="367"/>
      <c r="E19184" s="367"/>
      <c r="F19184" s="360"/>
      <c r="G19184" s="360"/>
      <c r="H19184" s="360"/>
      <c r="I19184" s="360"/>
      <c r="J19184" s="365"/>
      <c r="K19184" s="365"/>
      <c r="L19184" s="365"/>
    </row>
    <row r="19185" spans="2:12" ht="28.5">
      <c r="B19185" s="368"/>
      <c r="C19185" s="368"/>
      <c r="D19185" s="368"/>
      <c r="E19185" s="368"/>
      <c r="F19185" s="361" t="s">
        <v>14472</v>
      </c>
      <c r="G19185" s="361" t="s">
        <v>14473</v>
      </c>
      <c r="H19185" s="361" t="s">
        <v>14422</v>
      </c>
      <c r="I19185" s="361" t="s">
        <v>14473</v>
      </c>
      <c r="J19185" s="366"/>
      <c r="K19185" s="366"/>
      <c r="L19185" s="366"/>
    </row>
    <row r="19186" spans="2:12" ht="28.5">
      <c r="B19186" s="358" t="s">
        <v>24290</v>
      </c>
      <c r="C19186" s="358" t="s">
        <v>30425</v>
      </c>
      <c r="D19186" s="358" t="s">
        <v>24291</v>
      </c>
      <c r="E19186" s="358" t="s">
        <v>24292</v>
      </c>
      <c r="F19186" s="358" t="s">
        <v>29049</v>
      </c>
      <c r="G19186" s="358" t="s">
        <v>14429</v>
      </c>
      <c r="H19186" s="358" t="s">
        <v>14367</v>
      </c>
      <c r="I19186" s="358" t="s">
        <v>14429</v>
      </c>
      <c r="J19186" s="358"/>
      <c r="K19186" s="358"/>
      <c r="L19186" s="358"/>
    </row>
    <row r="19187" spans="2:12">
      <c r="B19187" s="367"/>
      <c r="C19187" s="367"/>
      <c r="D19187" s="367"/>
      <c r="E19187" s="367"/>
      <c r="F19187" s="360"/>
      <c r="G19187" s="360"/>
      <c r="H19187" s="360"/>
      <c r="I19187" s="360"/>
      <c r="J19187" s="365"/>
      <c r="K19187" s="365"/>
      <c r="L19187" s="365"/>
    </row>
    <row r="19188" spans="2:12" ht="28.5">
      <c r="B19188" s="367"/>
      <c r="C19188" s="367"/>
      <c r="D19188" s="367"/>
      <c r="E19188" s="367"/>
      <c r="F19188" s="359" t="s">
        <v>14374</v>
      </c>
      <c r="G19188" s="359" t="s">
        <v>14372</v>
      </c>
      <c r="H19188" s="359" t="s">
        <v>14370</v>
      </c>
      <c r="I19188" s="359" t="s">
        <v>14373</v>
      </c>
      <c r="J19188" s="365"/>
      <c r="K19188" s="365"/>
      <c r="L19188" s="365"/>
    </row>
    <row r="19189" spans="2:12">
      <c r="B19189" s="367"/>
      <c r="C19189" s="367"/>
      <c r="D19189" s="367"/>
      <c r="E19189" s="367"/>
      <c r="F19189" s="360"/>
      <c r="G19189" s="360"/>
      <c r="H19189" s="360"/>
      <c r="I19189" s="360"/>
      <c r="J19189" s="365"/>
      <c r="K19189" s="365"/>
      <c r="L19189" s="365"/>
    </row>
    <row r="19190" spans="2:12">
      <c r="B19190" s="368"/>
      <c r="C19190" s="368"/>
      <c r="D19190" s="368"/>
      <c r="E19190" s="368"/>
      <c r="F19190" s="362"/>
      <c r="G19190" s="361" t="s">
        <v>14373</v>
      </c>
      <c r="H19190" s="361" t="s">
        <v>14422</v>
      </c>
      <c r="I19190" s="362"/>
      <c r="J19190" s="366"/>
      <c r="K19190" s="366"/>
      <c r="L19190" s="366"/>
    </row>
    <row r="19191" spans="2:12" ht="28.5">
      <c r="B19191" s="358" t="s">
        <v>24293</v>
      </c>
      <c r="C19191" s="358" t="s">
        <v>29655</v>
      </c>
      <c r="D19191" s="358" t="s">
        <v>24294</v>
      </c>
      <c r="E19191" s="358" t="s">
        <v>24295</v>
      </c>
      <c r="F19191" s="358" t="s">
        <v>14420</v>
      </c>
      <c r="G19191" s="358" t="s">
        <v>14429</v>
      </c>
      <c r="H19191" s="358" t="s">
        <v>14367</v>
      </c>
      <c r="I19191" s="358" t="s">
        <v>14429</v>
      </c>
      <c r="J19191" s="358"/>
      <c r="K19191" s="358"/>
      <c r="L19191" s="358"/>
    </row>
    <row r="19192" spans="2:12">
      <c r="B19192" s="367"/>
      <c r="C19192" s="367"/>
      <c r="D19192" s="367"/>
      <c r="E19192" s="367"/>
      <c r="F19192" s="360"/>
      <c r="G19192" s="360"/>
      <c r="H19192" s="360"/>
      <c r="I19192" s="360"/>
      <c r="J19192" s="365"/>
      <c r="K19192" s="365"/>
      <c r="L19192" s="365"/>
    </row>
    <row r="19193" spans="2:12">
      <c r="B19193" s="367"/>
      <c r="C19193" s="367"/>
      <c r="D19193" s="367"/>
      <c r="E19193" s="367"/>
      <c r="F19193" s="359" t="s">
        <v>14371</v>
      </c>
      <c r="G19193" s="359" t="s">
        <v>14372</v>
      </c>
      <c r="H19193" s="359" t="s">
        <v>14370</v>
      </c>
      <c r="I19193" s="359" t="s">
        <v>14372</v>
      </c>
      <c r="J19193" s="365"/>
      <c r="K19193" s="365"/>
      <c r="L19193" s="365"/>
    </row>
    <row r="19194" spans="2:12">
      <c r="B19194" s="367"/>
      <c r="C19194" s="367"/>
      <c r="D19194" s="367"/>
      <c r="E19194" s="367"/>
      <c r="F19194" s="360"/>
      <c r="G19194" s="360"/>
      <c r="H19194" s="360"/>
      <c r="I19194" s="360"/>
      <c r="J19194" s="365"/>
      <c r="K19194" s="365"/>
      <c r="L19194" s="365"/>
    </row>
    <row r="19195" spans="2:12">
      <c r="B19195" s="368"/>
      <c r="C19195" s="368"/>
      <c r="D19195" s="368"/>
      <c r="E19195" s="368"/>
      <c r="F19195" s="362"/>
      <c r="G19195" s="362"/>
      <c r="H19195" s="361" t="s">
        <v>14422</v>
      </c>
      <c r="I19195" s="362"/>
      <c r="J19195" s="366"/>
      <c r="K19195" s="366"/>
      <c r="L19195" s="366"/>
    </row>
    <row r="19196" spans="2:12" ht="28.5">
      <c r="B19196" s="358" t="s">
        <v>24296</v>
      </c>
      <c r="C19196" s="358" t="s">
        <v>29656</v>
      </c>
      <c r="D19196" s="358" t="s">
        <v>8356</v>
      </c>
      <c r="E19196" s="358" t="s">
        <v>24297</v>
      </c>
      <c r="F19196" s="358" t="s">
        <v>14420</v>
      </c>
      <c r="G19196" s="358" t="s">
        <v>14429</v>
      </c>
      <c r="H19196" s="358" t="s">
        <v>14367</v>
      </c>
      <c r="I19196" s="358" t="s">
        <v>14429</v>
      </c>
      <c r="J19196" s="358"/>
      <c r="K19196" s="358"/>
      <c r="L19196" s="358"/>
    </row>
    <row r="19197" spans="2:12">
      <c r="B19197" s="367"/>
      <c r="C19197" s="367"/>
      <c r="D19197" s="367"/>
      <c r="E19197" s="367"/>
      <c r="F19197" s="360"/>
      <c r="G19197" s="360"/>
      <c r="H19197" s="360"/>
      <c r="I19197" s="360"/>
      <c r="J19197" s="365"/>
      <c r="K19197" s="365"/>
      <c r="L19197" s="365"/>
    </row>
    <row r="19198" spans="2:12" ht="28.5">
      <c r="B19198" s="368"/>
      <c r="C19198" s="368"/>
      <c r="D19198" s="368"/>
      <c r="E19198" s="368"/>
      <c r="F19198" s="361" t="s">
        <v>14472</v>
      </c>
      <c r="G19198" s="361" t="s">
        <v>14473</v>
      </c>
      <c r="H19198" s="361" t="s">
        <v>14422</v>
      </c>
      <c r="I19198" s="361" t="s">
        <v>14473</v>
      </c>
      <c r="J19198" s="366"/>
      <c r="K19198" s="366"/>
      <c r="L19198" s="366"/>
    </row>
    <row r="19199" spans="2:12" ht="28.5">
      <c r="B19199" s="358" t="s">
        <v>24298</v>
      </c>
      <c r="C19199" s="358" t="s">
        <v>29657</v>
      </c>
      <c r="D19199" s="358" t="s">
        <v>24299</v>
      </c>
      <c r="E19199" s="358" t="s">
        <v>24300</v>
      </c>
      <c r="F19199" s="358" t="s">
        <v>14420</v>
      </c>
      <c r="G19199" s="358" t="s">
        <v>14429</v>
      </c>
      <c r="H19199" s="358" t="s">
        <v>14367</v>
      </c>
      <c r="I19199" s="358" t="s">
        <v>14429</v>
      </c>
      <c r="J19199" s="358"/>
      <c r="K19199" s="358"/>
      <c r="L19199" s="358"/>
    </row>
    <row r="19200" spans="2:12">
      <c r="B19200" s="367"/>
      <c r="C19200" s="367"/>
      <c r="D19200" s="367"/>
      <c r="E19200" s="367"/>
      <c r="F19200" s="360"/>
      <c r="G19200" s="360"/>
      <c r="H19200" s="360"/>
      <c r="I19200" s="360"/>
      <c r="J19200" s="365"/>
      <c r="K19200" s="365"/>
      <c r="L19200" s="365"/>
    </row>
    <row r="19201" spans="2:12">
      <c r="B19201" s="367"/>
      <c r="C19201" s="367"/>
      <c r="D19201" s="367"/>
      <c r="E19201" s="367"/>
      <c r="F19201" s="359" t="s">
        <v>14386</v>
      </c>
      <c r="G19201" s="359" t="s">
        <v>14387</v>
      </c>
      <c r="H19201" s="359" t="s">
        <v>14370</v>
      </c>
      <c r="I19201" s="359" t="s">
        <v>14387</v>
      </c>
      <c r="J19201" s="365"/>
      <c r="K19201" s="365"/>
      <c r="L19201" s="365"/>
    </row>
    <row r="19202" spans="2:12">
      <c r="B19202" s="367"/>
      <c r="C19202" s="367"/>
      <c r="D19202" s="367"/>
      <c r="E19202" s="367"/>
      <c r="F19202" s="360"/>
      <c r="G19202" s="360"/>
      <c r="H19202" s="360"/>
      <c r="I19202" s="360"/>
      <c r="J19202" s="365"/>
      <c r="K19202" s="365"/>
      <c r="L19202" s="365"/>
    </row>
    <row r="19203" spans="2:12">
      <c r="B19203" s="367"/>
      <c r="C19203" s="367"/>
      <c r="D19203" s="367"/>
      <c r="E19203" s="367"/>
      <c r="F19203" s="359" t="s">
        <v>14371</v>
      </c>
      <c r="G19203" s="359" t="s">
        <v>14372</v>
      </c>
      <c r="H19203" s="359" t="s">
        <v>14422</v>
      </c>
      <c r="I19203" s="359" t="s">
        <v>14373</v>
      </c>
      <c r="J19203" s="365"/>
      <c r="K19203" s="365"/>
      <c r="L19203" s="365"/>
    </row>
    <row r="19204" spans="2:12">
      <c r="B19204" s="367"/>
      <c r="C19204" s="367"/>
      <c r="D19204" s="367"/>
      <c r="E19204" s="367"/>
      <c r="F19204" s="360"/>
      <c r="G19204" s="360"/>
      <c r="H19204" s="360"/>
      <c r="I19204" s="360"/>
      <c r="J19204" s="365"/>
      <c r="K19204" s="365"/>
      <c r="L19204" s="365"/>
    </row>
    <row r="19205" spans="2:12" ht="28.5">
      <c r="B19205" s="368"/>
      <c r="C19205" s="368"/>
      <c r="D19205" s="368"/>
      <c r="E19205" s="368"/>
      <c r="F19205" s="361" t="s">
        <v>14374</v>
      </c>
      <c r="G19205" s="361" t="s">
        <v>14373</v>
      </c>
      <c r="H19205" s="362"/>
      <c r="I19205" s="362"/>
      <c r="J19205" s="366"/>
      <c r="K19205" s="366"/>
      <c r="L19205" s="366"/>
    </row>
    <row r="19206" spans="2:12">
      <c r="B19206" s="354" t="s">
        <v>8397</v>
      </c>
      <c r="C19206" s="369"/>
      <c r="D19206" s="369"/>
      <c r="E19206" s="369"/>
      <c r="F19206" s="369"/>
      <c r="G19206" s="369"/>
      <c r="H19206" s="369"/>
      <c r="I19206" s="369"/>
      <c r="J19206" s="369"/>
      <c r="K19206" s="369"/>
      <c r="L19206" s="370"/>
    </row>
    <row r="19207" spans="2:12" ht="28.5">
      <c r="B19207" s="358" t="s">
        <v>24301</v>
      </c>
      <c r="C19207" s="358" t="s">
        <v>24302</v>
      </c>
      <c r="D19207" s="358" t="s">
        <v>24303</v>
      </c>
      <c r="E19207" s="358" t="s">
        <v>24304</v>
      </c>
      <c r="F19207" s="358" t="s">
        <v>14443</v>
      </c>
      <c r="G19207" s="358" t="s">
        <v>14444</v>
      </c>
      <c r="H19207" s="358" t="s">
        <v>14381</v>
      </c>
      <c r="I19207" s="358" t="s">
        <v>14444</v>
      </c>
      <c r="J19207" s="358"/>
      <c r="K19207" s="358" t="s">
        <v>14863</v>
      </c>
      <c r="L19207" s="358"/>
    </row>
    <row r="19208" spans="2:12">
      <c r="B19208" s="367"/>
      <c r="C19208" s="367"/>
      <c r="D19208" s="367"/>
      <c r="E19208" s="367"/>
      <c r="F19208" s="360"/>
      <c r="G19208" s="360"/>
      <c r="H19208" s="360"/>
      <c r="I19208" s="360"/>
      <c r="J19208" s="365"/>
      <c r="K19208" s="360"/>
      <c r="L19208" s="365"/>
    </row>
    <row r="19209" spans="2:12">
      <c r="B19209" s="367"/>
      <c r="C19209" s="367"/>
      <c r="D19209" s="367"/>
      <c r="E19209" s="367"/>
      <c r="F19209" s="359" t="s">
        <v>15089</v>
      </c>
      <c r="G19209" s="359" t="s">
        <v>14429</v>
      </c>
      <c r="H19209" s="359" t="s">
        <v>14367</v>
      </c>
      <c r="I19209" s="359" t="s">
        <v>14429</v>
      </c>
      <c r="J19209" s="365"/>
      <c r="K19209" s="359" t="s">
        <v>14863</v>
      </c>
      <c r="L19209" s="365"/>
    </row>
    <row r="19210" spans="2:12">
      <c r="B19210" s="367"/>
      <c r="C19210" s="367"/>
      <c r="D19210" s="367"/>
      <c r="E19210" s="367"/>
      <c r="F19210" s="360"/>
      <c r="G19210" s="360"/>
      <c r="H19210" s="360"/>
      <c r="I19210" s="360"/>
      <c r="J19210" s="365"/>
      <c r="K19210" s="360"/>
      <c r="L19210" s="365"/>
    </row>
    <row r="19211" spans="2:12">
      <c r="B19211" s="367"/>
      <c r="C19211" s="367"/>
      <c r="D19211" s="367"/>
      <c r="E19211" s="367"/>
      <c r="F19211" s="359" t="s">
        <v>14391</v>
      </c>
      <c r="G19211" s="359" t="s">
        <v>14392</v>
      </c>
      <c r="H19211" s="359" t="s">
        <v>14370</v>
      </c>
      <c r="I19211" s="359" t="s">
        <v>14392</v>
      </c>
      <c r="J19211" s="365"/>
      <c r="K19211" s="360"/>
      <c r="L19211" s="365"/>
    </row>
    <row r="19212" spans="2:12">
      <c r="B19212" s="367"/>
      <c r="C19212" s="367"/>
      <c r="D19212" s="367"/>
      <c r="E19212" s="367"/>
      <c r="F19212" s="360"/>
      <c r="G19212" s="360"/>
      <c r="H19212" s="360"/>
      <c r="I19212" s="360"/>
      <c r="J19212" s="365"/>
      <c r="K19212" s="360"/>
      <c r="L19212" s="365"/>
    </row>
    <row r="19213" spans="2:12">
      <c r="B19213" s="367"/>
      <c r="C19213" s="367"/>
      <c r="D19213" s="367"/>
      <c r="E19213" s="367"/>
      <c r="F19213" s="359" t="s">
        <v>14371</v>
      </c>
      <c r="G19213" s="359" t="s">
        <v>14372</v>
      </c>
      <c r="H19213" s="359" t="s">
        <v>14422</v>
      </c>
      <c r="I19213" s="359" t="s">
        <v>14373</v>
      </c>
      <c r="J19213" s="365"/>
      <c r="K19213" s="360"/>
      <c r="L19213" s="365"/>
    </row>
    <row r="19214" spans="2:12">
      <c r="B19214" s="367"/>
      <c r="C19214" s="367"/>
      <c r="D19214" s="367"/>
      <c r="E19214" s="367"/>
      <c r="F19214" s="360"/>
      <c r="G19214" s="360"/>
      <c r="H19214" s="360"/>
      <c r="I19214" s="360"/>
      <c r="J19214" s="365"/>
      <c r="K19214" s="360"/>
      <c r="L19214" s="365"/>
    </row>
    <row r="19215" spans="2:12" ht="28.5">
      <c r="B19215" s="368"/>
      <c r="C19215" s="368"/>
      <c r="D19215" s="368"/>
      <c r="E19215" s="368"/>
      <c r="F19215" s="361" t="s">
        <v>14374</v>
      </c>
      <c r="G19215" s="361" t="s">
        <v>14373</v>
      </c>
      <c r="H19215" s="362"/>
      <c r="I19215" s="362"/>
      <c r="J19215" s="366"/>
      <c r="K19215" s="362"/>
      <c r="L19215" s="366"/>
    </row>
    <row r="19216" spans="2:12">
      <c r="B19216" s="354" t="s">
        <v>28528</v>
      </c>
      <c r="C19216" s="369"/>
      <c r="D19216" s="369"/>
      <c r="E19216" s="369"/>
      <c r="F19216" s="369"/>
      <c r="G19216" s="369"/>
      <c r="H19216" s="369"/>
      <c r="I19216" s="369"/>
      <c r="J19216" s="369"/>
      <c r="K19216" s="369"/>
      <c r="L19216" s="370"/>
    </row>
    <row r="19217" spans="2:12" ht="28.5">
      <c r="B19217" s="358" t="s">
        <v>24305</v>
      </c>
      <c r="C19217" s="358" t="s">
        <v>30426</v>
      </c>
      <c r="D19217" s="358" t="s">
        <v>8356</v>
      </c>
      <c r="E19217" s="358" t="s">
        <v>24306</v>
      </c>
      <c r="F19217" s="358" t="s">
        <v>14507</v>
      </c>
      <c r="G19217" s="358" t="s">
        <v>28907</v>
      </c>
      <c r="H19217" s="358" t="s">
        <v>14381</v>
      </c>
      <c r="I19217" s="358" t="s">
        <v>28907</v>
      </c>
      <c r="J19217" s="358"/>
      <c r="K19217" s="358"/>
      <c r="L19217" s="358"/>
    </row>
    <row r="19218" spans="2:12">
      <c r="B19218" s="367"/>
      <c r="C19218" s="367"/>
      <c r="D19218" s="367"/>
      <c r="E19218" s="367"/>
      <c r="F19218" s="360"/>
      <c r="G19218" s="360"/>
      <c r="H19218" s="360"/>
      <c r="I19218" s="360"/>
      <c r="J19218" s="365"/>
      <c r="K19218" s="365"/>
      <c r="L19218" s="365"/>
    </row>
    <row r="19219" spans="2:12">
      <c r="B19219" s="367"/>
      <c r="C19219" s="367"/>
      <c r="D19219" s="367"/>
      <c r="E19219" s="367"/>
      <c r="F19219" s="359" t="s">
        <v>14420</v>
      </c>
      <c r="G19219" s="359" t="s">
        <v>14387</v>
      </c>
      <c r="H19219" s="359" t="s">
        <v>14367</v>
      </c>
      <c r="I19219" s="359" t="s">
        <v>14387</v>
      </c>
      <c r="J19219" s="365"/>
      <c r="K19219" s="365"/>
      <c r="L19219" s="365"/>
    </row>
    <row r="19220" spans="2:12">
      <c r="B19220" s="367"/>
      <c r="C19220" s="367"/>
      <c r="D19220" s="367"/>
      <c r="E19220" s="367"/>
      <c r="F19220" s="360"/>
      <c r="G19220" s="360"/>
      <c r="H19220" s="360"/>
      <c r="I19220" s="360"/>
      <c r="J19220" s="365"/>
      <c r="K19220" s="365"/>
      <c r="L19220" s="365"/>
    </row>
    <row r="19221" spans="2:12">
      <c r="B19221" s="367"/>
      <c r="C19221" s="367"/>
      <c r="D19221" s="367"/>
      <c r="E19221" s="367"/>
      <c r="F19221" s="359" t="s">
        <v>14386</v>
      </c>
      <c r="G19221" s="359" t="s">
        <v>14395</v>
      </c>
      <c r="H19221" s="359" t="s">
        <v>14370</v>
      </c>
      <c r="I19221" s="359" t="s">
        <v>14395</v>
      </c>
      <c r="J19221" s="365"/>
      <c r="K19221" s="365"/>
      <c r="L19221" s="365"/>
    </row>
    <row r="19222" spans="2:12">
      <c r="B19222" s="367"/>
      <c r="C19222" s="367"/>
      <c r="D19222" s="367"/>
      <c r="E19222" s="367"/>
      <c r="F19222" s="360"/>
      <c r="G19222" s="360"/>
      <c r="H19222" s="360"/>
      <c r="I19222" s="360"/>
      <c r="J19222" s="365"/>
      <c r="K19222" s="365"/>
      <c r="L19222" s="365"/>
    </row>
    <row r="19223" spans="2:12" ht="28.5">
      <c r="B19223" s="368"/>
      <c r="C19223" s="368"/>
      <c r="D19223" s="368"/>
      <c r="E19223" s="368"/>
      <c r="F19223" s="361" t="s">
        <v>14394</v>
      </c>
      <c r="G19223" s="362"/>
      <c r="H19223" s="361" t="s">
        <v>14422</v>
      </c>
      <c r="I19223" s="362"/>
      <c r="J19223" s="366"/>
      <c r="K19223" s="366"/>
      <c r="L19223" s="366"/>
    </row>
    <row r="19224" spans="2:12">
      <c r="B19224" s="358" t="s">
        <v>24307</v>
      </c>
      <c r="C19224" s="358" t="s">
        <v>24308</v>
      </c>
      <c r="D19224" s="358" t="s">
        <v>24309</v>
      </c>
      <c r="E19224" s="358" t="s">
        <v>3501</v>
      </c>
      <c r="F19224" s="358" t="s">
        <v>14391</v>
      </c>
      <c r="G19224" s="358" t="s">
        <v>14392</v>
      </c>
      <c r="H19224" s="358" t="s">
        <v>14367</v>
      </c>
      <c r="I19224" s="358" t="s">
        <v>14392</v>
      </c>
      <c r="J19224" s="358" t="s">
        <v>14561</v>
      </c>
      <c r="K19224" s="358"/>
      <c r="L19224" s="358"/>
    </row>
    <row r="19225" spans="2:12">
      <c r="B19225" s="367"/>
      <c r="C19225" s="367"/>
      <c r="D19225" s="367"/>
      <c r="E19225" s="367"/>
      <c r="F19225" s="360"/>
      <c r="G19225" s="360"/>
      <c r="H19225" s="360"/>
      <c r="I19225" s="360"/>
      <c r="J19225" s="367"/>
      <c r="K19225" s="365"/>
      <c r="L19225" s="365"/>
    </row>
    <row r="19226" spans="2:12">
      <c r="B19226" s="367"/>
      <c r="C19226" s="367"/>
      <c r="D19226" s="367"/>
      <c r="E19226" s="367"/>
      <c r="F19226" s="359" t="s">
        <v>14371</v>
      </c>
      <c r="G19226" s="359" t="s">
        <v>14372</v>
      </c>
      <c r="H19226" s="359" t="s">
        <v>14370</v>
      </c>
      <c r="I19226" s="359" t="s">
        <v>14373</v>
      </c>
      <c r="J19226" s="367"/>
      <c r="K19226" s="365"/>
      <c r="L19226" s="365"/>
    </row>
    <row r="19227" spans="2:12">
      <c r="B19227" s="367"/>
      <c r="C19227" s="367"/>
      <c r="D19227" s="367"/>
      <c r="E19227" s="367"/>
      <c r="F19227" s="360"/>
      <c r="G19227" s="360"/>
      <c r="H19227" s="360"/>
      <c r="I19227" s="360"/>
      <c r="J19227" s="367"/>
      <c r="K19227" s="365"/>
      <c r="L19227" s="365"/>
    </row>
    <row r="19228" spans="2:12" ht="28.5">
      <c r="B19228" s="368"/>
      <c r="C19228" s="368"/>
      <c r="D19228" s="368"/>
      <c r="E19228" s="368"/>
      <c r="F19228" s="361" t="s">
        <v>14374</v>
      </c>
      <c r="G19228" s="361" t="s">
        <v>14373</v>
      </c>
      <c r="H19228" s="361" t="s">
        <v>14422</v>
      </c>
      <c r="I19228" s="362"/>
      <c r="J19228" s="368"/>
      <c r="K19228" s="366"/>
      <c r="L19228" s="366"/>
    </row>
    <row r="19229" spans="2:12">
      <c r="B19229" s="358" t="s">
        <v>24310</v>
      </c>
      <c r="C19229" s="358" t="s">
        <v>30427</v>
      </c>
      <c r="D19229" s="358" t="s">
        <v>24311</v>
      </c>
      <c r="E19229" s="358" t="s">
        <v>24312</v>
      </c>
      <c r="F19229" s="358" t="s">
        <v>14391</v>
      </c>
      <c r="G19229" s="358" t="s">
        <v>14392</v>
      </c>
      <c r="H19229" s="358" t="s">
        <v>14367</v>
      </c>
      <c r="I19229" s="358" t="s">
        <v>14392</v>
      </c>
      <c r="J19229" s="358"/>
      <c r="K19229" s="358"/>
      <c r="L19229" s="358"/>
    </row>
    <row r="19230" spans="2:12">
      <c r="B19230" s="367"/>
      <c r="C19230" s="367"/>
      <c r="D19230" s="367"/>
      <c r="E19230" s="367"/>
      <c r="F19230" s="360"/>
      <c r="G19230" s="360"/>
      <c r="H19230" s="360"/>
      <c r="I19230" s="360"/>
      <c r="J19230" s="365"/>
      <c r="K19230" s="365"/>
      <c r="L19230" s="365"/>
    </row>
    <row r="19231" spans="2:12">
      <c r="B19231" s="367"/>
      <c r="C19231" s="367"/>
      <c r="D19231" s="367"/>
      <c r="E19231" s="367"/>
      <c r="F19231" s="359" t="s">
        <v>14371</v>
      </c>
      <c r="G19231" s="359" t="s">
        <v>14372</v>
      </c>
      <c r="H19231" s="359" t="s">
        <v>14370</v>
      </c>
      <c r="I19231" s="359" t="s">
        <v>14373</v>
      </c>
      <c r="J19231" s="365"/>
      <c r="K19231" s="365"/>
      <c r="L19231" s="365"/>
    </row>
    <row r="19232" spans="2:12">
      <c r="B19232" s="367"/>
      <c r="C19232" s="367"/>
      <c r="D19232" s="367"/>
      <c r="E19232" s="367"/>
      <c r="F19232" s="360"/>
      <c r="G19232" s="360"/>
      <c r="H19232" s="360"/>
      <c r="I19232" s="360"/>
      <c r="J19232" s="365"/>
      <c r="K19232" s="365"/>
      <c r="L19232" s="365"/>
    </row>
    <row r="19233" spans="2:12" ht="28.5">
      <c r="B19233" s="368"/>
      <c r="C19233" s="368"/>
      <c r="D19233" s="368"/>
      <c r="E19233" s="368"/>
      <c r="F19233" s="361" t="s">
        <v>14374</v>
      </c>
      <c r="G19233" s="361" t="s">
        <v>14373</v>
      </c>
      <c r="H19233" s="361" t="s">
        <v>14422</v>
      </c>
      <c r="I19233" s="362"/>
      <c r="J19233" s="366"/>
      <c r="K19233" s="366"/>
      <c r="L19233" s="366"/>
    </row>
    <row r="19234" spans="2:12" ht="28.5">
      <c r="B19234" s="358" t="s">
        <v>24313</v>
      </c>
      <c r="C19234" s="358" t="s">
        <v>29658</v>
      </c>
      <c r="D19234" s="358" t="s">
        <v>24314</v>
      </c>
      <c r="E19234" s="358" t="s">
        <v>24315</v>
      </c>
      <c r="F19234" s="358" t="s">
        <v>14371</v>
      </c>
      <c r="G19234" s="358" t="s">
        <v>14372</v>
      </c>
      <c r="H19234" s="358" t="s">
        <v>14370</v>
      </c>
      <c r="I19234" s="358" t="s">
        <v>14373</v>
      </c>
      <c r="J19234" s="358"/>
      <c r="K19234" s="358"/>
      <c r="L19234" s="358"/>
    </row>
    <row r="19235" spans="2:12">
      <c r="B19235" s="367"/>
      <c r="C19235" s="367"/>
      <c r="D19235" s="367"/>
      <c r="E19235" s="367"/>
      <c r="F19235" s="360"/>
      <c r="G19235" s="360"/>
      <c r="H19235" s="360"/>
      <c r="I19235" s="367"/>
      <c r="J19235" s="365"/>
      <c r="K19235" s="365"/>
      <c r="L19235" s="365"/>
    </row>
    <row r="19236" spans="2:12" ht="28.5">
      <c r="B19236" s="368"/>
      <c r="C19236" s="368"/>
      <c r="D19236" s="368"/>
      <c r="E19236" s="368"/>
      <c r="F19236" s="361" t="s">
        <v>14374</v>
      </c>
      <c r="G19236" s="361" t="s">
        <v>14373</v>
      </c>
      <c r="H19236" s="361" t="s">
        <v>14422</v>
      </c>
      <c r="I19236" s="368"/>
      <c r="J19236" s="366"/>
      <c r="K19236" s="366"/>
      <c r="L19236" s="366"/>
    </row>
    <row r="19237" spans="2:12" ht="28.5">
      <c r="B19237" s="358" t="s">
        <v>24316</v>
      </c>
      <c r="C19237" s="358" t="s">
        <v>29659</v>
      </c>
      <c r="D19237" s="358" t="s">
        <v>8356</v>
      </c>
      <c r="E19237" s="358" t="s">
        <v>24317</v>
      </c>
      <c r="F19237" s="358" t="s">
        <v>14391</v>
      </c>
      <c r="G19237" s="358" t="s">
        <v>14392</v>
      </c>
      <c r="H19237" s="358" t="s">
        <v>14367</v>
      </c>
      <c r="I19237" s="358" t="s">
        <v>14392</v>
      </c>
      <c r="J19237" s="358"/>
      <c r="K19237" s="358"/>
      <c r="L19237" s="358"/>
    </row>
    <row r="19238" spans="2:12">
      <c r="B19238" s="367"/>
      <c r="C19238" s="367"/>
      <c r="D19238" s="367"/>
      <c r="E19238" s="367"/>
      <c r="F19238" s="360"/>
      <c r="G19238" s="360"/>
      <c r="H19238" s="360"/>
      <c r="I19238" s="360"/>
      <c r="J19238" s="365"/>
      <c r="K19238" s="365"/>
      <c r="L19238" s="365"/>
    </row>
    <row r="19239" spans="2:12">
      <c r="B19239" s="367"/>
      <c r="C19239" s="367"/>
      <c r="D19239" s="367"/>
      <c r="E19239" s="367"/>
      <c r="F19239" s="359" t="s">
        <v>14371</v>
      </c>
      <c r="G19239" s="359" t="s">
        <v>14372</v>
      </c>
      <c r="H19239" s="359" t="s">
        <v>14370</v>
      </c>
      <c r="I19239" s="359" t="s">
        <v>14373</v>
      </c>
      <c r="J19239" s="365"/>
      <c r="K19239" s="365"/>
      <c r="L19239" s="365"/>
    </row>
    <row r="19240" spans="2:12">
      <c r="B19240" s="367"/>
      <c r="C19240" s="367"/>
      <c r="D19240" s="367"/>
      <c r="E19240" s="367"/>
      <c r="F19240" s="360"/>
      <c r="G19240" s="360"/>
      <c r="H19240" s="360"/>
      <c r="I19240" s="360"/>
      <c r="J19240" s="365"/>
      <c r="K19240" s="365"/>
      <c r="L19240" s="365"/>
    </row>
    <row r="19241" spans="2:12" ht="28.5">
      <c r="B19241" s="368"/>
      <c r="C19241" s="368"/>
      <c r="D19241" s="368"/>
      <c r="E19241" s="368"/>
      <c r="F19241" s="361" t="s">
        <v>14374</v>
      </c>
      <c r="G19241" s="361" t="s">
        <v>14373</v>
      </c>
      <c r="H19241" s="361" t="s">
        <v>14422</v>
      </c>
      <c r="I19241" s="362"/>
      <c r="J19241" s="366"/>
      <c r="K19241" s="366"/>
      <c r="L19241" s="366"/>
    </row>
    <row r="19242" spans="2:12" ht="42.75">
      <c r="B19242" s="358" t="s">
        <v>24318</v>
      </c>
      <c r="C19242" s="358" t="s">
        <v>29660</v>
      </c>
      <c r="D19242" s="358" t="s">
        <v>8356</v>
      </c>
      <c r="E19242" s="358" t="s">
        <v>24319</v>
      </c>
      <c r="F19242" s="358" t="s">
        <v>14371</v>
      </c>
      <c r="G19242" s="358" t="s">
        <v>14372</v>
      </c>
      <c r="H19242" s="358" t="s">
        <v>14370</v>
      </c>
      <c r="I19242" s="358" t="s">
        <v>14373</v>
      </c>
      <c r="J19242" s="358"/>
      <c r="K19242" s="358" t="s">
        <v>15400</v>
      </c>
      <c r="L19242" s="358"/>
    </row>
    <row r="19243" spans="2:12">
      <c r="B19243" s="367"/>
      <c r="C19243" s="367"/>
      <c r="D19243" s="367"/>
      <c r="E19243" s="367"/>
      <c r="F19243" s="360"/>
      <c r="G19243" s="360"/>
      <c r="H19243" s="360"/>
      <c r="I19243" s="367"/>
      <c r="J19243" s="365"/>
      <c r="K19243" s="367"/>
      <c r="L19243" s="365"/>
    </row>
    <row r="19244" spans="2:12" ht="28.5">
      <c r="B19244" s="368"/>
      <c r="C19244" s="368"/>
      <c r="D19244" s="368"/>
      <c r="E19244" s="368"/>
      <c r="F19244" s="361" t="s">
        <v>14374</v>
      </c>
      <c r="G19244" s="361" t="s">
        <v>14373</v>
      </c>
      <c r="H19244" s="361" t="s">
        <v>14422</v>
      </c>
      <c r="I19244" s="368"/>
      <c r="J19244" s="366"/>
      <c r="K19244" s="368"/>
      <c r="L19244" s="366"/>
    </row>
    <row r="19245" spans="2:12" ht="42.75">
      <c r="B19245" s="358" t="s">
        <v>13217</v>
      </c>
      <c r="C19245" s="358" t="s">
        <v>30428</v>
      </c>
      <c r="D19245" s="358" t="s">
        <v>13218</v>
      </c>
      <c r="E19245" s="358" t="s">
        <v>13219</v>
      </c>
      <c r="F19245" s="358" t="s">
        <v>14426</v>
      </c>
      <c r="G19245" s="358" t="s">
        <v>14427</v>
      </c>
      <c r="H19245" s="358" t="s">
        <v>14378</v>
      </c>
      <c r="I19245" s="358" t="s">
        <v>14427</v>
      </c>
      <c r="J19245" s="358"/>
      <c r="K19245" s="358"/>
      <c r="L19245" s="358"/>
    </row>
    <row r="19246" spans="2:12">
      <c r="B19246" s="367"/>
      <c r="C19246" s="367"/>
      <c r="D19246" s="367"/>
      <c r="E19246" s="367"/>
      <c r="F19246" s="360"/>
      <c r="G19246" s="360"/>
      <c r="H19246" s="360"/>
      <c r="I19246" s="360"/>
      <c r="J19246" s="365"/>
      <c r="K19246" s="365"/>
      <c r="L19246" s="365"/>
    </row>
    <row r="19247" spans="2:12" ht="28.5">
      <c r="B19247" s="367"/>
      <c r="C19247" s="367"/>
      <c r="D19247" s="367"/>
      <c r="E19247" s="367"/>
      <c r="F19247" s="359" t="s">
        <v>14424</v>
      </c>
      <c r="G19247" s="359" t="s">
        <v>29421</v>
      </c>
      <c r="H19247" s="359" t="s">
        <v>14381</v>
      </c>
      <c r="I19247" s="359" t="s">
        <v>29421</v>
      </c>
      <c r="J19247" s="365"/>
      <c r="K19247" s="365"/>
      <c r="L19247" s="365"/>
    </row>
    <row r="19248" spans="2:12">
      <c r="B19248" s="367"/>
      <c r="C19248" s="367"/>
      <c r="D19248" s="367"/>
      <c r="E19248" s="367"/>
      <c r="F19248" s="360"/>
      <c r="G19248" s="360"/>
      <c r="H19248" s="360"/>
      <c r="I19248" s="360"/>
      <c r="J19248" s="365"/>
      <c r="K19248" s="365"/>
      <c r="L19248" s="365"/>
    </row>
    <row r="19249" spans="2:12">
      <c r="B19249" s="367"/>
      <c r="C19249" s="367"/>
      <c r="D19249" s="367"/>
      <c r="E19249" s="367"/>
      <c r="F19249" s="359" t="s">
        <v>14379</v>
      </c>
      <c r="G19249" s="359" t="s">
        <v>14395</v>
      </c>
      <c r="H19249" s="359" t="s">
        <v>14370</v>
      </c>
      <c r="I19249" s="359" t="s">
        <v>14395</v>
      </c>
      <c r="J19249" s="365"/>
      <c r="K19249" s="365"/>
      <c r="L19249" s="365"/>
    </row>
    <row r="19250" spans="2:12">
      <c r="B19250" s="367"/>
      <c r="C19250" s="367"/>
      <c r="D19250" s="367"/>
      <c r="E19250" s="367"/>
      <c r="F19250" s="360"/>
      <c r="G19250" s="360"/>
      <c r="H19250" s="360"/>
      <c r="I19250" s="360"/>
      <c r="J19250" s="365"/>
      <c r="K19250" s="365"/>
      <c r="L19250" s="365"/>
    </row>
    <row r="19251" spans="2:12" ht="28.5">
      <c r="B19251" s="368"/>
      <c r="C19251" s="368"/>
      <c r="D19251" s="368"/>
      <c r="E19251" s="368"/>
      <c r="F19251" s="361" t="s">
        <v>14394</v>
      </c>
      <c r="G19251" s="362"/>
      <c r="H19251" s="361" t="s">
        <v>14332</v>
      </c>
      <c r="I19251" s="362"/>
      <c r="J19251" s="366"/>
      <c r="K19251" s="366"/>
      <c r="L19251" s="366"/>
    </row>
    <row r="19252" spans="2:12" ht="28.5">
      <c r="B19252" s="358" t="s">
        <v>24320</v>
      </c>
      <c r="C19252" s="358" t="s">
        <v>24321</v>
      </c>
      <c r="D19252" s="358" t="s">
        <v>24322</v>
      </c>
      <c r="E19252" s="358" t="s">
        <v>24323</v>
      </c>
      <c r="F19252" s="358" t="s">
        <v>14462</v>
      </c>
      <c r="G19252" s="358" t="s">
        <v>14463</v>
      </c>
      <c r="H19252" s="358" t="s">
        <v>8356</v>
      </c>
      <c r="I19252" s="358" t="s">
        <v>14463</v>
      </c>
      <c r="J19252" s="358"/>
      <c r="K19252" s="358"/>
      <c r="L19252" s="358"/>
    </row>
    <row r="19253" spans="2:12">
      <c r="B19253" s="368"/>
      <c r="C19253" s="368"/>
      <c r="D19253" s="368"/>
      <c r="E19253" s="368"/>
      <c r="F19253" s="368"/>
      <c r="G19253" s="368"/>
      <c r="H19253" s="368"/>
      <c r="I19253" s="368"/>
      <c r="J19253" s="366"/>
      <c r="K19253" s="366"/>
      <c r="L19253" s="366"/>
    </row>
    <row r="19254" spans="2:12" ht="28.5">
      <c r="B19254" s="358" t="s">
        <v>24324</v>
      </c>
      <c r="C19254" s="358" t="s">
        <v>30429</v>
      </c>
      <c r="D19254" s="358" t="s">
        <v>24325</v>
      </c>
      <c r="E19254" s="358" t="s">
        <v>8356</v>
      </c>
      <c r="F19254" s="358" t="s">
        <v>14391</v>
      </c>
      <c r="G19254" s="358" t="s">
        <v>14392</v>
      </c>
      <c r="H19254" s="358" t="s">
        <v>14367</v>
      </c>
      <c r="I19254" s="358" t="s">
        <v>14392</v>
      </c>
      <c r="J19254" s="358"/>
      <c r="K19254" s="358"/>
      <c r="L19254" s="358"/>
    </row>
    <row r="19255" spans="2:12">
      <c r="B19255" s="367"/>
      <c r="C19255" s="367"/>
      <c r="D19255" s="367"/>
      <c r="E19255" s="367"/>
      <c r="F19255" s="360"/>
      <c r="G19255" s="360"/>
      <c r="H19255" s="360"/>
      <c r="I19255" s="360"/>
      <c r="J19255" s="365"/>
      <c r="K19255" s="365"/>
      <c r="L19255" s="365"/>
    </row>
    <row r="19256" spans="2:12" ht="28.5">
      <c r="B19256" s="367"/>
      <c r="C19256" s="367"/>
      <c r="D19256" s="367"/>
      <c r="E19256" s="367"/>
      <c r="F19256" s="359" t="s">
        <v>14394</v>
      </c>
      <c r="G19256" s="359" t="s">
        <v>14395</v>
      </c>
      <c r="H19256" s="359" t="s">
        <v>14370</v>
      </c>
      <c r="I19256" s="359" t="s">
        <v>14395</v>
      </c>
      <c r="J19256" s="365"/>
      <c r="K19256" s="365"/>
      <c r="L19256" s="365"/>
    </row>
    <row r="19257" spans="2:12">
      <c r="B19257" s="367"/>
      <c r="C19257" s="367"/>
      <c r="D19257" s="367"/>
      <c r="E19257" s="367"/>
      <c r="F19257" s="360"/>
      <c r="G19257" s="360"/>
      <c r="H19257" s="360"/>
      <c r="I19257" s="360"/>
      <c r="J19257" s="365"/>
      <c r="K19257" s="365"/>
      <c r="L19257" s="365"/>
    </row>
    <row r="19258" spans="2:12">
      <c r="B19258" s="368"/>
      <c r="C19258" s="368"/>
      <c r="D19258" s="368"/>
      <c r="E19258" s="368"/>
      <c r="F19258" s="362"/>
      <c r="G19258" s="362"/>
      <c r="H19258" s="361" t="s">
        <v>14422</v>
      </c>
      <c r="I19258" s="362"/>
      <c r="J19258" s="366"/>
      <c r="K19258" s="366"/>
      <c r="L19258" s="366"/>
    </row>
    <row r="19259" spans="2:12">
      <c r="B19259" s="358" t="s">
        <v>24326</v>
      </c>
      <c r="C19259" s="358" t="s">
        <v>24327</v>
      </c>
      <c r="D19259" s="358" t="s">
        <v>24328</v>
      </c>
      <c r="E19259" s="358" t="s">
        <v>24329</v>
      </c>
      <c r="F19259" s="358" t="s">
        <v>14420</v>
      </c>
      <c r="G19259" s="358" t="s">
        <v>14429</v>
      </c>
      <c r="H19259" s="358" t="s">
        <v>14367</v>
      </c>
      <c r="I19259" s="358" t="s">
        <v>14429</v>
      </c>
      <c r="J19259" s="358"/>
      <c r="K19259" s="358"/>
      <c r="L19259" s="358"/>
    </row>
    <row r="19260" spans="2:12">
      <c r="B19260" s="367"/>
      <c r="C19260" s="367"/>
      <c r="D19260" s="367"/>
      <c r="E19260" s="367"/>
      <c r="F19260" s="360"/>
      <c r="G19260" s="360"/>
      <c r="H19260" s="360"/>
      <c r="I19260" s="360"/>
      <c r="J19260" s="365"/>
      <c r="K19260" s="365"/>
      <c r="L19260" s="365"/>
    </row>
    <row r="19261" spans="2:12">
      <c r="B19261" s="367"/>
      <c r="C19261" s="367"/>
      <c r="D19261" s="367"/>
      <c r="E19261" s="367"/>
      <c r="F19261" s="359" t="s">
        <v>14386</v>
      </c>
      <c r="G19261" s="359" t="s">
        <v>14387</v>
      </c>
      <c r="H19261" s="359" t="s">
        <v>14422</v>
      </c>
      <c r="I19261" s="359" t="s">
        <v>14387</v>
      </c>
      <c r="J19261" s="365"/>
      <c r="K19261" s="365"/>
      <c r="L19261" s="365"/>
    </row>
    <row r="19262" spans="2:12">
      <c r="B19262" s="367"/>
      <c r="C19262" s="367"/>
      <c r="D19262" s="367"/>
      <c r="E19262" s="367"/>
      <c r="F19262" s="360"/>
      <c r="G19262" s="360"/>
      <c r="H19262" s="360"/>
      <c r="I19262" s="360"/>
      <c r="J19262" s="365"/>
      <c r="K19262" s="365"/>
      <c r="L19262" s="365"/>
    </row>
    <row r="19263" spans="2:12" ht="28.5">
      <c r="B19263" s="368"/>
      <c r="C19263" s="368"/>
      <c r="D19263" s="368"/>
      <c r="E19263" s="368"/>
      <c r="F19263" s="361" t="s">
        <v>14472</v>
      </c>
      <c r="G19263" s="361" t="s">
        <v>14473</v>
      </c>
      <c r="H19263" s="362"/>
      <c r="I19263" s="361" t="s">
        <v>14473</v>
      </c>
      <c r="J19263" s="366"/>
      <c r="K19263" s="366"/>
      <c r="L19263" s="366"/>
    </row>
    <row r="19264" spans="2:12" ht="42.75">
      <c r="B19264" s="358" t="s">
        <v>24330</v>
      </c>
      <c r="C19264" s="358" t="s">
        <v>30430</v>
      </c>
      <c r="D19264" s="358" t="s">
        <v>24331</v>
      </c>
      <c r="E19264" s="358" t="s">
        <v>24332</v>
      </c>
      <c r="F19264" s="358" t="s">
        <v>14472</v>
      </c>
      <c r="G19264" s="358" t="s">
        <v>14473</v>
      </c>
      <c r="H19264" s="358" t="s">
        <v>8356</v>
      </c>
      <c r="I19264" s="358" t="s">
        <v>14473</v>
      </c>
      <c r="J19264" s="358"/>
      <c r="K19264" s="358"/>
      <c r="L19264" s="358"/>
    </row>
    <row r="19265" spans="2:12">
      <c r="B19265" s="368"/>
      <c r="C19265" s="368"/>
      <c r="D19265" s="368"/>
      <c r="E19265" s="368"/>
      <c r="F19265" s="368"/>
      <c r="G19265" s="368"/>
      <c r="H19265" s="368"/>
      <c r="I19265" s="368"/>
      <c r="J19265" s="366"/>
      <c r="K19265" s="366"/>
      <c r="L19265" s="366"/>
    </row>
    <row r="19266" spans="2:12" ht="28.5">
      <c r="B19266" s="358" t="s">
        <v>24333</v>
      </c>
      <c r="C19266" s="358" t="s">
        <v>27915</v>
      </c>
      <c r="D19266" s="358" t="s">
        <v>24334</v>
      </c>
      <c r="E19266" s="358" t="s">
        <v>24335</v>
      </c>
      <c r="F19266" s="358" t="s">
        <v>14394</v>
      </c>
      <c r="G19266" s="358" t="s">
        <v>14395</v>
      </c>
      <c r="H19266" s="358" t="s">
        <v>14370</v>
      </c>
      <c r="I19266" s="358" t="s">
        <v>14395</v>
      </c>
      <c r="J19266" s="358"/>
      <c r="K19266" s="358"/>
      <c r="L19266" s="358"/>
    </row>
    <row r="19267" spans="2:12">
      <c r="B19267" s="368"/>
      <c r="C19267" s="368"/>
      <c r="D19267" s="368"/>
      <c r="E19267" s="368"/>
      <c r="F19267" s="368"/>
      <c r="G19267" s="368"/>
      <c r="H19267" s="368"/>
      <c r="I19267" s="368"/>
      <c r="J19267" s="366"/>
      <c r="K19267" s="366"/>
      <c r="L19267" s="366"/>
    </row>
    <row r="19268" spans="2:12">
      <c r="B19268" s="358" t="s">
        <v>24336</v>
      </c>
      <c r="C19268" s="358" t="s">
        <v>27916</v>
      </c>
      <c r="D19268" s="358" t="s">
        <v>24337</v>
      </c>
      <c r="E19268" s="358" t="s">
        <v>24338</v>
      </c>
      <c r="F19268" s="358" t="s">
        <v>14420</v>
      </c>
      <c r="G19268" s="358" t="s">
        <v>14429</v>
      </c>
      <c r="H19268" s="358" t="s">
        <v>14367</v>
      </c>
      <c r="I19268" s="358" t="s">
        <v>14429</v>
      </c>
      <c r="J19268" s="358"/>
      <c r="K19268" s="358"/>
      <c r="L19268" s="358"/>
    </row>
    <row r="19269" spans="2:12">
      <c r="B19269" s="367"/>
      <c r="C19269" s="367"/>
      <c r="D19269" s="367"/>
      <c r="E19269" s="367"/>
      <c r="F19269" s="360"/>
      <c r="G19269" s="360"/>
      <c r="H19269" s="360"/>
      <c r="I19269" s="360"/>
      <c r="J19269" s="365"/>
      <c r="K19269" s="365"/>
      <c r="L19269" s="365"/>
    </row>
    <row r="19270" spans="2:12" ht="28.5">
      <c r="B19270" s="367"/>
      <c r="C19270" s="367"/>
      <c r="D19270" s="367"/>
      <c r="E19270" s="367"/>
      <c r="F19270" s="359" t="s">
        <v>14394</v>
      </c>
      <c r="G19270" s="359" t="s">
        <v>14395</v>
      </c>
      <c r="H19270" s="359" t="s">
        <v>14370</v>
      </c>
      <c r="I19270" s="359" t="s">
        <v>14395</v>
      </c>
      <c r="J19270" s="365"/>
      <c r="K19270" s="365"/>
      <c r="L19270" s="365"/>
    </row>
    <row r="19271" spans="2:12">
      <c r="B19271" s="367"/>
      <c r="C19271" s="367"/>
      <c r="D19271" s="367"/>
      <c r="E19271" s="367"/>
      <c r="F19271" s="360"/>
      <c r="G19271" s="360"/>
      <c r="H19271" s="360"/>
      <c r="I19271" s="360"/>
      <c r="J19271" s="365"/>
      <c r="K19271" s="365"/>
      <c r="L19271" s="365"/>
    </row>
    <row r="19272" spans="2:12">
      <c r="B19272" s="368"/>
      <c r="C19272" s="368"/>
      <c r="D19272" s="368"/>
      <c r="E19272" s="368"/>
      <c r="F19272" s="362"/>
      <c r="G19272" s="362"/>
      <c r="H19272" s="361" t="s">
        <v>14422</v>
      </c>
      <c r="I19272" s="362"/>
      <c r="J19272" s="366"/>
      <c r="K19272" s="366"/>
      <c r="L19272" s="366"/>
    </row>
    <row r="19273" spans="2:12" ht="28.5">
      <c r="B19273" s="358" t="s">
        <v>24339</v>
      </c>
      <c r="C19273" s="358" t="s">
        <v>24340</v>
      </c>
      <c r="D19273" s="358" t="s">
        <v>24341</v>
      </c>
      <c r="E19273" s="358" t="s">
        <v>24342</v>
      </c>
      <c r="F19273" s="358" t="s">
        <v>14430</v>
      </c>
      <c r="G19273" s="358" t="s">
        <v>14431</v>
      </c>
      <c r="H19273" s="358" t="s">
        <v>14341</v>
      </c>
      <c r="I19273" s="358" t="s">
        <v>14431</v>
      </c>
      <c r="J19273" s="358"/>
      <c r="K19273" s="358"/>
      <c r="L19273" s="358"/>
    </row>
    <row r="19274" spans="2:12">
      <c r="B19274" s="367"/>
      <c r="C19274" s="367"/>
      <c r="D19274" s="367"/>
      <c r="E19274" s="367"/>
      <c r="F19274" s="367"/>
      <c r="G19274" s="367"/>
      <c r="H19274" s="360"/>
      <c r="I19274" s="367"/>
      <c r="J19274" s="365"/>
      <c r="K19274" s="365"/>
      <c r="L19274" s="365"/>
    </row>
    <row r="19275" spans="2:12">
      <c r="B19275" s="368"/>
      <c r="C19275" s="368"/>
      <c r="D19275" s="368"/>
      <c r="E19275" s="368"/>
      <c r="F19275" s="368"/>
      <c r="G19275" s="368"/>
      <c r="H19275" s="361" t="s">
        <v>14332</v>
      </c>
      <c r="I19275" s="368"/>
      <c r="J19275" s="366"/>
      <c r="K19275" s="366"/>
      <c r="L19275" s="366"/>
    </row>
    <row r="19276" spans="2:12" ht="57">
      <c r="B19276" s="358" t="s">
        <v>24343</v>
      </c>
      <c r="C19276" s="358" t="s">
        <v>29661</v>
      </c>
      <c r="D19276" s="358" t="s">
        <v>24344</v>
      </c>
      <c r="E19276" s="358" t="s">
        <v>24345</v>
      </c>
      <c r="F19276" s="358" t="s">
        <v>14391</v>
      </c>
      <c r="G19276" s="358" t="s">
        <v>14392</v>
      </c>
      <c r="H19276" s="358" t="s">
        <v>14367</v>
      </c>
      <c r="I19276" s="358" t="s">
        <v>14392</v>
      </c>
      <c r="J19276" s="358"/>
      <c r="K19276" s="358"/>
      <c r="L19276" s="358"/>
    </row>
    <row r="19277" spans="2:12">
      <c r="B19277" s="367"/>
      <c r="C19277" s="367"/>
      <c r="D19277" s="367"/>
      <c r="E19277" s="367"/>
      <c r="F19277" s="360"/>
      <c r="G19277" s="360"/>
      <c r="H19277" s="360"/>
      <c r="I19277" s="360"/>
      <c r="J19277" s="365"/>
      <c r="K19277" s="365"/>
      <c r="L19277" s="365"/>
    </row>
    <row r="19278" spans="2:12" ht="28.5">
      <c r="B19278" s="368"/>
      <c r="C19278" s="368"/>
      <c r="D19278" s="368"/>
      <c r="E19278" s="368"/>
      <c r="F19278" s="361" t="s">
        <v>14472</v>
      </c>
      <c r="G19278" s="361" t="s">
        <v>14473</v>
      </c>
      <c r="H19278" s="361" t="s">
        <v>14422</v>
      </c>
      <c r="I19278" s="361" t="s">
        <v>14473</v>
      </c>
      <c r="J19278" s="366"/>
      <c r="K19278" s="366"/>
      <c r="L19278" s="366"/>
    </row>
    <row r="19279" spans="2:12">
      <c r="B19279" s="354" t="s">
        <v>8397</v>
      </c>
      <c r="C19279" s="369"/>
      <c r="D19279" s="369"/>
      <c r="E19279" s="369"/>
      <c r="F19279" s="369"/>
      <c r="G19279" s="369"/>
      <c r="H19279" s="369"/>
      <c r="I19279" s="369"/>
      <c r="J19279" s="369"/>
      <c r="K19279" s="369"/>
      <c r="L19279" s="370"/>
    </row>
    <row r="19280" spans="2:12" ht="28.5">
      <c r="B19280" s="358" t="s">
        <v>24346</v>
      </c>
      <c r="C19280" s="358" t="s">
        <v>24347</v>
      </c>
      <c r="D19280" s="358" t="s">
        <v>24348</v>
      </c>
      <c r="E19280" s="358" t="s">
        <v>24349</v>
      </c>
      <c r="F19280" s="358" t="s">
        <v>14656</v>
      </c>
      <c r="G19280" s="358" t="s">
        <v>14483</v>
      </c>
      <c r="H19280" s="358" t="s">
        <v>14378</v>
      </c>
      <c r="I19280" s="358" t="s">
        <v>14483</v>
      </c>
      <c r="J19280" s="358"/>
      <c r="K19280" s="358" t="s">
        <v>19132</v>
      </c>
      <c r="L19280" s="358"/>
    </row>
    <row r="19281" spans="2:12">
      <c r="B19281" s="367"/>
      <c r="C19281" s="367"/>
      <c r="D19281" s="367"/>
      <c r="E19281" s="367"/>
      <c r="F19281" s="360"/>
      <c r="G19281" s="360"/>
      <c r="H19281" s="360"/>
      <c r="I19281" s="360"/>
      <c r="J19281" s="365"/>
      <c r="K19281" s="360"/>
      <c r="L19281" s="365"/>
    </row>
    <row r="19282" spans="2:12">
      <c r="B19282" s="367"/>
      <c r="C19282" s="367"/>
      <c r="D19282" s="367"/>
      <c r="E19282" s="367"/>
      <c r="F19282" s="359" t="s">
        <v>14656</v>
      </c>
      <c r="G19282" s="359" t="s">
        <v>14383</v>
      </c>
      <c r="H19282" s="359" t="s">
        <v>14370</v>
      </c>
      <c r="I19282" s="359" t="s">
        <v>14383</v>
      </c>
      <c r="J19282" s="365"/>
      <c r="K19282" s="359" t="s">
        <v>19132</v>
      </c>
      <c r="L19282" s="365"/>
    </row>
    <row r="19283" spans="2:12">
      <c r="B19283" s="367"/>
      <c r="C19283" s="367"/>
      <c r="D19283" s="367"/>
      <c r="E19283" s="367"/>
      <c r="F19283" s="360"/>
      <c r="G19283" s="360"/>
      <c r="H19283" s="360"/>
      <c r="I19283" s="360"/>
      <c r="J19283" s="365"/>
      <c r="K19283" s="360"/>
      <c r="L19283" s="365"/>
    </row>
    <row r="19284" spans="2:12">
      <c r="B19284" s="367"/>
      <c r="C19284" s="367"/>
      <c r="D19284" s="367"/>
      <c r="E19284" s="367"/>
      <c r="F19284" s="359" t="s">
        <v>14371</v>
      </c>
      <c r="G19284" s="359" t="s">
        <v>14372</v>
      </c>
      <c r="H19284" s="359" t="s">
        <v>14332</v>
      </c>
      <c r="I19284" s="359" t="s">
        <v>14373</v>
      </c>
      <c r="J19284" s="365"/>
      <c r="K19284" s="360"/>
      <c r="L19284" s="365"/>
    </row>
    <row r="19285" spans="2:12">
      <c r="B19285" s="367"/>
      <c r="C19285" s="367"/>
      <c r="D19285" s="367"/>
      <c r="E19285" s="367"/>
      <c r="F19285" s="360"/>
      <c r="G19285" s="360"/>
      <c r="H19285" s="360"/>
      <c r="I19285" s="360"/>
      <c r="J19285" s="365"/>
      <c r="K19285" s="360"/>
      <c r="L19285" s="365"/>
    </row>
    <row r="19286" spans="2:12" ht="28.5">
      <c r="B19286" s="368"/>
      <c r="C19286" s="368"/>
      <c r="D19286" s="368"/>
      <c r="E19286" s="368"/>
      <c r="F19286" s="361" t="s">
        <v>14374</v>
      </c>
      <c r="G19286" s="361" t="s">
        <v>14373</v>
      </c>
      <c r="H19286" s="362"/>
      <c r="I19286" s="362"/>
      <c r="J19286" s="366"/>
      <c r="K19286" s="362"/>
      <c r="L19286" s="366"/>
    </row>
    <row r="19287" spans="2:12">
      <c r="B19287" s="354" t="s">
        <v>28528</v>
      </c>
      <c r="C19287" s="369"/>
      <c r="D19287" s="369"/>
      <c r="E19287" s="369"/>
      <c r="F19287" s="369"/>
      <c r="G19287" s="369"/>
      <c r="H19287" s="369"/>
      <c r="I19287" s="369"/>
      <c r="J19287" s="369"/>
      <c r="K19287" s="369"/>
      <c r="L19287" s="370"/>
    </row>
    <row r="19288" spans="2:12" ht="42.75">
      <c r="B19288" s="358" t="s">
        <v>24350</v>
      </c>
      <c r="C19288" s="358" t="s">
        <v>30431</v>
      </c>
      <c r="D19288" s="358" t="s">
        <v>24351</v>
      </c>
      <c r="E19288" s="358" t="s">
        <v>8356</v>
      </c>
      <c r="F19288" s="358" t="s">
        <v>14462</v>
      </c>
      <c r="G19288" s="358" t="s">
        <v>14463</v>
      </c>
      <c r="H19288" s="358" t="s">
        <v>8356</v>
      </c>
      <c r="I19288" s="358" t="s">
        <v>14463</v>
      </c>
      <c r="J19288" s="358"/>
      <c r="K19288" s="358"/>
      <c r="L19288" s="358"/>
    </row>
    <row r="19289" spans="2:12">
      <c r="B19289" s="368"/>
      <c r="C19289" s="368"/>
      <c r="D19289" s="368"/>
      <c r="E19289" s="368"/>
      <c r="F19289" s="368"/>
      <c r="G19289" s="368"/>
      <c r="H19289" s="368"/>
      <c r="I19289" s="368"/>
      <c r="J19289" s="366"/>
      <c r="K19289" s="366"/>
      <c r="L19289" s="366"/>
    </row>
    <row r="19290" spans="2:12" ht="28.5">
      <c r="B19290" s="358" t="s">
        <v>24352</v>
      </c>
      <c r="C19290" s="358" t="s">
        <v>24353</v>
      </c>
      <c r="D19290" s="358" t="s">
        <v>24354</v>
      </c>
      <c r="E19290" s="358" t="s">
        <v>24355</v>
      </c>
      <c r="F19290" s="358" t="s">
        <v>14462</v>
      </c>
      <c r="G19290" s="358" t="s">
        <v>14463</v>
      </c>
      <c r="H19290" s="358" t="s">
        <v>8356</v>
      </c>
      <c r="I19290" s="358" t="s">
        <v>14463</v>
      </c>
      <c r="J19290" s="358"/>
      <c r="K19290" s="358"/>
      <c r="L19290" s="358"/>
    </row>
    <row r="19291" spans="2:12">
      <c r="B19291" s="368"/>
      <c r="C19291" s="368"/>
      <c r="D19291" s="368"/>
      <c r="E19291" s="368"/>
      <c r="F19291" s="368"/>
      <c r="G19291" s="368"/>
      <c r="H19291" s="368"/>
      <c r="I19291" s="368"/>
      <c r="J19291" s="366"/>
      <c r="K19291" s="366"/>
      <c r="L19291" s="366"/>
    </row>
    <row r="19292" spans="2:12">
      <c r="B19292" s="358" t="s">
        <v>24356</v>
      </c>
      <c r="C19292" s="358" t="s">
        <v>27917</v>
      </c>
      <c r="D19292" s="358" t="s">
        <v>24357</v>
      </c>
      <c r="E19292" s="358" t="s">
        <v>24358</v>
      </c>
      <c r="F19292" s="358" t="s">
        <v>14391</v>
      </c>
      <c r="G19292" s="358" t="s">
        <v>14392</v>
      </c>
      <c r="H19292" s="358" t="s">
        <v>14367</v>
      </c>
      <c r="I19292" s="358" t="s">
        <v>14392</v>
      </c>
      <c r="J19292" s="358"/>
      <c r="K19292" s="358"/>
      <c r="L19292" s="358"/>
    </row>
    <row r="19293" spans="2:12">
      <c r="B19293" s="367"/>
      <c r="C19293" s="367"/>
      <c r="D19293" s="367"/>
      <c r="E19293" s="367"/>
      <c r="F19293" s="360"/>
      <c r="G19293" s="360"/>
      <c r="H19293" s="360"/>
      <c r="I19293" s="360"/>
      <c r="J19293" s="365"/>
      <c r="K19293" s="365"/>
      <c r="L19293" s="365"/>
    </row>
    <row r="19294" spans="2:12" ht="28.5">
      <c r="B19294" s="367"/>
      <c r="C19294" s="367"/>
      <c r="D19294" s="367"/>
      <c r="E19294" s="367"/>
      <c r="F19294" s="359" t="s">
        <v>14394</v>
      </c>
      <c r="G19294" s="359" t="s">
        <v>14395</v>
      </c>
      <c r="H19294" s="359" t="s">
        <v>14370</v>
      </c>
      <c r="I19294" s="359" t="s">
        <v>14395</v>
      </c>
      <c r="J19294" s="365"/>
      <c r="K19294" s="365"/>
      <c r="L19294" s="365"/>
    </row>
    <row r="19295" spans="2:12">
      <c r="B19295" s="367"/>
      <c r="C19295" s="367"/>
      <c r="D19295" s="367"/>
      <c r="E19295" s="367"/>
      <c r="F19295" s="360"/>
      <c r="G19295" s="360"/>
      <c r="H19295" s="360"/>
      <c r="I19295" s="360"/>
      <c r="J19295" s="365"/>
      <c r="K19295" s="365"/>
      <c r="L19295" s="365"/>
    </row>
    <row r="19296" spans="2:12">
      <c r="B19296" s="368"/>
      <c r="C19296" s="368"/>
      <c r="D19296" s="368"/>
      <c r="E19296" s="368"/>
      <c r="F19296" s="362"/>
      <c r="G19296" s="362"/>
      <c r="H19296" s="361" t="s">
        <v>14422</v>
      </c>
      <c r="I19296" s="362"/>
      <c r="J19296" s="366"/>
      <c r="K19296" s="366"/>
      <c r="L19296" s="366"/>
    </row>
    <row r="19297" spans="2:12" ht="28.5">
      <c r="B19297" s="358" t="s">
        <v>24359</v>
      </c>
      <c r="C19297" s="358" t="s">
        <v>24360</v>
      </c>
      <c r="D19297" s="358" t="s">
        <v>24361</v>
      </c>
      <c r="E19297" s="358" t="s">
        <v>24362</v>
      </c>
      <c r="F19297" s="358" t="s">
        <v>14472</v>
      </c>
      <c r="G19297" s="358" t="s">
        <v>14473</v>
      </c>
      <c r="H19297" s="358" t="s">
        <v>8356</v>
      </c>
      <c r="I19297" s="358" t="s">
        <v>14473</v>
      </c>
      <c r="J19297" s="358"/>
      <c r="K19297" s="358"/>
      <c r="L19297" s="358"/>
    </row>
    <row r="19298" spans="2:12">
      <c r="B19298" s="368"/>
      <c r="C19298" s="368"/>
      <c r="D19298" s="368"/>
      <c r="E19298" s="368"/>
      <c r="F19298" s="368"/>
      <c r="G19298" s="368"/>
      <c r="H19298" s="368"/>
      <c r="I19298" s="368"/>
      <c r="J19298" s="366"/>
      <c r="K19298" s="366"/>
      <c r="L19298" s="366"/>
    </row>
    <row r="19299" spans="2:12">
      <c r="B19299" s="358" t="s">
        <v>24363</v>
      </c>
      <c r="C19299" s="358" t="s">
        <v>24364</v>
      </c>
      <c r="D19299" s="358" t="s">
        <v>24365</v>
      </c>
      <c r="E19299" s="358" t="s">
        <v>24366</v>
      </c>
      <c r="F19299" s="358" t="s">
        <v>14420</v>
      </c>
      <c r="G19299" s="358" t="s">
        <v>14429</v>
      </c>
      <c r="H19299" s="358" t="s">
        <v>14367</v>
      </c>
      <c r="I19299" s="358" t="s">
        <v>14429</v>
      </c>
      <c r="J19299" s="358"/>
      <c r="K19299" s="358"/>
      <c r="L19299" s="358"/>
    </row>
    <row r="19300" spans="2:12">
      <c r="B19300" s="367"/>
      <c r="C19300" s="367"/>
      <c r="D19300" s="367"/>
      <c r="E19300" s="367"/>
      <c r="F19300" s="367"/>
      <c r="G19300" s="367"/>
      <c r="H19300" s="360"/>
      <c r="I19300" s="367"/>
      <c r="J19300" s="365"/>
      <c r="K19300" s="365"/>
      <c r="L19300" s="365"/>
    </row>
    <row r="19301" spans="2:12">
      <c r="B19301" s="368"/>
      <c r="C19301" s="368"/>
      <c r="D19301" s="368"/>
      <c r="E19301" s="368"/>
      <c r="F19301" s="368"/>
      <c r="G19301" s="368"/>
      <c r="H19301" s="361" t="s">
        <v>14422</v>
      </c>
      <c r="I19301" s="368"/>
      <c r="J19301" s="366"/>
      <c r="K19301" s="366"/>
      <c r="L19301" s="366"/>
    </row>
    <row r="19302" spans="2:12">
      <c r="B19302" s="358" t="s">
        <v>24367</v>
      </c>
      <c r="C19302" s="358" t="s">
        <v>24368</v>
      </c>
      <c r="D19302" s="358" t="s">
        <v>24369</v>
      </c>
      <c r="E19302" s="358" t="s">
        <v>24370</v>
      </c>
      <c r="F19302" s="358" t="s">
        <v>14418</v>
      </c>
      <c r="G19302" s="358" t="s">
        <v>14419</v>
      </c>
      <c r="H19302" s="358" t="s">
        <v>14328</v>
      </c>
      <c r="I19302" s="358" t="s">
        <v>14419</v>
      </c>
      <c r="J19302" s="358"/>
      <c r="K19302" s="358"/>
      <c r="L19302" s="358"/>
    </row>
    <row r="19303" spans="2:12">
      <c r="B19303" s="367"/>
      <c r="C19303" s="367"/>
      <c r="D19303" s="367"/>
      <c r="E19303" s="367"/>
      <c r="F19303" s="360"/>
      <c r="G19303" s="360"/>
      <c r="H19303" s="360"/>
      <c r="I19303" s="360"/>
      <c r="J19303" s="365"/>
      <c r="K19303" s="365"/>
      <c r="L19303" s="365"/>
    </row>
    <row r="19304" spans="2:12">
      <c r="B19304" s="367"/>
      <c r="C19304" s="367"/>
      <c r="D19304" s="367"/>
      <c r="E19304" s="367"/>
      <c r="F19304" s="359" t="s">
        <v>14420</v>
      </c>
      <c r="G19304" s="359" t="s">
        <v>14429</v>
      </c>
      <c r="H19304" s="359" t="s">
        <v>14367</v>
      </c>
      <c r="I19304" s="359" t="s">
        <v>14429</v>
      </c>
      <c r="J19304" s="365"/>
      <c r="K19304" s="365"/>
      <c r="L19304" s="365"/>
    </row>
    <row r="19305" spans="2:12">
      <c r="B19305" s="367"/>
      <c r="C19305" s="367"/>
      <c r="D19305" s="367"/>
      <c r="E19305" s="367"/>
      <c r="F19305" s="360"/>
      <c r="G19305" s="360"/>
      <c r="H19305" s="360"/>
      <c r="I19305" s="360"/>
      <c r="J19305" s="365"/>
      <c r="K19305" s="365"/>
      <c r="L19305" s="365"/>
    </row>
    <row r="19306" spans="2:12" ht="28.5">
      <c r="B19306" s="368"/>
      <c r="C19306" s="368"/>
      <c r="D19306" s="368"/>
      <c r="E19306" s="368"/>
      <c r="F19306" s="361" t="s">
        <v>14472</v>
      </c>
      <c r="G19306" s="361" t="s">
        <v>14473</v>
      </c>
      <c r="H19306" s="361" t="s">
        <v>14422</v>
      </c>
      <c r="I19306" s="361" t="s">
        <v>14473</v>
      </c>
      <c r="J19306" s="366"/>
      <c r="K19306" s="366"/>
      <c r="L19306" s="366"/>
    </row>
    <row r="19307" spans="2:12">
      <c r="B19307" s="358" t="s">
        <v>24371</v>
      </c>
      <c r="C19307" s="358" t="s">
        <v>24372</v>
      </c>
      <c r="D19307" s="358" t="s">
        <v>24373</v>
      </c>
      <c r="E19307" s="358" t="s">
        <v>24374</v>
      </c>
      <c r="F19307" s="358" t="s">
        <v>14391</v>
      </c>
      <c r="G19307" s="358" t="s">
        <v>14392</v>
      </c>
      <c r="H19307" s="358" t="s">
        <v>14367</v>
      </c>
      <c r="I19307" s="358" t="s">
        <v>14392</v>
      </c>
      <c r="J19307" s="358"/>
      <c r="K19307" s="358"/>
      <c r="L19307" s="358"/>
    </row>
    <row r="19308" spans="2:12">
      <c r="B19308" s="367"/>
      <c r="C19308" s="367"/>
      <c r="D19308" s="367"/>
      <c r="E19308" s="367"/>
      <c r="F19308" s="360"/>
      <c r="G19308" s="360"/>
      <c r="H19308" s="360"/>
      <c r="I19308" s="360"/>
      <c r="J19308" s="365"/>
      <c r="K19308" s="365"/>
      <c r="L19308" s="365"/>
    </row>
    <row r="19309" spans="2:12" ht="28.5">
      <c r="B19309" s="367"/>
      <c r="C19309" s="367"/>
      <c r="D19309" s="367"/>
      <c r="E19309" s="367"/>
      <c r="F19309" s="359" t="s">
        <v>14394</v>
      </c>
      <c r="G19309" s="359" t="s">
        <v>14395</v>
      </c>
      <c r="H19309" s="359" t="s">
        <v>14370</v>
      </c>
      <c r="I19309" s="359" t="s">
        <v>14395</v>
      </c>
      <c r="J19309" s="365"/>
      <c r="K19309" s="365"/>
      <c r="L19309" s="365"/>
    </row>
    <row r="19310" spans="2:12">
      <c r="B19310" s="367"/>
      <c r="C19310" s="367"/>
      <c r="D19310" s="367"/>
      <c r="E19310" s="367"/>
      <c r="F19310" s="360"/>
      <c r="G19310" s="360"/>
      <c r="H19310" s="360"/>
      <c r="I19310" s="360"/>
      <c r="J19310" s="365"/>
      <c r="K19310" s="365"/>
      <c r="L19310" s="365"/>
    </row>
    <row r="19311" spans="2:12">
      <c r="B19311" s="368"/>
      <c r="C19311" s="368"/>
      <c r="D19311" s="368"/>
      <c r="E19311" s="368"/>
      <c r="F19311" s="362"/>
      <c r="G19311" s="362"/>
      <c r="H19311" s="361" t="s">
        <v>14422</v>
      </c>
      <c r="I19311" s="362"/>
      <c r="J19311" s="366"/>
      <c r="K19311" s="366"/>
      <c r="L19311" s="366"/>
    </row>
    <row r="19312" spans="2:12">
      <c r="B19312" s="358" t="s">
        <v>24375</v>
      </c>
      <c r="C19312" s="358" t="s">
        <v>24376</v>
      </c>
      <c r="D19312" s="358" t="s">
        <v>24377</v>
      </c>
      <c r="E19312" s="358" t="s">
        <v>24378</v>
      </c>
      <c r="F19312" s="358" t="s">
        <v>14420</v>
      </c>
      <c r="G19312" s="358" t="s">
        <v>14429</v>
      </c>
      <c r="H19312" s="358" t="s">
        <v>14381</v>
      </c>
      <c r="I19312" s="358" t="s">
        <v>14429</v>
      </c>
      <c r="J19312" s="358"/>
      <c r="K19312" s="358"/>
      <c r="L19312" s="358"/>
    </row>
    <row r="19313" spans="2:12">
      <c r="B19313" s="367"/>
      <c r="C19313" s="367"/>
      <c r="D19313" s="367"/>
      <c r="E19313" s="367"/>
      <c r="F19313" s="360"/>
      <c r="G19313" s="360"/>
      <c r="H19313" s="360"/>
      <c r="I19313" s="360"/>
      <c r="J19313" s="365"/>
      <c r="K19313" s="365"/>
      <c r="L19313" s="365"/>
    </row>
    <row r="19314" spans="2:12" ht="28.5">
      <c r="B19314" s="367"/>
      <c r="C19314" s="367"/>
      <c r="D19314" s="367"/>
      <c r="E19314" s="367"/>
      <c r="F19314" s="359" t="s">
        <v>14460</v>
      </c>
      <c r="G19314" s="359" t="s">
        <v>28648</v>
      </c>
      <c r="H19314" s="359" t="s">
        <v>14367</v>
      </c>
      <c r="I19314" s="359" t="s">
        <v>28648</v>
      </c>
      <c r="J19314" s="365"/>
      <c r="K19314" s="365"/>
      <c r="L19314" s="365"/>
    </row>
    <row r="19315" spans="2:12">
      <c r="B19315" s="367"/>
      <c r="C19315" s="367"/>
      <c r="D19315" s="367"/>
      <c r="E19315" s="367"/>
      <c r="F19315" s="360"/>
      <c r="G19315" s="360"/>
      <c r="H19315" s="360"/>
      <c r="I19315" s="360"/>
      <c r="J19315" s="365"/>
      <c r="K19315" s="365"/>
      <c r="L19315" s="365"/>
    </row>
    <row r="19316" spans="2:12">
      <c r="B19316" s="368"/>
      <c r="C19316" s="368"/>
      <c r="D19316" s="368"/>
      <c r="E19316" s="368"/>
      <c r="F19316" s="361" t="s">
        <v>14386</v>
      </c>
      <c r="G19316" s="362"/>
      <c r="H19316" s="361" t="s">
        <v>14422</v>
      </c>
      <c r="I19316" s="362"/>
      <c r="J19316" s="366"/>
      <c r="K19316" s="366"/>
      <c r="L19316" s="366"/>
    </row>
    <row r="19317" spans="2:12">
      <c r="B19317" s="358" t="s">
        <v>24379</v>
      </c>
      <c r="C19317" s="358" t="s">
        <v>29662</v>
      </c>
      <c r="D19317" s="358" t="s">
        <v>24380</v>
      </c>
      <c r="E19317" s="358" t="s">
        <v>24381</v>
      </c>
      <c r="F19317" s="358" t="s">
        <v>14420</v>
      </c>
      <c r="G19317" s="358" t="s">
        <v>14459</v>
      </c>
      <c r="H19317" s="358" t="s">
        <v>14341</v>
      </c>
      <c r="I19317" s="358" t="s">
        <v>14459</v>
      </c>
      <c r="J19317" s="358"/>
      <c r="K19317" s="358"/>
      <c r="L19317" s="358"/>
    </row>
    <row r="19318" spans="2:12">
      <c r="B19318" s="367"/>
      <c r="C19318" s="367"/>
      <c r="D19318" s="367"/>
      <c r="E19318" s="367"/>
      <c r="F19318" s="360"/>
      <c r="G19318" s="360"/>
      <c r="H19318" s="360"/>
      <c r="I19318" s="360"/>
      <c r="J19318" s="365"/>
      <c r="K19318" s="365"/>
      <c r="L19318" s="365"/>
    </row>
    <row r="19319" spans="2:12">
      <c r="B19319" s="367"/>
      <c r="C19319" s="367"/>
      <c r="D19319" s="367"/>
      <c r="E19319" s="367"/>
      <c r="F19319" s="359" t="s">
        <v>14420</v>
      </c>
      <c r="G19319" s="359" t="s">
        <v>14429</v>
      </c>
      <c r="H19319" s="359" t="s">
        <v>14367</v>
      </c>
      <c r="I19319" s="359" t="s">
        <v>14429</v>
      </c>
      <c r="J19319" s="365"/>
      <c r="K19319" s="365"/>
      <c r="L19319" s="365"/>
    </row>
    <row r="19320" spans="2:12">
      <c r="B19320" s="367"/>
      <c r="C19320" s="367"/>
      <c r="D19320" s="367"/>
      <c r="E19320" s="367"/>
      <c r="F19320" s="360"/>
      <c r="G19320" s="360"/>
      <c r="H19320" s="360"/>
      <c r="I19320" s="360"/>
      <c r="J19320" s="365"/>
      <c r="K19320" s="365"/>
      <c r="L19320" s="365"/>
    </row>
    <row r="19321" spans="2:12">
      <c r="B19321" s="367"/>
      <c r="C19321" s="367"/>
      <c r="D19321" s="367"/>
      <c r="E19321" s="367"/>
      <c r="F19321" s="359" t="s">
        <v>14430</v>
      </c>
      <c r="G19321" s="359" t="s">
        <v>14431</v>
      </c>
      <c r="H19321" s="359" t="s">
        <v>14370</v>
      </c>
      <c r="I19321" s="359" t="s">
        <v>14431</v>
      </c>
      <c r="J19321" s="365"/>
      <c r="K19321" s="365"/>
      <c r="L19321" s="365"/>
    </row>
    <row r="19322" spans="2:12">
      <c r="B19322" s="367"/>
      <c r="C19322" s="367"/>
      <c r="D19322" s="367"/>
      <c r="E19322" s="367"/>
      <c r="F19322" s="360"/>
      <c r="G19322" s="360"/>
      <c r="H19322" s="360"/>
      <c r="I19322" s="360"/>
      <c r="J19322" s="365"/>
      <c r="K19322" s="365"/>
      <c r="L19322" s="365"/>
    </row>
    <row r="19323" spans="2:12">
      <c r="B19323" s="367"/>
      <c r="C19323" s="367"/>
      <c r="D19323" s="367"/>
      <c r="E19323" s="367"/>
      <c r="F19323" s="359" t="s">
        <v>14391</v>
      </c>
      <c r="G19323" s="359" t="s">
        <v>14392</v>
      </c>
      <c r="H19323" s="359" t="s">
        <v>14332</v>
      </c>
      <c r="I19323" s="359" t="s">
        <v>14392</v>
      </c>
      <c r="J19323" s="365"/>
      <c r="K19323" s="365"/>
      <c r="L19323" s="365"/>
    </row>
    <row r="19324" spans="2:12">
      <c r="B19324" s="367"/>
      <c r="C19324" s="367"/>
      <c r="D19324" s="367"/>
      <c r="E19324" s="367"/>
      <c r="F19324" s="360"/>
      <c r="G19324" s="360"/>
      <c r="H19324" s="360"/>
      <c r="I19324" s="360"/>
      <c r="J19324" s="365"/>
      <c r="K19324" s="365"/>
      <c r="L19324" s="365"/>
    </row>
    <row r="19325" spans="2:12" ht="28.5">
      <c r="B19325" s="368"/>
      <c r="C19325" s="368"/>
      <c r="D19325" s="368"/>
      <c r="E19325" s="368"/>
      <c r="F19325" s="361" t="s">
        <v>14394</v>
      </c>
      <c r="G19325" s="361" t="s">
        <v>14395</v>
      </c>
      <c r="H19325" s="362"/>
      <c r="I19325" s="361" t="s">
        <v>14395</v>
      </c>
      <c r="J19325" s="366"/>
      <c r="K19325" s="366"/>
      <c r="L19325" s="366"/>
    </row>
    <row r="19326" spans="2:12" ht="28.5">
      <c r="B19326" s="358" t="s">
        <v>24382</v>
      </c>
      <c r="C19326" s="358" t="s">
        <v>29663</v>
      </c>
      <c r="D19326" s="358" t="s">
        <v>24383</v>
      </c>
      <c r="E19326" s="358" t="s">
        <v>24384</v>
      </c>
      <c r="F19326" s="358" t="s">
        <v>14382</v>
      </c>
      <c r="G19326" s="358" t="s">
        <v>14383</v>
      </c>
      <c r="H19326" s="358" t="s">
        <v>14378</v>
      </c>
      <c r="I19326" s="358" t="s">
        <v>14383</v>
      </c>
      <c r="J19326" s="358"/>
      <c r="K19326" s="358"/>
      <c r="L19326" s="358"/>
    </row>
    <row r="19327" spans="2:12">
      <c r="B19327" s="367"/>
      <c r="C19327" s="367"/>
      <c r="D19327" s="367"/>
      <c r="E19327" s="367"/>
      <c r="F19327" s="360"/>
      <c r="G19327" s="360"/>
      <c r="H19327" s="360"/>
      <c r="I19327" s="360"/>
      <c r="J19327" s="365"/>
      <c r="K19327" s="365"/>
      <c r="L19327" s="365"/>
    </row>
    <row r="19328" spans="2:12">
      <c r="B19328" s="367"/>
      <c r="C19328" s="367"/>
      <c r="D19328" s="367"/>
      <c r="E19328" s="367"/>
      <c r="F19328" s="359" t="s">
        <v>14420</v>
      </c>
      <c r="G19328" s="359" t="s">
        <v>14459</v>
      </c>
      <c r="H19328" s="359" t="s">
        <v>14370</v>
      </c>
      <c r="I19328" s="359" t="s">
        <v>14459</v>
      </c>
      <c r="J19328" s="365"/>
      <c r="K19328" s="365"/>
      <c r="L19328" s="365"/>
    </row>
    <row r="19329" spans="2:12">
      <c r="B19329" s="367"/>
      <c r="C19329" s="367"/>
      <c r="D19329" s="367"/>
      <c r="E19329" s="367"/>
      <c r="F19329" s="360"/>
      <c r="G19329" s="360"/>
      <c r="H19329" s="360"/>
      <c r="I19329" s="360"/>
      <c r="J19329" s="365"/>
      <c r="K19329" s="365"/>
      <c r="L19329" s="365"/>
    </row>
    <row r="19330" spans="2:12">
      <c r="B19330" s="367"/>
      <c r="C19330" s="367"/>
      <c r="D19330" s="367"/>
      <c r="E19330" s="367"/>
      <c r="F19330" s="359" t="s">
        <v>14371</v>
      </c>
      <c r="G19330" s="359" t="s">
        <v>14372</v>
      </c>
      <c r="H19330" s="359" t="s">
        <v>14332</v>
      </c>
      <c r="I19330" s="359" t="s">
        <v>14373</v>
      </c>
      <c r="J19330" s="365"/>
      <c r="K19330" s="365"/>
      <c r="L19330" s="365"/>
    </row>
    <row r="19331" spans="2:12">
      <c r="B19331" s="367"/>
      <c r="C19331" s="367"/>
      <c r="D19331" s="367"/>
      <c r="E19331" s="367"/>
      <c r="F19331" s="360"/>
      <c r="G19331" s="360"/>
      <c r="H19331" s="360"/>
      <c r="I19331" s="360"/>
      <c r="J19331" s="365"/>
      <c r="K19331" s="365"/>
      <c r="L19331" s="365"/>
    </row>
    <row r="19332" spans="2:12" ht="28.5">
      <c r="B19332" s="368"/>
      <c r="C19332" s="368"/>
      <c r="D19332" s="368"/>
      <c r="E19332" s="368"/>
      <c r="F19332" s="361" t="s">
        <v>14374</v>
      </c>
      <c r="G19332" s="361" t="s">
        <v>14373</v>
      </c>
      <c r="H19332" s="362"/>
      <c r="I19332" s="362"/>
      <c r="J19332" s="366"/>
      <c r="K19332" s="366"/>
      <c r="L19332" s="366"/>
    </row>
    <row r="19333" spans="2:12" ht="28.5">
      <c r="B19333" s="358" t="s">
        <v>24385</v>
      </c>
      <c r="C19333" s="358" t="s">
        <v>30432</v>
      </c>
      <c r="D19333" s="358" t="s">
        <v>24386</v>
      </c>
      <c r="E19333" s="358" t="s">
        <v>24387</v>
      </c>
      <c r="F19333" s="358" t="s">
        <v>14391</v>
      </c>
      <c r="G19333" s="358" t="s">
        <v>14392</v>
      </c>
      <c r="H19333" s="358" t="s">
        <v>14367</v>
      </c>
      <c r="I19333" s="358" t="s">
        <v>14392</v>
      </c>
      <c r="J19333" s="358"/>
      <c r="K19333" s="358"/>
      <c r="L19333" s="358"/>
    </row>
    <row r="19334" spans="2:12">
      <c r="B19334" s="367"/>
      <c r="C19334" s="367"/>
      <c r="D19334" s="367"/>
      <c r="E19334" s="367"/>
      <c r="F19334" s="367"/>
      <c r="G19334" s="367"/>
      <c r="H19334" s="360"/>
      <c r="I19334" s="367"/>
      <c r="J19334" s="365"/>
      <c r="K19334" s="365"/>
      <c r="L19334" s="365"/>
    </row>
    <row r="19335" spans="2:12">
      <c r="B19335" s="368"/>
      <c r="C19335" s="368"/>
      <c r="D19335" s="368"/>
      <c r="E19335" s="368"/>
      <c r="F19335" s="368"/>
      <c r="G19335" s="368"/>
      <c r="H19335" s="361" t="s">
        <v>14422</v>
      </c>
      <c r="I19335" s="368"/>
      <c r="J19335" s="366"/>
      <c r="K19335" s="366"/>
      <c r="L19335" s="366"/>
    </row>
    <row r="19336" spans="2:12" ht="28.5">
      <c r="B19336" s="358" t="s">
        <v>24388</v>
      </c>
      <c r="C19336" s="358" t="s">
        <v>24389</v>
      </c>
      <c r="D19336" s="358" t="s">
        <v>24390</v>
      </c>
      <c r="E19336" s="358" t="s">
        <v>24391</v>
      </c>
      <c r="F19336" s="358" t="s">
        <v>14460</v>
      </c>
      <c r="G19336" s="358" t="s">
        <v>29140</v>
      </c>
      <c r="H19336" s="358" t="s">
        <v>14381</v>
      </c>
      <c r="I19336" s="358" t="s">
        <v>29140</v>
      </c>
      <c r="J19336" s="358"/>
      <c r="K19336" s="358"/>
      <c r="L19336" s="358"/>
    </row>
    <row r="19337" spans="2:12">
      <c r="B19337" s="367"/>
      <c r="C19337" s="367"/>
      <c r="D19337" s="367"/>
      <c r="E19337" s="367"/>
      <c r="F19337" s="360"/>
      <c r="G19337" s="360"/>
      <c r="H19337" s="360"/>
      <c r="I19337" s="360"/>
      <c r="J19337" s="365"/>
      <c r="K19337" s="365"/>
      <c r="L19337" s="365"/>
    </row>
    <row r="19338" spans="2:12">
      <c r="B19338" s="367"/>
      <c r="C19338" s="367"/>
      <c r="D19338" s="367"/>
      <c r="E19338" s="367"/>
      <c r="F19338" s="359" t="s">
        <v>14391</v>
      </c>
      <c r="G19338" s="359" t="s">
        <v>14473</v>
      </c>
      <c r="H19338" s="359" t="s">
        <v>14367</v>
      </c>
      <c r="I19338" s="359" t="s">
        <v>14473</v>
      </c>
      <c r="J19338" s="365"/>
      <c r="K19338" s="365"/>
      <c r="L19338" s="365"/>
    </row>
    <row r="19339" spans="2:12">
      <c r="B19339" s="367"/>
      <c r="C19339" s="367"/>
      <c r="D19339" s="367"/>
      <c r="E19339" s="367"/>
      <c r="F19339" s="360"/>
      <c r="G19339" s="360"/>
      <c r="H19339" s="360"/>
      <c r="I19339" s="360"/>
      <c r="J19339" s="365"/>
      <c r="K19339" s="365"/>
      <c r="L19339" s="365"/>
    </row>
    <row r="19340" spans="2:12" ht="28.5">
      <c r="B19340" s="368"/>
      <c r="C19340" s="368"/>
      <c r="D19340" s="368"/>
      <c r="E19340" s="368"/>
      <c r="F19340" s="361" t="s">
        <v>14472</v>
      </c>
      <c r="G19340" s="362"/>
      <c r="H19340" s="361" t="s">
        <v>14422</v>
      </c>
      <c r="I19340" s="362"/>
      <c r="J19340" s="366"/>
      <c r="K19340" s="366"/>
      <c r="L19340" s="366"/>
    </row>
    <row r="19341" spans="2:12" ht="42.75">
      <c r="B19341" s="358" t="s">
        <v>24392</v>
      </c>
      <c r="C19341" s="358" t="s">
        <v>30433</v>
      </c>
      <c r="D19341" s="358" t="s">
        <v>24393</v>
      </c>
      <c r="E19341" s="358" t="s">
        <v>24394</v>
      </c>
      <c r="F19341" s="358" t="s">
        <v>14426</v>
      </c>
      <c r="G19341" s="358" t="s">
        <v>14427</v>
      </c>
      <c r="H19341" s="358" t="s">
        <v>14381</v>
      </c>
      <c r="I19341" s="358" t="s">
        <v>14427</v>
      </c>
      <c r="J19341" s="358"/>
      <c r="K19341" s="358"/>
      <c r="L19341" s="358"/>
    </row>
    <row r="19342" spans="2:12">
      <c r="B19342" s="367"/>
      <c r="C19342" s="367"/>
      <c r="D19342" s="367"/>
      <c r="E19342" s="367"/>
      <c r="F19342" s="360"/>
      <c r="G19342" s="360"/>
      <c r="H19342" s="360"/>
      <c r="I19342" s="360"/>
      <c r="J19342" s="365"/>
      <c r="K19342" s="365"/>
      <c r="L19342" s="365"/>
    </row>
    <row r="19343" spans="2:12">
      <c r="B19343" s="367"/>
      <c r="C19343" s="367"/>
      <c r="D19343" s="367"/>
      <c r="E19343" s="367"/>
      <c r="F19343" s="359" t="s">
        <v>14391</v>
      </c>
      <c r="G19343" s="359" t="s">
        <v>14392</v>
      </c>
      <c r="H19343" s="359" t="s">
        <v>14367</v>
      </c>
      <c r="I19343" s="359" t="s">
        <v>14392</v>
      </c>
      <c r="J19343" s="365"/>
      <c r="K19343" s="365"/>
      <c r="L19343" s="365"/>
    </row>
    <row r="19344" spans="2:12">
      <c r="B19344" s="367"/>
      <c r="C19344" s="367"/>
      <c r="D19344" s="367"/>
      <c r="E19344" s="367"/>
      <c r="F19344" s="360"/>
      <c r="G19344" s="360"/>
      <c r="H19344" s="360"/>
      <c r="I19344" s="360"/>
      <c r="J19344" s="365"/>
      <c r="K19344" s="365"/>
      <c r="L19344" s="365"/>
    </row>
    <row r="19345" spans="2:12" ht="28.5">
      <c r="B19345" s="367"/>
      <c r="C19345" s="367"/>
      <c r="D19345" s="367"/>
      <c r="E19345" s="367"/>
      <c r="F19345" s="359" t="s">
        <v>14394</v>
      </c>
      <c r="G19345" s="359" t="s">
        <v>14395</v>
      </c>
      <c r="H19345" s="359" t="s">
        <v>14370</v>
      </c>
      <c r="I19345" s="359" t="s">
        <v>14395</v>
      </c>
      <c r="J19345" s="365"/>
      <c r="K19345" s="365"/>
      <c r="L19345" s="365"/>
    </row>
    <row r="19346" spans="2:12">
      <c r="B19346" s="367"/>
      <c r="C19346" s="367"/>
      <c r="D19346" s="367"/>
      <c r="E19346" s="367"/>
      <c r="F19346" s="360"/>
      <c r="G19346" s="360"/>
      <c r="H19346" s="360"/>
      <c r="I19346" s="360"/>
      <c r="J19346" s="365"/>
      <c r="K19346" s="365"/>
      <c r="L19346" s="365"/>
    </row>
    <row r="19347" spans="2:12">
      <c r="B19347" s="368"/>
      <c r="C19347" s="368"/>
      <c r="D19347" s="368"/>
      <c r="E19347" s="368"/>
      <c r="F19347" s="362"/>
      <c r="G19347" s="362"/>
      <c r="H19347" s="361" t="s">
        <v>14422</v>
      </c>
      <c r="I19347" s="362"/>
      <c r="J19347" s="366"/>
      <c r="K19347" s="366"/>
      <c r="L19347" s="366"/>
    </row>
    <row r="19348" spans="2:12" ht="42.75">
      <c r="B19348" s="358" t="s">
        <v>24395</v>
      </c>
      <c r="C19348" s="358" t="s">
        <v>30434</v>
      </c>
      <c r="D19348" s="358" t="s">
        <v>8356</v>
      </c>
      <c r="E19348" s="358" t="s">
        <v>24396</v>
      </c>
      <c r="F19348" s="358" t="s">
        <v>14371</v>
      </c>
      <c r="G19348" s="358" t="s">
        <v>14372</v>
      </c>
      <c r="H19348" s="358" t="s">
        <v>14370</v>
      </c>
      <c r="I19348" s="358" t="s">
        <v>14373</v>
      </c>
      <c r="J19348" s="358"/>
      <c r="K19348" s="358" t="s">
        <v>15298</v>
      </c>
      <c r="L19348" s="358"/>
    </row>
    <row r="19349" spans="2:12">
      <c r="B19349" s="367"/>
      <c r="C19349" s="367"/>
      <c r="D19349" s="367"/>
      <c r="E19349" s="367"/>
      <c r="F19349" s="360"/>
      <c r="G19349" s="360"/>
      <c r="H19349" s="360"/>
      <c r="I19349" s="367"/>
      <c r="J19349" s="365"/>
      <c r="K19349" s="367"/>
      <c r="L19349" s="365"/>
    </row>
    <row r="19350" spans="2:12" ht="28.5">
      <c r="B19350" s="368"/>
      <c r="C19350" s="368"/>
      <c r="D19350" s="368"/>
      <c r="E19350" s="368"/>
      <c r="F19350" s="361" t="s">
        <v>14374</v>
      </c>
      <c r="G19350" s="361" t="s">
        <v>14373</v>
      </c>
      <c r="H19350" s="361" t="s">
        <v>14422</v>
      </c>
      <c r="I19350" s="368"/>
      <c r="J19350" s="366"/>
      <c r="K19350" s="368"/>
      <c r="L19350" s="366"/>
    </row>
    <row r="19351" spans="2:12" ht="28.5">
      <c r="B19351" s="358" t="s">
        <v>24397</v>
      </c>
      <c r="C19351" s="358" t="s">
        <v>30435</v>
      </c>
      <c r="D19351" s="358" t="s">
        <v>8356</v>
      </c>
      <c r="E19351" s="358" t="s">
        <v>24398</v>
      </c>
      <c r="F19351" s="358" t="s">
        <v>28964</v>
      </c>
      <c r="G19351" s="358" t="s">
        <v>14429</v>
      </c>
      <c r="H19351" s="358" t="s">
        <v>14381</v>
      </c>
      <c r="I19351" s="358" t="s">
        <v>14429</v>
      </c>
      <c r="J19351" s="358"/>
      <c r="K19351" s="358" t="s">
        <v>14552</v>
      </c>
      <c r="L19351" s="358"/>
    </row>
    <row r="19352" spans="2:12">
      <c r="B19352" s="367"/>
      <c r="C19352" s="367"/>
      <c r="D19352" s="367"/>
      <c r="E19352" s="367"/>
      <c r="F19352" s="360"/>
      <c r="G19352" s="360"/>
      <c r="H19352" s="360"/>
      <c r="I19352" s="360"/>
      <c r="J19352" s="365"/>
      <c r="K19352" s="367"/>
      <c r="L19352" s="365"/>
    </row>
    <row r="19353" spans="2:12" ht="28.5">
      <c r="B19353" s="367"/>
      <c r="C19353" s="367"/>
      <c r="D19353" s="367"/>
      <c r="E19353" s="367"/>
      <c r="F19353" s="359" t="s">
        <v>14391</v>
      </c>
      <c r="G19353" s="359" t="s">
        <v>29140</v>
      </c>
      <c r="H19353" s="359" t="s">
        <v>14367</v>
      </c>
      <c r="I19353" s="359" t="s">
        <v>29140</v>
      </c>
      <c r="J19353" s="365"/>
      <c r="K19353" s="367"/>
      <c r="L19353" s="365"/>
    </row>
    <row r="19354" spans="2:12">
      <c r="B19354" s="367"/>
      <c r="C19354" s="367"/>
      <c r="D19354" s="367"/>
      <c r="E19354" s="367"/>
      <c r="F19354" s="360"/>
      <c r="G19354" s="360"/>
      <c r="H19354" s="360"/>
      <c r="I19354" s="360"/>
      <c r="J19354" s="365"/>
      <c r="K19354" s="367"/>
      <c r="L19354" s="365"/>
    </row>
    <row r="19355" spans="2:12">
      <c r="B19355" s="367"/>
      <c r="C19355" s="367"/>
      <c r="D19355" s="367"/>
      <c r="E19355" s="367"/>
      <c r="F19355" s="359" t="s">
        <v>14371</v>
      </c>
      <c r="G19355" s="359" t="s">
        <v>14372</v>
      </c>
      <c r="H19355" s="359" t="s">
        <v>14370</v>
      </c>
      <c r="I19355" s="359" t="s">
        <v>14373</v>
      </c>
      <c r="J19355" s="365"/>
      <c r="K19355" s="367"/>
      <c r="L19355" s="365"/>
    </row>
    <row r="19356" spans="2:12">
      <c r="B19356" s="367"/>
      <c r="C19356" s="367"/>
      <c r="D19356" s="367"/>
      <c r="E19356" s="367"/>
      <c r="F19356" s="360"/>
      <c r="G19356" s="360"/>
      <c r="H19356" s="360"/>
      <c r="I19356" s="360"/>
      <c r="J19356" s="365"/>
      <c r="K19356" s="367"/>
      <c r="L19356" s="365"/>
    </row>
    <row r="19357" spans="2:12" ht="28.5">
      <c r="B19357" s="368"/>
      <c r="C19357" s="368"/>
      <c r="D19357" s="368"/>
      <c r="E19357" s="368"/>
      <c r="F19357" s="361" t="s">
        <v>14374</v>
      </c>
      <c r="G19357" s="361" t="s">
        <v>14373</v>
      </c>
      <c r="H19357" s="361" t="s">
        <v>14422</v>
      </c>
      <c r="I19357" s="362"/>
      <c r="J19357" s="366"/>
      <c r="K19357" s="368"/>
      <c r="L19357" s="366"/>
    </row>
    <row r="19358" spans="2:12" ht="42.75">
      <c r="B19358" s="358" t="s">
        <v>24399</v>
      </c>
      <c r="C19358" s="358" t="s">
        <v>29664</v>
      </c>
      <c r="D19358" s="358" t="s">
        <v>8356</v>
      </c>
      <c r="E19358" s="358" t="s">
        <v>24400</v>
      </c>
      <c r="F19358" s="358" t="s">
        <v>14371</v>
      </c>
      <c r="G19358" s="358" t="s">
        <v>14372</v>
      </c>
      <c r="H19358" s="358" t="s">
        <v>14370</v>
      </c>
      <c r="I19358" s="358" t="s">
        <v>14373</v>
      </c>
      <c r="J19358" s="358"/>
      <c r="K19358" s="358" t="s">
        <v>14552</v>
      </c>
      <c r="L19358" s="358"/>
    </row>
    <row r="19359" spans="2:12">
      <c r="B19359" s="367"/>
      <c r="C19359" s="367"/>
      <c r="D19359" s="367"/>
      <c r="E19359" s="367"/>
      <c r="F19359" s="360"/>
      <c r="G19359" s="360"/>
      <c r="H19359" s="360"/>
      <c r="I19359" s="367"/>
      <c r="J19359" s="365"/>
      <c r="K19359" s="367"/>
      <c r="L19359" s="365"/>
    </row>
    <row r="19360" spans="2:12" ht="28.5">
      <c r="B19360" s="368"/>
      <c r="C19360" s="368"/>
      <c r="D19360" s="368"/>
      <c r="E19360" s="368"/>
      <c r="F19360" s="361" t="s">
        <v>14374</v>
      </c>
      <c r="G19360" s="361" t="s">
        <v>14373</v>
      </c>
      <c r="H19360" s="361" t="s">
        <v>14422</v>
      </c>
      <c r="I19360" s="368"/>
      <c r="J19360" s="366"/>
      <c r="K19360" s="368"/>
      <c r="L19360" s="366"/>
    </row>
    <row r="19361" spans="2:12">
      <c r="B19361" s="354" t="s">
        <v>14492</v>
      </c>
      <c r="C19361" s="369"/>
      <c r="D19361" s="369"/>
      <c r="E19361" s="369"/>
      <c r="F19361" s="369"/>
      <c r="G19361" s="369"/>
      <c r="H19361" s="369"/>
      <c r="I19361" s="369"/>
      <c r="J19361" s="369"/>
      <c r="K19361" s="369"/>
      <c r="L19361" s="370"/>
    </row>
    <row r="19362" spans="2:12">
      <c r="B19362" s="358" t="s">
        <v>13220</v>
      </c>
      <c r="C19362" s="358" t="s">
        <v>24401</v>
      </c>
      <c r="D19362" s="358" t="s">
        <v>8356</v>
      </c>
      <c r="E19362" s="358" t="s">
        <v>13221</v>
      </c>
      <c r="F19362" s="358" t="s">
        <v>14424</v>
      </c>
      <c r="G19362" s="358" t="s">
        <v>17083</v>
      </c>
      <c r="H19362" s="358" t="s">
        <v>14381</v>
      </c>
      <c r="I19362" s="358" t="s">
        <v>17083</v>
      </c>
      <c r="J19362" s="358"/>
      <c r="K19362" s="358" t="s">
        <v>22182</v>
      </c>
      <c r="L19362" s="358"/>
    </row>
    <row r="19363" spans="2:12">
      <c r="B19363" s="367"/>
      <c r="C19363" s="360"/>
      <c r="D19363" s="367"/>
      <c r="E19363" s="367"/>
      <c r="F19363" s="360"/>
      <c r="G19363" s="360"/>
      <c r="H19363" s="360"/>
      <c r="I19363" s="360"/>
      <c r="J19363" s="365"/>
      <c r="K19363" s="360"/>
      <c r="L19363" s="365"/>
    </row>
    <row r="19364" spans="2:12" ht="42.75">
      <c r="B19364" s="367"/>
      <c r="C19364" s="359" t="s">
        <v>24402</v>
      </c>
      <c r="D19364" s="367"/>
      <c r="E19364" s="367"/>
      <c r="F19364" s="359" t="s">
        <v>14371</v>
      </c>
      <c r="G19364" s="359" t="s">
        <v>14372</v>
      </c>
      <c r="H19364" s="359" t="s">
        <v>14370</v>
      </c>
      <c r="I19364" s="359" t="s">
        <v>14373</v>
      </c>
      <c r="J19364" s="365"/>
      <c r="K19364" s="359" t="s">
        <v>22182</v>
      </c>
      <c r="L19364" s="365"/>
    </row>
    <row r="19365" spans="2:12">
      <c r="B19365" s="367"/>
      <c r="C19365" s="360"/>
      <c r="D19365" s="367"/>
      <c r="E19365" s="367"/>
      <c r="F19365" s="360"/>
      <c r="G19365" s="360"/>
      <c r="H19365" s="360"/>
      <c r="I19365" s="360"/>
      <c r="J19365" s="365"/>
      <c r="K19365" s="360"/>
      <c r="L19365" s="365"/>
    </row>
    <row r="19366" spans="2:12" ht="28.5">
      <c r="B19366" s="368"/>
      <c r="C19366" s="362"/>
      <c r="D19366" s="368"/>
      <c r="E19366" s="368"/>
      <c r="F19366" s="361" t="s">
        <v>14374</v>
      </c>
      <c r="G19366" s="361" t="s">
        <v>14373</v>
      </c>
      <c r="H19366" s="361" t="s">
        <v>14332</v>
      </c>
      <c r="I19366" s="362"/>
      <c r="J19366" s="366"/>
      <c r="K19366" s="362"/>
      <c r="L19366" s="366"/>
    </row>
    <row r="19367" spans="2:12">
      <c r="B19367" s="354" t="s">
        <v>28574</v>
      </c>
      <c r="C19367" s="369"/>
      <c r="D19367" s="369"/>
      <c r="E19367" s="369"/>
      <c r="F19367" s="369"/>
      <c r="G19367" s="369"/>
      <c r="H19367" s="369"/>
      <c r="I19367" s="369"/>
      <c r="J19367" s="369"/>
      <c r="K19367" s="369"/>
      <c r="L19367" s="370"/>
    </row>
    <row r="19368" spans="2:12" ht="42.75">
      <c r="B19368" s="358" t="s">
        <v>24403</v>
      </c>
      <c r="C19368" s="358" t="s">
        <v>30436</v>
      </c>
      <c r="D19368" s="358" t="s">
        <v>8356</v>
      </c>
      <c r="E19368" s="358" t="s">
        <v>1611</v>
      </c>
      <c r="F19368" s="358" t="s">
        <v>14700</v>
      </c>
      <c r="G19368" s="358" t="s">
        <v>14380</v>
      </c>
      <c r="H19368" s="358" t="s">
        <v>14378</v>
      </c>
      <c r="I19368" s="358" t="s">
        <v>14380</v>
      </c>
      <c r="J19368" s="358" t="s">
        <v>14944</v>
      </c>
      <c r="K19368" s="358" t="s">
        <v>28397</v>
      </c>
      <c r="L19368" s="358" t="s">
        <v>10376</v>
      </c>
    </row>
    <row r="19369" spans="2:12">
      <c r="B19369" s="367"/>
      <c r="C19369" s="367"/>
      <c r="D19369" s="367"/>
      <c r="E19369" s="367"/>
      <c r="F19369" s="360"/>
      <c r="G19369" s="360"/>
      <c r="H19369" s="360"/>
      <c r="I19369" s="360"/>
      <c r="J19369" s="367"/>
      <c r="K19369" s="360"/>
      <c r="L19369" s="367"/>
    </row>
    <row r="19370" spans="2:12" ht="42.75">
      <c r="B19370" s="367"/>
      <c r="C19370" s="367"/>
      <c r="D19370" s="367"/>
      <c r="E19370" s="367"/>
      <c r="F19370" s="359" t="s">
        <v>14700</v>
      </c>
      <c r="G19370" s="359" t="s">
        <v>14531</v>
      </c>
      <c r="H19370" s="359" t="s">
        <v>14341</v>
      </c>
      <c r="I19370" s="359" t="s">
        <v>14531</v>
      </c>
      <c r="J19370" s="367"/>
      <c r="K19370" s="359" t="s">
        <v>24404</v>
      </c>
      <c r="L19370" s="367"/>
    </row>
    <row r="19371" spans="2:12">
      <c r="B19371" s="367"/>
      <c r="C19371" s="367"/>
      <c r="D19371" s="367"/>
      <c r="E19371" s="367"/>
      <c r="F19371" s="360"/>
      <c r="G19371" s="360"/>
      <c r="H19371" s="360"/>
      <c r="I19371" s="360"/>
      <c r="J19371" s="367"/>
      <c r="K19371" s="360"/>
      <c r="L19371" s="367"/>
    </row>
    <row r="19372" spans="2:12" ht="42.75">
      <c r="B19372" s="367"/>
      <c r="C19372" s="367"/>
      <c r="D19372" s="367"/>
      <c r="E19372" s="367"/>
      <c r="F19372" s="359" t="s">
        <v>14656</v>
      </c>
      <c r="G19372" s="359" t="s">
        <v>14383</v>
      </c>
      <c r="H19372" s="359" t="s">
        <v>14370</v>
      </c>
      <c r="I19372" s="359" t="s">
        <v>14383</v>
      </c>
      <c r="J19372" s="367"/>
      <c r="K19372" s="359" t="s">
        <v>28398</v>
      </c>
      <c r="L19372" s="367"/>
    </row>
    <row r="19373" spans="2:12">
      <c r="B19373" s="367"/>
      <c r="C19373" s="367"/>
      <c r="D19373" s="367"/>
      <c r="E19373" s="367"/>
      <c r="F19373" s="360"/>
      <c r="G19373" s="360"/>
      <c r="H19373" s="360"/>
      <c r="I19373" s="360"/>
      <c r="J19373" s="367"/>
      <c r="K19373" s="360"/>
      <c r="L19373" s="367"/>
    </row>
    <row r="19374" spans="2:12" ht="42.75">
      <c r="B19374" s="367"/>
      <c r="C19374" s="367"/>
      <c r="D19374" s="367"/>
      <c r="E19374" s="367"/>
      <c r="F19374" s="359" t="s">
        <v>15892</v>
      </c>
      <c r="G19374" s="359" t="s">
        <v>14340</v>
      </c>
      <c r="H19374" s="359" t="s">
        <v>14332</v>
      </c>
      <c r="I19374" s="359" t="s">
        <v>14340</v>
      </c>
      <c r="J19374" s="367"/>
      <c r="K19374" s="359" t="s">
        <v>24405</v>
      </c>
      <c r="L19374" s="367"/>
    </row>
    <row r="19375" spans="2:12">
      <c r="B19375" s="367"/>
      <c r="C19375" s="367"/>
      <c r="D19375" s="367"/>
      <c r="E19375" s="367"/>
      <c r="F19375" s="360"/>
      <c r="G19375" s="360"/>
      <c r="H19375" s="360"/>
      <c r="I19375" s="360"/>
      <c r="J19375" s="367"/>
      <c r="K19375" s="360"/>
      <c r="L19375" s="367"/>
    </row>
    <row r="19376" spans="2:12" ht="42.75">
      <c r="B19376" s="367"/>
      <c r="C19376" s="367"/>
      <c r="D19376" s="367"/>
      <c r="E19376" s="367"/>
      <c r="F19376" s="359" t="s">
        <v>14430</v>
      </c>
      <c r="G19376" s="359" t="s">
        <v>14431</v>
      </c>
      <c r="H19376" s="360"/>
      <c r="I19376" s="359" t="s">
        <v>14392</v>
      </c>
      <c r="J19376" s="367"/>
      <c r="K19376" s="359" t="s">
        <v>28399</v>
      </c>
      <c r="L19376" s="367"/>
    </row>
    <row r="19377" spans="2:12">
      <c r="B19377" s="367"/>
      <c r="C19377" s="367"/>
      <c r="D19377" s="367"/>
      <c r="E19377" s="367"/>
      <c r="F19377" s="360"/>
      <c r="G19377" s="360"/>
      <c r="H19377" s="360"/>
      <c r="I19377" s="360"/>
      <c r="J19377" s="367"/>
      <c r="K19377" s="360"/>
      <c r="L19377" s="367"/>
    </row>
    <row r="19378" spans="2:12" ht="28.5">
      <c r="B19378" s="367"/>
      <c r="C19378" s="367"/>
      <c r="D19378" s="367"/>
      <c r="E19378" s="367"/>
      <c r="F19378" s="359" t="s">
        <v>28400</v>
      </c>
      <c r="G19378" s="359" t="s">
        <v>14392</v>
      </c>
      <c r="H19378" s="360"/>
      <c r="I19378" s="359" t="s">
        <v>14373</v>
      </c>
      <c r="J19378" s="367"/>
      <c r="K19378" s="359" t="s">
        <v>14557</v>
      </c>
      <c r="L19378" s="367"/>
    </row>
    <row r="19379" spans="2:12">
      <c r="B19379" s="367"/>
      <c r="C19379" s="367"/>
      <c r="D19379" s="367"/>
      <c r="E19379" s="367"/>
      <c r="F19379" s="360"/>
      <c r="G19379" s="360"/>
      <c r="H19379" s="360"/>
      <c r="I19379" s="360"/>
      <c r="J19379" s="367"/>
      <c r="K19379" s="360"/>
      <c r="L19379" s="367"/>
    </row>
    <row r="19380" spans="2:12" ht="28.5">
      <c r="B19380" s="367"/>
      <c r="C19380" s="367"/>
      <c r="D19380" s="367"/>
      <c r="E19380" s="367"/>
      <c r="F19380" s="359" t="s">
        <v>14374</v>
      </c>
      <c r="G19380" s="359" t="s">
        <v>14372</v>
      </c>
      <c r="H19380" s="360"/>
      <c r="I19380" s="360"/>
      <c r="J19380" s="367"/>
      <c r="K19380" s="359" t="s">
        <v>14557</v>
      </c>
      <c r="L19380" s="367"/>
    </row>
    <row r="19381" spans="2:12">
      <c r="B19381" s="367"/>
      <c r="C19381" s="367"/>
      <c r="D19381" s="367"/>
      <c r="E19381" s="367"/>
      <c r="F19381" s="360"/>
      <c r="G19381" s="360"/>
      <c r="H19381" s="360"/>
      <c r="I19381" s="360"/>
      <c r="J19381" s="367"/>
      <c r="K19381" s="360"/>
      <c r="L19381" s="367"/>
    </row>
    <row r="19382" spans="2:12">
      <c r="B19382" s="368"/>
      <c r="C19382" s="368"/>
      <c r="D19382" s="368"/>
      <c r="E19382" s="368"/>
      <c r="F19382" s="362"/>
      <c r="G19382" s="361" t="s">
        <v>14373</v>
      </c>
      <c r="H19382" s="362"/>
      <c r="I19382" s="362"/>
      <c r="J19382" s="368"/>
      <c r="K19382" s="362"/>
      <c r="L19382" s="368"/>
    </row>
    <row r="19383" spans="2:12">
      <c r="B19383" s="354" t="s">
        <v>28528</v>
      </c>
      <c r="C19383" s="369"/>
      <c r="D19383" s="369"/>
      <c r="E19383" s="369"/>
      <c r="F19383" s="369"/>
      <c r="G19383" s="369"/>
      <c r="H19383" s="369"/>
      <c r="I19383" s="369"/>
      <c r="J19383" s="369"/>
      <c r="K19383" s="369"/>
      <c r="L19383" s="370"/>
    </row>
    <row r="19384" spans="2:12">
      <c r="B19384" s="358" t="s">
        <v>24406</v>
      </c>
      <c r="C19384" s="358" t="s">
        <v>24407</v>
      </c>
      <c r="D19384" s="358" t="s">
        <v>24408</v>
      </c>
      <c r="E19384" s="358" t="s">
        <v>24409</v>
      </c>
      <c r="F19384" s="358" t="s">
        <v>14443</v>
      </c>
      <c r="G19384" s="358" t="s">
        <v>14444</v>
      </c>
      <c r="H19384" s="358" t="s">
        <v>14378</v>
      </c>
      <c r="I19384" s="358" t="s">
        <v>14444</v>
      </c>
      <c r="J19384" s="358"/>
      <c r="K19384" s="358"/>
      <c r="L19384" s="358" t="s">
        <v>595</v>
      </c>
    </row>
    <row r="19385" spans="2:12">
      <c r="B19385" s="367"/>
      <c r="C19385" s="367"/>
      <c r="D19385" s="367"/>
      <c r="E19385" s="367"/>
      <c r="F19385" s="360"/>
      <c r="G19385" s="360"/>
      <c r="H19385" s="360"/>
      <c r="I19385" s="360"/>
      <c r="J19385" s="365"/>
      <c r="K19385" s="365"/>
      <c r="L19385" s="367"/>
    </row>
    <row r="19386" spans="2:12">
      <c r="B19386" s="367"/>
      <c r="C19386" s="367"/>
      <c r="D19386" s="367"/>
      <c r="E19386" s="367"/>
      <c r="F19386" s="359" t="s">
        <v>14420</v>
      </c>
      <c r="G19386" s="359" t="s">
        <v>14459</v>
      </c>
      <c r="H19386" s="359" t="s">
        <v>14341</v>
      </c>
      <c r="I19386" s="359" t="s">
        <v>14459</v>
      </c>
      <c r="J19386" s="365"/>
      <c r="K19386" s="365"/>
      <c r="L19386" s="367"/>
    </row>
    <row r="19387" spans="2:12">
      <c r="B19387" s="367"/>
      <c r="C19387" s="367"/>
      <c r="D19387" s="367"/>
      <c r="E19387" s="367"/>
      <c r="F19387" s="360"/>
      <c r="G19387" s="360"/>
      <c r="H19387" s="360"/>
      <c r="I19387" s="360"/>
      <c r="J19387" s="365"/>
      <c r="K19387" s="365"/>
      <c r="L19387" s="367"/>
    </row>
    <row r="19388" spans="2:12">
      <c r="B19388" s="367"/>
      <c r="C19388" s="367"/>
      <c r="D19388" s="367"/>
      <c r="E19388" s="367"/>
      <c r="F19388" s="359" t="s">
        <v>14420</v>
      </c>
      <c r="G19388" s="359" t="s">
        <v>14421</v>
      </c>
      <c r="H19388" s="359" t="s">
        <v>14370</v>
      </c>
      <c r="I19388" s="359" t="s">
        <v>14421</v>
      </c>
      <c r="J19388" s="365"/>
      <c r="K19388" s="365"/>
      <c r="L19388" s="367"/>
    </row>
    <row r="19389" spans="2:12">
      <c r="B19389" s="367"/>
      <c r="C19389" s="367"/>
      <c r="D19389" s="367"/>
      <c r="E19389" s="367"/>
      <c r="F19389" s="360"/>
      <c r="G19389" s="360"/>
      <c r="H19389" s="360"/>
      <c r="I19389" s="360"/>
      <c r="J19389" s="365"/>
      <c r="K19389" s="365"/>
      <c r="L19389" s="367"/>
    </row>
    <row r="19390" spans="2:12" ht="28.5">
      <c r="B19390" s="367"/>
      <c r="C19390" s="367"/>
      <c r="D19390" s="367"/>
      <c r="E19390" s="367"/>
      <c r="F19390" s="359" t="s">
        <v>28964</v>
      </c>
      <c r="G19390" s="359" t="s">
        <v>14429</v>
      </c>
      <c r="H19390" s="359" t="s">
        <v>14332</v>
      </c>
      <c r="I19390" s="359" t="s">
        <v>14429</v>
      </c>
      <c r="J19390" s="365"/>
      <c r="K19390" s="365"/>
      <c r="L19390" s="367"/>
    </row>
    <row r="19391" spans="2:12">
      <c r="B19391" s="367"/>
      <c r="C19391" s="367"/>
      <c r="D19391" s="367"/>
      <c r="E19391" s="367"/>
      <c r="F19391" s="360"/>
      <c r="G19391" s="360"/>
      <c r="H19391" s="360"/>
      <c r="I19391" s="360"/>
      <c r="J19391" s="365"/>
      <c r="K19391" s="365"/>
      <c r="L19391" s="367"/>
    </row>
    <row r="19392" spans="2:12" ht="28.5">
      <c r="B19392" s="367"/>
      <c r="C19392" s="367"/>
      <c r="D19392" s="367"/>
      <c r="E19392" s="367"/>
      <c r="F19392" s="359" t="s">
        <v>14368</v>
      </c>
      <c r="G19392" s="359" t="s">
        <v>28886</v>
      </c>
      <c r="H19392" s="360"/>
      <c r="I19392" s="359" t="s">
        <v>28886</v>
      </c>
      <c r="J19392" s="365"/>
      <c r="K19392" s="365"/>
      <c r="L19392" s="367"/>
    </row>
    <row r="19393" spans="2:12">
      <c r="B19393" s="367"/>
      <c r="C19393" s="367"/>
      <c r="D19393" s="367"/>
      <c r="E19393" s="367"/>
      <c r="F19393" s="360"/>
      <c r="G19393" s="360"/>
      <c r="H19393" s="360"/>
      <c r="I19393" s="360"/>
      <c r="J19393" s="365"/>
      <c r="K19393" s="365"/>
      <c r="L19393" s="367"/>
    </row>
    <row r="19394" spans="2:12">
      <c r="B19394" s="368"/>
      <c r="C19394" s="368"/>
      <c r="D19394" s="368"/>
      <c r="E19394" s="368"/>
      <c r="F19394" s="361" t="s">
        <v>14430</v>
      </c>
      <c r="G19394" s="361" t="s">
        <v>14431</v>
      </c>
      <c r="H19394" s="362"/>
      <c r="I19394" s="361" t="s">
        <v>14431</v>
      </c>
      <c r="J19394" s="366"/>
      <c r="K19394" s="366"/>
      <c r="L19394" s="368"/>
    </row>
    <row r="19395" spans="2:12">
      <c r="B19395" s="358" t="s">
        <v>24410</v>
      </c>
      <c r="C19395" s="358" t="s">
        <v>24411</v>
      </c>
      <c r="D19395" s="358" t="s">
        <v>24412</v>
      </c>
      <c r="E19395" s="358" t="s">
        <v>24413</v>
      </c>
      <c r="F19395" s="358" t="s">
        <v>14426</v>
      </c>
      <c r="G19395" s="358" t="s">
        <v>14427</v>
      </c>
      <c r="H19395" s="358" t="s">
        <v>14381</v>
      </c>
      <c r="I19395" s="358" t="s">
        <v>14427</v>
      </c>
      <c r="J19395" s="358"/>
      <c r="K19395" s="358" t="s">
        <v>14552</v>
      </c>
      <c r="L19395" s="358"/>
    </row>
    <row r="19396" spans="2:12">
      <c r="B19396" s="367"/>
      <c r="C19396" s="367"/>
      <c r="D19396" s="367"/>
      <c r="E19396" s="367"/>
      <c r="F19396" s="360"/>
      <c r="G19396" s="360"/>
      <c r="H19396" s="360"/>
      <c r="I19396" s="360"/>
      <c r="J19396" s="365"/>
      <c r="K19396" s="367"/>
      <c r="L19396" s="365"/>
    </row>
    <row r="19397" spans="2:12">
      <c r="B19397" s="367"/>
      <c r="C19397" s="367"/>
      <c r="D19397" s="367"/>
      <c r="E19397" s="367"/>
      <c r="F19397" s="359" t="s">
        <v>14420</v>
      </c>
      <c r="G19397" s="359" t="s">
        <v>14421</v>
      </c>
      <c r="H19397" s="359" t="s">
        <v>14367</v>
      </c>
      <c r="I19397" s="359" t="s">
        <v>14421</v>
      </c>
      <c r="J19397" s="365"/>
      <c r="K19397" s="367"/>
      <c r="L19397" s="365"/>
    </row>
    <row r="19398" spans="2:12">
      <c r="B19398" s="367"/>
      <c r="C19398" s="367"/>
      <c r="D19398" s="367"/>
      <c r="E19398" s="367"/>
      <c r="F19398" s="360"/>
      <c r="G19398" s="360"/>
      <c r="H19398" s="360"/>
      <c r="I19398" s="360"/>
      <c r="J19398" s="365"/>
      <c r="K19398" s="367"/>
      <c r="L19398" s="365"/>
    </row>
    <row r="19399" spans="2:12">
      <c r="B19399" s="367"/>
      <c r="C19399" s="367"/>
      <c r="D19399" s="367"/>
      <c r="E19399" s="367"/>
      <c r="F19399" s="359" t="s">
        <v>14420</v>
      </c>
      <c r="G19399" s="359" t="s">
        <v>14429</v>
      </c>
      <c r="H19399" s="359" t="s">
        <v>14370</v>
      </c>
      <c r="I19399" s="359" t="s">
        <v>14429</v>
      </c>
      <c r="J19399" s="365"/>
      <c r="K19399" s="367"/>
      <c r="L19399" s="365"/>
    </row>
    <row r="19400" spans="2:12">
      <c r="B19400" s="367"/>
      <c r="C19400" s="367"/>
      <c r="D19400" s="367"/>
      <c r="E19400" s="367"/>
      <c r="F19400" s="360"/>
      <c r="G19400" s="360"/>
      <c r="H19400" s="360"/>
      <c r="I19400" s="360"/>
      <c r="J19400" s="365"/>
      <c r="K19400" s="367"/>
      <c r="L19400" s="365"/>
    </row>
    <row r="19401" spans="2:12">
      <c r="B19401" s="367"/>
      <c r="C19401" s="367"/>
      <c r="D19401" s="367"/>
      <c r="E19401" s="367"/>
      <c r="F19401" s="359" t="s">
        <v>14389</v>
      </c>
      <c r="G19401" s="359" t="s">
        <v>14390</v>
      </c>
      <c r="H19401" s="359" t="s">
        <v>14422</v>
      </c>
      <c r="I19401" s="359" t="s">
        <v>14390</v>
      </c>
      <c r="J19401" s="365"/>
      <c r="K19401" s="367"/>
      <c r="L19401" s="365"/>
    </row>
    <row r="19402" spans="2:12">
      <c r="B19402" s="367"/>
      <c r="C19402" s="367"/>
      <c r="D19402" s="367"/>
      <c r="E19402" s="367"/>
      <c r="F19402" s="360"/>
      <c r="G19402" s="360"/>
      <c r="H19402" s="360"/>
      <c r="I19402" s="360"/>
      <c r="J19402" s="365"/>
      <c r="K19402" s="367"/>
      <c r="L19402" s="365"/>
    </row>
    <row r="19403" spans="2:12">
      <c r="B19403" s="367"/>
      <c r="C19403" s="367"/>
      <c r="D19403" s="367"/>
      <c r="E19403" s="367"/>
      <c r="F19403" s="359" t="s">
        <v>14391</v>
      </c>
      <c r="G19403" s="359" t="s">
        <v>14392</v>
      </c>
      <c r="H19403" s="360"/>
      <c r="I19403" s="359" t="s">
        <v>14392</v>
      </c>
      <c r="J19403" s="365"/>
      <c r="K19403" s="367"/>
      <c r="L19403" s="365"/>
    </row>
    <row r="19404" spans="2:12">
      <c r="B19404" s="367"/>
      <c r="C19404" s="367"/>
      <c r="D19404" s="367"/>
      <c r="E19404" s="367"/>
      <c r="F19404" s="360"/>
      <c r="G19404" s="360"/>
      <c r="H19404" s="360"/>
      <c r="I19404" s="360"/>
      <c r="J19404" s="365"/>
      <c r="K19404" s="367"/>
      <c r="L19404" s="365"/>
    </row>
    <row r="19405" spans="2:12">
      <c r="B19405" s="367"/>
      <c r="C19405" s="367"/>
      <c r="D19405" s="367"/>
      <c r="E19405" s="367"/>
      <c r="F19405" s="359" t="s">
        <v>14371</v>
      </c>
      <c r="G19405" s="359" t="s">
        <v>14372</v>
      </c>
      <c r="H19405" s="360"/>
      <c r="I19405" s="359" t="s">
        <v>14373</v>
      </c>
      <c r="J19405" s="365"/>
      <c r="K19405" s="367"/>
      <c r="L19405" s="365"/>
    </row>
    <row r="19406" spans="2:12">
      <c r="B19406" s="367"/>
      <c r="C19406" s="367"/>
      <c r="D19406" s="367"/>
      <c r="E19406" s="367"/>
      <c r="F19406" s="360"/>
      <c r="G19406" s="360"/>
      <c r="H19406" s="360"/>
      <c r="I19406" s="360"/>
      <c r="J19406" s="365"/>
      <c r="K19406" s="367"/>
      <c r="L19406" s="365"/>
    </row>
    <row r="19407" spans="2:12" ht="28.5">
      <c r="B19407" s="368"/>
      <c r="C19407" s="368"/>
      <c r="D19407" s="368"/>
      <c r="E19407" s="368"/>
      <c r="F19407" s="361" t="s">
        <v>14374</v>
      </c>
      <c r="G19407" s="361" t="s">
        <v>14373</v>
      </c>
      <c r="H19407" s="362"/>
      <c r="I19407" s="362"/>
      <c r="J19407" s="366"/>
      <c r="K19407" s="368"/>
      <c r="L19407" s="366"/>
    </row>
    <row r="19408" spans="2:12">
      <c r="B19408" s="358" t="s">
        <v>24414</v>
      </c>
      <c r="C19408" s="358" t="s">
        <v>24415</v>
      </c>
      <c r="D19408" s="358" t="s">
        <v>24416</v>
      </c>
      <c r="E19408" s="358" t="s">
        <v>24417</v>
      </c>
      <c r="F19408" s="358" t="s">
        <v>14420</v>
      </c>
      <c r="G19408" s="358" t="s">
        <v>14429</v>
      </c>
      <c r="H19408" s="358" t="s">
        <v>14341</v>
      </c>
      <c r="I19408" s="358" t="s">
        <v>14429</v>
      </c>
      <c r="J19408" s="358"/>
      <c r="K19408" s="358"/>
      <c r="L19408" s="358"/>
    </row>
    <row r="19409" spans="2:12">
      <c r="B19409" s="367"/>
      <c r="C19409" s="367"/>
      <c r="D19409" s="367"/>
      <c r="E19409" s="367"/>
      <c r="F19409" s="360"/>
      <c r="G19409" s="360"/>
      <c r="H19409" s="360"/>
      <c r="I19409" s="360"/>
      <c r="J19409" s="365"/>
      <c r="K19409" s="365"/>
      <c r="L19409" s="365"/>
    </row>
    <row r="19410" spans="2:12">
      <c r="B19410" s="367"/>
      <c r="C19410" s="367"/>
      <c r="D19410" s="367"/>
      <c r="E19410" s="367"/>
      <c r="F19410" s="359" t="s">
        <v>14430</v>
      </c>
      <c r="G19410" s="359" t="s">
        <v>14431</v>
      </c>
      <c r="H19410" s="359" t="s">
        <v>14367</v>
      </c>
      <c r="I19410" s="359" t="s">
        <v>14431</v>
      </c>
      <c r="J19410" s="365"/>
      <c r="K19410" s="365"/>
      <c r="L19410" s="365"/>
    </row>
    <row r="19411" spans="2:12">
      <c r="B19411" s="367"/>
      <c r="C19411" s="367"/>
      <c r="D19411" s="367"/>
      <c r="E19411" s="367"/>
      <c r="F19411" s="360"/>
      <c r="G19411" s="360"/>
      <c r="H19411" s="360"/>
      <c r="I19411" s="360"/>
      <c r="J19411" s="365"/>
      <c r="K19411" s="365"/>
      <c r="L19411" s="365"/>
    </row>
    <row r="19412" spans="2:12">
      <c r="B19412" s="367"/>
      <c r="C19412" s="367"/>
      <c r="D19412" s="367"/>
      <c r="E19412" s="367"/>
      <c r="F19412" s="359" t="s">
        <v>14391</v>
      </c>
      <c r="G19412" s="359" t="s">
        <v>14392</v>
      </c>
      <c r="H19412" s="359" t="s">
        <v>14370</v>
      </c>
      <c r="I19412" s="359" t="s">
        <v>14392</v>
      </c>
      <c r="J19412" s="365"/>
      <c r="K19412" s="365"/>
      <c r="L19412" s="365"/>
    </row>
    <row r="19413" spans="2:12">
      <c r="B19413" s="367"/>
      <c r="C19413" s="367"/>
      <c r="D19413" s="367"/>
      <c r="E19413" s="367"/>
      <c r="F19413" s="360"/>
      <c r="G19413" s="360"/>
      <c r="H19413" s="360"/>
      <c r="I19413" s="360"/>
      <c r="J19413" s="365"/>
      <c r="K19413" s="365"/>
      <c r="L19413" s="365"/>
    </row>
    <row r="19414" spans="2:12" ht="28.5">
      <c r="B19414" s="368"/>
      <c r="C19414" s="368"/>
      <c r="D19414" s="368"/>
      <c r="E19414" s="368"/>
      <c r="F19414" s="361" t="s">
        <v>14394</v>
      </c>
      <c r="G19414" s="361" t="s">
        <v>14395</v>
      </c>
      <c r="H19414" s="361" t="s">
        <v>14332</v>
      </c>
      <c r="I19414" s="361" t="s">
        <v>14395</v>
      </c>
      <c r="J19414" s="366"/>
      <c r="K19414" s="366"/>
      <c r="L19414" s="366"/>
    </row>
    <row r="19415" spans="2:12" ht="28.5">
      <c r="B19415" s="358" t="s">
        <v>24418</v>
      </c>
      <c r="C19415" s="358" t="s">
        <v>30437</v>
      </c>
      <c r="D19415" s="358" t="s">
        <v>24419</v>
      </c>
      <c r="E19415" s="358" t="s">
        <v>24420</v>
      </c>
      <c r="F19415" s="358" t="s">
        <v>14420</v>
      </c>
      <c r="G19415" s="358" t="s">
        <v>14429</v>
      </c>
      <c r="H19415" s="358" t="s">
        <v>14367</v>
      </c>
      <c r="I19415" s="358" t="s">
        <v>14429</v>
      </c>
      <c r="J19415" s="358"/>
      <c r="K19415" s="358"/>
      <c r="L19415" s="358"/>
    </row>
    <row r="19416" spans="2:12">
      <c r="B19416" s="367"/>
      <c r="C19416" s="367"/>
      <c r="D19416" s="367"/>
      <c r="E19416" s="367"/>
      <c r="F19416" s="360"/>
      <c r="G19416" s="360"/>
      <c r="H19416" s="360"/>
      <c r="I19416" s="360"/>
      <c r="J19416" s="365"/>
      <c r="K19416" s="365"/>
      <c r="L19416" s="365"/>
    </row>
    <row r="19417" spans="2:12">
      <c r="B19417" s="367"/>
      <c r="C19417" s="367"/>
      <c r="D19417" s="367"/>
      <c r="E19417" s="367"/>
      <c r="F19417" s="359" t="s">
        <v>14391</v>
      </c>
      <c r="G19417" s="359" t="s">
        <v>14392</v>
      </c>
      <c r="H19417" s="359" t="s">
        <v>14370</v>
      </c>
      <c r="I19417" s="359" t="s">
        <v>14392</v>
      </c>
      <c r="J19417" s="365"/>
      <c r="K19417" s="365"/>
      <c r="L19417" s="365"/>
    </row>
    <row r="19418" spans="2:12">
      <c r="B19418" s="367"/>
      <c r="C19418" s="367"/>
      <c r="D19418" s="367"/>
      <c r="E19418" s="367"/>
      <c r="F19418" s="360"/>
      <c r="G19418" s="360"/>
      <c r="H19418" s="360"/>
      <c r="I19418" s="360"/>
      <c r="J19418" s="365"/>
      <c r="K19418" s="365"/>
      <c r="L19418" s="365"/>
    </row>
    <row r="19419" spans="2:12" ht="28.5">
      <c r="B19419" s="368"/>
      <c r="C19419" s="368"/>
      <c r="D19419" s="368"/>
      <c r="E19419" s="368"/>
      <c r="F19419" s="361" t="s">
        <v>14394</v>
      </c>
      <c r="G19419" s="361" t="s">
        <v>14395</v>
      </c>
      <c r="H19419" s="361" t="s">
        <v>14422</v>
      </c>
      <c r="I19419" s="361" t="s">
        <v>14395</v>
      </c>
      <c r="J19419" s="366"/>
      <c r="K19419" s="366"/>
      <c r="L19419" s="366"/>
    </row>
    <row r="19420" spans="2:12" ht="28.5">
      <c r="B19420" s="358" t="s">
        <v>24421</v>
      </c>
      <c r="C19420" s="358" t="s">
        <v>27918</v>
      </c>
      <c r="D19420" s="358" t="s">
        <v>24422</v>
      </c>
      <c r="E19420" s="358" t="s">
        <v>24423</v>
      </c>
      <c r="F19420" s="358" t="s">
        <v>14507</v>
      </c>
      <c r="G19420" s="358" t="s">
        <v>28621</v>
      </c>
      <c r="H19420" s="358" t="s">
        <v>14381</v>
      </c>
      <c r="I19420" s="358" t="s">
        <v>28621</v>
      </c>
      <c r="J19420" s="358"/>
      <c r="K19420" s="358"/>
      <c r="L19420" s="358"/>
    </row>
    <row r="19421" spans="2:12">
      <c r="B19421" s="367"/>
      <c r="C19421" s="367"/>
      <c r="D19421" s="367"/>
      <c r="E19421" s="367"/>
      <c r="F19421" s="360"/>
      <c r="G19421" s="360"/>
      <c r="H19421" s="360"/>
      <c r="I19421" s="360"/>
      <c r="J19421" s="365"/>
      <c r="K19421" s="365"/>
      <c r="L19421" s="365"/>
    </row>
    <row r="19422" spans="2:12">
      <c r="B19422" s="367"/>
      <c r="C19422" s="367"/>
      <c r="D19422" s="367"/>
      <c r="E19422" s="367"/>
      <c r="F19422" s="359" t="s">
        <v>14420</v>
      </c>
      <c r="G19422" s="359" t="s">
        <v>14392</v>
      </c>
      <c r="H19422" s="359" t="s">
        <v>14367</v>
      </c>
      <c r="I19422" s="359" t="s">
        <v>14392</v>
      </c>
      <c r="J19422" s="365"/>
      <c r="K19422" s="365"/>
      <c r="L19422" s="365"/>
    </row>
    <row r="19423" spans="2:12">
      <c r="B19423" s="367"/>
      <c r="C19423" s="367"/>
      <c r="D19423" s="367"/>
      <c r="E19423" s="367"/>
      <c r="F19423" s="360"/>
      <c r="G19423" s="360"/>
      <c r="H19423" s="360"/>
      <c r="I19423" s="360"/>
      <c r="J19423" s="365"/>
      <c r="K19423" s="365"/>
      <c r="L19423" s="365"/>
    </row>
    <row r="19424" spans="2:12">
      <c r="B19424" s="367"/>
      <c r="C19424" s="367"/>
      <c r="D19424" s="367"/>
      <c r="E19424" s="367"/>
      <c r="F19424" s="359" t="s">
        <v>14391</v>
      </c>
      <c r="G19424" s="359" t="s">
        <v>14473</v>
      </c>
      <c r="H19424" s="359" t="s">
        <v>14422</v>
      </c>
      <c r="I19424" s="359" t="s">
        <v>14473</v>
      </c>
      <c r="J19424" s="365"/>
      <c r="K19424" s="365"/>
      <c r="L19424" s="365"/>
    </row>
    <row r="19425" spans="2:12">
      <c r="B19425" s="367"/>
      <c r="C19425" s="367"/>
      <c r="D19425" s="367"/>
      <c r="E19425" s="367"/>
      <c r="F19425" s="360"/>
      <c r="G19425" s="360"/>
      <c r="H19425" s="360"/>
      <c r="I19425" s="360"/>
      <c r="J19425" s="365"/>
      <c r="K19425" s="365"/>
      <c r="L19425" s="365"/>
    </row>
    <row r="19426" spans="2:12" ht="28.5">
      <c r="B19426" s="368"/>
      <c r="C19426" s="368"/>
      <c r="D19426" s="368"/>
      <c r="E19426" s="368"/>
      <c r="F19426" s="361" t="s">
        <v>14472</v>
      </c>
      <c r="G19426" s="362"/>
      <c r="H19426" s="362"/>
      <c r="I19426" s="362"/>
      <c r="J19426" s="366"/>
      <c r="K19426" s="366"/>
      <c r="L19426" s="366"/>
    </row>
    <row r="19427" spans="2:12" ht="28.5">
      <c r="B19427" s="358" t="s">
        <v>24424</v>
      </c>
      <c r="C19427" s="358" t="s">
        <v>30438</v>
      </c>
      <c r="D19427" s="358" t="s">
        <v>24425</v>
      </c>
      <c r="E19427" s="358" t="s">
        <v>24426</v>
      </c>
      <c r="F19427" s="358" t="s">
        <v>14382</v>
      </c>
      <c r="G19427" s="358" t="s">
        <v>14483</v>
      </c>
      <c r="H19427" s="358" t="s">
        <v>14378</v>
      </c>
      <c r="I19427" s="358" t="s">
        <v>14483</v>
      </c>
      <c r="J19427" s="358"/>
      <c r="K19427" s="358"/>
      <c r="L19427" s="358"/>
    </row>
    <row r="19428" spans="2:12">
      <c r="B19428" s="367"/>
      <c r="C19428" s="367"/>
      <c r="D19428" s="367"/>
      <c r="E19428" s="367"/>
      <c r="F19428" s="360"/>
      <c r="G19428" s="360"/>
      <c r="H19428" s="360"/>
      <c r="I19428" s="360"/>
      <c r="J19428" s="365"/>
      <c r="K19428" s="365"/>
      <c r="L19428" s="365"/>
    </row>
    <row r="19429" spans="2:12">
      <c r="B19429" s="367"/>
      <c r="C19429" s="367"/>
      <c r="D19429" s="367"/>
      <c r="E19429" s="367"/>
      <c r="F19429" s="359" t="s">
        <v>14382</v>
      </c>
      <c r="G19429" s="359" t="s">
        <v>14383</v>
      </c>
      <c r="H19429" s="359" t="s">
        <v>14381</v>
      </c>
      <c r="I19429" s="359" t="s">
        <v>14383</v>
      </c>
      <c r="J19429" s="365"/>
      <c r="K19429" s="365"/>
      <c r="L19429" s="365"/>
    </row>
    <row r="19430" spans="2:12">
      <c r="B19430" s="367"/>
      <c r="C19430" s="367"/>
      <c r="D19430" s="367"/>
      <c r="E19430" s="367"/>
      <c r="F19430" s="360"/>
      <c r="G19430" s="360"/>
      <c r="H19430" s="360"/>
      <c r="I19430" s="360"/>
      <c r="J19430" s="365"/>
      <c r="K19430" s="365"/>
      <c r="L19430" s="365"/>
    </row>
    <row r="19431" spans="2:12" ht="28.5">
      <c r="B19431" s="367"/>
      <c r="C19431" s="367"/>
      <c r="D19431" s="367"/>
      <c r="E19431" s="367"/>
      <c r="F19431" s="359" t="s">
        <v>14384</v>
      </c>
      <c r="G19431" s="359" t="s">
        <v>29427</v>
      </c>
      <c r="H19431" s="359" t="s">
        <v>14370</v>
      </c>
      <c r="I19431" s="359" t="s">
        <v>29427</v>
      </c>
      <c r="J19431" s="365"/>
      <c r="K19431" s="365"/>
      <c r="L19431" s="365"/>
    </row>
    <row r="19432" spans="2:12">
      <c r="B19432" s="367"/>
      <c r="C19432" s="367"/>
      <c r="D19432" s="367"/>
      <c r="E19432" s="367"/>
      <c r="F19432" s="360"/>
      <c r="G19432" s="360"/>
      <c r="H19432" s="360"/>
      <c r="I19432" s="360"/>
      <c r="J19432" s="365"/>
      <c r="K19432" s="365"/>
      <c r="L19432" s="365"/>
    </row>
    <row r="19433" spans="2:12">
      <c r="B19433" s="367"/>
      <c r="C19433" s="367"/>
      <c r="D19433" s="367"/>
      <c r="E19433" s="367"/>
      <c r="F19433" s="359" t="s">
        <v>14420</v>
      </c>
      <c r="G19433" s="359" t="s">
        <v>14390</v>
      </c>
      <c r="H19433" s="359" t="s">
        <v>14332</v>
      </c>
      <c r="I19433" s="359" t="s">
        <v>14390</v>
      </c>
      <c r="J19433" s="365"/>
      <c r="K19433" s="365"/>
      <c r="L19433" s="365"/>
    </row>
    <row r="19434" spans="2:12">
      <c r="B19434" s="367"/>
      <c r="C19434" s="367"/>
      <c r="D19434" s="367"/>
      <c r="E19434" s="367"/>
      <c r="F19434" s="360"/>
      <c r="G19434" s="360"/>
      <c r="H19434" s="360"/>
      <c r="I19434" s="360"/>
      <c r="J19434" s="365"/>
      <c r="K19434" s="365"/>
      <c r="L19434" s="365"/>
    </row>
    <row r="19435" spans="2:12">
      <c r="B19435" s="367"/>
      <c r="C19435" s="367"/>
      <c r="D19435" s="367"/>
      <c r="E19435" s="367"/>
      <c r="F19435" s="359" t="s">
        <v>14389</v>
      </c>
      <c r="G19435" s="359" t="s">
        <v>14372</v>
      </c>
      <c r="H19435" s="360"/>
      <c r="I19435" s="359" t="s">
        <v>14373</v>
      </c>
      <c r="J19435" s="365"/>
      <c r="K19435" s="365"/>
      <c r="L19435" s="365"/>
    </row>
    <row r="19436" spans="2:12">
      <c r="B19436" s="367"/>
      <c r="C19436" s="367"/>
      <c r="D19436" s="367"/>
      <c r="E19436" s="367"/>
      <c r="F19436" s="360"/>
      <c r="G19436" s="360"/>
      <c r="H19436" s="360"/>
      <c r="I19436" s="360"/>
      <c r="J19436" s="365"/>
      <c r="K19436" s="365"/>
      <c r="L19436" s="365"/>
    </row>
    <row r="19437" spans="2:12">
      <c r="B19437" s="367"/>
      <c r="C19437" s="367"/>
      <c r="D19437" s="367"/>
      <c r="E19437" s="367"/>
      <c r="F19437" s="359" t="s">
        <v>14371</v>
      </c>
      <c r="G19437" s="359" t="s">
        <v>14373</v>
      </c>
      <c r="H19437" s="360"/>
      <c r="I19437" s="360"/>
      <c r="J19437" s="365"/>
      <c r="K19437" s="365"/>
      <c r="L19437" s="365"/>
    </row>
    <row r="19438" spans="2:12">
      <c r="B19438" s="367"/>
      <c r="C19438" s="367"/>
      <c r="D19438" s="367"/>
      <c r="E19438" s="367"/>
      <c r="F19438" s="360"/>
      <c r="G19438" s="360"/>
      <c r="H19438" s="360"/>
      <c r="I19438" s="360"/>
      <c r="J19438" s="365"/>
      <c r="K19438" s="365"/>
      <c r="L19438" s="365"/>
    </row>
    <row r="19439" spans="2:12" ht="28.5">
      <c r="B19439" s="368"/>
      <c r="C19439" s="368"/>
      <c r="D19439" s="368"/>
      <c r="E19439" s="368"/>
      <c r="F19439" s="361" t="s">
        <v>14374</v>
      </c>
      <c r="G19439" s="362"/>
      <c r="H19439" s="362"/>
      <c r="I19439" s="362"/>
      <c r="J19439" s="366"/>
      <c r="K19439" s="366"/>
      <c r="L19439" s="366"/>
    </row>
    <row r="19440" spans="2:12">
      <c r="B19440" s="358" t="s">
        <v>24427</v>
      </c>
      <c r="C19440" s="358" t="s">
        <v>24428</v>
      </c>
      <c r="D19440" s="358" t="s">
        <v>24429</v>
      </c>
      <c r="E19440" s="358" t="s">
        <v>24430</v>
      </c>
      <c r="F19440" s="358" t="s">
        <v>14420</v>
      </c>
      <c r="G19440" s="358" t="s">
        <v>14459</v>
      </c>
      <c r="H19440" s="358" t="s">
        <v>14367</v>
      </c>
      <c r="I19440" s="358" t="s">
        <v>14459</v>
      </c>
      <c r="J19440" s="358"/>
      <c r="K19440" s="358"/>
      <c r="L19440" s="358"/>
    </row>
    <row r="19441" spans="2:12">
      <c r="B19441" s="367"/>
      <c r="C19441" s="360"/>
      <c r="D19441" s="367"/>
      <c r="E19441" s="367"/>
      <c r="F19441" s="360"/>
      <c r="G19441" s="360"/>
      <c r="H19441" s="360"/>
      <c r="I19441" s="360"/>
      <c r="J19441" s="365"/>
      <c r="K19441" s="365"/>
      <c r="L19441" s="365"/>
    </row>
    <row r="19442" spans="2:12" ht="28.5">
      <c r="B19442" s="367"/>
      <c r="C19442" s="359" t="s">
        <v>27919</v>
      </c>
      <c r="D19442" s="367"/>
      <c r="E19442" s="367"/>
      <c r="F19442" s="359" t="s">
        <v>14420</v>
      </c>
      <c r="G19442" s="359" t="s">
        <v>14429</v>
      </c>
      <c r="H19442" s="359" t="s">
        <v>14370</v>
      </c>
      <c r="I19442" s="359" t="s">
        <v>14429</v>
      </c>
      <c r="J19442" s="365"/>
      <c r="K19442" s="365"/>
      <c r="L19442" s="365"/>
    </row>
    <row r="19443" spans="2:12">
      <c r="B19443" s="367"/>
      <c r="C19443" s="360"/>
      <c r="D19443" s="367"/>
      <c r="E19443" s="367"/>
      <c r="F19443" s="360"/>
      <c r="G19443" s="360"/>
      <c r="H19443" s="360"/>
      <c r="I19443" s="360"/>
      <c r="J19443" s="365"/>
      <c r="K19443" s="365"/>
      <c r="L19443" s="365"/>
    </row>
    <row r="19444" spans="2:12" ht="28.5">
      <c r="B19444" s="368"/>
      <c r="C19444" s="362"/>
      <c r="D19444" s="368"/>
      <c r="E19444" s="368"/>
      <c r="F19444" s="361" t="s">
        <v>14394</v>
      </c>
      <c r="G19444" s="361" t="s">
        <v>14395</v>
      </c>
      <c r="H19444" s="361" t="s">
        <v>14422</v>
      </c>
      <c r="I19444" s="361" t="s">
        <v>14395</v>
      </c>
      <c r="J19444" s="366"/>
      <c r="K19444" s="366"/>
      <c r="L19444" s="366"/>
    </row>
    <row r="19445" spans="2:12" ht="42.75">
      <c r="B19445" s="358" t="s">
        <v>13223</v>
      </c>
      <c r="C19445" s="358" t="s">
        <v>30439</v>
      </c>
      <c r="D19445" s="358" t="s">
        <v>13224</v>
      </c>
      <c r="E19445" s="358" t="s">
        <v>13227</v>
      </c>
      <c r="F19445" s="358" t="s">
        <v>14443</v>
      </c>
      <c r="G19445" s="358" t="s">
        <v>14444</v>
      </c>
      <c r="H19445" s="358" t="s">
        <v>14381</v>
      </c>
      <c r="I19445" s="358" t="s">
        <v>14444</v>
      </c>
      <c r="J19445" s="358"/>
      <c r="K19445" s="358"/>
      <c r="L19445" s="358"/>
    </row>
    <row r="19446" spans="2:12">
      <c r="B19446" s="367"/>
      <c r="C19446" s="367"/>
      <c r="D19446" s="367"/>
      <c r="E19446" s="367"/>
      <c r="F19446" s="360"/>
      <c r="G19446" s="360"/>
      <c r="H19446" s="360"/>
      <c r="I19446" s="360"/>
      <c r="J19446" s="365"/>
      <c r="K19446" s="365"/>
      <c r="L19446" s="365"/>
    </row>
    <row r="19447" spans="2:12">
      <c r="B19447" s="367"/>
      <c r="C19447" s="367"/>
      <c r="D19447" s="367"/>
      <c r="E19447" s="367"/>
      <c r="F19447" s="359" t="s">
        <v>14424</v>
      </c>
      <c r="G19447" s="359" t="s">
        <v>14481</v>
      </c>
      <c r="H19447" s="359" t="s">
        <v>14370</v>
      </c>
      <c r="I19447" s="359" t="s">
        <v>14481</v>
      </c>
      <c r="J19447" s="365"/>
      <c r="K19447" s="365"/>
      <c r="L19447" s="365"/>
    </row>
    <row r="19448" spans="2:12">
      <c r="B19448" s="367"/>
      <c r="C19448" s="367"/>
      <c r="D19448" s="367"/>
      <c r="E19448" s="367"/>
      <c r="F19448" s="360"/>
      <c r="G19448" s="360"/>
      <c r="H19448" s="360"/>
      <c r="I19448" s="360"/>
      <c r="J19448" s="365"/>
      <c r="K19448" s="365"/>
      <c r="L19448" s="365"/>
    </row>
    <row r="19449" spans="2:12" ht="28.5">
      <c r="B19449" s="368"/>
      <c r="C19449" s="368"/>
      <c r="D19449" s="368"/>
      <c r="E19449" s="368"/>
      <c r="F19449" s="361" t="s">
        <v>14394</v>
      </c>
      <c r="G19449" s="361" t="s">
        <v>14395</v>
      </c>
      <c r="H19449" s="361" t="s">
        <v>14332</v>
      </c>
      <c r="I19449" s="361" t="s">
        <v>14395</v>
      </c>
      <c r="J19449" s="366"/>
      <c r="K19449" s="366"/>
      <c r="L19449" s="366"/>
    </row>
    <row r="19450" spans="2:12">
      <c r="B19450" s="358" t="s">
        <v>24431</v>
      </c>
      <c r="C19450" s="358" t="s">
        <v>24432</v>
      </c>
      <c r="D19450" s="358" t="s">
        <v>24433</v>
      </c>
      <c r="E19450" s="358" t="s">
        <v>24434</v>
      </c>
      <c r="F19450" s="358" t="s">
        <v>14418</v>
      </c>
      <c r="G19450" s="358" t="s">
        <v>14419</v>
      </c>
      <c r="H19450" s="358" t="s">
        <v>14328</v>
      </c>
      <c r="I19450" s="358" t="s">
        <v>14419</v>
      </c>
      <c r="J19450" s="358"/>
      <c r="K19450" s="358"/>
      <c r="L19450" s="358"/>
    </row>
    <row r="19451" spans="2:12">
      <c r="B19451" s="367"/>
      <c r="C19451" s="367"/>
      <c r="D19451" s="367"/>
      <c r="E19451" s="367"/>
      <c r="F19451" s="360"/>
      <c r="G19451" s="360"/>
      <c r="H19451" s="360"/>
      <c r="I19451" s="360"/>
      <c r="J19451" s="365"/>
      <c r="K19451" s="365"/>
      <c r="L19451" s="365"/>
    </row>
    <row r="19452" spans="2:12">
      <c r="B19452" s="367"/>
      <c r="C19452" s="367"/>
      <c r="D19452" s="367"/>
      <c r="E19452" s="367"/>
      <c r="F19452" s="359" t="s">
        <v>14420</v>
      </c>
      <c r="G19452" s="359" t="s">
        <v>14421</v>
      </c>
      <c r="H19452" s="359" t="s">
        <v>14381</v>
      </c>
      <c r="I19452" s="359" t="s">
        <v>14421</v>
      </c>
      <c r="J19452" s="365"/>
      <c r="K19452" s="365"/>
      <c r="L19452" s="365"/>
    </row>
    <row r="19453" spans="2:12">
      <c r="B19453" s="367"/>
      <c r="C19453" s="367"/>
      <c r="D19453" s="367"/>
      <c r="E19453" s="367"/>
      <c r="F19453" s="360"/>
      <c r="G19453" s="360"/>
      <c r="H19453" s="360"/>
      <c r="I19453" s="360"/>
      <c r="J19453" s="365"/>
      <c r="K19453" s="365"/>
      <c r="L19453" s="365"/>
    </row>
    <row r="19454" spans="2:12">
      <c r="B19454" s="367"/>
      <c r="C19454" s="367"/>
      <c r="D19454" s="367"/>
      <c r="E19454" s="367"/>
      <c r="F19454" s="359" t="s">
        <v>14420</v>
      </c>
      <c r="G19454" s="359" t="s">
        <v>14429</v>
      </c>
      <c r="H19454" s="359" t="s">
        <v>14341</v>
      </c>
      <c r="I19454" s="359" t="s">
        <v>14429</v>
      </c>
      <c r="J19454" s="365"/>
      <c r="K19454" s="365"/>
      <c r="L19454" s="365"/>
    </row>
    <row r="19455" spans="2:12">
      <c r="B19455" s="367"/>
      <c r="C19455" s="367"/>
      <c r="D19455" s="367"/>
      <c r="E19455" s="367"/>
      <c r="F19455" s="360"/>
      <c r="G19455" s="360"/>
      <c r="H19455" s="360"/>
      <c r="I19455" s="360"/>
      <c r="J19455" s="365"/>
      <c r="K19455" s="365"/>
      <c r="L19455" s="365"/>
    </row>
    <row r="19456" spans="2:12">
      <c r="B19456" s="367"/>
      <c r="C19456" s="367"/>
      <c r="D19456" s="367"/>
      <c r="E19456" s="367"/>
      <c r="F19456" s="359" t="s">
        <v>14460</v>
      </c>
      <c r="G19456" s="359" t="s">
        <v>14519</v>
      </c>
      <c r="H19456" s="359" t="s">
        <v>14367</v>
      </c>
      <c r="I19456" s="359" t="s">
        <v>14519</v>
      </c>
      <c r="J19456" s="365"/>
      <c r="K19456" s="365"/>
      <c r="L19456" s="365"/>
    </row>
    <row r="19457" spans="2:12">
      <c r="B19457" s="367"/>
      <c r="C19457" s="367"/>
      <c r="D19457" s="367"/>
      <c r="E19457" s="367"/>
      <c r="F19457" s="360"/>
      <c r="G19457" s="360"/>
      <c r="H19457" s="360"/>
      <c r="I19457" s="360"/>
      <c r="J19457" s="365"/>
      <c r="K19457" s="365"/>
      <c r="L19457" s="365"/>
    </row>
    <row r="19458" spans="2:12">
      <c r="B19458" s="368"/>
      <c r="C19458" s="368"/>
      <c r="D19458" s="368"/>
      <c r="E19458" s="368"/>
      <c r="F19458" s="361" t="s">
        <v>14356</v>
      </c>
      <c r="G19458" s="361" t="s">
        <v>14340</v>
      </c>
      <c r="H19458" s="361" t="s">
        <v>14332</v>
      </c>
      <c r="I19458" s="361" t="s">
        <v>14340</v>
      </c>
      <c r="J19458" s="366"/>
      <c r="K19458" s="366"/>
      <c r="L19458" s="366"/>
    </row>
    <row r="19459" spans="2:12">
      <c r="B19459" s="358" t="s">
        <v>24435</v>
      </c>
      <c r="C19459" s="358" t="s">
        <v>24436</v>
      </c>
      <c r="D19459" s="358" t="s">
        <v>24437</v>
      </c>
      <c r="E19459" s="358" t="s">
        <v>24438</v>
      </c>
      <c r="F19459" s="358" t="s">
        <v>14420</v>
      </c>
      <c r="G19459" s="358" t="s">
        <v>14421</v>
      </c>
      <c r="H19459" s="358" t="s">
        <v>14367</v>
      </c>
      <c r="I19459" s="358" t="s">
        <v>14421</v>
      </c>
      <c r="J19459" s="358"/>
      <c r="K19459" s="358"/>
      <c r="L19459" s="358"/>
    </row>
    <row r="19460" spans="2:12">
      <c r="B19460" s="367"/>
      <c r="C19460" s="367"/>
      <c r="D19460" s="367"/>
      <c r="E19460" s="367"/>
      <c r="F19460" s="360"/>
      <c r="G19460" s="360"/>
      <c r="H19460" s="360"/>
      <c r="I19460" s="360"/>
      <c r="J19460" s="365"/>
      <c r="K19460" s="365"/>
      <c r="L19460" s="365"/>
    </row>
    <row r="19461" spans="2:12">
      <c r="B19461" s="367"/>
      <c r="C19461" s="367"/>
      <c r="D19461" s="367"/>
      <c r="E19461" s="367"/>
      <c r="F19461" s="359" t="s">
        <v>14420</v>
      </c>
      <c r="G19461" s="359" t="s">
        <v>14429</v>
      </c>
      <c r="H19461" s="359" t="s">
        <v>14370</v>
      </c>
      <c r="I19461" s="359" t="s">
        <v>14429</v>
      </c>
      <c r="J19461" s="365"/>
      <c r="K19461" s="365"/>
      <c r="L19461" s="365"/>
    </row>
    <row r="19462" spans="2:12">
      <c r="B19462" s="367"/>
      <c r="C19462" s="367"/>
      <c r="D19462" s="367"/>
      <c r="E19462" s="367"/>
      <c r="F19462" s="360"/>
      <c r="G19462" s="360"/>
      <c r="H19462" s="360"/>
      <c r="I19462" s="360"/>
      <c r="J19462" s="365"/>
      <c r="K19462" s="365"/>
      <c r="L19462" s="365"/>
    </row>
    <row r="19463" spans="2:12">
      <c r="B19463" s="367"/>
      <c r="C19463" s="367"/>
      <c r="D19463" s="367"/>
      <c r="E19463" s="367"/>
      <c r="F19463" s="359" t="s">
        <v>14391</v>
      </c>
      <c r="G19463" s="359" t="s">
        <v>14392</v>
      </c>
      <c r="H19463" s="359" t="s">
        <v>14422</v>
      </c>
      <c r="I19463" s="359" t="s">
        <v>14392</v>
      </c>
      <c r="J19463" s="365"/>
      <c r="K19463" s="365"/>
      <c r="L19463" s="365"/>
    </row>
    <row r="19464" spans="2:12">
      <c r="B19464" s="367"/>
      <c r="C19464" s="367"/>
      <c r="D19464" s="367"/>
      <c r="E19464" s="367"/>
      <c r="F19464" s="360"/>
      <c r="G19464" s="360"/>
      <c r="H19464" s="360"/>
      <c r="I19464" s="360"/>
      <c r="J19464" s="365"/>
      <c r="K19464" s="365"/>
      <c r="L19464" s="365"/>
    </row>
    <row r="19465" spans="2:12" ht="28.5">
      <c r="B19465" s="368"/>
      <c r="C19465" s="368"/>
      <c r="D19465" s="368"/>
      <c r="E19465" s="368"/>
      <c r="F19465" s="361" t="s">
        <v>14394</v>
      </c>
      <c r="G19465" s="361" t="s">
        <v>14395</v>
      </c>
      <c r="H19465" s="362"/>
      <c r="I19465" s="361" t="s">
        <v>14395</v>
      </c>
      <c r="J19465" s="366"/>
      <c r="K19465" s="366"/>
      <c r="L19465" s="366"/>
    </row>
    <row r="19466" spans="2:12" ht="42.75">
      <c r="B19466" s="358" t="s">
        <v>24439</v>
      </c>
      <c r="C19466" s="358" t="s">
        <v>24440</v>
      </c>
      <c r="D19466" s="358" t="s">
        <v>24441</v>
      </c>
      <c r="E19466" s="358" t="s">
        <v>24442</v>
      </c>
      <c r="F19466" s="358" t="s">
        <v>14356</v>
      </c>
      <c r="G19466" s="358" t="s">
        <v>14340</v>
      </c>
      <c r="H19466" s="358" t="s">
        <v>14341</v>
      </c>
      <c r="I19466" s="358" t="s">
        <v>14340</v>
      </c>
      <c r="J19466" s="358"/>
      <c r="K19466" s="358" t="s">
        <v>28582</v>
      </c>
      <c r="L19466" s="358"/>
    </row>
    <row r="19467" spans="2:12">
      <c r="B19467" s="367"/>
      <c r="C19467" s="367"/>
      <c r="D19467" s="367"/>
      <c r="E19467" s="367"/>
      <c r="F19467" s="360"/>
      <c r="G19467" s="360"/>
      <c r="H19467" s="360"/>
      <c r="I19467" s="360"/>
      <c r="J19467" s="365"/>
      <c r="K19467" s="367"/>
      <c r="L19467" s="365"/>
    </row>
    <row r="19468" spans="2:12">
      <c r="B19468" s="367"/>
      <c r="C19468" s="367"/>
      <c r="D19468" s="367"/>
      <c r="E19468" s="367"/>
      <c r="F19468" s="359" t="s">
        <v>14391</v>
      </c>
      <c r="G19468" s="359" t="s">
        <v>14392</v>
      </c>
      <c r="H19468" s="359" t="s">
        <v>14367</v>
      </c>
      <c r="I19468" s="359" t="s">
        <v>14392</v>
      </c>
      <c r="J19468" s="365"/>
      <c r="K19468" s="367"/>
      <c r="L19468" s="365"/>
    </row>
    <row r="19469" spans="2:12">
      <c r="B19469" s="367"/>
      <c r="C19469" s="367"/>
      <c r="D19469" s="367"/>
      <c r="E19469" s="367"/>
      <c r="F19469" s="360"/>
      <c r="G19469" s="360"/>
      <c r="H19469" s="360"/>
      <c r="I19469" s="360"/>
      <c r="J19469" s="365"/>
      <c r="K19469" s="367"/>
      <c r="L19469" s="365"/>
    </row>
    <row r="19470" spans="2:12">
      <c r="B19470" s="368"/>
      <c r="C19470" s="368"/>
      <c r="D19470" s="368"/>
      <c r="E19470" s="368"/>
      <c r="F19470" s="362"/>
      <c r="G19470" s="362"/>
      <c r="H19470" s="361" t="s">
        <v>14332</v>
      </c>
      <c r="I19470" s="362"/>
      <c r="J19470" s="366"/>
      <c r="K19470" s="368"/>
      <c r="L19470" s="366"/>
    </row>
    <row r="19471" spans="2:12">
      <c r="B19471" s="358" t="s">
        <v>24443</v>
      </c>
      <c r="C19471" s="358" t="s">
        <v>27920</v>
      </c>
      <c r="D19471" s="358" t="s">
        <v>24444</v>
      </c>
      <c r="E19471" s="358" t="s">
        <v>24445</v>
      </c>
      <c r="F19471" s="358" t="s">
        <v>14420</v>
      </c>
      <c r="G19471" s="358" t="s">
        <v>14429</v>
      </c>
      <c r="H19471" s="358" t="s">
        <v>14341</v>
      </c>
      <c r="I19471" s="358" t="s">
        <v>14429</v>
      </c>
      <c r="J19471" s="358"/>
      <c r="K19471" s="358"/>
      <c r="L19471" s="358"/>
    </row>
    <row r="19472" spans="2:12">
      <c r="B19472" s="367"/>
      <c r="C19472" s="367"/>
      <c r="D19472" s="367"/>
      <c r="E19472" s="367"/>
      <c r="F19472" s="360"/>
      <c r="G19472" s="360"/>
      <c r="H19472" s="360"/>
      <c r="I19472" s="360"/>
      <c r="J19472" s="365"/>
      <c r="K19472" s="365"/>
      <c r="L19472" s="365"/>
    </row>
    <row r="19473" spans="2:12">
      <c r="B19473" s="367"/>
      <c r="C19473" s="367"/>
      <c r="D19473" s="367"/>
      <c r="E19473" s="367"/>
      <c r="F19473" s="359" t="s">
        <v>14356</v>
      </c>
      <c r="G19473" s="359" t="s">
        <v>14340</v>
      </c>
      <c r="H19473" s="359" t="s">
        <v>14367</v>
      </c>
      <c r="I19473" s="359" t="s">
        <v>14340</v>
      </c>
      <c r="J19473" s="365"/>
      <c r="K19473" s="365"/>
      <c r="L19473" s="365"/>
    </row>
    <row r="19474" spans="2:12">
      <c r="B19474" s="367"/>
      <c r="C19474" s="367"/>
      <c r="D19474" s="367"/>
      <c r="E19474" s="367"/>
      <c r="F19474" s="360"/>
      <c r="G19474" s="360"/>
      <c r="H19474" s="360"/>
      <c r="I19474" s="360"/>
      <c r="J19474" s="365"/>
      <c r="K19474" s="365"/>
      <c r="L19474" s="365"/>
    </row>
    <row r="19475" spans="2:12">
      <c r="B19475" s="367"/>
      <c r="C19475" s="367"/>
      <c r="D19475" s="367"/>
      <c r="E19475" s="367"/>
      <c r="F19475" s="359" t="s">
        <v>14391</v>
      </c>
      <c r="G19475" s="359" t="s">
        <v>14392</v>
      </c>
      <c r="H19475" s="359" t="s">
        <v>14332</v>
      </c>
      <c r="I19475" s="359" t="s">
        <v>14392</v>
      </c>
      <c r="J19475" s="365"/>
      <c r="K19475" s="365"/>
      <c r="L19475" s="365"/>
    </row>
    <row r="19476" spans="2:12">
      <c r="B19476" s="367"/>
      <c r="C19476" s="367"/>
      <c r="D19476" s="367"/>
      <c r="E19476" s="367"/>
      <c r="F19476" s="360"/>
      <c r="G19476" s="360"/>
      <c r="H19476" s="360"/>
      <c r="I19476" s="360"/>
      <c r="J19476" s="365"/>
      <c r="K19476" s="365"/>
      <c r="L19476" s="365"/>
    </row>
    <row r="19477" spans="2:12" ht="28.5">
      <c r="B19477" s="368"/>
      <c r="C19477" s="368"/>
      <c r="D19477" s="368"/>
      <c r="E19477" s="368"/>
      <c r="F19477" s="361" t="s">
        <v>14394</v>
      </c>
      <c r="G19477" s="361" t="s">
        <v>14395</v>
      </c>
      <c r="H19477" s="362"/>
      <c r="I19477" s="361" t="s">
        <v>14395</v>
      </c>
      <c r="J19477" s="366"/>
      <c r="K19477" s="366"/>
      <c r="L19477" s="366"/>
    </row>
    <row r="19478" spans="2:12">
      <c r="B19478" s="358" t="s">
        <v>24446</v>
      </c>
      <c r="C19478" s="358" t="s">
        <v>27921</v>
      </c>
      <c r="D19478" s="358" t="s">
        <v>24447</v>
      </c>
      <c r="E19478" s="358" t="s">
        <v>24448</v>
      </c>
      <c r="F19478" s="358" t="s">
        <v>14371</v>
      </c>
      <c r="G19478" s="358" t="s">
        <v>14372</v>
      </c>
      <c r="H19478" s="358" t="s">
        <v>14370</v>
      </c>
      <c r="I19478" s="358" t="s">
        <v>14373</v>
      </c>
      <c r="J19478" s="358"/>
      <c r="K19478" s="358"/>
      <c r="L19478" s="358"/>
    </row>
    <row r="19479" spans="2:12">
      <c r="B19479" s="367"/>
      <c r="C19479" s="367"/>
      <c r="D19479" s="367"/>
      <c r="E19479" s="367"/>
      <c r="F19479" s="360"/>
      <c r="G19479" s="360"/>
      <c r="H19479" s="360"/>
      <c r="I19479" s="367"/>
      <c r="J19479" s="365"/>
      <c r="K19479" s="365"/>
      <c r="L19479" s="365"/>
    </row>
    <row r="19480" spans="2:12" ht="28.5">
      <c r="B19480" s="368"/>
      <c r="C19480" s="368"/>
      <c r="D19480" s="368"/>
      <c r="E19480" s="368"/>
      <c r="F19480" s="361" t="s">
        <v>14374</v>
      </c>
      <c r="G19480" s="361" t="s">
        <v>14373</v>
      </c>
      <c r="H19480" s="361" t="s">
        <v>14422</v>
      </c>
      <c r="I19480" s="368"/>
      <c r="J19480" s="366"/>
      <c r="K19480" s="366"/>
      <c r="L19480" s="366"/>
    </row>
    <row r="19481" spans="2:12" ht="42.75">
      <c r="B19481" s="358" t="s">
        <v>24449</v>
      </c>
      <c r="C19481" s="358" t="s">
        <v>24450</v>
      </c>
      <c r="D19481" s="358" t="s">
        <v>24451</v>
      </c>
      <c r="E19481" s="358" t="s">
        <v>24452</v>
      </c>
      <c r="F19481" s="358" t="s">
        <v>14384</v>
      </c>
      <c r="G19481" s="358" t="s">
        <v>14385</v>
      </c>
      <c r="H19481" s="358" t="s">
        <v>14381</v>
      </c>
      <c r="I19481" s="358" t="s">
        <v>14385</v>
      </c>
      <c r="J19481" s="358"/>
      <c r="K19481" s="358"/>
      <c r="L19481" s="358"/>
    </row>
    <row r="19482" spans="2:12">
      <c r="B19482" s="367"/>
      <c r="C19482" s="367"/>
      <c r="D19482" s="367"/>
      <c r="E19482" s="367"/>
      <c r="F19482" s="360"/>
      <c r="G19482" s="360"/>
      <c r="H19482" s="360"/>
      <c r="I19482" s="360"/>
      <c r="J19482" s="365"/>
      <c r="K19482" s="365"/>
      <c r="L19482" s="365"/>
    </row>
    <row r="19483" spans="2:12">
      <c r="B19483" s="367"/>
      <c r="C19483" s="367"/>
      <c r="D19483" s="367"/>
      <c r="E19483" s="367"/>
      <c r="F19483" s="359" t="s">
        <v>14420</v>
      </c>
      <c r="G19483" s="359" t="s">
        <v>14429</v>
      </c>
      <c r="H19483" s="359" t="s">
        <v>14367</v>
      </c>
      <c r="I19483" s="359" t="s">
        <v>14429</v>
      </c>
      <c r="J19483" s="365"/>
      <c r="K19483" s="365"/>
      <c r="L19483" s="365"/>
    </row>
    <row r="19484" spans="2:12">
      <c r="B19484" s="367"/>
      <c r="C19484" s="367"/>
      <c r="D19484" s="367"/>
      <c r="E19484" s="367"/>
      <c r="F19484" s="360"/>
      <c r="G19484" s="360"/>
      <c r="H19484" s="360"/>
      <c r="I19484" s="360"/>
      <c r="J19484" s="365"/>
      <c r="K19484" s="365"/>
      <c r="L19484" s="365"/>
    </row>
    <row r="19485" spans="2:12">
      <c r="B19485" s="367"/>
      <c r="C19485" s="367"/>
      <c r="D19485" s="367"/>
      <c r="E19485" s="367"/>
      <c r="F19485" s="359" t="s">
        <v>14386</v>
      </c>
      <c r="G19485" s="359" t="s">
        <v>14387</v>
      </c>
      <c r="H19485" s="359" t="s">
        <v>14370</v>
      </c>
      <c r="I19485" s="359" t="s">
        <v>14387</v>
      </c>
      <c r="J19485" s="365"/>
      <c r="K19485" s="365"/>
      <c r="L19485" s="365"/>
    </row>
    <row r="19486" spans="2:12">
      <c r="B19486" s="367"/>
      <c r="C19486" s="367"/>
      <c r="D19486" s="367"/>
      <c r="E19486" s="367"/>
      <c r="F19486" s="360"/>
      <c r="G19486" s="360"/>
      <c r="H19486" s="360"/>
      <c r="I19486" s="360"/>
      <c r="J19486" s="365"/>
      <c r="K19486" s="365"/>
      <c r="L19486" s="365"/>
    </row>
    <row r="19487" spans="2:12">
      <c r="B19487" s="367"/>
      <c r="C19487" s="367"/>
      <c r="D19487" s="367"/>
      <c r="E19487" s="367"/>
      <c r="F19487" s="359" t="s">
        <v>14371</v>
      </c>
      <c r="G19487" s="359" t="s">
        <v>14372</v>
      </c>
      <c r="H19487" s="359" t="s">
        <v>14332</v>
      </c>
      <c r="I19487" s="359" t="s">
        <v>14373</v>
      </c>
      <c r="J19487" s="365"/>
      <c r="K19487" s="365"/>
      <c r="L19487" s="365"/>
    </row>
    <row r="19488" spans="2:12">
      <c r="B19488" s="367"/>
      <c r="C19488" s="367"/>
      <c r="D19488" s="367"/>
      <c r="E19488" s="367"/>
      <c r="F19488" s="360"/>
      <c r="G19488" s="360"/>
      <c r="H19488" s="360"/>
      <c r="I19488" s="360"/>
      <c r="J19488" s="365"/>
      <c r="K19488" s="365"/>
      <c r="L19488" s="365"/>
    </row>
    <row r="19489" spans="2:12" ht="28.5">
      <c r="B19489" s="368"/>
      <c r="C19489" s="368"/>
      <c r="D19489" s="368"/>
      <c r="E19489" s="368"/>
      <c r="F19489" s="361" t="s">
        <v>14374</v>
      </c>
      <c r="G19489" s="361" t="s">
        <v>14373</v>
      </c>
      <c r="H19489" s="362"/>
      <c r="I19489" s="362"/>
      <c r="J19489" s="366"/>
      <c r="K19489" s="366"/>
      <c r="L19489" s="366"/>
    </row>
    <row r="19490" spans="2:12">
      <c r="B19490" s="358" t="s">
        <v>24453</v>
      </c>
      <c r="C19490" s="358" t="s">
        <v>24454</v>
      </c>
      <c r="D19490" s="358" t="s">
        <v>24455</v>
      </c>
      <c r="E19490" s="358" t="s">
        <v>24456</v>
      </c>
      <c r="F19490" s="358" t="s">
        <v>14443</v>
      </c>
      <c r="G19490" s="358" t="s">
        <v>14444</v>
      </c>
      <c r="H19490" s="358" t="s">
        <v>14381</v>
      </c>
      <c r="I19490" s="358" t="s">
        <v>14444</v>
      </c>
      <c r="J19490" s="358"/>
      <c r="K19490" s="358"/>
      <c r="L19490" s="358"/>
    </row>
    <row r="19491" spans="2:12">
      <c r="B19491" s="367"/>
      <c r="C19491" s="367"/>
      <c r="D19491" s="367"/>
      <c r="E19491" s="367"/>
      <c r="F19491" s="360"/>
      <c r="G19491" s="360"/>
      <c r="H19491" s="360"/>
      <c r="I19491" s="360"/>
      <c r="J19491" s="365"/>
      <c r="K19491" s="365"/>
      <c r="L19491" s="365"/>
    </row>
    <row r="19492" spans="2:12">
      <c r="B19492" s="367"/>
      <c r="C19492" s="367"/>
      <c r="D19492" s="367"/>
      <c r="E19492" s="367"/>
      <c r="F19492" s="359" t="s">
        <v>14426</v>
      </c>
      <c r="G19492" s="359" t="s">
        <v>14427</v>
      </c>
      <c r="H19492" s="359" t="s">
        <v>14341</v>
      </c>
      <c r="I19492" s="359" t="s">
        <v>14427</v>
      </c>
      <c r="J19492" s="365"/>
      <c r="K19492" s="365"/>
      <c r="L19492" s="365"/>
    </row>
    <row r="19493" spans="2:12">
      <c r="B19493" s="367"/>
      <c r="C19493" s="367"/>
      <c r="D19493" s="367"/>
      <c r="E19493" s="367"/>
      <c r="F19493" s="360"/>
      <c r="G19493" s="360"/>
      <c r="H19493" s="360"/>
      <c r="I19493" s="360"/>
      <c r="J19493" s="365"/>
      <c r="K19493" s="365"/>
      <c r="L19493" s="365"/>
    </row>
    <row r="19494" spans="2:12">
      <c r="B19494" s="367"/>
      <c r="C19494" s="367"/>
      <c r="D19494" s="367"/>
      <c r="E19494" s="367"/>
      <c r="F19494" s="359" t="s">
        <v>14420</v>
      </c>
      <c r="G19494" s="359" t="s">
        <v>14429</v>
      </c>
      <c r="H19494" s="359" t="s">
        <v>14367</v>
      </c>
      <c r="I19494" s="359" t="s">
        <v>14429</v>
      </c>
      <c r="J19494" s="365"/>
      <c r="K19494" s="365"/>
      <c r="L19494" s="365"/>
    </row>
    <row r="19495" spans="2:12">
      <c r="B19495" s="367"/>
      <c r="C19495" s="367"/>
      <c r="D19495" s="367"/>
      <c r="E19495" s="367"/>
      <c r="F19495" s="360"/>
      <c r="G19495" s="360"/>
      <c r="H19495" s="360"/>
      <c r="I19495" s="360"/>
      <c r="J19495" s="365"/>
      <c r="K19495" s="365"/>
      <c r="L19495" s="365"/>
    </row>
    <row r="19496" spans="2:12">
      <c r="B19496" s="367"/>
      <c r="C19496" s="367"/>
      <c r="D19496" s="367"/>
      <c r="E19496" s="367"/>
      <c r="F19496" s="359" t="s">
        <v>14389</v>
      </c>
      <c r="G19496" s="359" t="s">
        <v>14390</v>
      </c>
      <c r="H19496" s="359" t="s">
        <v>14332</v>
      </c>
      <c r="I19496" s="359" t="s">
        <v>14390</v>
      </c>
      <c r="J19496" s="365"/>
      <c r="K19496" s="365"/>
      <c r="L19496" s="365"/>
    </row>
    <row r="19497" spans="2:12">
      <c r="B19497" s="367"/>
      <c r="C19497" s="367"/>
      <c r="D19497" s="367"/>
      <c r="E19497" s="367"/>
      <c r="F19497" s="360"/>
      <c r="G19497" s="360"/>
      <c r="H19497" s="360"/>
      <c r="I19497" s="360"/>
      <c r="J19497" s="365"/>
      <c r="K19497" s="365"/>
      <c r="L19497" s="365"/>
    </row>
    <row r="19498" spans="2:12">
      <c r="B19498" s="367"/>
      <c r="C19498" s="367"/>
      <c r="D19498" s="367"/>
      <c r="E19498" s="367"/>
      <c r="F19498" s="359" t="s">
        <v>14430</v>
      </c>
      <c r="G19498" s="359" t="s">
        <v>14431</v>
      </c>
      <c r="H19498" s="360"/>
      <c r="I19498" s="359" t="s">
        <v>14431</v>
      </c>
      <c r="J19498" s="365"/>
      <c r="K19498" s="365"/>
      <c r="L19498" s="365"/>
    </row>
    <row r="19499" spans="2:12">
      <c r="B19499" s="367"/>
      <c r="C19499" s="367"/>
      <c r="D19499" s="367"/>
      <c r="E19499" s="367"/>
      <c r="F19499" s="360"/>
      <c r="G19499" s="360"/>
      <c r="H19499" s="360"/>
      <c r="I19499" s="360"/>
      <c r="J19499" s="365"/>
      <c r="K19499" s="365"/>
      <c r="L19499" s="365"/>
    </row>
    <row r="19500" spans="2:12" ht="28.5">
      <c r="B19500" s="368"/>
      <c r="C19500" s="368"/>
      <c r="D19500" s="368"/>
      <c r="E19500" s="368"/>
      <c r="F19500" s="361" t="s">
        <v>14472</v>
      </c>
      <c r="G19500" s="361" t="s">
        <v>14473</v>
      </c>
      <c r="H19500" s="362"/>
      <c r="I19500" s="361" t="s">
        <v>14473</v>
      </c>
      <c r="J19500" s="366"/>
      <c r="K19500" s="366"/>
      <c r="L19500" s="366"/>
    </row>
    <row r="19501" spans="2:12" ht="71.25">
      <c r="B19501" s="358" t="s">
        <v>24457</v>
      </c>
      <c r="C19501" s="358" t="s">
        <v>30440</v>
      </c>
      <c r="D19501" s="358" t="s">
        <v>24458</v>
      </c>
      <c r="E19501" s="358" t="s">
        <v>8356</v>
      </c>
      <c r="F19501" s="358" t="s">
        <v>14460</v>
      </c>
      <c r="G19501" s="358" t="s">
        <v>14519</v>
      </c>
      <c r="H19501" s="358" t="s">
        <v>14381</v>
      </c>
      <c r="I19501" s="358" t="s">
        <v>14519</v>
      </c>
      <c r="J19501" s="358"/>
      <c r="K19501" s="358"/>
      <c r="L19501" s="358"/>
    </row>
    <row r="19502" spans="2:12">
      <c r="B19502" s="367"/>
      <c r="C19502" s="367"/>
      <c r="D19502" s="367"/>
      <c r="E19502" s="367"/>
      <c r="F19502" s="360"/>
      <c r="G19502" s="360"/>
      <c r="H19502" s="360"/>
      <c r="I19502" s="360"/>
      <c r="J19502" s="365"/>
      <c r="K19502" s="365"/>
      <c r="L19502" s="365"/>
    </row>
    <row r="19503" spans="2:12">
      <c r="B19503" s="367"/>
      <c r="C19503" s="367"/>
      <c r="D19503" s="367"/>
      <c r="E19503" s="367"/>
      <c r="F19503" s="359" t="s">
        <v>14371</v>
      </c>
      <c r="G19503" s="359" t="s">
        <v>14372</v>
      </c>
      <c r="H19503" s="359" t="s">
        <v>14370</v>
      </c>
      <c r="I19503" s="359" t="s">
        <v>14373</v>
      </c>
      <c r="J19503" s="365"/>
      <c r="K19503" s="365"/>
      <c r="L19503" s="365"/>
    </row>
    <row r="19504" spans="2:12">
      <c r="B19504" s="367"/>
      <c r="C19504" s="367"/>
      <c r="D19504" s="367"/>
      <c r="E19504" s="367"/>
      <c r="F19504" s="360"/>
      <c r="G19504" s="360"/>
      <c r="H19504" s="360"/>
      <c r="I19504" s="360"/>
      <c r="J19504" s="365"/>
      <c r="K19504" s="365"/>
      <c r="L19504" s="365"/>
    </row>
    <row r="19505" spans="2:12" ht="28.5">
      <c r="B19505" s="368"/>
      <c r="C19505" s="368"/>
      <c r="D19505" s="368"/>
      <c r="E19505" s="368"/>
      <c r="F19505" s="361" t="s">
        <v>14374</v>
      </c>
      <c r="G19505" s="361" t="s">
        <v>14373</v>
      </c>
      <c r="H19505" s="361" t="s">
        <v>14422</v>
      </c>
      <c r="I19505" s="362"/>
      <c r="J19505" s="366"/>
      <c r="K19505" s="366"/>
      <c r="L19505" s="366"/>
    </row>
    <row r="19506" spans="2:12" ht="28.5">
      <c r="B19506" s="358" t="s">
        <v>24459</v>
      </c>
      <c r="C19506" s="358" t="s">
        <v>24460</v>
      </c>
      <c r="D19506" s="358" t="s">
        <v>24461</v>
      </c>
      <c r="E19506" s="358" t="s">
        <v>8356</v>
      </c>
      <c r="F19506" s="358" t="s">
        <v>14386</v>
      </c>
      <c r="G19506" s="358" t="s">
        <v>14387</v>
      </c>
      <c r="H19506" s="358" t="s">
        <v>14367</v>
      </c>
      <c r="I19506" s="358" t="s">
        <v>14387</v>
      </c>
      <c r="J19506" s="358"/>
      <c r="K19506" s="358"/>
      <c r="L19506" s="358"/>
    </row>
    <row r="19507" spans="2:12">
      <c r="B19507" s="367"/>
      <c r="C19507" s="367"/>
      <c r="D19507" s="367"/>
      <c r="E19507" s="367"/>
      <c r="F19507" s="360"/>
      <c r="G19507" s="360"/>
      <c r="H19507" s="360"/>
      <c r="I19507" s="360"/>
      <c r="J19507" s="365"/>
      <c r="K19507" s="365"/>
      <c r="L19507" s="365"/>
    </row>
    <row r="19508" spans="2:12">
      <c r="B19508" s="368"/>
      <c r="C19508" s="368"/>
      <c r="D19508" s="368"/>
      <c r="E19508" s="368"/>
      <c r="F19508" s="361" t="s">
        <v>14391</v>
      </c>
      <c r="G19508" s="361" t="s">
        <v>14392</v>
      </c>
      <c r="H19508" s="361" t="s">
        <v>14422</v>
      </c>
      <c r="I19508" s="361" t="s">
        <v>14392</v>
      </c>
      <c r="J19508" s="366"/>
      <c r="K19508" s="366"/>
      <c r="L19508" s="366"/>
    </row>
    <row r="19509" spans="2:12" ht="28.5">
      <c r="B19509" s="358" t="s">
        <v>24462</v>
      </c>
      <c r="C19509" s="358" t="s">
        <v>27922</v>
      </c>
      <c r="D19509" s="358" t="s">
        <v>24463</v>
      </c>
      <c r="E19509" s="358" t="s">
        <v>24464</v>
      </c>
      <c r="F19509" s="358" t="s">
        <v>14382</v>
      </c>
      <c r="G19509" s="358" t="s">
        <v>14383</v>
      </c>
      <c r="H19509" s="358" t="s">
        <v>14378</v>
      </c>
      <c r="I19509" s="358" t="s">
        <v>14383</v>
      </c>
      <c r="J19509" s="358"/>
      <c r="K19509" s="358"/>
      <c r="L19509" s="358"/>
    </row>
    <row r="19510" spans="2:12">
      <c r="B19510" s="367"/>
      <c r="C19510" s="367"/>
      <c r="D19510" s="367"/>
      <c r="E19510" s="367"/>
      <c r="F19510" s="360"/>
      <c r="G19510" s="360"/>
      <c r="H19510" s="360"/>
      <c r="I19510" s="360"/>
      <c r="J19510" s="365"/>
      <c r="K19510" s="365"/>
      <c r="L19510" s="365"/>
    </row>
    <row r="19511" spans="2:12">
      <c r="B19511" s="367"/>
      <c r="C19511" s="367"/>
      <c r="D19511" s="367"/>
      <c r="E19511" s="367"/>
      <c r="F19511" s="359" t="s">
        <v>14430</v>
      </c>
      <c r="G19511" s="359" t="s">
        <v>14431</v>
      </c>
      <c r="H19511" s="359" t="s">
        <v>14341</v>
      </c>
      <c r="I19511" s="359" t="s">
        <v>14431</v>
      </c>
      <c r="J19511" s="365"/>
      <c r="K19511" s="365"/>
      <c r="L19511" s="365"/>
    </row>
    <row r="19512" spans="2:12">
      <c r="B19512" s="367"/>
      <c r="C19512" s="367"/>
      <c r="D19512" s="367"/>
      <c r="E19512" s="367"/>
      <c r="F19512" s="360"/>
      <c r="G19512" s="360"/>
      <c r="H19512" s="360"/>
      <c r="I19512" s="360"/>
      <c r="J19512" s="365"/>
      <c r="K19512" s="365"/>
      <c r="L19512" s="365"/>
    </row>
    <row r="19513" spans="2:12">
      <c r="B19513" s="367"/>
      <c r="C19513" s="367"/>
      <c r="D19513" s="367"/>
      <c r="E19513" s="367"/>
      <c r="F19513" s="359" t="s">
        <v>14391</v>
      </c>
      <c r="G19513" s="359" t="s">
        <v>14392</v>
      </c>
      <c r="H19513" s="359" t="s">
        <v>14370</v>
      </c>
      <c r="I19513" s="359" t="s">
        <v>14392</v>
      </c>
      <c r="J19513" s="365"/>
      <c r="K19513" s="365"/>
      <c r="L19513" s="365"/>
    </row>
    <row r="19514" spans="2:12">
      <c r="B19514" s="367"/>
      <c r="C19514" s="367"/>
      <c r="D19514" s="367"/>
      <c r="E19514" s="367"/>
      <c r="F19514" s="360"/>
      <c r="G19514" s="360"/>
      <c r="H19514" s="360"/>
      <c r="I19514" s="360"/>
      <c r="J19514" s="365"/>
      <c r="K19514" s="365"/>
      <c r="L19514" s="365"/>
    </row>
    <row r="19515" spans="2:12">
      <c r="B19515" s="367"/>
      <c r="C19515" s="367"/>
      <c r="D19515" s="367"/>
      <c r="E19515" s="367"/>
      <c r="F19515" s="359" t="s">
        <v>14371</v>
      </c>
      <c r="G19515" s="359" t="s">
        <v>14372</v>
      </c>
      <c r="H19515" s="359" t="s">
        <v>14332</v>
      </c>
      <c r="I19515" s="359" t="s">
        <v>14373</v>
      </c>
      <c r="J19515" s="365"/>
      <c r="K19515" s="365"/>
      <c r="L19515" s="365"/>
    </row>
    <row r="19516" spans="2:12">
      <c r="B19516" s="367"/>
      <c r="C19516" s="367"/>
      <c r="D19516" s="367"/>
      <c r="E19516" s="367"/>
      <c r="F19516" s="360"/>
      <c r="G19516" s="360"/>
      <c r="H19516" s="360"/>
      <c r="I19516" s="360"/>
      <c r="J19516" s="365"/>
      <c r="K19516" s="365"/>
      <c r="L19516" s="365"/>
    </row>
    <row r="19517" spans="2:12" ht="28.5">
      <c r="B19517" s="368"/>
      <c r="C19517" s="368"/>
      <c r="D19517" s="368"/>
      <c r="E19517" s="368"/>
      <c r="F19517" s="361" t="s">
        <v>14374</v>
      </c>
      <c r="G19517" s="361" t="s">
        <v>14373</v>
      </c>
      <c r="H19517" s="362"/>
      <c r="I19517" s="362"/>
      <c r="J19517" s="366"/>
      <c r="K19517" s="366"/>
      <c r="L19517" s="366"/>
    </row>
    <row r="19518" spans="2:12" ht="28.5">
      <c r="B19518" s="358" t="s">
        <v>24465</v>
      </c>
      <c r="C19518" s="358" t="s">
        <v>27923</v>
      </c>
      <c r="D19518" s="358" t="s">
        <v>24466</v>
      </c>
      <c r="E19518" s="358" t="s">
        <v>24467</v>
      </c>
      <c r="F19518" s="358" t="s">
        <v>14386</v>
      </c>
      <c r="G19518" s="358" t="s">
        <v>14387</v>
      </c>
      <c r="H19518" s="358" t="s">
        <v>14367</v>
      </c>
      <c r="I19518" s="358" t="s">
        <v>14387</v>
      </c>
      <c r="J19518" s="358"/>
      <c r="K19518" s="358"/>
      <c r="L19518" s="358"/>
    </row>
    <row r="19519" spans="2:12">
      <c r="B19519" s="367"/>
      <c r="C19519" s="367"/>
      <c r="D19519" s="367"/>
      <c r="E19519" s="367"/>
      <c r="F19519" s="360"/>
      <c r="G19519" s="360"/>
      <c r="H19519" s="360"/>
      <c r="I19519" s="360"/>
      <c r="J19519" s="365"/>
      <c r="K19519" s="365"/>
      <c r="L19519" s="365"/>
    </row>
    <row r="19520" spans="2:12">
      <c r="B19520" s="367"/>
      <c r="C19520" s="367"/>
      <c r="D19520" s="367"/>
      <c r="E19520" s="367"/>
      <c r="F19520" s="359" t="s">
        <v>14391</v>
      </c>
      <c r="G19520" s="359" t="s">
        <v>14392</v>
      </c>
      <c r="H19520" s="359" t="s">
        <v>14370</v>
      </c>
      <c r="I19520" s="359" t="s">
        <v>14392</v>
      </c>
      <c r="J19520" s="365"/>
      <c r="K19520" s="365"/>
      <c r="L19520" s="365"/>
    </row>
    <row r="19521" spans="2:12">
      <c r="B19521" s="367"/>
      <c r="C19521" s="367"/>
      <c r="D19521" s="367"/>
      <c r="E19521" s="367"/>
      <c r="F19521" s="360"/>
      <c r="G19521" s="360"/>
      <c r="H19521" s="360"/>
      <c r="I19521" s="360"/>
      <c r="J19521" s="365"/>
      <c r="K19521" s="365"/>
      <c r="L19521" s="365"/>
    </row>
    <row r="19522" spans="2:12" ht="28.5">
      <c r="B19522" s="368"/>
      <c r="C19522" s="368"/>
      <c r="D19522" s="368"/>
      <c r="E19522" s="368"/>
      <c r="F19522" s="361" t="s">
        <v>14394</v>
      </c>
      <c r="G19522" s="361" t="s">
        <v>14395</v>
      </c>
      <c r="H19522" s="361" t="s">
        <v>14422</v>
      </c>
      <c r="I19522" s="361" t="s">
        <v>14395</v>
      </c>
      <c r="J19522" s="366"/>
      <c r="K19522" s="366"/>
      <c r="L19522" s="366"/>
    </row>
    <row r="19523" spans="2:12" ht="42.75">
      <c r="B19523" s="358" t="s">
        <v>24468</v>
      </c>
      <c r="C19523" s="358" t="s">
        <v>24469</v>
      </c>
      <c r="D19523" s="358" t="s">
        <v>24470</v>
      </c>
      <c r="E19523" s="358" t="s">
        <v>8356</v>
      </c>
      <c r="F19523" s="358" t="s">
        <v>14391</v>
      </c>
      <c r="G19523" s="358" t="s">
        <v>14392</v>
      </c>
      <c r="H19523" s="358" t="s">
        <v>14367</v>
      </c>
      <c r="I19523" s="358" t="s">
        <v>14392</v>
      </c>
      <c r="J19523" s="358"/>
      <c r="K19523" s="358"/>
      <c r="L19523" s="358"/>
    </row>
    <row r="19524" spans="2:12">
      <c r="B19524" s="367"/>
      <c r="C19524" s="367"/>
      <c r="D19524" s="367"/>
      <c r="E19524" s="367"/>
      <c r="F19524" s="367"/>
      <c r="G19524" s="367"/>
      <c r="H19524" s="360"/>
      <c r="I19524" s="367"/>
      <c r="J19524" s="365"/>
      <c r="K19524" s="365"/>
      <c r="L19524" s="365"/>
    </row>
    <row r="19525" spans="2:12">
      <c r="B19525" s="368"/>
      <c r="C19525" s="368"/>
      <c r="D19525" s="368"/>
      <c r="E19525" s="368"/>
      <c r="F19525" s="368"/>
      <c r="G19525" s="368"/>
      <c r="H19525" s="361" t="s">
        <v>14422</v>
      </c>
      <c r="I19525" s="368"/>
      <c r="J19525" s="366"/>
      <c r="K19525" s="366"/>
      <c r="L19525" s="366"/>
    </row>
    <row r="19526" spans="2:12" ht="28.5">
      <c r="B19526" s="358" t="s">
        <v>24471</v>
      </c>
      <c r="C19526" s="358" t="s">
        <v>29665</v>
      </c>
      <c r="D19526" s="358" t="s">
        <v>24472</v>
      </c>
      <c r="E19526" s="358" t="s">
        <v>24473</v>
      </c>
      <c r="F19526" s="358" t="s">
        <v>14420</v>
      </c>
      <c r="G19526" s="358" t="s">
        <v>14429</v>
      </c>
      <c r="H19526" s="358" t="s">
        <v>14341</v>
      </c>
      <c r="I19526" s="358" t="s">
        <v>14429</v>
      </c>
      <c r="J19526" s="358"/>
      <c r="K19526" s="358"/>
      <c r="L19526" s="358"/>
    </row>
    <row r="19527" spans="2:12">
      <c r="B19527" s="367"/>
      <c r="C19527" s="367"/>
      <c r="D19527" s="367"/>
      <c r="E19527" s="367"/>
      <c r="F19527" s="360"/>
      <c r="G19527" s="360"/>
      <c r="H19527" s="360"/>
      <c r="I19527" s="360"/>
      <c r="J19527" s="365"/>
      <c r="K19527" s="365"/>
      <c r="L19527" s="365"/>
    </row>
    <row r="19528" spans="2:12">
      <c r="B19528" s="367"/>
      <c r="C19528" s="367"/>
      <c r="D19528" s="367"/>
      <c r="E19528" s="367"/>
      <c r="F19528" s="359" t="s">
        <v>14430</v>
      </c>
      <c r="G19528" s="359" t="s">
        <v>14431</v>
      </c>
      <c r="H19528" s="359" t="s">
        <v>14367</v>
      </c>
      <c r="I19528" s="359" t="s">
        <v>14431</v>
      </c>
      <c r="J19528" s="365"/>
      <c r="K19528" s="365"/>
      <c r="L19528" s="365"/>
    </row>
    <row r="19529" spans="2:12">
      <c r="B19529" s="367"/>
      <c r="C19529" s="367"/>
      <c r="D19529" s="367"/>
      <c r="E19529" s="367"/>
      <c r="F19529" s="360"/>
      <c r="G19529" s="360"/>
      <c r="H19529" s="360"/>
      <c r="I19529" s="360"/>
      <c r="J19529" s="365"/>
      <c r="K19529" s="365"/>
      <c r="L19529" s="365"/>
    </row>
    <row r="19530" spans="2:12">
      <c r="B19530" s="367"/>
      <c r="C19530" s="367"/>
      <c r="D19530" s="367"/>
      <c r="E19530" s="367"/>
      <c r="F19530" s="359" t="s">
        <v>14391</v>
      </c>
      <c r="G19530" s="359" t="s">
        <v>14392</v>
      </c>
      <c r="H19530" s="359" t="s">
        <v>14370</v>
      </c>
      <c r="I19530" s="359" t="s">
        <v>14392</v>
      </c>
      <c r="J19530" s="365"/>
      <c r="K19530" s="365"/>
      <c r="L19530" s="365"/>
    </row>
    <row r="19531" spans="2:12">
      <c r="B19531" s="367"/>
      <c r="C19531" s="367"/>
      <c r="D19531" s="367"/>
      <c r="E19531" s="367"/>
      <c r="F19531" s="360"/>
      <c r="G19531" s="360"/>
      <c r="H19531" s="360"/>
      <c r="I19531" s="360"/>
      <c r="J19531" s="365"/>
      <c r="K19531" s="365"/>
      <c r="L19531" s="365"/>
    </row>
    <row r="19532" spans="2:12" ht="28.5">
      <c r="B19532" s="368"/>
      <c r="C19532" s="368"/>
      <c r="D19532" s="368"/>
      <c r="E19532" s="368"/>
      <c r="F19532" s="361" t="s">
        <v>14394</v>
      </c>
      <c r="G19532" s="361" t="s">
        <v>14395</v>
      </c>
      <c r="H19532" s="361" t="s">
        <v>14332</v>
      </c>
      <c r="I19532" s="361" t="s">
        <v>14395</v>
      </c>
      <c r="J19532" s="366"/>
      <c r="K19532" s="366"/>
      <c r="L19532" s="366"/>
    </row>
    <row r="19533" spans="2:12" ht="28.5">
      <c r="B19533" s="358" t="s">
        <v>24474</v>
      </c>
      <c r="C19533" s="358" t="s">
        <v>27924</v>
      </c>
      <c r="D19533" s="358" t="s">
        <v>24475</v>
      </c>
      <c r="E19533" s="358" t="s">
        <v>24476</v>
      </c>
      <c r="F19533" s="358" t="s">
        <v>14391</v>
      </c>
      <c r="G19533" s="358" t="s">
        <v>14392</v>
      </c>
      <c r="H19533" s="358" t="s">
        <v>14367</v>
      </c>
      <c r="I19533" s="358" t="s">
        <v>14392</v>
      </c>
      <c r="J19533" s="358"/>
      <c r="K19533" s="358"/>
      <c r="L19533" s="358"/>
    </row>
    <row r="19534" spans="2:12">
      <c r="B19534" s="367"/>
      <c r="C19534" s="367"/>
      <c r="D19534" s="367"/>
      <c r="E19534" s="367"/>
      <c r="F19534" s="360"/>
      <c r="G19534" s="360"/>
      <c r="H19534" s="360"/>
      <c r="I19534" s="360"/>
      <c r="J19534" s="365"/>
      <c r="K19534" s="365"/>
      <c r="L19534" s="365"/>
    </row>
    <row r="19535" spans="2:12">
      <c r="B19535" s="367"/>
      <c r="C19535" s="367"/>
      <c r="D19535" s="367"/>
      <c r="E19535" s="367"/>
      <c r="F19535" s="359" t="s">
        <v>14371</v>
      </c>
      <c r="G19535" s="359" t="s">
        <v>14372</v>
      </c>
      <c r="H19535" s="359" t="s">
        <v>14370</v>
      </c>
      <c r="I19535" s="359" t="s">
        <v>14373</v>
      </c>
      <c r="J19535" s="365"/>
      <c r="K19535" s="365"/>
      <c r="L19535" s="365"/>
    </row>
    <row r="19536" spans="2:12">
      <c r="B19536" s="367"/>
      <c r="C19536" s="367"/>
      <c r="D19536" s="367"/>
      <c r="E19536" s="367"/>
      <c r="F19536" s="360"/>
      <c r="G19536" s="360"/>
      <c r="H19536" s="360"/>
      <c r="I19536" s="360"/>
      <c r="J19536" s="365"/>
      <c r="K19536" s="365"/>
      <c r="L19536" s="365"/>
    </row>
    <row r="19537" spans="2:12" ht="28.5">
      <c r="B19537" s="368"/>
      <c r="C19537" s="368"/>
      <c r="D19537" s="368"/>
      <c r="E19537" s="368"/>
      <c r="F19537" s="361" t="s">
        <v>14374</v>
      </c>
      <c r="G19537" s="361" t="s">
        <v>14373</v>
      </c>
      <c r="H19537" s="361" t="s">
        <v>14422</v>
      </c>
      <c r="I19537" s="362"/>
      <c r="J19537" s="366"/>
      <c r="K19537" s="366"/>
      <c r="L19537" s="366"/>
    </row>
    <row r="19538" spans="2:12" ht="42.75">
      <c r="B19538" s="358" t="s">
        <v>24477</v>
      </c>
      <c r="C19538" s="358" t="s">
        <v>24478</v>
      </c>
      <c r="D19538" s="358" t="s">
        <v>24479</v>
      </c>
      <c r="E19538" s="358" t="s">
        <v>24480</v>
      </c>
      <c r="F19538" s="358" t="s">
        <v>14420</v>
      </c>
      <c r="G19538" s="358" t="s">
        <v>14429</v>
      </c>
      <c r="H19538" s="358" t="s">
        <v>14367</v>
      </c>
      <c r="I19538" s="358" t="s">
        <v>14429</v>
      </c>
      <c r="J19538" s="358"/>
      <c r="K19538" s="358"/>
      <c r="L19538" s="358"/>
    </row>
    <row r="19539" spans="2:12">
      <c r="B19539" s="367"/>
      <c r="C19539" s="367"/>
      <c r="D19539" s="367"/>
      <c r="E19539" s="367"/>
      <c r="F19539" s="360"/>
      <c r="G19539" s="360"/>
      <c r="H19539" s="360"/>
      <c r="I19539" s="360"/>
      <c r="J19539" s="365"/>
      <c r="K19539" s="365"/>
      <c r="L19539" s="365"/>
    </row>
    <row r="19540" spans="2:12">
      <c r="B19540" s="368"/>
      <c r="C19540" s="368"/>
      <c r="D19540" s="368"/>
      <c r="E19540" s="368"/>
      <c r="F19540" s="361" t="s">
        <v>14391</v>
      </c>
      <c r="G19540" s="361" t="s">
        <v>14392</v>
      </c>
      <c r="H19540" s="361" t="s">
        <v>14422</v>
      </c>
      <c r="I19540" s="361" t="s">
        <v>14392</v>
      </c>
      <c r="J19540" s="366"/>
      <c r="K19540" s="366"/>
      <c r="L19540" s="366"/>
    </row>
    <row r="19541" spans="2:12" ht="28.5">
      <c r="B19541" s="358" t="s">
        <v>13229</v>
      </c>
      <c r="C19541" s="358" t="s">
        <v>182</v>
      </c>
      <c r="D19541" s="358" t="s">
        <v>183</v>
      </c>
      <c r="E19541" s="358" t="s">
        <v>184</v>
      </c>
      <c r="F19541" s="358" t="s">
        <v>14424</v>
      </c>
      <c r="G19541" s="358" t="s">
        <v>29666</v>
      </c>
      <c r="H19541" s="358" t="s">
        <v>14381</v>
      </c>
      <c r="I19541" s="358" t="s">
        <v>29666</v>
      </c>
      <c r="J19541" s="358"/>
      <c r="K19541" s="358"/>
      <c r="L19541" s="358"/>
    </row>
    <row r="19542" spans="2:12">
      <c r="B19542" s="367"/>
      <c r="C19542" s="367"/>
      <c r="D19542" s="367"/>
      <c r="E19542" s="367"/>
      <c r="F19542" s="360"/>
      <c r="G19542" s="360"/>
      <c r="H19542" s="360"/>
      <c r="I19542" s="360"/>
      <c r="J19542" s="365"/>
      <c r="K19542" s="365"/>
      <c r="L19542" s="365"/>
    </row>
    <row r="19543" spans="2:12">
      <c r="B19543" s="367"/>
      <c r="C19543" s="367"/>
      <c r="D19543" s="367"/>
      <c r="E19543" s="367"/>
      <c r="F19543" s="359" t="s">
        <v>14356</v>
      </c>
      <c r="G19543" s="359" t="s">
        <v>14372</v>
      </c>
      <c r="H19543" s="359" t="s">
        <v>14341</v>
      </c>
      <c r="I19543" s="359" t="s">
        <v>14373</v>
      </c>
      <c r="J19543" s="365"/>
      <c r="K19543" s="365"/>
      <c r="L19543" s="365"/>
    </row>
    <row r="19544" spans="2:12">
      <c r="B19544" s="367"/>
      <c r="C19544" s="367"/>
      <c r="D19544" s="367"/>
      <c r="E19544" s="367"/>
      <c r="F19544" s="360"/>
      <c r="G19544" s="360"/>
      <c r="H19544" s="360"/>
      <c r="I19544" s="360"/>
      <c r="J19544" s="365"/>
      <c r="K19544" s="365"/>
      <c r="L19544" s="365"/>
    </row>
    <row r="19545" spans="2:12">
      <c r="B19545" s="367"/>
      <c r="C19545" s="367"/>
      <c r="D19545" s="367"/>
      <c r="E19545" s="367"/>
      <c r="F19545" s="359" t="s">
        <v>14371</v>
      </c>
      <c r="G19545" s="359" t="s">
        <v>14373</v>
      </c>
      <c r="H19545" s="359" t="s">
        <v>14370</v>
      </c>
      <c r="I19545" s="360"/>
      <c r="J19545" s="365"/>
      <c r="K19545" s="365"/>
      <c r="L19545" s="365"/>
    </row>
    <row r="19546" spans="2:12">
      <c r="B19546" s="367"/>
      <c r="C19546" s="367"/>
      <c r="D19546" s="367"/>
      <c r="E19546" s="367"/>
      <c r="F19546" s="360"/>
      <c r="G19546" s="360"/>
      <c r="H19546" s="360"/>
      <c r="I19546" s="360"/>
      <c r="J19546" s="365"/>
      <c r="K19546" s="365"/>
      <c r="L19546" s="365"/>
    </row>
    <row r="19547" spans="2:12" ht="28.5">
      <c r="B19547" s="368"/>
      <c r="C19547" s="368"/>
      <c r="D19547" s="368"/>
      <c r="E19547" s="368"/>
      <c r="F19547" s="361" t="s">
        <v>14374</v>
      </c>
      <c r="G19547" s="362"/>
      <c r="H19547" s="361" t="s">
        <v>14332</v>
      </c>
      <c r="I19547" s="362"/>
      <c r="J19547" s="366"/>
      <c r="K19547" s="366"/>
      <c r="L19547" s="366"/>
    </row>
    <row r="19548" spans="2:12" ht="28.5">
      <c r="B19548" s="358" t="s">
        <v>24481</v>
      </c>
      <c r="C19548" s="358" t="s">
        <v>27925</v>
      </c>
      <c r="D19548" s="358" t="s">
        <v>24482</v>
      </c>
      <c r="E19548" s="358" t="s">
        <v>24483</v>
      </c>
      <c r="F19548" s="358" t="s">
        <v>14391</v>
      </c>
      <c r="G19548" s="358" t="s">
        <v>14392</v>
      </c>
      <c r="H19548" s="358" t="s">
        <v>14367</v>
      </c>
      <c r="I19548" s="358" t="s">
        <v>14392</v>
      </c>
      <c r="J19548" s="358"/>
      <c r="K19548" s="358"/>
      <c r="L19548" s="358"/>
    </row>
    <row r="19549" spans="2:12">
      <c r="B19549" s="367"/>
      <c r="C19549" s="367"/>
      <c r="D19549" s="367"/>
      <c r="E19549" s="367"/>
      <c r="F19549" s="360"/>
      <c r="G19549" s="360"/>
      <c r="H19549" s="360"/>
      <c r="I19549" s="360"/>
      <c r="J19549" s="365"/>
      <c r="K19549" s="365"/>
      <c r="L19549" s="365"/>
    </row>
    <row r="19550" spans="2:12" ht="28.5">
      <c r="B19550" s="368"/>
      <c r="C19550" s="368"/>
      <c r="D19550" s="368"/>
      <c r="E19550" s="368"/>
      <c r="F19550" s="361" t="s">
        <v>14472</v>
      </c>
      <c r="G19550" s="361" t="s">
        <v>14473</v>
      </c>
      <c r="H19550" s="361" t="s">
        <v>14422</v>
      </c>
      <c r="I19550" s="361" t="s">
        <v>14473</v>
      </c>
      <c r="J19550" s="366"/>
      <c r="K19550" s="366"/>
      <c r="L19550" s="366"/>
    </row>
    <row r="19551" spans="2:12" ht="57">
      <c r="B19551" s="358" t="s">
        <v>24484</v>
      </c>
      <c r="C19551" s="358" t="s">
        <v>24485</v>
      </c>
      <c r="D19551" s="358" t="s">
        <v>24486</v>
      </c>
      <c r="E19551" s="358" t="s">
        <v>8356</v>
      </c>
      <c r="F19551" s="358" t="s">
        <v>14394</v>
      </c>
      <c r="G19551" s="358" t="s">
        <v>14395</v>
      </c>
      <c r="H19551" s="358" t="s">
        <v>14370</v>
      </c>
      <c r="I19551" s="358" t="s">
        <v>14395</v>
      </c>
      <c r="J19551" s="358"/>
      <c r="K19551" s="358"/>
      <c r="L19551" s="358"/>
    </row>
    <row r="19552" spans="2:12">
      <c r="B19552" s="368"/>
      <c r="C19552" s="368"/>
      <c r="D19552" s="368"/>
      <c r="E19552" s="368"/>
      <c r="F19552" s="368"/>
      <c r="G19552" s="368"/>
      <c r="H19552" s="368"/>
      <c r="I19552" s="368"/>
      <c r="J19552" s="366"/>
      <c r="K19552" s="366"/>
      <c r="L19552" s="366"/>
    </row>
    <row r="19553" spans="2:12" ht="71.25">
      <c r="B19553" s="358" t="s">
        <v>24487</v>
      </c>
      <c r="C19553" s="358" t="s">
        <v>24488</v>
      </c>
      <c r="D19553" s="358" t="s">
        <v>24489</v>
      </c>
      <c r="E19553" s="358" t="s">
        <v>24490</v>
      </c>
      <c r="F19553" s="358" t="s">
        <v>14430</v>
      </c>
      <c r="G19553" s="358" t="s">
        <v>14431</v>
      </c>
      <c r="H19553" s="358" t="s">
        <v>14341</v>
      </c>
      <c r="I19553" s="358" t="s">
        <v>14431</v>
      </c>
      <c r="J19553" s="358"/>
      <c r="K19553" s="358"/>
      <c r="L19553" s="358"/>
    </row>
    <row r="19554" spans="2:12">
      <c r="B19554" s="367"/>
      <c r="C19554" s="367"/>
      <c r="D19554" s="367"/>
      <c r="E19554" s="367"/>
      <c r="F19554" s="367"/>
      <c r="G19554" s="367"/>
      <c r="H19554" s="360"/>
      <c r="I19554" s="367"/>
      <c r="J19554" s="365"/>
      <c r="K19554" s="365"/>
      <c r="L19554" s="365"/>
    </row>
    <row r="19555" spans="2:12">
      <c r="B19555" s="368"/>
      <c r="C19555" s="368"/>
      <c r="D19555" s="368"/>
      <c r="E19555" s="368"/>
      <c r="F19555" s="368"/>
      <c r="G19555" s="368"/>
      <c r="H19555" s="361" t="s">
        <v>14332</v>
      </c>
      <c r="I19555" s="368"/>
      <c r="J19555" s="366"/>
      <c r="K19555" s="366"/>
      <c r="L19555" s="366"/>
    </row>
    <row r="19556" spans="2:12">
      <c r="B19556" s="358" t="s">
        <v>24491</v>
      </c>
      <c r="C19556" s="358" t="s">
        <v>27926</v>
      </c>
      <c r="D19556" s="358" t="s">
        <v>24492</v>
      </c>
      <c r="E19556" s="358" t="s">
        <v>24493</v>
      </c>
      <c r="F19556" s="358" t="s">
        <v>14391</v>
      </c>
      <c r="G19556" s="358" t="s">
        <v>14392</v>
      </c>
      <c r="H19556" s="358" t="s">
        <v>14367</v>
      </c>
      <c r="I19556" s="358" t="s">
        <v>14392</v>
      </c>
      <c r="J19556" s="358"/>
      <c r="K19556" s="358"/>
      <c r="L19556" s="358"/>
    </row>
    <row r="19557" spans="2:12">
      <c r="B19557" s="367"/>
      <c r="C19557" s="367"/>
      <c r="D19557" s="367"/>
      <c r="E19557" s="367"/>
      <c r="F19557" s="360"/>
      <c r="G19557" s="360"/>
      <c r="H19557" s="360"/>
      <c r="I19557" s="360"/>
      <c r="J19557" s="365"/>
      <c r="K19557" s="365"/>
      <c r="L19557" s="365"/>
    </row>
    <row r="19558" spans="2:12" ht="28.5">
      <c r="B19558" s="368"/>
      <c r="C19558" s="368"/>
      <c r="D19558" s="368"/>
      <c r="E19558" s="368"/>
      <c r="F19558" s="361" t="s">
        <v>14462</v>
      </c>
      <c r="G19558" s="361" t="s">
        <v>14463</v>
      </c>
      <c r="H19558" s="361" t="s">
        <v>14422</v>
      </c>
      <c r="I19558" s="361" t="s">
        <v>14463</v>
      </c>
      <c r="J19558" s="366"/>
      <c r="K19558" s="366"/>
      <c r="L19558" s="366"/>
    </row>
    <row r="19559" spans="2:12" ht="85.5">
      <c r="B19559" s="358" t="s">
        <v>24494</v>
      </c>
      <c r="C19559" s="358" t="s">
        <v>24495</v>
      </c>
      <c r="D19559" s="358" t="s">
        <v>24496</v>
      </c>
      <c r="E19559" s="358" t="s">
        <v>24497</v>
      </c>
      <c r="F19559" s="358" t="s">
        <v>14430</v>
      </c>
      <c r="G19559" s="358" t="s">
        <v>14431</v>
      </c>
      <c r="H19559" s="358" t="s">
        <v>14341</v>
      </c>
      <c r="I19559" s="358" t="s">
        <v>14431</v>
      </c>
      <c r="J19559" s="358"/>
      <c r="K19559" s="358"/>
      <c r="L19559" s="358"/>
    </row>
    <row r="19560" spans="2:12">
      <c r="B19560" s="367"/>
      <c r="C19560" s="367"/>
      <c r="D19560" s="367"/>
      <c r="E19560" s="367"/>
      <c r="F19560" s="367"/>
      <c r="G19560" s="367"/>
      <c r="H19560" s="360"/>
      <c r="I19560" s="367"/>
      <c r="J19560" s="365"/>
      <c r="K19560" s="365"/>
      <c r="L19560" s="365"/>
    </row>
    <row r="19561" spans="2:12">
      <c r="B19561" s="368"/>
      <c r="C19561" s="368"/>
      <c r="D19561" s="368"/>
      <c r="E19561" s="368"/>
      <c r="F19561" s="368"/>
      <c r="G19561" s="368"/>
      <c r="H19561" s="361" t="s">
        <v>14332</v>
      </c>
      <c r="I19561" s="368"/>
      <c r="J19561" s="366"/>
      <c r="K19561" s="366"/>
      <c r="L19561" s="366"/>
    </row>
    <row r="19562" spans="2:12" ht="28.5">
      <c r="B19562" s="358" t="s">
        <v>24498</v>
      </c>
      <c r="C19562" s="358" t="s">
        <v>24499</v>
      </c>
      <c r="D19562" s="358" t="s">
        <v>24500</v>
      </c>
      <c r="E19562" s="358" t="s">
        <v>24501</v>
      </c>
      <c r="F19562" s="358" t="s">
        <v>14391</v>
      </c>
      <c r="G19562" s="358" t="s">
        <v>14392</v>
      </c>
      <c r="H19562" s="358" t="s">
        <v>14367</v>
      </c>
      <c r="I19562" s="358" t="s">
        <v>14392</v>
      </c>
      <c r="J19562" s="358"/>
      <c r="K19562" s="358"/>
      <c r="L19562" s="358"/>
    </row>
    <row r="19563" spans="2:12">
      <c r="B19563" s="367"/>
      <c r="C19563" s="360"/>
      <c r="D19563" s="367"/>
      <c r="E19563" s="367"/>
      <c r="F19563" s="360"/>
      <c r="G19563" s="360"/>
      <c r="H19563" s="360"/>
      <c r="I19563" s="360"/>
      <c r="J19563" s="365"/>
      <c r="K19563" s="365"/>
      <c r="L19563" s="365"/>
    </row>
    <row r="19564" spans="2:12" ht="28.5">
      <c r="B19564" s="367"/>
      <c r="C19564" s="359" t="s">
        <v>24502</v>
      </c>
      <c r="D19564" s="367"/>
      <c r="E19564" s="367"/>
      <c r="F19564" s="359" t="s">
        <v>14394</v>
      </c>
      <c r="G19564" s="359" t="s">
        <v>14395</v>
      </c>
      <c r="H19564" s="359" t="s">
        <v>14370</v>
      </c>
      <c r="I19564" s="359" t="s">
        <v>14395</v>
      </c>
      <c r="J19564" s="365"/>
      <c r="K19564" s="365"/>
      <c r="L19564" s="365"/>
    </row>
    <row r="19565" spans="2:12">
      <c r="B19565" s="367"/>
      <c r="C19565" s="360"/>
      <c r="D19565" s="367"/>
      <c r="E19565" s="367"/>
      <c r="F19565" s="360"/>
      <c r="G19565" s="360"/>
      <c r="H19565" s="360"/>
      <c r="I19565" s="360"/>
      <c r="J19565" s="365"/>
      <c r="K19565" s="365"/>
      <c r="L19565" s="365"/>
    </row>
    <row r="19566" spans="2:12">
      <c r="B19566" s="367"/>
      <c r="C19566" s="359" t="s">
        <v>24503</v>
      </c>
      <c r="D19566" s="367"/>
      <c r="E19566" s="367"/>
      <c r="F19566" s="360"/>
      <c r="G19566" s="360"/>
      <c r="H19566" s="359" t="s">
        <v>14422</v>
      </c>
      <c r="I19566" s="360"/>
      <c r="J19566" s="365"/>
      <c r="K19566" s="365"/>
      <c r="L19566" s="365"/>
    </row>
    <row r="19567" spans="2:12">
      <c r="B19567" s="367"/>
      <c r="C19567" s="360"/>
      <c r="D19567" s="367"/>
      <c r="E19567" s="367"/>
      <c r="F19567" s="360"/>
      <c r="G19567" s="360"/>
      <c r="H19567" s="360"/>
      <c r="I19567" s="360"/>
      <c r="J19567" s="365"/>
      <c r="K19567" s="365"/>
      <c r="L19567" s="365"/>
    </row>
    <row r="19568" spans="2:12">
      <c r="B19568" s="368"/>
      <c r="C19568" s="361" t="s">
        <v>24504</v>
      </c>
      <c r="D19568" s="368"/>
      <c r="E19568" s="368"/>
      <c r="F19568" s="362"/>
      <c r="G19568" s="362"/>
      <c r="H19568" s="362"/>
      <c r="I19568" s="362"/>
      <c r="J19568" s="366"/>
      <c r="K19568" s="366"/>
      <c r="L19568" s="366"/>
    </row>
    <row r="19569" spans="2:12" ht="28.5">
      <c r="B19569" s="358" t="s">
        <v>24505</v>
      </c>
      <c r="C19569" s="358" t="s">
        <v>24506</v>
      </c>
      <c r="D19569" s="358" t="s">
        <v>24507</v>
      </c>
      <c r="E19569" s="358" t="s">
        <v>24508</v>
      </c>
      <c r="F19569" s="358" t="s">
        <v>14420</v>
      </c>
      <c r="G19569" s="358" t="s">
        <v>14429</v>
      </c>
      <c r="H19569" s="358" t="s">
        <v>14381</v>
      </c>
      <c r="I19569" s="358" t="s">
        <v>14429</v>
      </c>
      <c r="J19569" s="358"/>
      <c r="K19569" s="358"/>
      <c r="L19569" s="358"/>
    </row>
    <row r="19570" spans="2:12">
      <c r="B19570" s="367"/>
      <c r="C19570" s="367"/>
      <c r="D19570" s="367"/>
      <c r="E19570" s="367"/>
      <c r="F19570" s="360"/>
      <c r="G19570" s="360"/>
      <c r="H19570" s="360"/>
      <c r="I19570" s="360"/>
      <c r="J19570" s="365"/>
      <c r="K19570" s="365"/>
      <c r="L19570" s="365"/>
    </row>
    <row r="19571" spans="2:12">
      <c r="B19571" s="367"/>
      <c r="C19571" s="367"/>
      <c r="D19571" s="367"/>
      <c r="E19571" s="367"/>
      <c r="F19571" s="359" t="s">
        <v>14460</v>
      </c>
      <c r="G19571" s="359" t="s">
        <v>14461</v>
      </c>
      <c r="H19571" s="359" t="s">
        <v>14367</v>
      </c>
      <c r="I19571" s="359" t="s">
        <v>14461</v>
      </c>
      <c r="J19571" s="365"/>
      <c r="K19571" s="365"/>
      <c r="L19571" s="365"/>
    </row>
    <row r="19572" spans="2:12">
      <c r="B19572" s="367"/>
      <c r="C19572" s="367"/>
      <c r="D19572" s="367"/>
      <c r="E19572" s="367"/>
      <c r="F19572" s="360"/>
      <c r="G19572" s="360"/>
      <c r="H19572" s="360"/>
      <c r="I19572" s="360"/>
      <c r="J19572" s="365"/>
      <c r="K19572" s="365"/>
      <c r="L19572" s="365"/>
    </row>
    <row r="19573" spans="2:12" ht="28.5">
      <c r="B19573" s="368"/>
      <c r="C19573" s="368"/>
      <c r="D19573" s="368"/>
      <c r="E19573" s="368"/>
      <c r="F19573" s="361" t="s">
        <v>14472</v>
      </c>
      <c r="G19573" s="361" t="s">
        <v>14473</v>
      </c>
      <c r="H19573" s="361" t="s">
        <v>14422</v>
      </c>
      <c r="I19573" s="361" t="s">
        <v>14473</v>
      </c>
      <c r="J19573" s="366"/>
      <c r="K19573" s="366"/>
      <c r="L19573" s="366"/>
    </row>
    <row r="19574" spans="2:12" ht="28.5">
      <c r="B19574" s="358" t="s">
        <v>10646</v>
      </c>
      <c r="C19574" s="358" t="s">
        <v>30441</v>
      </c>
      <c r="D19574" s="358" t="s">
        <v>9</v>
      </c>
      <c r="E19574" s="358" t="s">
        <v>8356</v>
      </c>
      <c r="F19574" s="358" t="s">
        <v>14376</v>
      </c>
      <c r="G19574" s="358" t="s">
        <v>14669</v>
      </c>
      <c r="H19574" s="358" t="s">
        <v>14381</v>
      </c>
      <c r="I19574" s="358" t="s">
        <v>14669</v>
      </c>
      <c r="J19574" s="358"/>
      <c r="K19574" s="358"/>
      <c r="L19574" s="358"/>
    </row>
    <row r="19575" spans="2:12">
      <c r="B19575" s="367"/>
      <c r="C19575" s="360"/>
      <c r="D19575" s="367"/>
      <c r="E19575" s="367"/>
      <c r="F19575" s="360"/>
      <c r="G19575" s="360"/>
      <c r="H19575" s="360"/>
      <c r="I19575" s="360"/>
      <c r="J19575" s="365"/>
      <c r="K19575" s="365"/>
      <c r="L19575" s="365"/>
    </row>
    <row r="19576" spans="2:12" ht="28.5">
      <c r="B19576" s="367"/>
      <c r="C19576" s="359" t="s">
        <v>29667</v>
      </c>
      <c r="D19576" s="367"/>
      <c r="E19576" s="367"/>
      <c r="F19576" s="359" t="s">
        <v>14424</v>
      </c>
      <c r="G19576" s="359" t="s">
        <v>29250</v>
      </c>
      <c r="H19576" s="359" t="s">
        <v>14332</v>
      </c>
      <c r="I19576" s="359" t="s">
        <v>29250</v>
      </c>
      <c r="J19576" s="365"/>
      <c r="K19576" s="365"/>
      <c r="L19576" s="365"/>
    </row>
    <row r="19577" spans="2:12">
      <c r="B19577" s="367"/>
      <c r="C19577" s="360"/>
      <c r="D19577" s="367"/>
      <c r="E19577" s="367"/>
      <c r="F19577" s="360"/>
      <c r="G19577" s="360"/>
      <c r="H19577" s="360"/>
      <c r="I19577" s="360"/>
      <c r="J19577" s="365"/>
      <c r="K19577" s="365"/>
      <c r="L19577" s="365"/>
    </row>
    <row r="19578" spans="2:12" ht="42.75">
      <c r="B19578" s="367"/>
      <c r="C19578" s="359" t="s">
        <v>30442</v>
      </c>
      <c r="D19578" s="367"/>
      <c r="E19578" s="367"/>
      <c r="F19578" s="359" t="s">
        <v>14391</v>
      </c>
      <c r="G19578" s="359" t="s">
        <v>14473</v>
      </c>
      <c r="H19578" s="360"/>
      <c r="I19578" s="359" t="s">
        <v>14473</v>
      </c>
      <c r="J19578" s="365"/>
      <c r="K19578" s="365"/>
      <c r="L19578" s="365"/>
    </row>
    <row r="19579" spans="2:12">
      <c r="B19579" s="367"/>
      <c r="C19579" s="360"/>
      <c r="D19579" s="367"/>
      <c r="E19579" s="367"/>
      <c r="F19579" s="360"/>
      <c r="G19579" s="360"/>
      <c r="H19579" s="360"/>
      <c r="I19579" s="360"/>
      <c r="J19579" s="365"/>
      <c r="K19579" s="365"/>
      <c r="L19579" s="365"/>
    </row>
    <row r="19580" spans="2:12" ht="28.5">
      <c r="B19580" s="368"/>
      <c r="C19580" s="362"/>
      <c r="D19580" s="368"/>
      <c r="E19580" s="368"/>
      <c r="F19580" s="361" t="s">
        <v>14472</v>
      </c>
      <c r="G19580" s="362"/>
      <c r="H19580" s="362"/>
      <c r="I19580" s="362"/>
      <c r="J19580" s="366"/>
      <c r="K19580" s="366"/>
      <c r="L19580" s="366"/>
    </row>
    <row r="19581" spans="2:12" ht="57">
      <c r="B19581" s="358" t="s">
        <v>24509</v>
      </c>
      <c r="C19581" s="358" t="s">
        <v>30443</v>
      </c>
      <c r="D19581" s="358" t="s">
        <v>24510</v>
      </c>
      <c r="E19581" s="358" t="s">
        <v>8356</v>
      </c>
      <c r="F19581" s="358" t="s">
        <v>14430</v>
      </c>
      <c r="G19581" s="358" t="s">
        <v>14431</v>
      </c>
      <c r="H19581" s="358" t="s">
        <v>14341</v>
      </c>
      <c r="I19581" s="358" t="s">
        <v>14431</v>
      </c>
      <c r="J19581" s="358"/>
      <c r="K19581" s="358"/>
      <c r="L19581" s="358"/>
    </row>
    <row r="19582" spans="2:12">
      <c r="B19582" s="367"/>
      <c r="C19582" s="367"/>
      <c r="D19582" s="367"/>
      <c r="E19582" s="367"/>
      <c r="F19582" s="367"/>
      <c r="G19582" s="367"/>
      <c r="H19582" s="360"/>
      <c r="I19582" s="367"/>
      <c r="J19582" s="365"/>
      <c r="K19582" s="365"/>
      <c r="L19582" s="365"/>
    </row>
    <row r="19583" spans="2:12">
      <c r="B19583" s="368"/>
      <c r="C19583" s="368"/>
      <c r="D19583" s="368"/>
      <c r="E19583" s="368"/>
      <c r="F19583" s="368"/>
      <c r="G19583" s="368"/>
      <c r="H19583" s="361" t="s">
        <v>14332</v>
      </c>
      <c r="I19583" s="368"/>
      <c r="J19583" s="366"/>
      <c r="K19583" s="366"/>
      <c r="L19583" s="366"/>
    </row>
    <row r="19584" spans="2:12" ht="28.5">
      <c r="B19584" s="358" t="s">
        <v>24511</v>
      </c>
      <c r="C19584" s="358" t="s">
        <v>27927</v>
      </c>
      <c r="D19584" s="358" t="s">
        <v>24512</v>
      </c>
      <c r="E19584" s="358" t="s">
        <v>24513</v>
      </c>
      <c r="F19584" s="358" t="s">
        <v>14507</v>
      </c>
      <c r="G19584" s="358" t="s">
        <v>28903</v>
      </c>
      <c r="H19584" s="358" t="s">
        <v>14381</v>
      </c>
      <c r="I19584" s="358" t="s">
        <v>28903</v>
      </c>
      <c r="J19584" s="358" t="s">
        <v>15944</v>
      </c>
      <c r="K19584" s="358"/>
      <c r="L19584" s="358"/>
    </row>
    <row r="19585" spans="2:12">
      <c r="B19585" s="367"/>
      <c r="C19585" s="367"/>
      <c r="D19585" s="367"/>
      <c r="E19585" s="367"/>
      <c r="F19585" s="360"/>
      <c r="G19585" s="360"/>
      <c r="H19585" s="360"/>
      <c r="I19585" s="360"/>
      <c r="J19585" s="367"/>
      <c r="K19585" s="365"/>
      <c r="L19585" s="365"/>
    </row>
    <row r="19586" spans="2:12">
      <c r="B19586" s="367"/>
      <c r="C19586" s="367"/>
      <c r="D19586" s="367"/>
      <c r="E19586" s="367"/>
      <c r="F19586" s="359" t="s">
        <v>14384</v>
      </c>
      <c r="G19586" s="359" t="s">
        <v>14459</v>
      </c>
      <c r="H19586" s="359" t="s">
        <v>14367</v>
      </c>
      <c r="I19586" s="359" t="s">
        <v>14459</v>
      </c>
      <c r="J19586" s="367"/>
      <c r="K19586" s="365"/>
      <c r="L19586" s="365"/>
    </row>
    <row r="19587" spans="2:12">
      <c r="B19587" s="367"/>
      <c r="C19587" s="367"/>
      <c r="D19587" s="367"/>
      <c r="E19587" s="367"/>
      <c r="F19587" s="360"/>
      <c r="G19587" s="360"/>
      <c r="H19587" s="360"/>
      <c r="I19587" s="360"/>
      <c r="J19587" s="367"/>
      <c r="K19587" s="365"/>
      <c r="L19587" s="365"/>
    </row>
    <row r="19588" spans="2:12">
      <c r="B19588" s="367"/>
      <c r="C19588" s="367"/>
      <c r="D19588" s="367"/>
      <c r="E19588" s="367"/>
      <c r="F19588" s="359" t="s">
        <v>14420</v>
      </c>
      <c r="G19588" s="359" t="s">
        <v>14429</v>
      </c>
      <c r="H19588" s="359" t="s">
        <v>14370</v>
      </c>
      <c r="I19588" s="359" t="s">
        <v>14429</v>
      </c>
      <c r="J19588" s="367"/>
      <c r="K19588" s="365"/>
      <c r="L19588" s="365"/>
    </row>
    <row r="19589" spans="2:12">
      <c r="B19589" s="367"/>
      <c r="C19589" s="367"/>
      <c r="D19589" s="367"/>
      <c r="E19589" s="367"/>
      <c r="F19589" s="360"/>
      <c r="G19589" s="360"/>
      <c r="H19589" s="360"/>
      <c r="I19589" s="360"/>
      <c r="J19589" s="367"/>
      <c r="K19589" s="365"/>
      <c r="L19589" s="365"/>
    </row>
    <row r="19590" spans="2:12">
      <c r="B19590" s="367"/>
      <c r="C19590" s="367"/>
      <c r="D19590" s="367"/>
      <c r="E19590" s="367"/>
      <c r="F19590" s="359" t="s">
        <v>14420</v>
      </c>
      <c r="G19590" s="359" t="s">
        <v>14392</v>
      </c>
      <c r="H19590" s="359" t="s">
        <v>14332</v>
      </c>
      <c r="I19590" s="359" t="s">
        <v>14392</v>
      </c>
      <c r="J19590" s="367"/>
      <c r="K19590" s="365"/>
      <c r="L19590" s="365"/>
    </row>
    <row r="19591" spans="2:12">
      <c r="B19591" s="367"/>
      <c r="C19591" s="367"/>
      <c r="D19591" s="367"/>
      <c r="E19591" s="367"/>
      <c r="F19591" s="360"/>
      <c r="G19591" s="360"/>
      <c r="H19591" s="360"/>
      <c r="I19591" s="360"/>
      <c r="J19591" s="367"/>
      <c r="K19591" s="365"/>
      <c r="L19591" s="365"/>
    </row>
    <row r="19592" spans="2:12">
      <c r="B19592" s="367"/>
      <c r="C19592" s="367"/>
      <c r="D19592" s="367"/>
      <c r="E19592" s="367"/>
      <c r="F19592" s="359" t="s">
        <v>14391</v>
      </c>
      <c r="G19592" s="359" t="s">
        <v>14372</v>
      </c>
      <c r="H19592" s="360"/>
      <c r="I19592" s="359" t="s">
        <v>14373</v>
      </c>
      <c r="J19592" s="367"/>
      <c r="K19592" s="365"/>
      <c r="L19592" s="365"/>
    </row>
    <row r="19593" spans="2:12">
      <c r="B19593" s="367"/>
      <c r="C19593" s="367"/>
      <c r="D19593" s="367"/>
      <c r="E19593" s="367"/>
      <c r="F19593" s="360"/>
      <c r="G19593" s="360"/>
      <c r="H19593" s="360"/>
      <c r="I19593" s="360"/>
      <c r="J19593" s="367"/>
      <c r="K19593" s="365"/>
      <c r="L19593" s="365"/>
    </row>
    <row r="19594" spans="2:12">
      <c r="B19594" s="367"/>
      <c r="C19594" s="367"/>
      <c r="D19594" s="367"/>
      <c r="E19594" s="367"/>
      <c r="F19594" s="359" t="s">
        <v>14371</v>
      </c>
      <c r="G19594" s="359" t="s">
        <v>14373</v>
      </c>
      <c r="H19594" s="360"/>
      <c r="I19594" s="360"/>
      <c r="J19594" s="367"/>
      <c r="K19594" s="365"/>
      <c r="L19594" s="365"/>
    </row>
    <row r="19595" spans="2:12">
      <c r="B19595" s="367"/>
      <c r="C19595" s="367"/>
      <c r="D19595" s="367"/>
      <c r="E19595" s="367"/>
      <c r="F19595" s="360"/>
      <c r="G19595" s="360"/>
      <c r="H19595" s="360"/>
      <c r="I19595" s="360"/>
      <c r="J19595" s="367"/>
      <c r="K19595" s="365"/>
      <c r="L19595" s="365"/>
    </row>
    <row r="19596" spans="2:12" ht="28.5">
      <c r="B19596" s="368"/>
      <c r="C19596" s="368"/>
      <c r="D19596" s="368"/>
      <c r="E19596" s="368"/>
      <c r="F19596" s="361" t="s">
        <v>14374</v>
      </c>
      <c r="G19596" s="362"/>
      <c r="H19596" s="362"/>
      <c r="I19596" s="362"/>
      <c r="J19596" s="368"/>
      <c r="K19596" s="366"/>
      <c r="L19596" s="366"/>
    </row>
    <row r="19597" spans="2:12">
      <c r="B19597" s="358" t="s">
        <v>24514</v>
      </c>
      <c r="C19597" s="358" t="s">
        <v>24515</v>
      </c>
      <c r="D19597" s="358" t="s">
        <v>8356</v>
      </c>
      <c r="E19597" s="358" t="s">
        <v>24516</v>
      </c>
      <c r="F19597" s="358" t="s">
        <v>14443</v>
      </c>
      <c r="G19597" s="358" t="s">
        <v>14444</v>
      </c>
      <c r="H19597" s="358" t="s">
        <v>14381</v>
      </c>
      <c r="I19597" s="358" t="s">
        <v>14444</v>
      </c>
      <c r="J19597" s="358"/>
      <c r="K19597" s="358"/>
      <c r="L19597" s="358"/>
    </row>
    <row r="19598" spans="2:12">
      <c r="B19598" s="367"/>
      <c r="C19598" s="360"/>
      <c r="D19598" s="367"/>
      <c r="E19598" s="367"/>
      <c r="F19598" s="360"/>
      <c r="G19598" s="360"/>
      <c r="H19598" s="360"/>
      <c r="I19598" s="360"/>
      <c r="J19598" s="365"/>
      <c r="K19598" s="365"/>
      <c r="L19598" s="365"/>
    </row>
    <row r="19599" spans="2:12" ht="28.5">
      <c r="B19599" s="368"/>
      <c r="C19599" s="361" t="s">
        <v>27928</v>
      </c>
      <c r="D19599" s="368"/>
      <c r="E19599" s="368"/>
      <c r="F19599" s="361" t="s">
        <v>14472</v>
      </c>
      <c r="G19599" s="361" t="s">
        <v>14473</v>
      </c>
      <c r="H19599" s="361" t="s">
        <v>14422</v>
      </c>
      <c r="I19599" s="361" t="s">
        <v>14473</v>
      </c>
      <c r="J19599" s="366"/>
      <c r="K19599" s="366"/>
      <c r="L19599" s="366"/>
    </row>
    <row r="19600" spans="2:12" ht="28.5">
      <c r="B19600" s="358" t="s">
        <v>24517</v>
      </c>
      <c r="C19600" s="358" t="s">
        <v>24518</v>
      </c>
      <c r="D19600" s="358" t="s">
        <v>29029</v>
      </c>
      <c r="E19600" s="358" t="s">
        <v>24519</v>
      </c>
      <c r="F19600" s="358" t="s">
        <v>14371</v>
      </c>
      <c r="G19600" s="358" t="s">
        <v>14372</v>
      </c>
      <c r="H19600" s="358" t="s">
        <v>14370</v>
      </c>
      <c r="I19600" s="358" t="s">
        <v>14373</v>
      </c>
      <c r="J19600" s="358"/>
      <c r="K19600" s="358" t="s">
        <v>15298</v>
      </c>
      <c r="L19600" s="358"/>
    </row>
    <row r="19601" spans="2:12">
      <c r="B19601" s="367"/>
      <c r="C19601" s="360"/>
      <c r="D19601" s="360"/>
      <c r="E19601" s="360"/>
      <c r="F19601" s="360"/>
      <c r="G19601" s="360"/>
      <c r="H19601" s="360"/>
      <c r="I19601" s="367"/>
      <c r="J19601" s="365"/>
      <c r="K19601" s="367"/>
      <c r="L19601" s="365"/>
    </row>
    <row r="19602" spans="2:12" ht="42.75">
      <c r="B19602" s="367"/>
      <c r="C19602" s="359" t="s">
        <v>29668</v>
      </c>
      <c r="D19602" s="359" t="s">
        <v>28737</v>
      </c>
      <c r="E19602" s="359" t="s">
        <v>24520</v>
      </c>
      <c r="F19602" s="359" t="s">
        <v>14374</v>
      </c>
      <c r="G19602" s="359" t="s">
        <v>14373</v>
      </c>
      <c r="H19602" s="359" t="s">
        <v>14422</v>
      </c>
      <c r="I19602" s="367"/>
      <c r="J19602" s="365"/>
      <c r="K19602" s="367"/>
      <c r="L19602" s="365"/>
    </row>
    <row r="19603" spans="2:12">
      <c r="B19603" s="367"/>
      <c r="C19603" s="360"/>
      <c r="D19603" s="360"/>
      <c r="E19603" s="360"/>
      <c r="F19603" s="360"/>
      <c r="G19603" s="360"/>
      <c r="H19603" s="360"/>
      <c r="I19603" s="367"/>
      <c r="J19603" s="365"/>
      <c r="K19603" s="367"/>
      <c r="L19603" s="365"/>
    </row>
    <row r="19604" spans="2:12" ht="28.5">
      <c r="B19604" s="368"/>
      <c r="C19604" s="361" t="s">
        <v>24521</v>
      </c>
      <c r="D19604" s="362"/>
      <c r="E19604" s="362"/>
      <c r="F19604" s="362"/>
      <c r="G19604" s="362"/>
      <c r="H19604" s="362"/>
      <c r="I19604" s="368"/>
      <c r="J19604" s="366"/>
      <c r="K19604" s="368"/>
      <c r="L19604" s="366"/>
    </row>
    <row r="19605" spans="2:12" ht="28.5">
      <c r="B19605" s="358" t="s">
        <v>24522</v>
      </c>
      <c r="C19605" s="358" t="s">
        <v>24523</v>
      </c>
      <c r="D19605" s="358" t="s">
        <v>24524</v>
      </c>
      <c r="E19605" s="358" t="s">
        <v>24525</v>
      </c>
      <c r="F19605" s="358" t="s">
        <v>14507</v>
      </c>
      <c r="G19605" s="358" t="s">
        <v>29669</v>
      </c>
      <c r="H19605" s="358" t="s">
        <v>14381</v>
      </c>
      <c r="I19605" s="358" t="s">
        <v>29669</v>
      </c>
      <c r="J19605" s="358"/>
      <c r="K19605" s="358" t="s">
        <v>15400</v>
      </c>
      <c r="L19605" s="358"/>
    </row>
    <row r="19606" spans="2:12">
      <c r="B19606" s="367"/>
      <c r="C19606" s="360"/>
      <c r="D19606" s="367"/>
      <c r="E19606" s="367"/>
      <c r="F19606" s="360"/>
      <c r="G19606" s="360"/>
      <c r="H19606" s="360"/>
      <c r="I19606" s="360"/>
      <c r="J19606" s="365"/>
      <c r="K19606" s="367"/>
      <c r="L19606" s="365"/>
    </row>
    <row r="19607" spans="2:12" ht="28.5">
      <c r="B19607" s="367"/>
      <c r="C19607" s="359" t="s">
        <v>24526</v>
      </c>
      <c r="D19607" s="367"/>
      <c r="E19607" s="367"/>
      <c r="F19607" s="359" t="s">
        <v>14460</v>
      </c>
      <c r="G19607" s="359" t="s">
        <v>14372</v>
      </c>
      <c r="H19607" s="359" t="s">
        <v>14370</v>
      </c>
      <c r="I19607" s="359" t="s">
        <v>14373</v>
      </c>
      <c r="J19607" s="365"/>
      <c r="K19607" s="367"/>
      <c r="L19607" s="365"/>
    </row>
    <row r="19608" spans="2:12">
      <c r="B19608" s="367"/>
      <c r="C19608" s="360"/>
      <c r="D19608" s="367"/>
      <c r="E19608" s="367"/>
      <c r="F19608" s="360"/>
      <c r="G19608" s="360"/>
      <c r="H19608" s="360"/>
      <c r="I19608" s="360"/>
      <c r="J19608" s="365"/>
      <c r="K19608" s="367"/>
      <c r="L19608" s="365"/>
    </row>
    <row r="19609" spans="2:12">
      <c r="B19609" s="367"/>
      <c r="C19609" s="360"/>
      <c r="D19609" s="367"/>
      <c r="E19609" s="367"/>
      <c r="F19609" s="359" t="s">
        <v>14371</v>
      </c>
      <c r="G19609" s="359" t="s">
        <v>14373</v>
      </c>
      <c r="H19609" s="359" t="s">
        <v>14422</v>
      </c>
      <c r="I19609" s="360"/>
      <c r="J19609" s="365"/>
      <c r="K19609" s="367"/>
      <c r="L19609" s="365"/>
    </row>
    <row r="19610" spans="2:12">
      <c r="B19610" s="367"/>
      <c r="C19610" s="360"/>
      <c r="D19610" s="367"/>
      <c r="E19610" s="367"/>
      <c r="F19610" s="360"/>
      <c r="G19610" s="360"/>
      <c r="H19610" s="360"/>
      <c r="I19610" s="360"/>
      <c r="J19610" s="365"/>
      <c r="K19610" s="367"/>
      <c r="L19610" s="365"/>
    </row>
    <row r="19611" spans="2:12" ht="28.5">
      <c r="B19611" s="368"/>
      <c r="C19611" s="362"/>
      <c r="D19611" s="368"/>
      <c r="E19611" s="368"/>
      <c r="F19611" s="361" t="s">
        <v>14374</v>
      </c>
      <c r="G19611" s="362"/>
      <c r="H19611" s="362"/>
      <c r="I19611" s="362"/>
      <c r="J19611" s="366"/>
      <c r="K19611" s="368"/>
      <c r="L19611" s="366"/>
    </row>
    <row r="19612" spans="2:12">
      <c r="B19612" s="354" t="s">
        <v>28574</v>
      </c>
      <c r="C19612" s="369"/>
      <c r="D19612" s="369"/>
      <c r="E19612" s="369"/>
      <c r="F19612" s="369"/>
      <c r="G19612" s="369"/>
      <c r="H19612" s="369"/>
      <c r="I19612" s="369"/>
      <c r="J19612" s="369"/>
      <c r="K19612" s="369"/>
      <c r="L19612" s="370"/>
    </row>
    <row r="19613" spans="2:12" ht="42.75">
      <c r="B19613" s="358" t="s">
        <v>24527</v>
      </c>
      <c r="C19613" s="358" t="s">
        <v>30444</v>
      </c>
      <c r="D19613" s="358" t="s">
        <v>24528</v>
      </c>
      <c r="E19613" s="358" t="s">
        <v>1892</v>
      </c>
      <c r="F19613" s="358" t="s">
        <v>14424</v>
      </c>
      <c r="G19613" s="358" t="s">
        <v>17083</v>
      </c>
      <c r="H19613" s="358" t="s">
        <v>14381</v>
      </c>
      <c r="I19613" s="358" t="s">
        <v>17083</v>
      </c>
      <c r="J19613" s="358"/>
      <c r="K19613" s="358" t="s">
        <v>14863</v>
      </c>
      <c r="L19613" s="358"/>
    </row>
    <row r="19614" spans="2:12">
      <c r="B19614" s="367"/>
      <c r="C19614" s="367"/>
      <c r="D19614" s="367"/>
      <c r="E19614" s="367"/>
      <c r="F19614" s="360"/>
      <c r="G19614" s="360"/>
      <c r="H19614" s="360"/>
      <c r="I19614" s="360"/>
      <c r="J19614" s="365"/>
      <c r="K19614" s="360"/>
      <c r="L19614" s="365"/>
    </row>
    <row r="19615" spans="2:12">
      <c r="B19615" s="367"/>
      <c r="C19615" s="367"/>
      <c r="D19615" s="367"/>
      <c r="E19615" s="367"/>
      <c r="F19615" s="359" t="s">
        <v>15089</v>
      </c>
      <c r="G19615" s="359" t="s">
        <v>14429</v>
      </c>
      <c r="H19615" s="359" t="s">
        <v>14367</v>
      </c>
      <c r="I19615" s="359" t="s">
        <v>14429</v>
      </c>
      <c r="J19615" s="365"/>
      <c r="K19615" s="359" t="s">
        <v>14863</v>
      </c>
      <c r="L19615" s="365"/>
    </row>
    <row r="19616" spans="2:12">
      <c r="B19616" s="367"/>
      <c r="C19616" s="367"/>
      <c r="D19616" s="367"/>
      <c r="E19616" s="367"/>
      <c r="F19616" s="360"/>
      <c r="G19616" s="360"/>
      <c r="H19616" s="360"/>
      <c r="I19616" s="360"/>
      <c r="J19616" s="365"/>
      <c r="K19616" s="360"/>
      <c r="L19616" s="365"/>
    </row>
    <row r="19617" spans="2:12">
      <c r="B19617" s="367"/>
      <c r="C19617" s="367"/>
      <c r="D19617" s="367"/>
      <c r="E19617" s="367"/>
      <c r="F19617" s="359" t="s">
        <v>14391</v>
      </c>
      <c r="G19617" s="359" t="s">
        <v>14392</v>
      </c>
      <c r="H19617" s="359" t="s">
        <v>14370</v>
      </c>
      <c r="I19617" s="359" t="s">
        <v>14392</v>
      </c>
      <c r="J19617" s="365"/>
      <c r="K19617" s="360"/>
      <c r="L19617" s="365"/>
    </row>
    <row r="19618" spans="2:12">
      <c r="B19618" s="367"/>
      <c r="C19618" s="367"/>
      <c r="D19618" s="367"/>
      <c r="E19618" s="367"/>
      <c r="F19618" s="360"/>
      <c r="G19618" s="360"/>
      <c r="H19618" s="360"/>
      <c r="I19618" s="360"/>
      <c r="J19618" s="365"/>
      <c r="K19618" s="360"/>
      <c r="L19618" s="365"/>
    </row>
    <row r="19619" spans="2:12">
      <c r="B19619" s="367"/>
      <c r="C19619" s="367"/>
      <c r="D19619" s="367"/>
      <c r="E19619" s="367"/>
      <c r="F19619" s="359" t="s">
        <v>14371</v>
      </c>
      <c r="G19619" s="359" t="s">
        <v>14372</v>
      </c>
      <c r="H19619" s="359" t="s">
        <v>14332</v>
      </c>
      <c r="I19619" s="359" t="s">
        <v>14373</v>
      </c>
      <c r="J19619" s="365"/>
      <c r="K19619" s="360"/>
      <c r="L19619" s="365"/>
    </row>
    <row r="19620" spans="2:12">
      <c r="B19620" s="367"/>
      <c r="C19620" s="367"/>
      <c r="D19620" s="367"/>
      <c r="E19620" s="367"/>
      <c r="F19620" s="360"/>
      <c r="G19620" s="360"/>
      <c r="H19620" s="360"/>
      <c r="I19620" s="360"/>
      <c r="J19620" s="365"/>
      <c r="K19620" s="360"/>
      <c r="L19620" s="365"/>
    </row>
    <row r="19621" spans="2:12" ht="28.5">
      <c r="B19621" s="368"/>
      <c r="C19621" s="368"/>
      <c r="D19621" s="368"/>
      <c r="E19621" s="368"/>
      <c r="F19621" s="361" t="s">
        <v>14374</v>
      </c>
      <c r="G19621" s="361" t="s">
        <v>14373</v>
      </c>
      <c r="H19621" s="362"/>
      <c r="I19621" s="362"/>
      <c r="J19621" s="366"/>
      <c r="K19621" s="362"/>
      <c r="L19621" s="366"/>
    </row>
    <row r="19622" spans="2:12">
      <c r="B19622" s="354" t="s">
        <v>28528</v>
      </c>
      <c r="C19622" s="369"/>
      <c r="D19622" s="369"/>
      <c r="E19622" s="369"/>
      <c r="F19622" s="369"/>
      <c r="G19622" s="369"/>
      <c r="H19622" s="369"/>
      <c r="I19622" s="369"/>
      <c r="J19622" s="369"/>
      <c r="K19622" s="369"/>
      <c r="L19622" s="370"/>
    </row>
    <row r="19623" spans="2:12">
      <c r="B19623" s="358" t="s">
        <v>24529</v>
      </c>
      <c r="C19623" s="358" t="s">
        <v>24530</v>
      </c>
      <c r="D19623" s="358" t="s">
        <v>8356</v>
      </c>
      <c r="E19623" s="358" t="s">
        <v>24531</v>
      </c>
      <c r="F19623" s="358" t="s">
        <v>14371</v>
      </c>
      <c r="G19623" s="358" t="s">
        <v>14372</v>
      </c>
      <c r="H19623" s="358" t="s">
        <v>14370</v>
      </c>
      <c r="I19623" s="358" t="s">
        <v>14373</v>
      </c>
      <c r="J19623" s="358"/>
      <c r="K19623" s="358"/>
      <c r="L19623" s="358"/>
    </row>
    <row r="19624" spans="2:12">
      <c r="B19624" s="367"/>
      <c r="C19624" s="360"/>
      <c r="D19624" s="367"/>
      <c r="E19624" s="367"/>
      <c r="F19624" s="360"/>
      <c r="G19624" s="360"/>
      <c r="H19624" s="360"/>
      <c r="I19624" s="367"/>
      <c r="J19624" s="365"/>
      <c r="K19624" s="365"/>
      <c r="L19624" s="365"/>
    </row>
    <row r="19625" spans="2:12" ht="28.5">
      <c r="B19625" s="368"/>
      <c r="C19625" s="361" t="s">
        <v>27929</v>
      </c>
      <c r="D19625" s="368"/>
      <c r="E19625" s="368"/>
      <c r="F19625" s="361" t="s">
        <v>14374</v>
      </c>
      <c r="G19625" s="361" t="s">
        <v>14373</v>
      </c>
      <c r="H19625" s="361" t="s">
        <v>14422</v>
      </c>
      <c r="I19625" s="368"/>
      <c r="J19625" s="366"/>
      <c r="K19625" s="366"/>
      <c r="L19625" s="366"/>
    </row>
    <row r="19626" spans="2:12">
      <c r="B19626" s="358" t="s">
        <v>24532</v>
      </c>
      <c r="C19626" s="358" t="s">
        <v>24533</v>
      </c>
      <c r="D19626" s="358" t="s">
        <v>8356</v>
      </c>
      <c r="E19626" s="358" t="s">
        <v>24534</v>
      </c>
      <c r="F19626" s="358" t="s">
        <v>14371</v>
      </c>
      <c r="G19626" s="358" t="s">
        <v>14372</v>
      </c>
      <c r="H19626" s="358" t="s">
        <v>14370</v>
      </c>
      <c r="I19626" s="358" t="s">
        <v>14373</v>
      </c>
      <c r="J19626" s="358"/>
      <c r="K19626" s="358"/>
      <c r="L19626" s="358"/>
    </row>
    <row r="19627" spans="2:12">
      <c r="B19627" s="367"/>
      <c r="C19627" s="360"/>
      <c r="D19627" s="367"/>
      <c r="E19627" s="367"/>
      <c r="F19627" s="360"/>
      <c r="G19627" s="360"/>
      <c r="H19627" s="360"/>
      <c r="I19627" s="367"/>
      <c r="J19627" s="365"/>
      <c r="K19627" s="365"/>
      <c r="L19627" s="365"/>
    </row>
    <row r="19628" spans="2:12" ht="28.5">
      <c r="B19628" s="368"/>
      <c r="C19628" s="361" t="s">
        <v>27930</v>
      </c>
      <c r="D19628" s="368"/>
      <c r="E19628" s="368"/>
      <c r="F19628" s="361" t="s">
        <v>14374</v>
      </c>
      <c r="G19628" s="361" t="s">
        <v>14373</v>
      </c>
      <c r="H19628" s="361" t="s">
        <v>14422</v>
      </c>
      <c r="I19628" s="368"/>
      <c r="J19628" s="366"/>
      <c r="K19628" s="366"/>
      <c r="L19628" s="366"/>
    </row>
    <row r="19629" spans="2:12" ht="28.5">
      <c r="B19629" s="358" t="s">
        <v>24535</v>
      </c>
      <c r="C19629" s="358" t="s">
        <v>27931</v>
      </c>
      <c r="D19629" s="358" t="s">
        <v>24536</v>
      </c>
      <c r="E19629" s="358" t="s">
        <v>24537</v>
      </c>
      <c r="F19629" s="358" t="s">
        <v>14382</v>
      </c>
      <c r="G19629" s="358" t="s">
        <v>14383</v>
      </c>
      <c r="H19629" s="358" t="s">
        <v>14378</v>
      </c>
      <c r="I19629" s="358" t="s">
        <v>14383</v>
      </c>
      <c r="J19629" s="358"/>
      <c r="K19629" s="358"/>
      <c r="L19629" s="358"/>
    </row>
    <row r="19630" spans="2:12">
      <c r="B19630" s="367"/>
      <c r="C19630" s="367"/>
      <c r="D19630" s="367"/>
      <c r="E19630" s="367"/>
      <c r="F19630" s="360"/>
      <c r="G19630" s="360"/>
      <c r="H19630" s="360"/>
      <c r="I19630" s="360"/>
      <c r="J19630" s="365"/>
      <c r="K19630" s="365"/>
      <c r="L19630" s="365"/>
    </row>
    <row r="19631" spans="2:12">
      <c r="B19631" s="367"/>
      <c r="C19631" s="367"/>
      <c r="D19631" s="367"/>
      <c r="E19631" s="367"/>
      <c r="F19631" s="359" t="s">
        <v>14460</v>
      </c>
      <c r="G19631" s="359" t="s">
        <v>14519</v>
      </c>
      <c r="H19631" s="359" t="s">
        <v>14381</v>
      </c>
      <c r="I19631" s="359" t="s">
        <v>14519</v>
      </c>
      <c r="J19631" s="365"/>
      <c r="K19631" s="365"/>
      <c r="L19631" s="365"/>
    </row>
    <row r="19632" spans="2:12">
      <c r="B19632" s="367"/>
      <c r="C19632" s="367"/>
      <c r="D19632" s="367"/>
      <c r="E19632" s="367"/>
      <c r="F19632" s="360"/>
      <c r="G19632" s="360"/>
      <c r="H19632" s="360"/>
      <c r="I19632" s="360"/>
      <c r="J19632" s="365"/>
      <c r="K19632" s="365"/>
      <c r="L19632" s="365"/>
    </row>
    <row r="19633" spans="2:12">
      <c r="B19633" s="367"/>
      <c r="C19633" s="367"/>
      <c r="D19633" s="367"/>
      <c r="E19633" s="367"/>
      <c r="F19633" s="359" t="s">
        <v>14391</v>
      </c>
      <c r="G19633" s="359" t="s">
        <v>14392</v>
      </c>
      <c r="H19633" s="359" t="s">
        <v>14370</v>
      </c>
      <c r="I19633" s="359" t="s">
        <v>14392</v>
      </c>
      <c r="J19633" s="365"/>
      <c r="K19633" s="365"/>
      <c r="L19633" s="365"/>
    </row>
    <row r="19634" spans="2:12">
      <c r="B19634" s="367"/>
      <c r="C19634" s="367"/>
      <c r="D19634" s="367"/>
      <c r="E19634" s="367"/>
      <c r="F19634" s="360"/>
      <c r="G19634" s="360"/>
      <c r="H19634" s="360"/>
      <c r="I19634" s="360"/>
      <c r="J19634" s="365"/>
      <c r="K19634" s="365"/>
      <c r="L19634" s="365"/>
    </row>
    <row r="19635" spans="2:12" ht="28.5">
      <c r="B19635" s="368"/>
      <c r="C19635" s="368"/>
      <c r="D19635" s="368"/>
      <c r="E19635" s="368"/>
      <c r="F19635" s="361" t="s">
        <v>14394</v>
      </c>
      <c r="G19635" s="361" t="s">
        <v>14395</v>
      </c>
      <c r="H19635" s="361" t="s">
        <v>14332</v>
      </c>
      <c r="I19635" s="361" t="s">
        <v>14395</v>
      </c>
      <c r="J19635" s="366"/>
      <c r="K19635" s="366"/>
      <c r="L19635" s="366"/>
    </row>
    <row r="19636" spans="2:12">
      <c r="B19636" s="358" t="s">
        <v>24538</v>
      </c>
      <c r="C19636" s="358" t="s">
        <v>24539</v>
      </c>
      <c r="D19636" s="358" t="s">
        <v>24540</v>
      </c>
      <c r="E19636" s="358" t="s">
        <v>24541</v>
      </c>
      <c r="F19636" s="358" t="s">
        <v>14460</v>
      </c>
      <c r="G19636" s="358" t="s">
        <v>14519</v>
      </c>
      <c r="H19636" s="358" t="s">
        <v>14381</v>
      </c>
      <c r="I19636" s="358" t="s">
        <v>14519</v>
      </c>
      <c r="J19636" s="358"/>
      <c r="K19636" s="358"/>
      <c r="L19636" s="358"/>
    </row>
    <row r="19637" spans="2:12">
      <c r="B19637" s="367"/>
      <c r="C19637" s="367"/>
      <c r="D19637" s="367"/>
      <c r="E19637" s="367"/>
      <c r="F19637" s="360"/>
      <c r="G19637" s="360"/>
      <c r="H19637" s="360"/>
      <c r="I19637" s="360"/>
      <c r="J19637" s="365"/>
      <c r="K19637" s="365"/>
      <c r="L19637" s="365"/>
    </row>
    <row r="19638" spans="2:12" ht="28.5">
      <c r="B19638" s="368"/>
      <c r="C19638" s="368"/>
      <c r="D19638" s="368"/>
      <c r="E19638" s="368"/>
      <c r="F19638" s="361" t="s">
        <v>14472</v>
      </c>
      <c r="G19638" s="361" t="s">
        <v>14473</v>
      </c>
      <c r="H19638" s="361" t="s">
        <v>14422</v>
      </c>
      <c r="I19638" s="361" t="s">
        <v>14473</v>
      </c>
      <c r="J19638" s="366"/>
      <c r="K19638" s="366"/>
      <c r="L19638" s="366"/>
    </row>
    <row r="19639" spans="2:12">
      <c r="B19639" s="358" t="s">
        <v>24542</v>
      </c>
      <c r="C19639" s="358" t="s">
        <v>27932</v>
      </c>
      <c r="D19639" s="358" t="s">
        <v>24543</v>
      </c>
      <c r="E19639" s="358" t="s">
        <v>24544</v>
      </c>
      <c r="F19639" s="358" t="s">
        <v>14391</v>
      </c>
      <c r="G19639" s="358" t="s">
        <v>14392</v>
      </c>
      <c r="H19639" s="358" t="s">
        <v>14367</v>
      </c>
      <c r="I19639" s="358" t="s">
        <v>14392</v>
      </c>
      <c r="J19639" s="358"/>
      <c r="K19639" s="358"/>
      <c r="L19639" s="358"/>
    </row>
    <row r="19640" spans="2:12">
      <c r="B19640" s="367"/>
      <c r="C19640" s="367"/>
      <c r="D19640" s="367"/>
      <c r="E19640" s="367"/>
      <c r="F19640" s="360"/>
      <c r="G19640" s="360"/>
      <c r="H19640" s="360"/>
      <c r="I19640" s="360"/>
      <c r="J19640" s="365"/>
      <c r="K19640" s="365"/>
      <c r="L19640" s="365"/>
    </row>
    <row r="19641" spans="2:12" ht="28.5">
      <c r="B19641" s="368"/>
      <c r="C19641" s="368"/>
      <c r="D19641" s="368"/>
      <c r="E19641" s="368"/>
      <c r="F19641" s="361" t="s">
        <v>14472</v>
      </c>
      <c r="G19641" s="361" t="s">
        <v>14473</v>
      </c>
      <c r="H19641" s="361" t="s">
        <v>14422</v>
      </c>
      <c r="I19641" s="361" t="s">
        <v>14473</v>
      </c>
      <c r="J19641" s="366"/>
      <c r="K19641" s="366"/>
      <c r="L19641" s="366"/>
    </row>
    <row r="19642" spans="2:12" ht="28.5">
      <c r="B19642" s="358" t="s">
        <v>24545</v>
      </c>
      <c r="C19642" s="358" t="s">
        <v>24546</v>
      </c>
      <c r="D19642" s="358" t="s">
        <v>24547</v>
      </c>
      <c r="E19642" s="358" t="s">
        <v>24548</v>
      </c>
      <c r="F19642" s="358" t="s">
        <v>14420</v>
      </c>
      <c r="G19642" s="358" t="s">
        <v>14429</v>
      </c>
      <c r="H19642" s="358" t="s">
        <v>14367</v>
      </c>
      <c r="I19642" s="358" t="s">
        <v>14429</v>
      </c>
      <c r="J19642" s="358"/>
      <c r="K19642" s="358"/>
      <c r="L19642" s="358"/>
    </row>
    <row r="19643" spans="2:12">
      <c r="B19643" s="367"/>
      <c r="C19643" s="367"/>
      <c r="D19643" s="367"/>
      <c r="E19643" s="367"/>
      <c r="F19643" s="360"/>
      <c r="G19643" s="360"/>
      <c r="H19643" s="360"/>
      <c r="I19643" s="360"/>
      <c r="J19643" s="365"/>
      <c r="K19643" s="365"/>
      <c r="L19643" s="365"/>
    </row>
    <row r="19644" spans="2:12">
      <c r="B19644" s="367"/>
      <c r="C19644" s="367"/>
      <c r="D19644" s="367"/>
      <c r="E19644" s="367"/>
      <c r="F19644" s="359" t="s">
        <v>14371</v>
      </c>
      <c r="G19644" s="359" t="s">
        <v>14372</v>
      </c>
      <c r="H19644" s="359" t="s">
        <v>14370</v>
      </c>
      <c r="I19644" s="359" t="s">
        <v>14373</v>
      </c>
      <c r="J19644" s="365"/>
      <c r="K19644" s="365"/>
      <c r="L19644" s="365"/>
    </row>
    <row r="19645" spans="2:12">
      <c r="B19645" s="367"/>
      <c r="C19645" s="367"/>
      <c r="D19645" s="367"/>
      <c r="E19645" s="367"/>
      <c r="F19645" s="360"/>
      <c r="G19645" s="360"/>
      <c r="H19645" s="360"/>
      <c r="I19645" s="360"/>
      <c r="J19645" s="365"/>
      <c r="K19645" s="365"/>
      <c r="L19645" s="365"/>
    </row>
    <row r="19646" spans="2:12" ht="28.5">
      <c r="B19646" s="368"/>
      <c r="C19646" s="368"/>
      <c r="D19646" s="368"/>
      <c r="E19646" s="368"/>
      <c r="F19646" s="361" t="s">
        <v>14374</v>
      </c>
      <c r="G19646" s="361" t="s">
        <v>14373</v>
      </c>
      <c r="H19646" s="361" t="s">
        <v>14422</v>
      </c>
      <c r="I19646" s="362"/>
      <c r="J19646" s="366"/>
      <c r="K19646" s="366"/>
      <c r="L19646" s="366"/>
    </row>
    <row r="19647" spans="2:12" ht="28.5">
      <c r="B19647" s="358" t="s">
        <v>24549</v>
      </c>
      <c r="C19647" s="358" t="s">
        <v>27933</v>
      </c>
      <c r="D19647" s="358" t="s">
        <v>24550</v>
      </c>
      <c r="E19647" s="358" t="s">
        <v>24551</v>
      </c>
      <c r="F19647" s="358" t="s">
        <v>14472</v>
      </c>
      <c r="G19647" s="358" t="s">
        <v>14473</v>
      </c>
      <c r="H19647" s="358" t="s">
        <v>8356</v>
      </c>
      <c r="I19647" s="358" t="s">
        <v>14473</v>
      </c>
      <c r="J19647" s="358"/>
      <c r="K19647" s="358"/>
      <c r="L19647" s="358"/>
    </row>
    <row r="19648" spans="2:12">
      <c r="B19648" s="368"/>
      <c r="C19648" s="368"/>
      <c r="D19648" s="368"/>
      <c r="E19648" s="368"/>
      <c r="F19648" s="368"/>
      <c r="G19648" s="368"/>
      <c r="H19648" s="368"/>
      <c r="I19648" s="368"/>
      <c r="J19648" s="366"/>
      <c r="K19648" s="366"/>
      <c r="L19648" s="366"/>
    </row>
    <row r="19649" spans="2:12" ht="28.5">
      <c r="B19649" s="358" t="s">
        <v>24552</v>
      </c>
      <c r="C19649" s="358" t="s">
        <v>30445</v>
      </c>
      <c r="D19649" s="358" t="s">
        <v>24553</v>
      </c>
      <c r="E19649" s="358" t="s">
        <v>24554</v>
      </c>
      <c r="F19649" s="358" t="s">
        <v>14462</v>
      </c>
      <c r="G19649" s="358" t="s">
        <v>14463</v>
      </c>
      <c r="H19649" s="358" t="s">
        <v>8356</v>
      </c>
      <c r="I19649" s="358" t="s">
        <v>14463</v>
      </c>
      <c r="J19649" s="358"/>
      <c r="K19649" s="358"/>
      <c r="L19649" s="358"/>
    </row>
    <row r="19650" spans="2:12">
      <c r="B19650" s="368"/>
      <c r="C19650" s="368"/>
      <c r="D19650" s="368"/>
      <c r="E19650" s="368"/>
      <c r="F19650" s="368"/>
      <c r="G19650" s="368"/>
      <c r="H19650" s="368"/>
      <c r="I19650" s="368"/>
      <c r="J19650" s="366"/>
      <c r="K19650" s="366"/>
      <c r="L19650" s="366"/>
    </row>
    <row r="19651" spans="2:12">
      <c r="B19651" s="358" t="s">
        <v>24555</v>
      </c>
      <c r="C19651" s="358" t="s">
        <v>24556</v>
      </c>
      <c r="D19651" s="358" t="s">
        <v>24557</v>
      </c>
      <c r="E19651" s="358" t="s">
        <v>24558</v>
      </c>
      <c r="F19651" s="358" t="s">
        <v>14420</v>
      </c>
      <c r="G19651" s="358" t="s">
        <v>14421</v>
      </c>
      <c r="H19651" s="358" t="s">
        <v>14381</v>
      </c>
      <c r="I19651" s="358" t="s">
        <v>14421</v>
      </c>
      <c r="J19651" s="358"/>
      <c r="K19651" s="358"/>
      <c r="L19651" s="358"/>
    </row>
    <row r="19652" spans="2:12">
      <c r="B19652" s="367"/>
      <c r="C19652" s="367"/>
      <c r="D19652" s="367"/>
      <c r="E19652" s="367"/>
      <c r="F19652" s="360"/>
      <c r="G19652" s="360"/>
      <c r="H19652" s="360"/>
      <c r="I19652" s="360"/>
      <c r="J19652" s="365"/>
      <c r="K19652" s="365"/>
      <c r="L19652" s="365"/>
    </row>
    <row r="19653" spans="2:12">
      <c r="B19653" s="367"/>
      <c r="C19653" s="367"/>
      <c r="D19653" s="367"/>
      <c r="E19653" s="367"/>
      <c r="F19653" s="359" t="s">
        <v>14420</v>
      </c>
      <c r="G19653" s="359" t="s">
        <v>14429</v>
      </c>
      <c r="H19653" s="359" t="s">
        <v>14341</v>
      </c>
      <c r="I19653" s="359" t="s">
        <v>14429</v>
      </c>
      <c r="J19653" s="365"/>
      <c r="K19653" s="365"/>
      <c r="L19653" s="365"/>
    </row>
    <row r="19654" spans="2:12">
      <c r="B19654" s="367"/>
      <c r="C19654" s="367"/>
      <c r="D19654" s="367"/>
      <c r="E19654" s="367"/>
      <c r="F19654" s="360"/>
      <c r="G19654" s="360"/>
      <c r="H19654" s="360"/>
      <c r="I19654" s="360"/>
      <c r="J19654" s="365"/>
      <c r="K19654" s="365"/>
      <c r="L19654" s="365"/>
    </row>
    <row r="19655" spans="2:12">
      <c r="B19655" s="367"/>
      <c r="C19655" s="367"/>
      <c r="D19655" s="367"/>
      <c r="E19655" s="367"/>
      <c r="F19655" s="359" t="s">
        <v>14460</v>
      </c>
      <c r="G19655" s="359" t="s">
        <v>14519</v>
      </c>
      <c r="H19655" s="359" t="s">
        <v>14367</v>
      </c>
      <c r="I19655" s="359" t="s">
        <v>14519</v>
      </c>
      <c r="J19655" s="365"/>
      <c r="K19655" s="365"/>
      <c r="L19655" s="365"/>
    </row>
    <row r="19656" spans="2:12">
      <c r="B19656" s="367"/>
      <c r="C19656" s="367"/>
      <c r="D19656" s="367"/>
      <c r="E19656" s="367"/>
      <c r="F19656" s="360"/>
      <c r="G19656" s="360"/>
      <c r="H19656" s="360"/>
      <c r="I19656" s="360"/>
      <c r="J19656" s="365"/>
      <c r="K19656" s="365"/>
      <c r="L19656" s="365"/>
    </row>
    <row r="19657" spans="2:12">
      <c r="B19657" s="367"/>
      <c r="C19657" s="367"/>
      <c r="D19657" s="367"/>
      <c r="E19657" s="367"/>
      <c r="F19657" s="359" t="s">
        <v>14389</v>
      </c>
      <c r="G19657" s="359" t="s">
        <v>14390</v>
      </c>
      <c r="H19657" s="359" t="s">
        <v>14370</v>
      </c>
      <c r="I19657" s="359" t="s">
        <v>14390</v>
      </c>
      <c r="J19657" s="365"/>
      <c r="K19657" s="365"/>
      <c r="L19657" s="365"/>
    </row>
    <row r="19658" spans="2:12">
      <c r="B19658" s="367"/>
      <c r="C19658" s="367"/>
      <c r="D19658" s="367"/>
      <c r="E19658" s="367"/>
      <c r="F19658" s="360"/>
      <c r="G19658" s="360"/>
      <c r="H19658" s="360"/>
      <c r="I19658" s="360"/>
      <c r="J19658" s="365"/>
      <c r="K19658" s="365"/>
      <c r="L19658" s="365"/>
    </row>
    <row r="19659" spans="2:12">
      <c r="B19659" s="367"/>
      <c r="C19659" s="367"/>
      <c r="D19659" s="367"/>
      <c r="E19659" s="367"/>
      <c r="F19659" s="359" t="s">
        <v>14430</v>
      </c>
      <c r="G19659" s="359" t="s">
        <v>14431</v>
      </c>
      <c r="H19659" s="359" t="s">
        <v>14332</v>
      </c>
      <c r="I19659" s="359" t="s">
        <v>14431</v>
      </c>
      <c r="J19659" s="365"/>
      <c r="K19659" s="365"/>
      <c r="L19659" s="365"/>
    </row>
    <row r="19660" spans="2:12">
      <c r="B19660" s="367"/>
      <c r="C19660" s="367"/>
      <c r="D19660" s="367"/>
      <c r="E19660" s="367"/>
      <c r="F19660" s="360"/>
      <c r="G19660" s="360"/>
      <c r="H19660" s="360"/>
      <c r="I19660" s="360"/>
      <c r="J19660" s="365"/>
      <c r="K19660" s="365"/>
      <c r="L19660" s="365"/>
    </row>
    <row r="19661" spans="2:12">
      <c r="B19661" s="367"/>
      <c r="C19661" s="367"/>
      <c r="D19661" s="367"/>
      <c r="E19661" s="367"/>
      <c r="F19661" s="359" t="s">
        <v>14391</v>
      </c>
      <c r="G19661" s="359" t="s">
        <v>14392</v>
      </c>
      <c r="H19661" s="360"/>
      <c r="I19661" s="359" t="s">
        <v>14392</v>
      </c>
      <c r="J19661" s="365"/>
      <c r="K19661" s="365"/>
      <c r="L19661" s="365"/>
    </row>
    <row r="19662" spans="2:12">
      <c r="B19662" s="367"/>
      <c r="C19662" s="367"/>
      <c r="D19662" s="367"/>
      <c r="E19662" s="367"/>
      <c r="F19662" s="360"/>
      <c r="G19662" s="360"/>
      <c r="H19662" s="360"/>
      <c r="I19662" s="360"/>
      <c r="J19662" s="365"/>
      <c r="K19662" s="365"/>
      <c r="L19662" s="365"/>
    </row>
    <row r="19663" spans="2:12" ht="28.5">
      <c r="B19663" s="368"/>
      <c r="C19663" s="368"/>
      <c r="D19663" s="368"/>
      <c r="E19663" s="368"/>
      <c r="F19663" s="361" t="s">
        <v>14394</v>
      </c>
      <c r="G19663" s="361" t="s">
        <v>14395</v>
      </c>
      <c r="H19663" s="362"/>
      <c r="I19663" s="361" t="s">
        <v>14395</v>
      </c>
      <c r="J19663" s="366"/>
      <c r="K19663" s="366"/>
      <c r="L19663" s="366"/>
    </row>
    <row r="19664" spans="2:12" ht="42.75">
      <c r="B19664" s="358" t="s">
        <v>24559</v>
      </c>
      <c r="C19664" s="358" t="s">
        <v>27934</v>
      </c>
      <c r="D19664" s="358" t="s">
        <v>24560</v>
      </c>
      <c r="E19664" s="358" t="s">
        <v>24561</v>
      </c>
      <c r="F19664" s="358" t="s">
        <v>14371</v>
      </c>
      <c r="G19664" s="358" t="s">
        <v>14372</v>
      </c>
      <c r="H19664" s="358" t="s">
        <v>14370</v>
      </c>
      <c r="I19664" s="358" t="s">
        <v>14373</v>
      </c>
      <c r="J19664" s="358"/>
      <c r="K19664" s="358"/>
      <c r="L19664" s="358"/>
    </row>
    <row r="19665" spans="2:12">
      <c r="B19665" s="367"/>
      <c r="C19665" s="367"/>
      <c r="D19665" s="367"/>
      <c r="E19665" s="367"/>
      <c r="F19665" s="360"/>
      <c r="G19665" s="360"/>
      <c r="H19665" s="360"/>
      <c r="I19665" s="367"/>
      <c r="J19665" s="365"/>
      <c r="K19665" s="365"/>
      <c r="L19665" s="365"/>
    </row>
    <row r="19666" spans="2:12" ht="28.5">
      <c r="B19666" s="368"/>
      <c r="C19666" s="368"/>
      <c r="D19666" s="368"/>
      <c r="E19666" s="368"/>
      <c r="F19666" s="361" t="s">
        <v>14374</v>
      </c>
      <c r="G19666" s="361" t="s">
        <v>14373</v>
      </c>
      <c r="H19666" s="361" t="s">
        <v>14422</v>
      </c>
      <c r="I19666" s="368"/>
      <c r="J19666" s="366"/>
      <c r="K19666" s="366"/>
      <c r="L19666" s="366"/>
    </row>
    <row r="19667" spans="2:12" ht="57">
      <c r="B19667" s="358" t="s">
        <v>24562</v>
      </c>
      <c r="C19667" s="358" t="s">
        <v>27935</v>
      </c>
      <c r="D19667" s="358" t="s">
        <v>24563</v>
      </c>
      <c r="E19667" s="358" t="s">
        <v>24564</v>
      </c>
      <c r="F19667" s="358" t="s">
        <v>14462</v>
      </c>
      <c r="G19667" s="358" t="s">
        <v>14463</v>
      </c>
      <c r="H19667" s="358" t="s">
        <v>8356</v>
      </c>
      <c r="I19667" s="358" t="s">
        <v>14463</v>
      </c>
      <c r="J19667" s="358"/>
      <c r="K19667" s="358"/>
      <c r="L19667" s="358"/>
    </row>
    <row r="19668" spans="2:12">
      <c r="B19668" s="368"/>
      <c r="C19668" s="368"/>
      <c r="D19668" s="368"/>
      <c r="E19668" s="368"/>
      <c r="F19668" s="368"/>
      <c r="G19668" s="368"/>
      <c r="H19668" s="368"/>
      <c r="I19668" s="368"/>
      <c r="J19668" s="366"/>
      <c r="K19668" s="366"/>
      <c r="L19668" s="366"/>
    </row>
    <row r="19669" spans="2:12">
      <c r="B19669" s="358" t="s">
        <v>24565</v>
      </c>
      <c r="C19669" s="358" t="s">
        <v>24566</v>
      </c>
      <c r="D19669" s="358" t="s">
        <v>24567</v>
      </c>
      <c r="E19669" s="358" t="s">
        <v>24568</v>
      </c>
      <c r="F19669" s="358" t="s">
        <v>14420</v>
      </c>
      <c r="G19669" s="358" t="s">
        <v>14429</v>
      </c>
      <c r="H19669" s="358" t="s">
        <v>14341</v>
      </c>
      <c r="I19669" s="358" t="s">
        <v>14429</v>
      </c>
      <c r="J19669" s="358"/>
      <c r="K19669" s="358"/>
      <c r="L19669" s="358"/>
    </row>
    <row r="19670" spans="2:12">
      <c r="B19670" s="367"/>
      <c r="C19670" s="367"/>
      <c r="D19670" s="367"/>
      <c r="E19670" s="367"/>
      <c r="F19670" s="360"/>
      <c r="G19670" s="360"/>
      <c r="H19670" s="360"/>
      <c r="I19670" s="360"/>
      <c r="J19670" s="365"/>
      <c r="K19670" s="365"/>
      <c r="L19670" s="365"/>
    </row>
    <row r="19671" spans="2:12">
      <c r="B19671" s="367"/>
      <c r="C19671" s="367"/>
      <c r="D19671" s="367"/>
      <c r="E19671" s="367"/>
      <c r="F19671" s="359" t="s">
        <v>14430</v>
      </c>
      <c r="G19671" s="359" t="s">
        <v>14431</v>
      </c>
      <c r="H19671" s="359" t="s">
        <v>14367</v>
      </c>
      <c r="I19671" s="359" t="s">
        <v>14431</v>
      </c>
      <c r="J19671" s="365"/>
      <c r="K19671" s="365"/>
      <c r="L19671" s="365"/>
    </row>
    <row r="19672" spans="2:12">
      <c r="B19672" s="367"/>
      <c r="C19672" s="367"/>
      <c r="D19672" s="367"/>
      <c r="E19672" s="367"/>
      <c r="F19672" s="360"/>
      <c r="G19672" s="360"/>
      <c r="H19672" s="360"/>
      <c r="I19672" s="360"/>
      <c r="J19672" s="365"/>
      <c r="K19672" s="365"/>
      <c r="L19672" s="365"/>
    </row>
    <row r="19673" spans="2:12">
      <c r="B19673" s="367"/>
      <c r="C19673" s="367"/>
      <c r="D19673" s="367"/>
      <c r="E19673" s="367"/>
      <c r="F19673" s="359" t="s">
        <v>14391</v>
      </c>
      <c r="G19673" s="359" t="s">
        <v>14392</v>
      </c>
      <c r="H19673" s="359" t="s">
        <v>14370</v>
      </c>
      <c r="I19673" s="359" t="s">
        <v>14392</v>
      </c>
      <c r="J19673" s="365"/>
      <c r="K19673" s="365"/>
      <c r="L19673" s="365"/>
    </row>
    <row r="19674" spans="2:12">
      <c r="B19674" s="367"/>
      <c r="C19674" s="367"/>
      <c r="D19674" s="367"/>
      <c r="E19674" s="367"/>
      <c r="F19674" s="360"/>
      <c r="G19674" s="360"/>
      <c r="H19674" s="360"/>
      <c r="I19674" s="360"/>
      <c r="J19674" s="365"/>
      <c r="K19674" s="365"/>
      <c r="L19674" s="365"/>
    </row>
    <row r="19675" spans="2:12" ht="28.5">
      <c r="B19675" s="368"/>
      <c r="C19675" s="368"/>
      <c r="D19675" s="368"/>
      <c r="E19675" s="368"/>
      <c r="F19675" s="361" t="s">
        <v>14394</v>
      </c>
      <c r="G19675" s="361" t="s">
        <v>14395</v>
      </c>
      <c r="H19675" s="361" t="s">
        <v>14332</v>
      </c>
      <c r="I19675" s="361" t="s">
        <v>14395</v>
      </c>
      <c r="J19675" s="366"/>
      <c r="K19675" s="366"/>
      <c r="L19675" s="366"/>
    </row>
    <row r="19676" spans="2:12" ht="28.5">
      <c r="B19676" s="358" t="s">
        <v>24569</v>
      </c>
      <c r="C19676" s="358" t="s">
        <v>24570</v>
      </c>
      <c r="D19676" s="358" t="s">
        <v>24571</v>
      </c>
      <c r="E19676" s="358" t="s">
        <v>24572</v>
      </c>
      <c r="F19676" s="358" t="s">
        <v>14389</v>
      </c>
      <c r="G19676" s="358" t="s">
        <v>14390</v>
      </c>
      <c r="H19676" s="358" t="s">
        <v>14367</v>
      </c>
      <c r="I19676" s="358" t="s">
        <v>14390</v>
      </c>
      <c r="J19676" s="358"/>
      <c r="K19676" s="358"/>
      <c r="L19676" s="358"/>
    </row>
    <row r="19677" spans="2:12">
      <c r="B19677" s="367"/>
      <c r="C19677" s="367"/>
      <c r="D19677" s="367"/>
      <c r="E19677" s="367"/>
      <c r="F19677" s="360"/>
      <c r="G19677" s="360"/>
      <c r="H19677" s="360"/>
      <c r="I19677" s="360"/>
      <c r="J19677" s="365"/>
      <c r="K19677" s="365"/>
      <c r="L19677" s="365"/>
    </row>
    <row r="19678" spans="2:12" ht="28.5">
      <c r="B19678" s="367"/>
      <c r="C19678" s="367"/>
      <c r="D19678" s="367"/>
      <c r="E19678" s="367"/>
      <c r="F19678" s="359" t="s">
        <v>14394</v>
      </c>
      <c r="G19678" s="359" t="s">
        <v>14395</v>
      </c>
      <c r="H19678" s="359" t="s">
        <v>14370</v>
      </c>
      <c r="I19678" s="359" t="s">
        <v>14395</v>
      </c>
      <c r="J19678" s="365"/>
      <c r="K19678" s="365"/>
      <c r="L19678" s="365"/>
    </row>
    <row r="19679" spans="2:12">
      <c r="B19679" s="367"/>
      <c r="C19679" s="367"/>
      <c r="D19679" s="367"/>
      <c r="E19679" s="367"/>
      <c r="F19679" s="360"/>
      <c r="G19679" s="360"/>
      <c r="H19679" s="360"/>
      <c r="I19679" s="360"/>
      <c r="J19679" s="365"/>
      <c r="K19679" s="365"/>
      <c r="L19679" s="365"/>
    </row>
    <row r="19680" spans="2:12">
      <c r="B19680" s="368"/>
      <c r="C19680" s="368"/>
      <c r="D19680" s="368"/>
      <c r="E19680" s="368"/>
      <c r="F19680" s="362"/>
      <c r="G19680" s="362"/>
      <c r="H19680" s="361" t="s">
        <v>14422</v>
      </c>
      <c r="I19680" s="362"/>
      <c r="J19680" s="366"/>
      <c r="K19680" s="366"/>
      <c r="L19680" s="366"/>
    </row>
    <row r="19681" spans="2:12" ht="28.5">
      <c r="B19681" s="358" t="s">
        <v>24573</v>
      </c>
      <c r="C19681" s="358" t="s">
        <v>27936</v>
      </c>
      <c r="D19681" s="358" t="s">
        <v>24574</v>
      </c>
      <c r="E19681" s="358" t="s">
        <v>24575</v>
      </c>
      <c r="F19681" s="358" t="s">
        <v>14420</v>
      </c>
      <c r="G19681" s="358" t="s">
        <v>14429</v>
      </c>
      <c r="H19681" s="358" t="s">
        <v>14367</v>
      </c>
      <c r="I19681" s="358" t="s">
        <v>14429</v>
      </c>
      <c r="J19681" s="358"/>
      <c r="K19681" s="358"/>
      <c r="L19681" s="358"/>
    </row>
    <row r="19682" spans="2:12">
      <c r="B19682" s="367"/>
      <c r="C19682" s="367"/>
      <c r="D19682" s="367"/>
      <c r="E19682" s="367"/>
      <c r="F19682" s="367"/>
      <c r="G19682" s="367"/>
      <c r="H19682" s="360"/>
      <c r="I19682" s="367"/>
      <c r="J19682" s="365"/>
      <c r="K19682" s="365"/>
      <c r="L19682" s="365"/>
    </row>
    <row r="19683" spans="2:12">
      <c r="B19683" s="368"/>
      <c r="C19683" s="368"/>
      <c r="D19683" s="368"/>
      <c r="E19683" s="368"/>
      <c r="F19683" s="368"/>
      <c r="G19683" s="368"/>
      <c r="H19683" s="361" t="s">
        <v>14422</v>
      </c>
      <c r="I19683" s="368"/>
      <c r="J19683" s="366"/>
      <c r="K19683" s="366"/>
      <c r="L19683" s="366"/>
    </row>
    <row r="19684" spans="2:12">
      <c r="B19684" s="358" t="s">
        <v>24576</v>
      </c>
      <c r="C19684" s="358" t="s">
        <v>24577</v>
      </c>
      <c r="D19684" s="358" t="s">
        <v>24578</v>
      </c>
      <c r="E19684" s="358" t="s">
        <v>24579</v>
      </c>
      <c r="F19684" s="358" t="s">
        <v>14420</v>
      </c>
      <c r="G19684" s="358" t="s">
        <v>14421</v>
      </c>
      <c r="H19684" s="358" t="s">
        <v>14367</v>
      </c>
      <c r="I19684" s="358" t="s">
        <v>14421</v>
      </c>
      <c r="J19684" s="358"/>
      <c r="K19684" s="358"/>
      <c r="L19684" s="358"/>
    </row>
    <row r="19685" spans="2:12">
      <c r="B19685" s="367"/>
      <c r="C19685" s="367"/>
      <c r="D19685" s="367"/>
      <c r="E19685" s="367"/>
      <c r="F19685" s="360"/>
      <c r="G19685" s="360"/>
      <c r="H19685" s="360"/>
      <c r="I19685" s="360"/>
      <c r="J19685" s="365"/>
      <c r="K19685" s="365"/>
      <c r="L19685" s="365"/>
    </row>
    <row r="19686" spans="2:12">
      <c r="B19686" s="367"/>
      <c r="C19686" s="367"/>
      <c r="D19686" s="367"/>
      <c r="E19686" s="367"/>
      <c r="F19686" s="359" t="s">
        <v>14420</v>
      </c>
      <c r="G19686" s="359" t="s">
        <v>14429</v>
      </c>
      <c r="H19686" s="359" t="s">
        <v>14422</v>
      </c>
      <c r="I19686" s="359" t="s">
        <v>14429</v>
      </c>
      <c r="J19686" s="365"/>
      <c r="K19686" s="365"/>
      <c r="L19686" s="365"/>
    </row>
    <row r="19687" spans="2:12">
      <c r="B19687" s="367"/>
      <c r="C19687" s="367"/>
      <c r="D19687" s="367"/>
      <c r="E19687" s="367"/>
      <c r="F19687" s="360"/>
      <c r="G19687" s="360"/>
      <c r="H19687" s="360"/>
      <c r="I19687" s="360"/>
      <c r="J19687" s="365"/>
      <c r="K19687" s="365"/>
      <c r="L19687" s="365"/>
    </row>
    <row r="19688" spans="2:12">
      <c r="B19688" s="367"/>
      <c r="C19688" s="367"/>
      <c r="D19688" s="367"/>
      <c r="E19688" s="367"/>
      <c r="F19688" s="359" t="s">
        <v>14389</v>
      </c>
      <c r="G19688" s="359" t="s">
        <v>14390</v>
      </c>
      <c r="H19688" s="360"/>
      <c r="I19688" s="359" t="s">
        <v>14390</v>
      </c>
      <c r="J19688" s="365"/>
      <c r="K19688" s="365"/>
      <c r="L19688" s="365"/>
    </row>
    <row r="19689" spans="2:12">
      <c r="B19689" s="367"/>
      <c r="C19689" s="367"/>
      <c r="D19689" s="367"/>
      <c r="E19689" s="367"/>
      <c r="F19689" s="360"/>
      <c r="G19689" s="360"/>
      <c r="H19689" s="360"/>
      <c r="I19689" s="360"/>
      <c r="J19689" s="365"/>
      <c r="K19689" s="365"/>
      <c r="L19689" s="365"/>
    </row>
    <row r="19690" spans="2:12" ht="28.5">
      <c r="B19690" s="368"/>
      <c r="C19690" s="368"/>
      <c r="D19690" s="368"/>
      <c r="E19690" s="368"/>
      <c r="F19690" s="361" t="s">
        <v>14472</v>
      </c>
      <c r="G19690" s="361" t="s">
        <v>14473</v>
      </c>
      <c r="H19690" s="362"/>
      <c r="I19690" s="361" t="s">
        <v>14473</v>
      </c>
      <c r="J19690" s="366"/>
      <c r="K19690" s="366"/>
      <c r="L19690" s="366"/>
    </row>
    <row r="19691" spans="2:12">
      <c r="B19691" s="358" t="s">
        <v>24580</v>
      </c>
      <c r="C19691" s="358" t="s">
        <v>24581</v>
      </c>
      <c r="D19691" s="358" t="s">
        <v>24582</v>
      </c>
      <c r="E19691" s="358" t="s">
        <v>24583</v>
      </c>
      <c r="F19691" s="358" t="s">
        <v>14420</v>
      </c>
      <c r="G19691" s="358" t="s">
        <v>14429</v>
      </c>
      <c r="H19691" s="358" t="s">
        <v>14381</v>
      </c>
      <c r="I19691" s="358" t="s">
        <v>14429</v>
      </c>
      <c r="J19691" s="358"/>
      <c r="K19691" s="358"/>
      <c r="L19691" s="358"/>
    </row>
    <row r="19692" spans="2:12">
      <c r="B19692" s="367"/>
      <c r="C19692" s="367"/>
      <c r="D19692" s="367"/>
      <c r="E19692" s="367"/>
      <c r="F19692" s="360"/>
      <c r="G19692" s="360"/>
      <c r="H19692" s="360"/>
      <c r="I19692" s="360"/>
      <c r="J19692" s="365"/>
      <c r="K19692" s="365"/>
      <c r="L19692" s="365"/>
    </row>
    <row r="19693" spans="2:12">
      <c r="B19693" s="367"/>
      <c r="C19693" s="367"/>
      <c r="D19693" s="367"/>
      <c r="E19693" s="367"/>
      <c r="F19693" s="359" t="s">
        <v>14460</v>
      </c>
      <c r="G19693" s="359" t="s">
        <v>14519</v>
      </c>
      <c r="H19693" s="359" t="s">
        <v>14341</v>
      </c>
      <c r="I19693" s="359" t="s">
        <v>14519</v>
      </c>
      <c r="J19693" s="365"/>
      <c r="K19693" s="365"/>
      <c r="L19693" s="365"/>
    </row>
    <row r="19694" spans="2:12">
      <c r="B19694" s="367"/>
      <c r="C19694" s="367"/>
      <c r="D19694" s="367"/>
      <c r="E19694" s="367"/>
      <c r="F19694" s="360"/>
      <c r="G19694" s="360"/>
      <c r="H19694" s="360"/>
      <c r="I19694" s="360"/>
      <c r="J19694" s="365"/>
      <c r="K19694" s="365"/>
      <c r="L19694" s="365"/>
    </row>
    <row r="19695" spans="2:12">
      <c r="B19695" s="367"/>
      <c r="C19695" s="367"/>
      <c r="D19695" s="367"/>
      <c r="E19695" s="367"/>
      <c r="F19695" s="359" t="s">
        <v>14430</v>
      </c>
      <c r="G19695" s="359" t="s">
        <v>14431</v>
      </c>
      <c r="H19695" s="359" t="s">
        <v>14367</v>
      </c>
      <c r="I19695" s="359" t="s">
        <v>14431</v>
      </c>
      <c r="J19695" s="365"/>
      <c r="K19695" s="365"/>
      <c r="L19695" s="365"/>
    </row>
    <row r="19696" spans="2:12">
      <c r="B19696" s="367"/>
      <c r="C19696" s="367"/>
      <c r="D19696" s="367"/>
      <c r="E19696" s="367"/>
      <c r="F19696" s="360"/>
      <c r="G19696" s="360"/>
      <c r="H19696" s="360"/>
      <c r="I19696" s="360"/>
      <c r="J19696" s="365"/>
      <c r="K19696" s="365"/>
      <c r="L19696" s="365"/>
    </row>
    <row r="19697" spans="2:12">
      <c r="B19697" s="368"/>
      <c r="C19697" s="368"/>
      <c r="D19697" s="368"/>
      <c r="E19697" s="368"/>
      <c r="F19697" s="361" t="s">
        <v>14391</v>
      </c>
      <c r="G19697" s="361" t="s">
        <v>14392</v>
      </c>
      <c r="H19697" s="361" t="s">
        <v>14332</v>
      </c>
      <c r="I19697" s="361" t="s">
        <v>14392</v>
      </c>
      <c r="J19697" s="366"/>
      <c r="K19697" s="366"/>
      <c r="L19697" s="366"/>
    </row>
    <row r="19698" spans="2:12" ht="28.5">
      <c r="B19698" s="358" t="s">
        <v>24584</v>
      </c>
      <c r="C19698" s="358" t="s">
        <v>27937</v>
      </c>
      <c r="D19698" s="358" t="s">
        <v>24585</v>
      </c>
      <c r="E19698" s="358" t="s">
        <v>24586</v>
      </c>
      <c r="F19698" s="358" t="s">
        <v>14462</v>
      </c>
      <c r="G19698" s="358" t="s">
        <v>14463</v>
      </c>
      <c r="H19698" s="358" t="s">
        <v>8356</v>
      </c>
      <c r="I19698" s="358" t="s">
        <v>14463</v>
      </c>
      <c r="J19698" s="358"/>
      <c r="K19698" s="358"/>
      <c r="L19698" s="358"/>
    </row>
    <row r="19699" spans="2:12">
      <c r="B19699" s="368"/>
      <c r="C19699" s="368"/>
      <c r="D19699" s="368"/>
      <c r="E19699" s="368"/>
      <c r="F19699" s="368"/>
      <c r="G19699" s="368"/>
      <c r="H19699" s="368"/>
      <c r="I19699" s="368"/>
      <c r="J19699" s="366"/>
      <c r="K19699" s="366"/>
      <c r="L19699" s="366"/>
    </row>
    <row r="19700" spans="2:12">
      <c r="B19700" s="358" t="s">
        <v>24587</v>
      </c>
      <c r="C19700" s="358" t="s">
        <v>24588</v>
      </c>
      <c r="D19700" s="358" t="s">
        <v>24589</v>
      </c>
      <c r="E19700" s="358" t="s">
        <v>24590</v>
      </c>
      <c r="F19700" s="358" t="s">
        <v>14420</v>
      </c>
      <c r="G19700" s="358" t="s">
        <v>14429</v>
      </c>
      <c r="H19700" s="358" t="s">
        <v>14341</v>
      </c>
      <c r="I19700" s="358" t="s">
        <v>14429</v>
      </c>
      <c r="J19700" s="358"/>
      <c r="K19700" s="358"/>
      <c r="L19700" s="358"/>
    </row>
    <row r="19701" spans="2:12">
      <c r="B19701" s="367"/>
      <c r="C19701" s="367"/>
      <c r="D19701" s="367"/>
      <c r="E19701" s="367"/>
      <c r="F19701" s="360"/>
      <c r="G19701" s="360"/>
      <c r="H19701" s="360"/>
      <c r="I19701" s="360"/>
      <c r="J19701" s="365"/>
      <c r="K19701" s="365"/>
      <c r="L19701" s="365"/>
    </row>
    <row r="19702" spans="2:12">
      <c r="B19702" s="367"/>
      <c r="C19702" s="367"/>
      <c r="D19702" s="367"/>
      <c r="E19702" s="367"/>
      <c r="F19702" s="359" t="s">
        <v>14356</v>
      </c>
      <c r="G19702" s="359" t="s">
        <v>14340</v>
      </c>
      <c r="H19702" s="359" t="s">
        <v>14367</v>
      </c>
      <c r="I19702" s="359" t="s">
        <v>14340</v>
      </c>
      <c r="J19702" s="365"/>
      <c r="K19702" s="365"/>
      <c r="L19702" s="365"/>
    </row>
    <row r="19703" spans="2:12">
      <c r="B19703" s="367"/>
      <c r="C19703" s="367"/>
      <c r="D19703" s="367"/>
      <c r="E19703" s="367"/>
      <c r="F19703" s="360"/>
      <c r="G19703" s="360"/>
      <c r="H19703" s="360"/>
      <c r="I19703" s="360"/>
      <c r="J19703" s="365"/>
      <c r="K19703" s="365"/>
      <c r="L19703" s="365"/>
    </row>
    <row r="19704" spans="2:12">
      <c r="B19704" s="367"/>
      <c r="C19704" s="367"/>
      <c r="D19704" s="367"/>
      <c r="E19704" s="367"/>
      <c r="F19704" s="359" t="s">
        <v>14391</v>
      </c>
      <c r="G19704" s="359" t="s">
        <v>14392</v>
      </c>
      <c r="H19704" s="359" t="s">
        <v>14370</v>
      </c>
      <c r="I19704" s="359" t="s">
        <v>14392</v>
      </c>
      <c r="J19704" s="365"/>
      <c r="K19704" s="365"/>
      <c r="L19704" s="365"/>
    </row>
    <row r="19705" spans="2:12">
      <c r="B19705" s="367"/>
      <c r="C19705" s="367"/>
      <c r="D19705" s="367"/>
      <c r="E19705" s="367"/>
      <c r="F19705" s="360"/>
      <c r="G19705" s="360"/>
      <c r="H19705" s="360"/>
      <c r="I19705" s="360"/>
      <c r="J19705" s="365"/>
      <c r="K19705" s="365"/>
      <c r="L19705" s="365"/>
    </row>
    <row r="19706" spans="2:12">
      <c r="B19706" s="367"/>
      <c r="C19706" s="367"/>
      <c r="D19706" s="367"/>
      <c r="E19706" s="367"/>
      <c r="F19706" s="359" t="s">
        <v>14371</v>
      </c>
      <c r="G19706" s="359" t="s">
        <v>14372</v>
      </c>
      <c r="H19706" s="359" t="s">
        <v>14332</v>
      </c>
      <c r="I19706" s="359" t="s">
        <v>14373</v>
      </c>
      <c r="J19706" s="365"/>
      <c r="K19706" s="365"/>
      <c r="L19706" s="365"/>
    </row>
    <row r="19707" spans="2:12">
      <c r="B19707" s="367"/>
      <c r="C19707" s="367"/>
      <c r="D19707" s="367"/>
      <c r="E19707" s="367"/>
      <c r="F19707" s="360"/>
      <c r="G19707" s="360"/>
      <c r="H19707" s="360"/>
      <c r="I19707" s="360"/>
      <c r="J19707" s="365"/>
      <c r="K19707" s="365"/>
      <c r="L19707" s="365"/>
    </row>
    <row r="19708" spans="2:12" ht="28.5">
      <c r="B19708" s="368"/>
      <c r="C19708" s="368"/>
      <c r="D19708" s="368"/>
      <c r="E19708" s="368"/>
      <c r="F19708" s="361" t="s">
        <v>14374</v>
      </c>
      <c r="G19708" s="361" t="s">
        <v>14373</v>
      </c>
      <c r="H19708" s="362"/>
      <c r="I19708" s="362"/>
      <c r="J19708" s="366"/>
      <c r="K19708" s="366"/>
      <c r="L19708" s="366"/>
    </row>
    <row r="19709" spans="2:12" ht="42.75">
      <c r="B19709" s="358" t="s">
        <v>24591</v>
      </c>
      <c r="C19709" s="358" t="s">
        <v>24592</v>
      </c>
      <c r="D19709" s="358" t="s">
        <v>24593</v>
      </c>
      <c r="E19709" s="358" t="s">
        <v>8356</v>
      </c>
      <c r="F19709" s="358" t="s">
        <v>14460</v>
      </c>
      <c r="G19709" s="358" t="s">
        <v>14519</v>
      </c>
      <c r="H19709" s="358" t="s">
        <v>14381</v>
      </c>
      <c r="I19709" s="358" t="s">
        <v>14519</v>
      </c>
      <c r="J19709" s="358"/>
      <c r="K19709" s="358"/>
      <c r="L19709" s="358"/>
    </row>
    <row r="19710" spans="2:12">
      <c r="B19710" s="367"/>
      <c r="C19710" s="360"/>
      <c r="D19710" s="367"/>
      <c r="E19710" s="367"/>
      <c r="F19710" s="360"/>
      <c r="G19710" s="360"/>
      <c r="H19710" s="360"/>
      <c r="I19710" s="360"/>
      <c r="J19710" s="365"/>
      <c r="K19710" s="365"/>
      <c r="L19710" s="365"/>
    </row>
    <row r="19711" spans="2:12" ht="28.5">
      <c r="B19711" s="368"/>
      <c r="C19711" s="361" t="s">
        <v>24594</v>
      </c>
      <c r="D19711" s="368"/>
      <c r="E19711" s="368"/>
      <c r="F19711" s="361" t="s">
        <v>14462</v>
      </c>
      <c r="G19711" s="361" t="s">
        <v>14463</v>
      </c>
      <c r="H19711" s="361" t="s">
        <v>14422</v>
      </c>
      <c r="I19711" s="361" t="s">
        <v>14463</v>
      </c>
      <c r="J19711" s="366"/>
      <c r="K19711" s="366"/>
      <c r="L19711" s="366"/>
    </row>
    <row r="19712" spans="2:12" ht="42.75">
      <c r="B19712" s="358" t="s">
        <v>24595</v>
      </c>
      <c r="C19712" s="358" t="s">
        <v>24596</v>
      </c>
      <c r="D19712" s="358" t="s">
        <v>24597</v>
      </c>
      <c r="E19712" s="358" t="s">
        <v>24598</v>
      </c>
      <c r="F19712" s="358" t="s">
        <v>14430</v>
      </c>
      <c r="G19712" s="358" t="s">
        <v>14431</v>
      </c>
      <c r="H19712" s="358" t="s">
        <v>14341</v>
      </c>
      <c r="I19712" s="358" t="s">
        <v>14431</v>
      </c>
      <c r="J19712" s="358"/>
      <c r="K19712" s="358"/>
      <c r="L19712" s="358"/>
    </row>
    <row r="19713" spans="2:12">
      <c r="B19713" s="367"/>
      <c r="C19713" s="367"/>
      <c r="D19713" s="367"/>
      <c r="E19713" s="367"/>
      <c r="F19713" s="360"/>
      <c r="G19713" s="360"/>
      <c r="H19713" s="360"/>
      <c r="I19713" s="360"/>
      <c r="J19713" s="365"/>
      <c r="K19713" s="365"/>
      <c r="L19713" s="365"/>
    </row>
    <row r="19714" spans="2:12">
      <c r="B19714" s="367"/>
      <c r="C19714" s="367"/>
      <c r="D19714" s="367"/>
      <c r="E19714" s="367"/>
      <c r="F19714" s="359" t="s">
        <v>14371</v>
      </c>
      <c r="G19714" s="359" t="s">
        <v>14372</v>
      </c>
      <c r="H19714" s="359" t="s">
        <v>14370</v>
      </c>
      <c r="I19714" s="359" t="s">
        <v>14373</v>
      </c>
      <c r="J19714" s="365"/>
      <c r="K19714" s="365"/>
      <c r="L19714" s="365"/>
    </row>
    <row r="19715" spans="2:12">
      <c r="B19715" s="367"/>
      <c r="C19715" s="367"/>
      <c r="D19715" s="367"/>
      <c r="E19715" s="367"/>
      <c r="F19715" s="360"/>
      <c r="G19715" s="360"/>
      <c r="H19715" s="360"/>
      <c r="I19715" s="360"/>
      <c r="J19715" s="365"/>
      <c r="K19715" s="365"/>
      <c r="L19715" s="365"/>
    </row>
    <row r="19716" spans="2:12" ht="28.5">
      <c r="B19716" s="368"/>
      <c r="C19716" s="368"/>
      <c r="D19716" s="368"/>
      <c r="E19716" s="368"/>
      <c r="F19716" s="361" t="s">
        <v>14374</v>
      </c>
      <c r="G19716" s="361" t="s">
        <v>14373</v>
      </c>
      <c r="H19716" s="361" t="s">
        <v>14332</v>
      </c>
      <c r="I19716" s="362"/>
      <c r="J19716" s="366"/>
      <c r="K19716" s="366"/>
      <c r="L19716" s="366"/>
    </row>
    <row r="19717" spans="2:12" ht="28.5">
      <c r="B19717" s="358" t="s">
        <v>24599</v>
      </c>
      <c r="C19717" s="358" t="s">
        <v>27938</v>
      </c>
      <c r="D19717" s="358" t="s">
        <v>24600</v>
      </c>
      <c r="E19717" s="358" t="s">
        <v>24601</v>
      </c>
      <c r="F19717" s="358" t="s">
        <v>14391</v>
      </c>
      <c r="G19717" s="358" t="s">
        <v>14392</v>
      </c>
      <c r="H19717" s="358" t="s">
        <v>14367</v>
      </c>
      <c r="I19717" s="358" t="s">
        <v>14392</v>
      </c>
      <c r="J19717" s="358"/>
      <c r="K19717" s="358"/>
      <c r="L19717" s="358"/>
    </row>
    <row r="19718" spans="2:12">
      <c r="B19718" s="367"/>
      <c r="C19718" s="367"/>
      <c r="D19718" s="367"/>
      <c r="E19718" s="367"/>
      <c r="F19718" s="360"/>
      <c r="G19718" s="360"/>
      <c r="H19718" s="360"/>
      <c r="I19718" s="360"/>
      <c r="J19718" s="365"/>
      <c r="K19718" s="365"/>
      <c r="L19718" s="365"/>
    </row>
    <row r="19719" spans="2:12" ht="28.5">
      <c r="B19719" s="367"/>
      <c r="C19719" s="367"/>
      <c r="D19719" s="367"/>
      <c r="E19719" s="367"/>
      <c r="F19719" s="359" t="s">
        <v>14394</v>
      </c>
      <c r="G19719" s="359" t="s">
        <v>14395</v>
      </c>
      <c r="H19719" s="359" t="s">
        <v>14370</v>
      </c>
      <c r="I19719" s="359" t="s">
        <v>14395</v>
      </c>
      <c r="J19719" s="365"/>
      <c r="K19719" s="365"/>
      <c r="L19719" s="365"/>
    </row>
    <row r="19720" spans="2:12">
      <c r="B19720" s="367"/>
      <c r="C19720" s="367"/>
      <c r="D19720" s="367"/>
      <c r="E19720" s="367"/>
      <c r="F19720" s="360"/>
      <c r="G19720" s="360"/>
      <c r="H19720" s="360"/>
      <c r="I19720" s="360"/>
      <c r="J19720" s="365"/>
      <c r="K19720" s="365"/>
      <c r="L19720" s="365"/>
    </row>
    <row r="19721" spans="2:12">
      <c r="B19721" s="368"/>
      <c r="C19721" s="368"/>
      <c r="D19721" s="368"/>
      <c r="E19721" s="368"/>
      <c r="F19721" s="362"/>
      <c r="G19721" s="362"/>
      <c r="H19721" s="361" t="s">
        <v>14422</v>
      </c>
      <c r="I19721" s="362"/>
      <c r="J19721" s="366"/>
      <c r="K19721" s="366"/>
      <c r="L19721" s="366"/>
    </row>
    <row r="19722" spans="2:12" ht="28.5">
      <c r="B19722" s="358" t="s">
        <v>24602</v>
      </c>
      <c r="C19722" s="358" t="s">
        <v>27939</v>
      </c>
      <c r="D19722" s="358" t="s">
        <v>24603</v>
      </c>
      <c r="E19722" s="358" t="s">
        <v>24604</v>
      </c>
      <c r="F19722" s="358" t="s">
        <v>14394</v>
      </c>
      <c r="G19722" s="358" t="s">
        <v>14395</v>
      </c>
      <c r="H19722" s="358" t="s">
        <v>14370</v>
      </c>
      <c r="I19722" s="358" t="s">
        <v>14395</v>
      </c>
      <c r="J19722" s="358"/>
      <c r="K19722" s="358"/>
      <c r="L19722" s="358"/>
    </row>
    <row r="19723" spans="2:12">
      <c r="B19723" s="368"/>
      <c r="C19723" s="368"/>
      <c r="D19723" s="368"/>
      <c r="E19723" s="368"/>
      <c r="F19723" s="368"/>
      <c r="G19723" s="368"/>
      <c r="H19723" s="368"/>
      <c r="I19723" s="368"/>
      <c r="J19723" s="366"/>
      <c r="K19723" s="366"/>
      <c r="L19723" s="366"/>
    </row>
    <row r="19724" spans="2:12" ht="28.5">
      <c r="B19724" s="358" t="s">
        <v>24605</v>
      </c>
      <c r="C19724" s="358" t="s">
        <v>24606</v>
      </c>
      <c r="D19724" s="358" t="s">
        <v>24607</v>
      </c>
      <c r="E19724" s="358" t="s">
        <v>24608</v>
      </c>
      <c r="F19724" s="358" t="s">
        <v>14389</v>
      </c>
      <c r="G19724" s="358" t="s">
        <v>14390</v>
      </c>
      <c r="H19724" s="358" t="s">
        <v>14367</v>
      </c>
      <c r="I19724" s="358" t="s">
        <v>14390</v>
      </c>
      <c r="J19724" s="358"/>
      <c r="K19724" s="358"/>
      <c r="L19724" s="358"/>
    </row>
    <row r="19725" spans="2:12">
      <c r="B19725" s="367"/>
      <c r="C19725" s="367"/>
      <c r="D19725" s="367"/>
      <c r="E19725" s="367"/>
      <c r="F19725" s="360"/>
      <c r="G19725" s="360"/>
      <c r="H19725" s="360"/>
      <c r="I19725" s="360"/>
      <c r="J19725" s="365"/>
      <c r="K19725" s="365"/>
      <c r="L19725" s="365"/>
    </row>
    <row r="19726" spans="2:12">
      <c r="B19726" s="367"/>
      <c r="C19726" s="367"/>
      <c r="D19726" s="367"/>
      <c r="E19726" s="367"/>
      <c r="F19726" s="359" t="s">
        <v>14391</v>
      </c>
      <c r="G19726" s="359" t="s">
        <v>14392</v>
      </c>
      <c r="H19726" s="359" t="s">
        <v>14370</v>
      </c>
      <c r="I19726" s="359" t="s">
        <v>14392</v>
      </c>
      <c r="J19726" s="365"/>
      <c r="K19726" s="365"/>
      <c r="L19726" s="365"/>
    </row>
    <row r="19727" spans="2:12">
      <c r="B19727" s="367"/>
      <c r="C19727" s="367"/>
      <c r="D19727" s="367"/>
      <c r="E19727" s="367"/>
      <c r="F19727" s="360"/>
      <c r="G19727" s="360"/>
      <c r="H19727" s="360"/>
      <c r="I19727" s="360"/>
      <c r="J19727" s="365"/>
      <c r="K19727" s="365"/>
      <c r="L19727" s="365"/>
    </row>
    <row r="19728" spans="2:12">
      <c r="B19728" s="367"/>
      <c r="C19728" s="367"/>
      <c r="D19728" s="367"/>
      <c r="E19728" s="367"/>
      <c r="F19728" s="359" t="s">
        <v>14371</v>
      </c>
      <c r="G19728" s="359" t="s">
        <v>14372</v>
      </c>
      <c r="H19728" s="359" t="s">
        <v>14422</v>
      </c>
      <c r="I19728" s="359" t="s">
        <v>14373</v>
      </c>
      <c r="J19728" s="365"/>
      <c r="K19728" s="365"/>
      <c r="L19728" s="365"/>
    </row>
    <row r="19729" spans="2:12">
      <c r="B19729" s="367"/>
      <c r="C19729" s="367"/>
      <c r="D19729" s="367"/>
      <c r="E19729" s="367"/>
      <c r="F19729" s="360"/>
      <c r="G19729" s="360"/>
      <c r="H19729" s="360"/>
      <c r="I19729" s="360"/>
      <c r="J19729" s="365"/>
      <c r="K19729" s="365"/>
      <c r="L19729" s="365"/>
    </row>
    <row r="19730" spans="2:12" ht="28.5">
      <c r="B19730" s="368"/>
      <c r="C19730" s="368"/>
      <c r="D19730" s="368"/>
      <c r="E19730" s="368"/>
      <c r="F19730" s="361" t="s">
        <v>14374</v>
      </c>
      <c r="G19730" s="361" t="s">
        <v>14373</v>
      </c>
      <c r="H19730" s="362"/>
      <c r="I19730" s="362"/>
      <c r="J19730" s="366"/>
      <c r="K19730" s="366"/>
      <c r="L19730" s="366"/>
    </row>
    <row r="19731" spans="2:12">
      <c r="B19731" s="358" t="s">
        <v>24609</v>
      </c>
      <c r="C19731" s="358" t="s">
        <v>24610</v>
      </c>
      <c r="D19731" s="358" t="s">
        <v>8356</v>
      </c>
      <c r="E19731" s="358" t="s">
        <v>24611</v>
      </c>
      <c r="F19731" s="358" t="s">
        <v>14371</v>
      </c>
      <c r="G19731" s="358" t="s">
        <v>14372</v>
      </c>
      <c r="H19731" s="358" t="s">
        <v>14370</v>
      </c>
      <c r="I19731" s="358" t="s">
        <v>14373</v>
      </c>
      <c r="J19731" s="358"/>
      <c r="K19731" s="358"/>
      <c r="L19731" s="358"/>
    </row>
    <row r="19732" spans="2:12">
      <c r="B19732" s="367"/>
      <c r="C19732" s="360"/>
      <c r="D19732" s="367"/>
      <c r="E19732" s="367"/>
      <c r="F19732" s="360"/>
      <c r="G19732" s="360"/>
      <c r="H19732" s="360"/>
      <c r="I19732" s="367"/>
      <c r="J19732" s="365"/>
      <c r="K19732" s="365"/>
      <c r="L19732" s="365"/>
    </row>
    <row r="19733" spans="2:12" ht="28.5">
      <c r="B19733" s="367"/>
      <c r="C19733" s="359" t="s">
        <v>24612</v>
      </c>
      <c r="D19733" s="367"/>
      <c r="E19733" s="367"/>
      <c r="F19733" s="359" t="s">
        <v>14374</v>
      </c>
      <c r="G19733" s="359" t="s">
        <v>14373</v>
      </c>
      <c r="H19733" s="359" t="s">
        <v>14422</v>
      </c>
      <c r="I19733" s="367"/>
      <c r="J19733" s="365"/>
      <c r="K19733" s="365"/>
      <c r="L19733" s="365"/>
    </row>
    <row r="19734" spans="2:12">
      <c r="B19734" s="367"/>
      <c r="C19734" s="360"/>
      <c r="D19734" s="367"/>
      <c r="E19734" s="367"/>
      <c r="F19734" s="360"/>
      <c r="G19734" s="360"/>
      <c r="H19734" s="360"/>
      <c r="I19734" s="367"/>
      <c r="J19734" s="365"/>
      <c r="K19734" s="365"/>
      <c r="L19734" s="365"/>
    </row>
    <row r="19735" spans="2:12">
      <c r="B19735" s="368"/>
      <c r="C19735" s="361" t="s">
        <v>24613</v>
      </c>
      <c r="D19735" s="368"/>
      <c r="E19735" s="368"/>
      <c r="F19735" s="362"/>
      <c r="G19735" s="362"/>
      <c r="H19735" s="362"/>
      <c r="I19735" s="368"/>
      <c r="J19735" s="366"/>
      <c r="K19735" s="366"/>
      <c r="L19735" s="366"/>
    </row>
    <row r="19736" spans="2:12">
      <c r="B19736" s="358" t="s">
        <v>24614</v>
      </c>
      <c r="C19736" s="358" t="s">
        <v>24615</v>
      </c>
      <c r="D19736" s="358" t="s">
        <v>24616</v>
      </c>
      <c r="E19736" s="358" t="s">
        <v>24617</v>
      </c>
      <c r="F19736" s="358" t="s">
        <v>14420</v>
      </c>
      <c r="G19736" s="358" t="s">
        <v>14429</v>
      </c>
      <c r="H19736" s="358" t="s">
        <v>14381</v>
      </c>
      <c r="I19736" s="358" t="s">
        <v>14429</v>
      </c>
      <c r="J19736" s="358"/>
      <c r="K19736" s="358"/>
      <c r="L19736" s="358"/>
    </row>
    <row r="19737" spans="2:12">
      <c r="B19737" s="367"/>
      <c r="C19737" s="367"/>
      <c r="D19737" s="367"/>
      <c r="E19737" s="367"/>
      <c r="F19737" s="360"/>
      <c r="G19737" s="360"/>
      <c r="H19737" s="360"/>
      <c r="I19737" s="360"/>
      <c r="J19737" s="365"/>
      <c r="K19737" s="365"/>
      <c r="L19737" s="365"/>
    </row>
    <row r="19738" spans="2:12">
      <c r="B19738" s="367"/>
      <c r="C19738" s="367"/>
      <c r="D19738" s="367"/>
      <c r="E19738" s="367"/>
      <c r="F19738" s="359" t="s">
        <v>14460</v>
      </c>
      <c r="G19738" s="359" t="s">
        <v>14461</v>
      </c>
      <c r="H19738" s="359" t="s">
        <v>14367</v>
      </c>
      <c r="I19738" s="359" t="s">
        <v>14461</v>
      </c>
      <c r="J19738" s="365"/>
      <c r="K19738" s="365"/>
      <c r="L19738" s="365"/>
    </row>
    <row r="19739" spans="2:12">
      <c r="B19739" s="367"/>
      <c r="C19739" s="367"/>
      <c r="D19739" s="367"/>
      <c r="E19739" s="367"/>
      <c r="F19739" s="360"/>
      <c r="G19739" s="360"/>
      <c r="H19739" s="360"/>
      <c r="I19739" s="360"/>
      <c r="J19739" s="365"/>
      <c r="K19739" s="365"/>
      <c r="L19739" s="365"/>
    </row>
    <row r="19740" spans="2:12" ht="28.5">
      <c r="B19740" s="367"/>
      <c r="C19740" s="367"/>
      <c r="D19740" s="367"/>
      <c r="E19740" s="367"/>
      <c r="F19740" s="359" t="s">
        <v>14394</v>
      </c>
      <c r="G19740" s="359" t="s">
        <v>14395</v>
      </c>
      <c r="H19740" s="359" t="s">
        <v>14370</v>
      </c>
      <c r="I19740" s="359" t="s">
        <v>14395</v>
      </c>
      <c r="J19740" s="365"/>
      <c r="K19740" s="365"/>
      <c r="L19740" s="365"/>
    </row>
    <row r="19741" spans="2:12">
      <c r="B19741" s="367"/>
      <c r="C19741" s="367"/>
      <c r="D19741" s="367"/>
      <c r="E19741" s="367"/>
      <c r="F19741" s="360"/>
      <c r="G19741" s="360"/>
      <c r="H19741" s="360"/>
      <c r="I19741" s="360"/>
      <c r="J19741" s="365"/>
      <c r="K19741" s="365"/>
      <c r="L19741" s="365"/>
    </row>
    <row r="19742" spans="2:12">
      <c r="B19742" s="368"/>
      <c r="C19742" s="368"/>
      <c r="D19742" s="368"/>
      <c r="E19742" s="368"/>
      <c r="F19742" s="362"/>
      <c r="G19742" s="362"/>
      <c r="H19742" s="361" t="s">
        <v>14422</v>
      </c>
      <c r="I19742" s="362"/>
      <c r="J19742" s="366"/>
      <c r="K19742" s="366"/>
      <c r="L19742" s="366"/>
    </row>
    <row r="19743" spans="2:12" ht="28.5">
      <c r="B19743" s="358" t="s">
        <v>24618</v>
      </c>
      <c r="C19743" s="358" t="s">
        <v>27940</v>
      </c>
      <c r="D19743" s="358" t="s">
        <v>24619</v>
      </c>
      <c r="E19743" s="358" t="s">
        <v>1934</v>
      </c>
      <c r="F19743" s="358" t="s">
        <v>14382</v>
      </c>
      <c r="G19743" s="358" t="s">
        <v>14483</v>
      </c>
      <c r="H19743" s="358" t="s">
        <v>14378</v>
      </c>
      <c r="I19743" s="358" t="s">
        <v>14483</v>
      </c>
      <c r="J19743" s="358"/>
      <c r="K19743" s="358"/>
      <c r="L19743" s="358"/>
    </row>
    <row r="19744" spans="2:12">
      <c r="B19744" s="367"/>
      <c r="C19744" s="367"/>
      <c r="D19744" s="367"/>
      <c r="E19744" s="367"/>
      <c r="F19744" s="360"/>
      <c r="G19744" s="360"/>
      <c r="H19744" s="360"/>
      <c r="I19744" s="360"/>
      <c r="J19744" s="365"/>
      <c r="K19744" s="365"/>
      <c r="L19744" s="365"/>
    </row>
    <row r="19745" spans="2:12">
      <c r="B19745" s="367"/>
      <c r="C19745" s="367"/>
      <c r="D19745" s="367"/>
      <c r="E19745" s="367"/>
      <c r="F19745" s="359" t="s">
        <v>14460</v>
      </c>
      <c r="G19745" s="359" t="s">
        <v>14461</v>
      </c>
      <c r="H19745" s="359" t="s">
        <v>14341</v>
      </c>
      <c r="I19745" s="359" t="s">
        <v>14461</v>
      </c>
      <c r="J19745" s="365"/>
      <c r="K19745" s="365"/>
      <c r="L19745" s="365"/>
    </row>
    <row r="19746" spans="2:12">
      <c r="B19746" s="367"/>
      <c r="C19746" s="367"/>
      <c r="D19746" s="367"/>
      <c r="E19746" s="367"/>
      <c r="F19746" s="360"/>
      <c r="G19746" s="360"/>
      <c r="H19746" s="360"/>
      <c r="I19746" s="360"/>
      <c r="J19746" s="365"/>
      <c r="K19746" s="365"/>
      <c r="L19746" s="365"/>
    </row>
    <row r="19747" spans="2:12">
      <c r="B19747" s="367"/>
      <c r="C19747" s="367"/>
      <c r="D19747" s="367"/>
      <c r="E19747" s="367"/>
      <c r="F19747" s="359" t="s">
        <v>14430</v>
      </c>
      <c r="G19747" s="359" t="s">
        <v>14431</v>
      </c>
      <c r="H19747" s="359" t="s">
        <v>14381</v>
      </c>
      <c r="I19747" s="359" t="s">
        <v>14431</v>
      </c>
      <c r="J19747" s="365"/>
      <c r="K19747" s="365"/>
      <c r="L19747" s="365"/>
    </row>
    <row r="19748" spans="2:12">
      <c r="B19748" s="367"/>
      <c r="C19748" s="367"/>
      <c r="D19748" s="367"/>
      <c r="E19748" s="367"/>
      <c r="F19748" s="360"/>
      <c r="G19748" s="360"/>
      <c r="H19748" s="360"/>
      <c r="I19748" s="360"/>
      <c r="J19748" s="365"/>
      <c r="K19748" s="365"/>
      <c r="L19748" s="365"/>
    </row>
    <row r="19749" spans="2:12">
      <c r="B19749" s="367"/>
      <c r="C19749" s="367"/>
      <c r="D19749" s="367"/>
      <c r="E19749" s="367"/>
      <c r="F19749" s="359" t="s">
        <v>14371</v>
      </c>
      <c r="G19749" s="359" t="s">
        <v>14372</v>
      </c>
      <c r="H19749" s="359" t="s">
        <v>14370</v>
      </c>
      <c r="I19749" s="359" t="s">
        <v>14373</v>
      </c>
      <c r="J19749" s="365"/>
      <c r="K19749" s="365"/>
      <c r="L19749" s="365"/>
    </row>
    <row r="19750" spans="2:12">
      <c r="B19750" s="367"/>
      <c r="C19750" s="367"/>
      <c r="D19750" s="367"/>
      <c r="E19750" s="367"/>
      <c r="F19750" s="360"/>
      <c r="G19750" s="360"/>
      <c r="H19750" s="360"/>
      <c r="I19750" s="360"/>
      <c r="J19750" s="365"/>
      <c r="K19750" s="365"/>
      <c r="L19750" s="365"/>
    </row>
    <row r="19751" spans="2:12" ht="28.5">
      <c r="B19751" s="368"/>
      <c r="C19751" s="368"/>
      <c r="D19751" s="368"/>
      <c r="E19751" s="368"/>
      <c r="F19751" s="361" t="s">
        <v>14374</v>
      </c>
      <c r="G19751" s="361" t="s">
        <v>14373</v>
      </c>
      <c r="H19751" s="361" t="s">
        <v>14332</v>
      </c>
      <c r="I19751" s="362"/>
      <c r="J19751" s="366"/>
      <c r="K19751" s="366"/>
      <c r="L19751" s="366"/>
    </row>
    <row r="19752" spans="2:12">
      <c r="B19752" s="358" t="s">
        <v>24620</v>
      </c>
      <c r="C19752" s="358" t="s">
        <v>24621</v>
      </c>
      <c r="D19752" s="358" t="s">
        <v>24622</v>
      </c>
      <c r="E19752" s="358" t="s">
        <v>24623</v>
      </c>
      <c r="F19752" s="358" t="s">
        <v>14430</v>
      </c>
      <c r="G19752" s="358" t="s">
        <v>14431</v>
      </c>
      <c r="H19752" s="358" t="s">
        <v>14341</v>
      </c>
      <c r="I19752" s="358" t="s">
        <v>14431</v>
      </c>
      <c r="J19752" s="358"/>
      <c r="K19752" s="358"/>
      <c r="L19752" s="358"/>
    </row>
    <row r="19753" spans="2:12">
      <c r="B19753" s="367"/>
      <c r="C19753" s="367"/>
      <c r="D19753" s="367"/>
      <c r="E19753" s="367"/>
      <c r="F19753" s="367"/>
      <c r="G19753" s="367"/>
      <c r="H19753" s="360"/>
      <c r="I19753" s="367"/>
      <c r="J19753" s="365"/>
      <c r="K19753" s="365"/>
      <c r="L19753" s="365"/>
    </row>
    <row r="19754" spans="2:12">
      <c r="B19754" s="368"/>
      <c r="C19754" s="368"/>
      <c r="D19754" s="368"/>
      <c r="E19754" s="368"/>
      <c r="F19754" s="368"/>
      <c r="G19754" s="368"/>
      <c r="H19754" s="361" t="s">
        <v>14332</v>
      </c>
      <c r="I19754" s="368"/>
      <c r="J19754" s="366"/>
      <c r="K19754" s="366"/>
      <c r="L19754" s="366"/>
    </row>
    <row r="19755" spans="2:12">
      <c r="B19755" s="358" t="s">
        <v>24624</v>
      </c>
      <c r="C19755" s="358" t="s">
        <v>24625</v>
      </c>
      <c r="D19755" s="358" t="s">
        <v>24626</v>
      </c>
      <c r="E19755" s="358" t="s">
        <v>24627</v>
      </c>
      <c r="F19755" s="358" t="s">
        <v>14420</v>
      </c>
      <c r="G19755" s="358" t="s">
        <v>14429</v>
      </c>
      <c r="H19755" s="358" t="s">
        <v>14367</v>
      </c>
      <c r="I19755" s="358" t="s">
        <v>14429</v>
      </c>
      <c r="J19755" s="358"/>
      <c r="K19755" s="358"/>
      <c r="L19755" s="358"/>
    </row>
    <row r="19756" spans="2:12">
      <c r="B19756" s="367"/>
      <c r="C19756" s="367"/>
      <c r="D19756" s="367"/>
      <c r="E19756" s="367"/>
      <c r="F19756" s="360"/>
      <c r="G19756" s="360"/>
      <c r="H19756" s="360"/>
      <c r="I19756" s="360"/>
      <c r="J19756" s="365"/>
      <c r="K19756" s="365"/>
      <c r="L19756" s="365"/>
    </row>
    <row r="19757" spans="2:12">
      <c r="B19757" s="368"/>
      <c r="C19757" s="368"/>
      <c r="D19757" s="368"/>
      <c r="E19757" s="368"/>
      <c r="F19757" s="361" t="s">
        <v>14386</v>
      </c>
      <c r="G19757" s="361" t="s">
        <v>14387</v>
      </c>
      <c r="H19757" s="361" t="s">
        <v>14422</v>
      </c>
      <c r="I19757" s="361" t="s">
        <v>14387</v>
      </c>
      <c r="J19757" s="366"/>
      <c r="K19757" s="366"/>
      <c r="L19757" s="366"/>
    </row>
    <row r="19758" spans="2:12">
      <c r="B19758" s="358" t="s">
        <v>24628</v>
      </c>
      <c r="C19758" s="358" t="s">
        <v>27941</v>
      </c>
      <c r="D19758" s="358" t="s">
        <v>24629</v>
      </c>
      <c r="E19758" s="358" t="s">
        <v>24630</v>
      </c>
      <c r="F19758" s="358" t="s">
        <v>17028</v>
      </c>
      <c r="G19758" s="358" t="s">
        <v>14429</v>
      </c>
      <c r="H19758" s="358" t="s">
        <v>14381</v>
      </c>
      <c r="I19758" s="358" t="s">
        <v>14429</v>
      </c>
      <c r="J19758" s="358"/>
      <c r="K19758" s="358"/>
      <c r="L19758" s="358"/>
    </row>
    <row r="19759" spans="2:12">
      <c r="B19759" s="367"/>
      <c r="C19759" s="367"/>
      <c r="D19759" s="367"/>
      <c r="E19759" s="367"/>
      <c r="F19759" s="360"/>
      <c r="G19759" s="360"/>
      <c r="H19759" s="360"/>
      <c r="I19759" s="360"/>
      <c r="J19759" s="365"/>
      <c r="K19759" s="365"/>
      <c r="L19759" s="365"/>
    </row>
    <row r="19760" spans="2:12">
      <c r="B19760" s="367"/>
      <c r="C19760" s="367"/>
      <c r="D19760" s="367"/>
      <c r="E19760" s="367"/>
      <c r="F19760" s="359" t="s">
        <v>14460</v>
      </c>
      <c r="G19760" s="359" t="s">
        <v>14461</v>
      </c>
      <c r="H19760" s="359" t="s">
        <v>14367</v>
      </c>
      <c r="I19760" s="359" t="s">
        <v>14461</v>
      </c>
      <c r="J19760" s="365"/>
      <c r="K19760" s="365"/>
      <c r="L19760" s="365"/>
    </row>
    <row r="19761" spans="2:12">
      <c r="B19761" s="367"/>
      <c r="C19761" s="367"/>
      <c r="D19761" s="367"/>
      <c r="E19761" s="367"/>
      <c r="F19761" s="360"/>
      <c r="G19761" s="360"/>
      <c r="H19761" s="360"/>
      <c r="I19761" s="360"/>
      <c r="J19761" s="365"/>
      <c r="K19761" s="365"/>
      <c r="L19761" s="365"/>
    </row>
    <row r="19762" spans="2:12">
      <c r="B19762" s="367"/>
      <c r="C19762" s="367"/>
      <c r="D19762" s="367"/>
      <c r="E19762" s="367"/>
      <c r="F19762" s="359" t="s">
        <v>14391</v>
      </c>
      <c r="G19762" s="359" t="s">
        <v>14392</v>
      </c>
      <c r="H19762" s="359" t="s">
        <v>14370</v>
      </c>
      <c r="I19762" s="359" t="s">
        <v>14392</v>
      </c>
      <c r="J19762" s="365"/>
      <c r="K19762" s="365"/>
      <c r="L19762" s="365"/>
    </row>
    <row r="19763" spans="2:12">
      <c r="B19763" s="367"/>
      <c r="C19763" s="367"/>
      <c r="D19763" s="367"/>
      <c r="E19763" s="367"/>
      <c r="F19763" s="360"/>
      <c r="G19763" s="360"/>
      <c r="H19763" s="360"/>
      <c r="I19763" s="360"/>
      <c r="J19763" s="365"/>
      <c r="K19763" s="365"/>
      <c r="L19763" s="365"/>
    </row>
    <row r="19764" spans="2:12">
      <c r="B19764" s="367"/>
      <c r="C19764" s="367"/>
      <c r="D19764" s="367"/>
      <c r="E19764" s="367"/>
      <c r="F19764" s="359" t="s">
        <v>14371</v>
      </c>
      <c r="G19764" s="359" t="s">
        <v>14372</v>
      </c>
      <c r="H19764" s="359" t="s">
        <v>14422</v>
      </c>
      <c r="I19764" s="359" t="s">
        <v>14373</v>
      </c>
      <c r="J19764" s="365"/>
      <c r="K19764" s="365"/>
      <c r="L19764" s="365"/>
    </row>
    <row r="19765" spans="2:12">
      <c r="B19765" s="367"/>
      <c r="C19765" s="367"/>
      <c r="D19765" s="367"/>
      <c r="E19765" s="367"/>
      <c r="F19765" s="360"/>
      <c r="G19765" s="360"/>
      <c r="H19765" s="360"/>
      <c r="I19765" s="360"/>
      <c r="J19765" s="365"/>
      <c r="K19765" s="365"/>
      <c r="L19765" s="365"/>
    </row>
    <row r="19766" spans="2:12" ht="28.5">
      <c r="B19766" s="368"/>
      <c r="C19766" s="368"/>
      <c r="D19766" s="368"/>
      <c r="E19766" s="368"/>
      <c r="F19766" s="361" t="s">
        <v>14374</v>
      </c>
      <c r="G19766" s="361" t="s">
        <v>14373</v>
      </c>
      <c r="H19766" s="362"/>
      <c r="I19766" s="362"/>
      <c r="J19766" s="366"/>
      <c r="K19766" s="366"/>
      <c r="L19766" s="366"/>
    </row>
    <row r="19767" spans="2:12">
      <c r="B19767" s="358" t="s">
        <v>24631</v>
      </c>
      <c r="C19767" s="358" t="s">
        <v>24632</v>
      </c>
      <c r="D19767" s="358" t="s">
        <v>24633</v>
      </c>
      <c r="E19767" s="358" t="s">
        <v>24634</v>
      </c>
      <c r="F19767" s="358" t="s">
        <v>14382</v>
      </c>
      <c r="G19767" s="358" t="s">
        <v>14579</v>
      </c>
      <c r="H19767" s="358" t="s">
        <v>14378</v>
      </c>
      <c r="I19767" s="358" t="s">
        <v>14579</v>
      </c>
      <c r="J19767" s="358"/>
      <c r="K19767" s="358"/>
      <c r="L19767" s="358"/>
    </row>
    <row r="19768" spans="2:12">
      <c r="B19768" s="367"/>
      <c r="C19768" s="367"/>
      <c r="D19768" s="367"/>
      <c r="E19768" s="367"/>
      <c r="F19768" s="360"/>
      <c r="G19768" s="360"/>
      <c r="H19768" s="360"/>
      <c r="I19768" s="360"/>
      <c r="J19768" s="365"/>
      <c r="K19768" s="365"/>
      <c r="L19768" s="365"/>
    </row>
    <row r="19769" spans="2:12">
      <c r="B19769" s="367"/>
      <c r="C19769" s="367"/>
      <c r="D19769" s="367"/>
      <c r="E19769" s="367"/>
      <c r="F19769" s="359" t="s">
        <v>14382</v>
      </c>
      <c r="G19769" s="359" t="s">
        <v>14383</v>
      </c>
      <c r="H19769" s="359" t="s">
        <v>14341</v>
      </c>
      <c r="I19769" s="359" t="s">
        <v>14383</v>
      </c>
      <c r="J19769" s="365"/>
      <c r="K19769" s="365"/>
      <c r="L19769" s="365"/>
    </row>
    <row r="19770" spans="2:12">
      <c r="B19770" s="367"/>
      <c r="C19770" s="367"/>
      <c r="D19770" s="367"/>
      <c r="E19770" s="367"/>
      <c r="F19770" s="360"/>
      <c r="G19770" s="360"/>
      <c r="H19770" s="360"/>
      <c r="I19770" s="360"/>
      <c r="J19770" s="365"/>
      <c r="K19770" s="365"/>
      <c r="L19770" s="365"/>
    </row>
    <row r="19771" spans="2:12">
      <c r="B19771" s="367"/>
      <c r="C19771" s="367"/>
      <c r="D19771" s="367"/>
      <c r="E19771" s="367"/>
      <c r="F19771" s="359" t="s">
        <v>14384</v>
      </c>
      <c r="G19771" s="359" t="s">
        <v>14428</v>
      </c>
      <c r="H19771" s="359" t="s">
        <v>14381</v>
      </c>
      <c r="I19771" s="359" t="s">
        <v>14428</v>
      </c>
      <c r="J19771" s="365"/>
      <c r="K19771" s="365"/>
      <c r="L19771" s="365"/>
    </row>
    <row r="19772" spans="2:12">
      <c r="B19772" s="367"/>
      <c r="C19772" s="367"/>
      <c r="D19772" s="367"/>
      <c r="E19772" s="367"/>
      <c r="F19772" s="360"/>
      <c r="G19772" s="360"/>
      <c r="H19772" s="360"/>
      <c r="I19772" s="360"/>
      <c r="J19772" s="365"/>
      <c r="K19772" s="365"/>
      <c r="L19772" s="365"/>
    </row>
    <row r="19773" spans="2:12">
      <c r="B19773" s="367"/>
      <c r="C19773" s="367"/>
      <c r="D19773" s="367"/>
      <c r="E19773" s="367"/>
      <c r="F19773" s="359" t="s">
        <v>14356</v>
      </c>
      <c r="G19773" s="359" t="s">
        <v>14340</v>
      </c>
      <c r="H19773" s="359" t="s">
        <v>14332</v>
      </c>
      <c r="I19773" s="359" t="s">
        <v>14340</v>
      </c>
      <c r="J19773" s="365"/>
      <c r="K19773" s="365"/>
      <c r="L19773" s="365"/>
    </row>
    <row r="19774" spans="2:12">
      <c r="B19774" s="367"/>
      <c r="C19774" s="367"/>
      <c r="D19774" s="367"/>
      <c r="E19774" s="367"/>
      <c r="F19774" s="360"/>
      <c r="G19774" s="360"/>
      <c r="H19774" s="360"/>
      <c r="I19774" s="360"/>
      <c r="J19774" s="365"/>
      <c r="K19774" s="365"/>
      <c r="L19774" s="365"/>
    </row>
    <row r="19775" spans="2:12" ht="28.5">
      <c r="B19775" s="368"/>
      <c r="C19775" s="368"/>
      <c r="D19775" s="368"/>
      <c r="E19775" s="368"/>
      <c r="F19775" s="361" t="s">
        <v>14472</v>
      </c>
      <c r="G19775" s="361" t="s">
        <v>14473</v>
      </c>
      <c r="H19775" s="362"/>
      <c r="I19775" s="361" t="s">
        <v>14473</v>
      </c>
      <c r="J19775" s="366"/>
      <c r="K19775" s="366"/>
      <c r="L19775" s="366"/>
    </row>
    <row r="19776" spans="2:12" ht="28.5">
      <c r="B19776" s="358" t="s">
        <v>24635</v>
      </c>
      <c r="C19776" s="358" t="s">
        <v>27942</v>
      </c>
      <c r="D19776" s="358" t="s">
        <v>24636</v>
      </c>
      <c r="E19776" s="358" t="s">
        <v>24637</v>
      </c>
      <c r="F19776" s="358" t="s">
        <v>14462</v>
      </c>
      <c r="G19776" s="358" t="s">
        <v>14463</v>
      </c>
      <c r="H19776" s="358" t="s">
        <v>8356</v>
      </c>
      <c r="I19776" s="358" t="s">
        <v>14463</v>
      </c>
      <c r="J19776" s="358"/>
      <c r="K19776" s="358"/>
      <c r="L19776" s="358"/>
    </row>
    <row r="19777" spans="2:12">
      <c r="B19777" s="368"/>
      <c r="C19777" s="368"/>
      <c r="D19777" s="368"/>
      <c r="E19777" s="368"/>
      <c r="F19777" s="368"/>
      <c r="G19777" s="368"/>
      <c r="H19777" s="368"/>
      <c r="I19777" s="368"/>
      <c r="J19777" s="366"/>
      <c r="K19777" s="366"/>
      <c r="L19777" s="366"/>
    </row>
    <row r="19778" spans="2:12" ht="28.5">
      <c r="B19778" s="358" t="s">
        <v>24638</v>
      </c>
      <c r="C19778" s="358" t="s">
        <v>24639</v>
      </c>
      <c r="D19778" s="358" t="s">
        <v>24640</v>
      </c>
      <c r="E19778" s="358" t="s">
        <v>24641</v>
      </c>
      <c r="F19778" s="358" t="s">
        <v>14391</v>
      </c>
      <c r="G19778" s="358" t="s">
        <v>14392</v>
      </c>
      <c r="H19778" s="358" t="s">
        <v>14367</v>
      </c>
      <c r="I19778" s="358" t="s">
        <v>14392</v>
      </c>
      <c r="J19778" s="358"/>
      <c r="K19778" s="358"/>
      <c r="L19778" s="358"/>
    </row>
    <row r="19779" spans="2:12">
      <c r="B19779" s="367"/>
      <c r="C19779" s="367"/>
      <c r="D19779" s="367"/>
      <c r="E19779" s="367"/>
      <c r="F19779" s="360"/>
      <c r="G19779" s="360"/>
      <c r="H19779" s="360"/>
      <c r="I19779" s="360"/>
      <c r="J19779" s="365"/>
      <c r="K19779" s="365"/>
      <c r="L19779" s="365"/>
    </row>
    <row r="19780" spans="2:12">
      <c r="B19780" s="367"/>
      <c r="C19780" s="367"/>
      <c r="D19780" s="367"/>
      <c r="E19780" s="367"/>
      <c r="F19780" s="359" t="s">
        <v>14371</v>
      </c>
      <c r="G19780" s="359" t="s">
        <v>14372</v>
      </c>
      <c r="H19780" s="359" t="s">
        <v>14370</v>
      </c>
      <c r="I19780" s="359" t="s">
        <v>14373</v>
      </c>
      <c r="J19780" s="365"/>
      <c r="K19780" s="365"/>
      <c r="L19780" s="365"/>
    </row>
    <row r="19781" spans="2:12">
      <c r="B19781" s="367"/>
      <c r="C19781" s="367"/>
      <c r="D19781" s="367"/>
      <c r="E19781" s="367"/>
      <c r="F19781" s="360"/>
      <c r="G19781" s="360"/>
      <c r="H19781" s="360"/>
      <c r="I19781" s="360"/>
      <c r="J19781" s="365"/>
      <c r="K19781" s="365"/>
      <c r="L19781" s="365"/>
    </row>
    <row r="19782" spans="2:12" ht="28.5">
      <c r="B19782" s="368"/>
      <c r="C19782" s="368"/>
      <c r="D19782" s="368"/>
      <c r="E19782" s="368"/>
      <c r="F19782" s="361" t="s">
        <v>14374</v>
      </c>
      <c r="G19782" s="361" t="s">
        <v>14373</v>
      </c>
      <c r="H19782" s="361" t="s">
        <v>14422</v>
      </c>
      <c r="I19782" s="362"/>
      <c r="J19782" s="366"/>
      <c r="K19782" s="366"/>
      <c r="L19782" s="366"/>
    </row>
    <row r="19783" spans="2:12">
      <c r="B19783" s="358" t="s">
        <v>24642</v>
      </c>
      <c r="C19783" s="358" t="s">
        <v>27943</v>
      </c>
      <c r="D19783" s="358" t="s">
        <v>24643</v>
      </c>
      <c r="E19783" s="358" t="s">
        <v>24644</v>
      </c>
      <c r="F19783" s="358" t="s">
        <v>14430</v>
      </c>
      <c r="G19783" s="358" t="s">
        <v>14431</v>
      </c>
      <c r="H19783" s="358" t="s">
        <v>14341</v>
      </c>
      <c r="I19783" s="358" t="s">
        <v>14431</v>
      </c>
      <c r="J19783" s="358"/>
      <c r="K19783" s="358"/>
      <c r="L19783" s="358"/>
    </row>
    <row r="19784" spans="2:12">
      <c r="B19784" s="367"/>
      <c r="C19784" s="367"/>
      <c r="D19784" s="367"/>
      <c r="E19784" s="367"/>
      <c r="F19784" s="360"/>
      <c r="G19784" s="360"/>
      <c r="H19784" s="360"/>
      <c r="I19784" s="360"/>
      <c r="J19784" s="365"/>
      <c r="K19784" s="365"/>
      <c r="L19784" s="365"/>
    </row>
    <row r="19785" spans="2:12" ht="28.5">
      <c r="B19785" s="368"/>
      <c r="C19785" s="368"/>
      <c r="D19785" s="368"/>
      <c r="E19785" s="368"/>
      <c r="F19785" s="361" t="s">
        <v>14472</v>
      </c>
      <c r="G19785" s="361" t="s">
        <v>14473</v>
      </c>
      <c r="H19785" s="361" t="s">
        <v>14332</v>
      </c>
      <c r="I19785" s="361" t="s">
        <v>14473</v>
      </c>
      <c r="J19785" s="366"/>
      <c r="K19785" s="366"/>
      <c r="L19785" s="366"/>
    </row>
    <row r="19786" spans="2:12">
      <c r="B19786" s="358" t="s">
        <v>24645</v>
      </c>
      <c r="C19786" s="358" t="s">
        <v>27944</v>
      </c>
      <c r="D19786" s="358" t="s">
        <v>24646</v>
      </c>
      <c r="E19786" s="358" t="s">
        <v>24647</v>
      </c>
      <c r="F19786" s="358" t="s">
        <v>14430</v>
      </c>
      <c r="G19786" s="358" t="s">
        <v>14431</v>
      </c>
      <c r="H19786" s="358" t="s">
        <v>14341</v>
      </c>
      <c r="I19786" s="358" t="s">
        <v>14431</v>
      </c>
      <c r="J19786" s="358"/>
      <c r="K19786" s="358"/>
      <c r="L19786" s="358"/>
    </row>
    <row r="19787" spans="2:12">
      <c r="B19787" s="367"/>
      <c r="C19787" s="367"/>
      <c r="D19787" s="367"/>
      <c r="E19787" s="367"/>
      <c r="F19787" s="367"/>
      <c r="G19787" s="367"/>
      <c r="H19787" s="360"/>
      <c r="I19787" s="367"/>
      <c r="J19787" s="365"/>
      <c r="K19787" s="365"/>
      <c r="L19787" s="365"/>
    </row>
    <row r="19788" spans="2:12">
      <c r="B19788" s="368"/>
      <c r="C19788" s="368"/>
      <c r="D19788" s="368"/>
      <c r="E19788" s="368"/>
      <c r="F19788" s="368"/>
      <c r="G19788" s="368"/>
      <c r="H19788" s="361" t="s">
        <v>14332</v>
      </c>
      <c r="I19788" s="368"/>
      <c r="J19788" s="366"/>
      <c r="K19788" s="366"/>
      <c r="L19788" s="366"/>
    </row>
    <row r="19789" spans="2:12" ht="71.25">
      <c r="B19789" s="358" t="s">
        <v>24648</v>
      </c>
      <c r="C19789" s="358" t="s">
        <v>24649</v>
      </c>
      <c r="D19789" s="358" t="s">
        <v>24650</v>
      </c>
      <c r="E19789" s="358" t="s">
        <v>24651</v>
      </c>
      <c r="F19789" s="358" t="s">
        <v>14430</v>
      </c>
      <c r="G19789" s="358" t="s">
        <v>14431</v>
      </c>
      <c r="H19789" s="358" t="s">
        <v>14341</v>
      </c>
      <c r="I19789" s="358" t="s">
        <v>14431</v>
      </c>
      <c r="J19789" s="358"/>
      <c r="K19789" s="358"/>
      <c r="L19789" s="358"/>
    </row>
    <row r="19790" spans="2:12">
      <c r="B19790" s="367"/>
      <c r="C19790" s="367"/>
      <c r="D19790" s="367"/>
      <c r="E19790" s="367"/>
      <c r="F19790" s="367"/>
      <c r="G19790" s="367"/>
      <c r="H19790" s="360"/>
      <c r="I19790" s="367"/>
      <c r="J19790" s="365"/>
      <c r="K19790" s="365"/>
      <c r="L19790" s="365"/>
    </row>
    <row r="19791" spans="2:12">
      <c r="B19791" s="368"/>
      <c r="C19791" s="368"/>
      <c r="D19791" s="368"/>
      <c r="E19791" s="368"/>
      <c r="F19791" s="368"/>
      <c r="G19791" s="368"/>
      <c r="H19791" s="361" t="s">
        <v>14332</v>
      </c>
      <c r="I19791" s="368"/>
      <c r="J19791" s="366"/>
      <c r="K19791" s="366"/>
      <c r="L19791" s="366"/>
    </row>
    <row r="19792" spans="2:12" ht="28.5">
      <c r="B19792" s="358" t="s">
        <v>24652</v>
      </c>
      <c r="C19792" s="358" t="s">
        <v>24653</v>
      </c>
      <c r="D19792" s="358" t="s">
        <v>24654</v>
      </c>
      <c r="E19792" s="358" t="s">
        <v>24655</v>
      </c>
      <c r="F19792" s="358" t="s">
        <v>14394</v>
      </c>
      <c r="G19792" s="358" t="s">
        <v>14395</v>
      </c>
      <c r="H19792" s="358" t="s">
        <v>14370</v>
      </c>
      <c r="I19792" s="358" t="s">
        <v>14395</v>
      </c>
      <c r="J19792" s="358"/>
      <c r="K19792" s="358"/>
      <c r="L19792" s="358"/>
    </row>
    <row r="19793" spans="2:12">
      <c r="B19793" s="368"/>
      <c r="C19793" s="368"/>
      <c r="D19793" s="368"/>
      <c r="E19793" s="368"/>
      <c r="F19793" s="368"/>
      <c r="G19793" s="368"/>
      <c r="H19793" s="368"/>
      <c r="I19793" s="368"/>
      <c r="J19793" s="366"/>
      <c r="K19793" s="366"/>
      <c r="L19793" s="366"/>
    </row>
    <row r="19794" spans="2:12" ht="28.5">
      <c r="B19794" s="358" t="s">
        <v>24656</v>
      </c>
      <c r="C19794" s="358" t="s">
        <v>24657</v>
      </c>
      <c r="D19794" s="358" t="s">
        <v>24658</v>
      </c>
      <c r="E19794" s="358" t="s">
        <v>24659</v>
      </c>
      <c r="F19794" s="358" t="s">
        <v>14394</v>
      </c>
      <c r="G19794" s="358" t="s">
        <v>14395</v>
      </c>
      <c r="H19794" s="358" t="s">
        <v>14370</v>
      </c>
      <c r="I19794" s="358" t="s">
        <v>14395</v>
      </c>
      <c r="J19794" s="358"/>
      <c r="K19794" s="358"/>
      <c r="L19794" s="358"/>
    </row>
    <row r="19795" spans="2:12">
      <c r="B19795" s="368"/>
      <c r="C19795" s="368"/>
      <c r="D19795" s="368"/>
      <c r="E19795" s="368"/>
      <c r="F19795" s="368"/>
      <c r="G19795" s="368"/>
      <c r="H19795" s="368"/>
      <c r="I19795" s="368"/>
      <c r="J19795" s="366"/>
      <c r="K19795" s="366"/>
      <c r="L19795" s="366"/>
    </row>
    <row r="19796" spans="2:12">
      <c r="B19796" s="358" t="s">
        <v>24660</v>
      </c>
      <c r="C19796" s="358" t="s">
        <v>24661</v>
      </c>
      <c r="D19796" s="358" t="s">
        <v>24662</v>
      </c>
      <c r="E19796" s="358" t="s">
        <v>24663</v>
      </c>
      <c r="F19796" s="358" t="s">
        <v>14418</v>
      </c>
      <c r="G19796" s="358" t="s">
        <v>14419</v>
      </c>
      <c r="H19796" s="358" t="s">
        <v>14328</v>
      </c>
      <c r="I19796" s="358" t="s">
        <v>14419</v>
      </c>
      <c r="J19796" s="358"/>
      <c r="K19796" s="358"/>
      <c r="L19796" s="358"/>
    </row>
    <row r="19797" spans="2:12">
      <c r="B19797" s="367"/>
      <c r="C19797" s="367"/>
      <c r="D19797" s="367"/>
      <c r="E19797" s="367"/>
      <c r="F19797" s="360"/>
      <c r="G19797" s="360"/>
      <c r="H19797" s="360"/>
      <c r="I19797" s="360"/>
      <c r="J19797" s="365"/>
      <c r="K19797" s="365"/>
      <c r="L19797" s="365"/>
    </row>
    <row r="19798" spans="2:12">
      <c r="B19798" s="367"/>
      <c r="C19798" s="367"/>
      <c r="D19798" s="367"/>
      <c r="E19798" s="367"/>
      <c r="F19798" s="359" t="s">
        <v>14420</v>
      </c>
      <c r="G19798" s="359" t="s">
        <v>14459</v>
      </c>
      <c r="H19798" s="359" t="s">
        <v>14367</v>
      </c>
      <c r="I19798" s="359" t="s">
        <v>14459</v>
      </c>
      <c r="J19798" s="365"/>
      <c r="K19798" s="365"/>
      <c r="L19798" s="365"/>
    </row>
    <row r="19799" spans="2:12">
      <c r="B19799" s="367"/>
      <c r="C19799" s="367"/>
      <c r="D19799" s="367"/>
      <c r="E19799" s="367"/>
      <c r="F19799" s="360"/>
      <c r="G19799" s="360"/>
      <c r="H19799" s="360"/>
      <c r="I19799" s="360"/>
      <c r="J19799" s="365"/>
      <c r="K19799" s="365"/>
      <c r="L19799" s="365"/>
    </row>
    <row r="19800" spans="2:12">
      <c r="B19800" s="367"/>
      <c r="C19800" s="367"/>
      <c r="D19800" s="367"/>
      <c r="E19800" s="367"/>
      <c r="F19800" s="359" t="s">
        <v>14420</v>
      </c>
      <c r="G19800" s="359" t="s">
        <v>14429</v>
      </c>
      <c r="H19800" s="359" t="s">
        <v>14422</v>
      </c>
      <c r="I19800" s="359" t="s">
        <v>14429</v>
      </c>
      <c r="J19800" s="365"/>
      <c r="K19800" s="365"/>
      <c r="L19800" s="365"/>
    </row>
    <row r="19801" spans="2:12">
      <c r="B19801" s="367"/>
      <c r="C19801" s="367"/>
      <c r="D19801" s="367"/>
      <c r="E19801" s="367"/>
      <c r="F19801" s="360"/>
      <c r="G19801" s="360"/>
      <c r="H19801" s="360"/>
      <c r="I19801" s="360"/>
      <c r="J19801" s="365"/>
      <c r="K19801" s="365"/>
      <c r="L19801" s="365"/>
    </row>
    <row r="19802" spans="2:12" ht="28.5">
      <c r="B19802" s="368"/>
      <c r="C19802" s="368"/>
      <c r="D19802" s="368"/>
      <c r="E19802" s="368"/>
      <c r="F19802" s="361" t="s">
        <v>14472</v>
      </c>
      <c r="G19802" s="361" t="s">
        <v>14473</v>
      </c>
      <c r="H19802" s="362"/>
      <c r="I19802" s="361" t="s">
        <v>14473</v>
      </c>
      <c r="J19802" s="366"/>
      <c r="K19802" s="366"/>
      <c r="L19802" s="366"/>
    </row>
    <row r="19803" spans="2:12" ht="28.5">
      <c r="B19803" s="358" t="s">
        <v>24664</v>
      </c>
      <c r="C19803" s="358" t="s">
        <v>24665</v>
      </c>
      <c r="D19803" s="358" t="s">
        <v>24666</v>
      </c>
      <c r="E19803" s="358" t="s">
        <v>24667</v>
      </c>
      <c r="F19803" s="358" t="s">
        <v>14472</v>
      </c>
      <c r="G19803" s="358" t="s">
        <v>14473</v>
      </c>
      <c r="H19803" s="358" t="s">
        <v>8356</v>
      </c>
      <c r="I19803" s="358" t="s">
        <v>14473</v>
      </c>
      <c r="J19803" s="358"/>
      <c r="K19803" s="358"/>
      <c r="L19803" s="358"/>
    </row>
    <row r="19804" spans="2:12">
      <c r="B19804" s="368"/>
      <c r="C19804" s="368"/>
      <c r="D19804" s="368"/>
      <c r="E19804" s="368"/>
      <c r="F19804" s="368"/>
      <c r="G19804" s="368"/>
      <c r="H19804" s="368"/>
      <c r="I19804" s="368"/>
      <c r="J19804" s="366"/>
      <c r="K19804" s="366"/>
      <c r="L19804" s="366"/>
    </row>
    <row r="19805" spans="2:12" ht="28.5">
      <c r="B19805" s="358" t="s">
        <v>24668</v>
      </c>
      <c r="C19805" s="358" t="s">
        <v>24669</v>
      </c>
      <c r="D19805" s="358" t="s">
        <v>24670</v>
      </c>
      <c r="E19805" s="358" t="s">
        <v>24671</v>
      </c>
      <c r="F19805" s="358" t="s">
        <v>14462</v>
      </c>
      <c r="G19805" s="358" t="s">
        <v>14463</v>
      </c>
      <c r="H19805" s="358" t="s">
        <v>8356</v>
      </c>
      <c r="I19805" s="358" t="s">
        <v>14463</v>
      </c>
      <c r="J19805" s="358"/>
      <c r="K19805" s="358"/>
      <c r="L19805" s="358"/>
    </row>
    <row r="19806" spans="2:12">
      <c r="B19806" s="368"/>
      <c r="C19806" s="368"/>
      <c r="D19806" s="368"/>
      <c r="E19806" s="368"/>
      <c r="F19806" s="368"/>
      <c r="G19806" s="368"/>
      <c r="H19806" s="368"/>
      <c r="I19806" s="368"/>
      <c r="J19806" s="366"/>
      <c r="K19806" s="366"/>
      <c r="L19806" s="366"/>
    </row>
    <row r="19807" spans="2:12">
      <c r="B19807" s="358" t="s">
        <v>24672</v>
      </c>
      <c r="C19807" s="358" t="s">
        <v>27945</v>
      </c>
      <c r="D19807" s="358" t="s">
        <v>24673</v>
      </c>
      <c r="E19807" s="358" t="s">
        <v>24674</v>
      </c>
      <c r="F19807" s="358" t="s">
        <v>14420</v>
      </c>
      <c r="G19807" s="358" t="s">
        <v>14429</v>
      </c>
      <c r="H19807" s="358" t="s">
        <v>14341</v>
      </c>
      <c r="I19807" s="358" t="s">
        <v>14429</v>
      </c>
      <c r="J19807" s="358"/>
      <c r="K19807" s="358"/>
      <c r="L19807" s="358"/>
    </row>
    <row r="19808" spans="2:12">
      <c r="B19808" s="367"/>
      <c r="C19808" s="367"/>
      <c r="D19808" s="367"/>
      <c r="E19808" s="367"/>
      <c r="F19808" s="360"/>
      <c r="G19808" s="360"/>
      <c r="H19808" s="360"/>
      <c r="I19808" s="360"/>
      <c r="J19808" s="365"/>
      <c r="K19808" s="365"/>
      <c r="L19808" s="365"/>
    </row>
    <row r="19809" spans="2:12">
      <c r="B19809" s="367"/>
      <c r="C19809" s="367"/>
      <c r="D19809" s="367"/>
      <c r="E19809" s="367"/>
      <c r="F19809" s="359" t="s">
        <v>14430</v>
      </c>
      <c r="G19809" s="359" t="s">
        <v>14431</v>
      </c>
      <c r="H19809" s="359" t="s">
        <v>14367</v>
      </c>
      <c r="I19809" s="359" t="s">
        <v>14431</v>
      </c>
      <c r="J19809" s="365"/>
      <c r="K19809" s="365"/>
      <c r="L19809" s="365"/>
    </row>
    <row r="19810" spans="2:12">
      <c r="B19810" s="367"/>
      <c r="C19810" s="367"/>
      <c r="D19810" s="367"/>
      <c r="E19810" s="367"/>
      <c r="F19810" s="360"/>
      <c r="G19810" s="360"/>
      <c r="H19810" s="360"/>
      <c r="I19810" s="360"/>
      <c r="J19810" s="365"/>
      <c r="K19810" s="365"/>
      <c r="L19810" s="365"/>
    </row>
    <row r="19811" spans="2:12" ht="28.5">
      <c r="B19811" s="368"/>
      <c r="C19811" s="368"/>
      <c r="D19811" s="368"/>
      <c r="E19811" s="368"/>
      <c r="F19811" s="361" t="s">
        <v>14472</v>
      </c>
      <c r="G19811" s="361" t="s">
        <v>14473</v>
      </c>
      <c r="H19811" s="361" t="s">
        <v>14332</v>
      </c>
      <c r="I19811" s="361" t="s">
        <v>14473</v>
      </c>
      <c r="J19811" s="366"/>
      <c r="K19811" s="366"/>
      <c r="L19811" s="366"/>
    </row>
    <row r="19812" spans="2:12" ht="28.5">
      <c r="B19812" s="358" t="s">
        <v>24675</v>
      </c>
      <c r="C19812" s="358" t="s">
        <v>27946</v>
      </c>
      <c r="D19812" s="358" t="s">
        <v>24676</v>
      </c>
      <c r="E19812" s="358" t="s">
        <v>24677</v>
      </c>
      <c r="F19812" s="358" t="s">
        <v>14430</v>
      </c>
      <c r="G19812" s="358" t="s">
        <v>14431</v>
      </c>
      <c r="H19812" s="358" t="s">
        <v>14341</v>
      </c>
      <c r="I19812" s="358" t="s">
        <v>14431</v>
      </c>
      <c r="J19812" s="358"/>
      <c r="K19812" s="358"/>
      <c r="L19812" s="358"/>
    </row>
    <row r="19813" spans="2:12">
      <c r="B19813" s="367"/>
      <c r="C19813" s="367"/>
      <c r="D19813" s="367"/>
      <c r="E19813" s="367"/>
      <c r="F19813" s="360"/>
      <c r="G19813" s="360"/>
      <c r="H19813" s="360"/>
      <c r="I19813" s="360"/>
      <c r="J19813" s="365"/>
      <c r="K19813" s="365"/>
      <c r="L19813" s="365"/>
    </row>
    <row r="19814" spans="2:12">
      <c r="B19814" s="367"/>
      <c r="C19814" s="367"/>
      <c r="D19814" s="367"/>
      <c r="E19814" s="367"/>
      <c r="F19814" s="359" t="s">
        <v>14391</v>
      </c>
      <c r="G19814" s="359" t="s">
        <v>14392</v>
      </c>
      <c r="H19814" s="359" t="s">
        <v>14367</v>
      </c>
      <c r="I19814" s="359" t="s">
        <v>14392</v>
      </c>
      <c r="J19814" s="365"/>
      <c r="K19814" s="365"/>
      <c r="L19814" s="365"/>
    </row>
    <row r="19815" spans="2:12">
      <c r="B19815" s="367"/>
      <c r="C19815" s="367"/>
      <c r="D19815" s="367"/>
      <c r="E19815" s="367"/>
      <c r="F19815" s="360"/>
      <c r="G19815" s="360"/>
      <c r="H19815" s="360"/>
      <c r="I19815" s="360"/>
      <c r="J19815" s="365"/>
      <c r="K19815" s="365"/>
      <c r="L19815" s="365"/>
    </row>
    <row r="19816" spans="2:12" ht="28.5">
      <c r="B19816" s="367"/>
      <c r="C19816" s="367"/>
      <c r="D19816" s="367"/>
      <c r="E19816" s="367"/>
      <c r="F19816" s="359" t="s">
        <v>14394</v>
      </c>
      <c r="G19816" s="359" t="s">
        <v>14395</v>
      </c>
      <c r="H19816" s="359" t="s">
        <v>14370</v>
      </c>
      <c r="I19816" s="359" t="s">
        <v>14395</v>
      </c>
      <c r="J19816" s="365"/>
      <c r="K19816" s="365"/>
      <c r="L19816" s="365"/>
    </row>
    <row r="19817" spans="2:12">
      <c r="B19817" s="367"/>
      <c r="C19817" s="367"/>
      <c r="D19817" s="367"/>
      <c r="E19817" s="367"/>
      <c r="F19817" s="360"/>
      <c r="G19817" s="360"/>
      <c r="H19817" s="360"/>
      <c r="I19817" s="360"/>
      <c r="J19817" s="365"/>
      <c r="K19817" s="365"/>
      <c r="L19817" s="365"/>
    </row>
    <row r="19818" spans="2:12">
      <c r="B19818" s="368"/>
      <c r="C19818" s="368"/>
      <c r="D19818" s="368"/>
      <c r="E19818" s="368"/>
      <c r="F19818" s="362"/>
      <c r="G19818" s="362"/>
      <c r="H19818" s="361" t="s">
        <v>14332</v>
      </c>
      <c r="I19818" s="362"/>
      <c r="J19818" s="366"/>
      <c r="K19818" s="366"/>
      <c r="L19818" s="366"/>
    </row>
    <row r="19819" spans="2:12" ht="28.5">
      <c r="B19819" s="358" t="s">
        <v>24678</v>
      </c>
      <c r="C19819" s="358" t="s">
        <v>27947</v>
      </c>
      <c r="D19819" s="358" t="s">
        <v>24679</v>
      </c>
      <c r="E19819" s="358" t="s">
        <v>8356</v>
      </c>
      <c r="F19819" s="358" t="s">
        <v>14430</v>
      </c>
      <c r="G19819" s="358" t="s">
        <v>14431</v>
      </c>
      <c r="H19819" s="358" t="s">
        <v>14341</v>
      </c>
      <c r="I19819" s="358" t="s">
        <v>14431</v>
      </c>
      <c r="J19819" s="358"/>
      <c r="K19819" s="358"/>
      <c r="L19819" s="358"/>
    </row>
    <row r="19820" spans="2:12">
      <c r="B19820" s="367"/>
      <c r="C19820" s="360"/>
      <c r="D19820" s="367"/>
      <c r="E19820" s="367"/>
      <c r="F19820" s="360"/>
      <c r="G19820" s="360"/>
      <c r="H19820" s="360"/>
      <c r="I19820" s="360"/>
      <c r="J19820" s="365"/>
      <c r="K19820" s="365"/>
      <c r="L19820" s="365"/>
    </row>
    <row r="19821" spans="2:12">
      <c r="B19821" s="367"/>
      <c r="C19821" s="359" t="s">
        <v>27948</v>
      </c>
      <c r="D19821" s="367"/>
      <c r="E19821" s="367"/>
      <c r="F19821" s="359" t="s">
        <v>14391</v>
      </c>
      <c r="G19821" s="359" t="s">
        <v>14392</v>
      </c>
      <c r="H19821" s="359" t="s">
        <v>14367</v>
      </c>
      <c r="I19821" s="359" t="s">
        <v>14392</v>
      </c>
      <c r="J19821" s="365"/>
      <c r="K19821" s="365"/>
      <c r="L19821" s="365"/>
    </row>
    <row r="19822" spans="2:12">
      <c r="B19822" s="367"/>
      <c r="C19822" s="360"/>
      <c r="D19822" s="367"/>
      <c r="E19822" s="367"/>
      <c r="F19822" s="360"/>
      <c r="G19822" s="360"/>
      <c r="H19822" s="360"/>
      <c r="I19822" s="360"/>
      <c r="J19822" s="365"/>
      <c r="K19822" s="365"/>
      <c r="L19822" s="365"/>
    </row>
    <row r="19823" spans="2:12" ht="28.5">
      <c r="B19823" s="368"/>
      <c r="C19823" s="361" t="s">
        <v>27949</v>
      </c>
      <c r="D19823" s="368"/>
      <c r="E19823" s="368"/>
      <c r="F19823" s="361" t="s">
        <v>14472</v>
      </c>
      <c r="G19823" s="361" t="s">
        <v>14473</v>
      </c>
      <c r="H19823" s="361" t="s">
        <v>14332</v>
      </c>
      <c r="I19823" s="361" t="s">
        <v>14473</v>
      </c>
      <c r="J19823" s="366"/>
      <c r="K19823" s="366"/>
      <c r="L19823" s="366"/>
    </row>
    <row r="19824" spans="2:12" ht="28.5">
      <c r="B19824" s="358" t="s">
        <v>24680</v>
      </c>
      <c r="C19824" s="358" t="s">
        <v>27950</v>
      </c>
      <c r="D19824" s="358" t="s">
        <v>24681</v>
      </c>
      <c r="E19824" s="358" t="s">
        <v>24682</v>
      </c>
      <c r="F19824" s="358" t="s">
        <v>14420</v>
      </c>
      <c r="G19824" s="358" t="s">
        <v>14429</v>
      </c>
      <c r="H19824" s="358" t="s">
        <v>14341</v>
      </c>
      <c r="I19824" s="358" t="s">
        <v>14429</v>
      </c>
      <c r="J19824" s="358"/>
      <c r="K19824" s="358"/>
      <c r="L19824" s="358"/>
    </row>
    <row r="19825" spans="2:12">
      <c r="B19825" s="367"/>
      <c r="C19825" s="367"/>
      <c r="D19825" s="367"/>
      <c r="E19825" s="367"/>
      <c r="F19825" s="360"/>
      <c r="G19825" s="360"/>
      <c r="H19825" s="360"/>
      <c r="I19825" s="360"/>
      <c r="J19825" s="365"/>
      <c r="K19825" s="365"/>
      <c r="L19825" s="365"/>
    </row>
    <row r="19826" spans="2:12">
      <c r="B19826" s="367"/>
      <c r="C19826" s="367"/>
      <c r="D19826" s="367"/>
      <c r="E19826" s="367"/>
      <c r="F19826" s="359" t="s">
        <v>14460</v>
      </c>
      <c r="G19826" s="359" t="s">
        <v>14461</v>
      </c>
      <c r="H19826" s="359" t="s">
        <v>14381</v>
      </c>
      <c r="I19826" s="359" t="s">
        <v>14461</v>
      </c>
      <c r="J19826" s="365"/>
      <c r="K19826" s="365"/>
      <c r="L19826" s="365"/>
    </row>
    <row r="19827" spans="2:12">
      <c r="B19827" s="367"/>
      <c r="C19827" s="367"/>
      <c r="D19827" s="367"/>
      <c r="E19827" s="367"/>
      <c r="F19827" s="360"/>
      <c r="G19827" s="360"/>
      <c r="H19827" s="360"/>
      <c r="I19827" s="360"/>
      <c r="J19827" s="365"/>
      <c r="K19827" s="365"/>
      <c r="L19827" s="365"/>
    </row>
    <row r="19828" spans="2:12">
      <c r="B19828" s="367"/>
      <c r="C19828" s="367"/>
      <c r="D19828" s="367"/>
      <c r="E19828" s="367"/>
      <c r="F19828" s="359" t="s">
        <v>14430</v>
      </c>
      <c r="G19828" s="359" t="s">
        <v>14431</v>
      </c>
      <c r="H19828" s="359" t="s">
        <v>14367</v>
      </c>
      <c r="I19828" s="359" t="s">
        <v>14431</v>
      </c>
      <c r="J19828" s="365"/>
      <c r="K19828" s="365"/>
      <c r="L19828" s="365"/>
    </row>
    <row r="19829" spans="2:12">
      <c r="B19829" s="367"/>
      <c r="C19829" s="367"/>
      <c r="D19829" s="367"/>
      <c r="E19829" s="367"/>
      <c r="F19829" s="360"/>
      <c r="G19829" s="360"/>
      <c r="H19829" s="360"/>
      <c r="I19829" s="360"/>
      <c r="J19829" s="365"/>
      <c r="K19829" s="365"/>
      <c r="L19829" s="365"/>
    </row>
    <row r="19830" spans="2:12">
      <c r="B19830" s="368"/>
      <c r="C19830" s="368"/>
      <c r="D19830" s="368"/>
      <c r="E19830" s="368"/>
      <c r="F19830" s="361" t="s">
        <v>14391</v>
      </c>
      <c r="G19830" s="361" t="s">
        <v>14392</v>
      </c>
      <c r="H19830" s="361" t="s">
        <v>14332</v>
      </c>
      <c r="I19830" s="361" t="s">
        <v>14392</v>
      </c>
      <c r="J19830" s="366"/>
      <c r="K19830" s="366"/>
      <c r="L19830" s="366"/>
    </row>
    <row r="19831" spans="2:12">
      <c r="B19831" s="358" t="s">
        <v>24683</v>
      </c>
      <c r="C19831" s="358" t="s">
        <v>29670</v>
      </c>
      <c r="D19831" s="358" t="s">
        <v>24684</v>
      </c>
      <c r="E19831" s="358" t="s">
        <v>8356</v>
      </c>
      <c r="F19831" s="358" t="s">
        <v>14389</v>
      </c>
      <c r="G19831" s="358" t="s">
        <v>14390</v>
      </c>
      <c r="H19831" s="358" t="s">
        <v>14367</v>
      </c>
      <c r="I19831" s="358" t="s">
        <v>14390</v>
      </c>
      <c r="J19831" s="358" t="s">
        <v>17546</v>
      </c>
      <c r="K19831" s="358"/>
      <c r="L19831" s="358"/>
    </row>
    <row r="19832" spans="2:12">
      <c r="B19832" s="367"/>
      <c r="C19832" s="360"/>
      <c r="D19832" s="367"/>
      <c r="E19832" s="367"/>
      <c r="F19832" s="360"/>
      <c r="G19832" s="360"/>
      <c r="H19832" s="360"/>
      <c r="I19832" s="360"/>
      <c r="J19832" s="367"/>
      <c r="K19832" s="365"/>
      <c r="L19832" s="365"/>
    </row>
    <row r="19833" spans="2:12" ht="42.75">
      <c r="B19833" s="367"/>
      <c r="C19833" s="359" t="s">
        <v>27951</v>
      </c>
      <c r="D19833" s="367"/>
      <c r="E19833" s="367"/>
      <c r="F19833" s="359" t="s">
        <v>14394</v>
      </c>
      <c r="G19833" s="359" t="s">
        <v>14395</v>
      </c>
      <c r="H19833" s="359" t="s">
        <v>14370</v>
      </c>
      <c r="I19833" s="359" t="s">
        <v>14395</v>
      </c>
      <c r="J19833" s="367"/>
      <c r="K19833" s="365"/>
      <c r="L19833" s="365"/>
    </row>
    <row r="19834" spans="2:12">
      <c r="B19834" s="367"/>
      <c r="C19834" s="360"/>
      <c r="D19834" s="367"/>
      <c r="E19834" s="367"/>
      <c r="F19834" s="360"/>
      <c r="G19834" s="360"/>
      <c r="H19834" s="360"/>
      <c r="I19834" s="360"/>
      <c r="J19834" s="367"/>
      <c r="K19834" s="365"/>
      <c r="L19834" s="365"/>
    </row>
    <row r="19835" spans="2:12">
      <c r="B19835" s="368"/>
      <c r="C19835" s="362"/>
      <c r="D19835" s="368"/>
      <c r="E19835" s="368"/>
      <c r="F19835" s="362"/>
      <c r="G19835" s="362"/>
      <c r="H19835" s="361" t="s">
        <v>14422</v>
      </c>
      <c r="I19835" s="362"/>
      <c r="J19835" s="368"/>
      <c r="K19835" s="366"/>
      <c r="L19835" s="366"/>
    </row>
    <row r="19836" spans="2:12">
      <c r="B19836" s="358" t="s">
        <v>24685</v>
      </c>
      <c r="C19836" s="358" t="s">
        <v>24686</v>
      </c>
      <c r="D19836" s="358" t="s">
        <v>8356</v>
      </c>
      <c r="E19836" s="358" t="s">
        <v>24687</v>
      </c>
      <c r="F19836" s="358" t="s">
        <v>14443</v>
      </c>
      <c r="G19836" s="358" t="s">
        <v>14444</v>
      </c>
      <c r="H19836" s="358" t="s">
        <v>14381</v>
      </c>
      <c r="I19836" s="358" t="s">
        <v>14444</v>
      </c>
      <c r="J19836" s="358"/>
      <c r="K19836" s="358"/>
      <c r="L19836" s="358"/>
    </row>
    <row r="19837" spans="2:12">
      <c r="B19837" s="367"/>
      <c r="C19837" s="360"/>
      <c r="D19837" s="367"/>
      <c r="E19837" s="367"/>
      <c r="F19837" s="360"/>
      <c r="G19837" s="360"/>
      <c r="H19837" s="360"/>
      <c r="I19837" s="360"/>
      <c r="J19837" s="365"/>
      <c r="K19837" s="365"/>
      <c r="L19837" s="365"/>
    </row>
    <row r="19838" spans="2:12" ht="28.5">
      <c r="B19838" s="367"/>
      <c r="C19838" s="359" t="s">
        <v>24688</v>
      </c>
      <c r="D19838" s="367"/>
      <c r="E19838" s="367"/>
      <c r="F19838" s="359" t="s">
        <v>14394</v>
      </c>
      <c r="G19838" s="359" t="s">
        <v>14395</v>
      </c>
      <c r="H19838" s="359" t="s">
        <v>14370</v>
      </c>
      <c r="I19838" s="359" t="s">
        <v>14395</v>
      </c>
      <c r="J19838" s="365"/>
      <c r="K19838" s="365"/>
      <c r="L19838" s="365"/>
    </row>
    <row r="19839" spans="2:12">
      <c r="B19839" s="367"/>
      <c r="C19839" s="360"/>
      <c r="D19839" s="367"/>
      <c r="E19839" s="367"/>
      <c r="F19839" s="360"/>
      <c r="G19839" s="360"/>
      <c r="H19839" s="360"/>
      <c r="I19839" s="360"/>
      <c r="J19839" s="365"/>
      <c r="K19839" s="365"/>
      <c r="L19839" s="365"/>
    </row>
    <row r="19840" spans="2:12">
      <c r="B19840" s="368"/>
      <c r="C19840" s="362"/>
      <c r="D19840" s="368"/>
      <c r="E19840" s="368"/>
      <c r="F19840" s="362"/>
      <c r="G19840" s="362"/>
      <c r="H19840" s="361" t="s">
        <v>14422</v>
      </c>
      <c r="I19840" s="362"/>
      <c r="J19840" s="366"/>
      <c r="K19840" s="366"/>
      <c r="L19840" s="366"/>
    </row>
    <row r="19841" spans="2:12" ht="85.5">
      <c r="B19841" s="358" t="s">
        <v>24689</v>
      </c>
      <c r="C19841" s="358" t="s">
        <v>24690</v>
      </c>
      <c r="D19841" s="358" t="s">
        <v>24691</v>
      </c>
      <c r="E19841" s="358" t="s">
        <v>8356</v>
      </c>
      <c r="F19841" s="358" t="s">
        <v>14430</v>
      </c>
      <c r="G19841" s="358" t="s">
        <v>14431</v>
      </c>
      <c r="H19841" s="358" t="s">
        <v>14341</v>
      </c>
      <c r="I19841" s="358" t="s">
        <v>14431</v>
      </c>
      <c r="J19841" s="358"/>
      <c r="K19841" s="358"/>
      <c r="L19841" s="358"/>
    </row>
    <row r="19842" spans="2:12">
      <c r="B19842" s="367"/>
      <c r="C19842" s="367"/>
      <c r="D19842" s="367"/>
      <c r="E19842" s="367"/>
      <c r="F19842" s="367"/>
      <c r="G19842" s="367"/>
      <c r="H19842" s="360"/>
      <c r="I19842" s="367"/>
      <c r="J19842" s="365"/>
      <c r="K19842" s="365"/>
      <c r="L19842" s="365"/>
    </row>
    <row r="19843" spans="2:12">
      <c r="B19843" s="368"/>
      <c r="C19843" s="368"/>
      <c r="D19843" s="368"/>
      <c r="E19843" s="368"/>
      <c r="F19843" s="368"/>
      <c r="G19843" s="368"/>
      <c r="H19843" s="361" t="s">
        <v>14332</v>
      </c>
      <c r="I19843" s="368"/>
      <c r="J19843" s="366"/>
      <c r="K19843" s="366"/>
      <c r="L19843" s="366"/>
    </row>
    <row r="19844" spans="2:12" ht="28.5">
      <c r="B19844" s="358" t="s">
        <v>24692</v>
      </c>
      <c r="C19844" s="358" t="s">
        <v>24693</v>
      </c>
      <c r="D19844" s="358" t="s">
        <v>24694</v>
      </c>
      <c r="E19844" s="358" t="s">
        <v>24695</v>
      </c>
      <c r="F19844" s="358" t="s">
        <v>14472</v>
      </c>
      <c r="G19844" s="358" t="s">
        <v>14473</v>
      </c>
      <c r="H19844" s="358" t="s">
        <v>8356</v>
      </c>
      <c r="I19844" s="358" t="s">
        <v>14473</v>
      </c>
      <c r="J19844" s="358"/>
      <c r="K19844" s="358"/>
      <c r="L19844" s="358"/>
    </row>
    <row r="19845" spans="2:12">
      <c r="B19845" s="368"/>
      <c r="C19845" s="368"/>
      <c r="D19845" s="368"/>
      <c r="E19845" s="368"/>
      <c r="F19845" s="368"/>
      <c r="G19845" s="368"/>
      <c r="H19845" s="368"/>
      <c r="I19845" s="368"/>
      <c r="J19845" s="366"/>
      <c r="K19845" s="366"/>
      <c r="L19845" s="366"/>
    </row>
    <row r="19846" spans="2:12" ht="28.5">
      <c r="B19846" s="358" t="s">
        <v>24696</v>
      </c>
      <c r="C19846" s="358" t="s">
        <v>27952</v>
      </c>
      <c r="D19846" s="358" t="s">
        <v>24697</v>
      </c>
      <c r="E19846" s="358" t="s">
        <v>24698</v>
      </c>
      <c r="F19846" s="358" t="s">
        <v>14391</v>
      </c>
      <c r="G19846" s="358" t="s">
        <v>14392</v>
      </c>
      <c r="H19846" s="358" t="s">
        <v>14367</v>
      </c>
      <c r="I19846" s="358" t="s">
        <v>14392</v>
      </c>
      <c r="J19846" s="358"/>
      <c r="K19846" s="358"/>
      <c r="L19846" s="358"/>
    </row>
    <row r="19847" spans="2:12">
      <c r="B19847" s="367"/>
      <c r="C19847" s="367"/>
      <c r="D19847" s="367"/>
      <c r="E19847" s="367"/>
      <c r="F19847" s="360"/>
      <c r="G19847" s="360"/>
      <c r="H19847" s="360"/>
      <c r="I19847" s="360"/>
      <c r="J19847" s="365"/>
      <c r="K19847" s="365"/>
      <c r="L19847" s="365"/>
    </row>
    <row r="19848" spans="2:12" ht="28.5">
      <c r="B19848" s="368"/>
      <c r="C19848" s="368"/>
      <c r="D19848" s="368"/>
      <c r="E19848" s="368"/>
      <c r="F19848" s="361" t="s">
        <v>14462</v>
      </c>
      <c r="G19848" s="361" t="s">
        <v>14463</v>
      </c>
      <c r="H19848" s="361" t="s">
        <v>14422</v>
      </c>
      <c r="I19848" s="361" t="s">
        <v>14463</v>
      </c>
      <c r="J19848" s="366"/>
      <c r="K19848" s="366"/>
      <c r="L19848" s="366"/>
    </row>
    <row r="19849" spans="2:12" ht="28.5">
      <c r="B19849" s="358" t="s">
        <v>24699</v>
      </c>
      <c r="C19849" s="358" t="s">
        <v>24700</v>
      </c>
      <c r="D19849" s="358" t="s">
        <v>24701</v>
      </c>
      <c r="E19849" s="358" t="s">
        <v>24702</v>
      </c>
      <c r="F19849" s="358" t="s">
        <v>14356</v>
      </c>
      <c r="G19849" s="358" t="s">
        <v>14340</v>
      </c>
      <c r="H19849" s="358" t="s">
        <v>14341</v>
      </c>
      <c r="I19849" s="358" t="s">
        <v>14340</v>
      </c>
      <c r="J19849" s="358"/>
      <c r="K19849" s="358"/>
      <c r="L19849" s="358"/>
    </row>
    <row r="19850" spans="2:12">
      <c r="B19850" s="367"/>
      <c r="C19850" s="360"/>
      <c r="D19850" s="367"/>
      <c r="E19850" s="367"/>
      <c r="F19850" s="360"/>
      <c r="G19850" s="360"/>
      <c r="H19850" s="360"/>
      <c r="I19850" s="360"/>
      <c r="J19850" s="365"/>
      <c r="K19850" s="365"/>
      <c r="L19850" s="365"/>
    </row>
    <row r="19851" spans="2:12" ht="28.5">
      <c r="B19851" s="367"/>
      <c r="C19851" s="359" t="s">
        <v>24703</v>
      </c>
      <c r="D19851" s="367"/>
      <c r="E19851" s="367"/>
      <c r="F19851" s="359" t="s">
        <v>14472</v>
      </c>
      <c r="G19851" s="359" t="s">
        <v>14473</v>
      </c>
      <c r="H19851" s="359" t="s">
        <v>14332</v>
      </c>
      <c r="I19851" s="359" t="s">
        <v>14473</v>
      </c>
      <c r="J19851" s="365"/>
      <c r="K19851" s="365"/>
      <c r="L19851" s="365"/>
    </row>
    <row r="19852" spans="2:12">
      <c r="B19852" s="367"/>
      <c r="C19852" s="360"/>
      <c r="D19852" s="367"/>
      <c r="E19852" s="367"/>
      <c r="F19852" s="360"/>
      <c r="G19852" s="360"/>
      <c r="H19852" s="360"/>
      <c r="I19852" s="360"/>
      <c r="J19852" s="365"/>
      <c r="K19852" s="365"/>
      <c r="L19852" s="365"/>
    </row>
    <row r="19853" spans="2:12">
      <c r="B19853" s="368"/>
      <c r="C19853" s="361" t="s">
        <v>24704</v>
      </c>
      <c r="D19853" s="368"/>
      <c r="E19853" s="368"/>
      <c r="F19853" s="362"/>
      <c r="G19853" s="362"/>
      <c r="H19853" s="362"/>
      <c r="I19853" s="362"/>
      <c r="J19853" s="366"/>
      <c r="K19853" s="366"/>
      <c r="L19853" s="366"/>
    </row>
    <row r="19854" spans="2:12" ht="28.5">
      <c r="B19854" s="358" t="s">
        <v>24705</v>
      </c>
      <c r="C19854" s="358" t="s">
        <v>27953</v>
      </c>
      <c r="D19854" s="358" t="s">
        <v>24706</v>
      </c>
      <c r="E19854" s="358" t="s">
        <v>24707</v>
      </c>
      <c r="F19854" s="358" t="s">
        <v>14420</v>
      </c>
      <c r="G19854" s="358" t="s">
        <v>14429</v>
      </c>
      <c r="H19854" s="358" t="s">
        <v>14367</v>
      </c>
      <c r="I19854" s="358" t="s">
        <v>14429</v>
      </c>
      <c r="J19854" s="358"/>
      <c r="K19854" s="358"/>
      <c r="L19854" s="358"/>
    </row>
    <row r="19855" spans="2:12">
      <c r="B19855" s="367"/>
      <c r="C19855" s="360"/>
      <c r="D19855" s="367"/>
      <c r="E19855" s="367"/>
      <c r="F19855" s="360"/>
      <c r="G19855" s="360"/>
      <c r="H19855" s="360"/>
      <c r="I19855" s="360"/>
      <c r="J19855" s="365"/>
      <c r="K19855" s="365"/>
      <c r="L19855" s="365"/>
    </row>
    <row r="19856" spans="2:12" ht="28.5">
      <c r="B19856" s="367"/>
      <c r="C19856" s="359" t="s">
        <v>27954</v>
      </c>
      <c r="D19856" s="367"/>
      <c r="E19856" s="367"/>
      <c r="F19856" s="359" t="s">
        <v>14371</v>
      </c>
      <c r="G19856" s="359" t="s">
        <v>14372</v>
      </c>
      <c r="H19856" s="359" t="s">
        <v>14370</v>
      </c>
      <c r="I19856" s="359" t="s">
        <v>14373</v>
      </c>
      <c r="J19856" s="365"/>
      <c r="K19856" s="365"/>
      <c r="L19856" s="365"/>
    </row>
    <row r="19857" spans="2:12">
      <c r="B19857" s="367"/>
      <c r="C19857" s="360"/>
      <c r="D19857" s="367"/>
      <c r="E19857" s="367"/>
      <c r="F19857" s="360"/>
      <c r="G19857" s="360"/>
      <c r="H19857" s="360"/>
      <c r="I19857" s="360"/>
      <c r="J19857" s="365"/>
      <c r="K19857" s="365"/>
      <c r="L19857" s="365"/>
    </row>
    <row r="19858" spans="2:12" ht="28.5">
      <c r="B19858" s="368"/>
      <c r="C19858" s="362"/>
      <c r="D19858" s="368"/>
      <c r="E19858" s="368"/>
      <c r="F19858" s="361" t="s">
        <v>14374</v>
      </c>
      <c r="G19858" s="361" t="s">
        <v>14373</v>
      </c>
      <c r="H19858" s="361" t="s">
        <v>14422</v>
      </c>
      <c r="I19858" s="362"/>
      <c r="J19858" s="366"/>
      <c r="K19858" s="366"/>
      <c r="L19858" s="366"/>
    </row>
    <row r="19859" spans="2:12" ht="42.75">
      <c r="B19859" s="358" t="s">
        <v>24708</v>
      </c>
      <c r="C19859" s="358" t="s">
        <v>27955</v>
      </c>
      <c r="D19859" s="358" t="s">
        <v>24709</v>
      </c>
      <c r="E19859" s="358" t="s">
        <v>8356</v>
      </c>
      <c r="F19859" s="358" t="s">
        <v>14430</v>
      </c>
      <c r="G19859" s="358" t="s">
        <v>14431</v>
      </c>
      <c r="H19859" s="358" t="s">
        <v>14341</v>
      </c>
      <c r="I19859" s="358" t="s">
        <v>14431</v>
      </c>
      <c r="J19859" s="358"/>
      <c r="K19859" s="358"/>
      <c r="L19859" s="358"/>
    </row>
    <row r="19860" spans="2:12">
      <c r="B19860" s="367"/>
      <c r="C19860" s="367"/>
      <c r="D19860" s="367"/>
      <c r="E19860" s="367"/>
      <c r="F19860" s="360"/>
      <c r="G19860" s="360"/>
      <c r="H19860" s="360"/>
      <c r="I19860" s="360"/>
      <c r="J19860" s="365"/>
      <c r="K19860" s="365"/>
      <c r="L19860" s="365"/>
    </row>
    <row r="19861" spans="2:12">
      <c r="B19861" s="367"/>
      <c r="C19861" s="367"/>
      <c r="D19861" s="367"/>
      <c r="E19861" s="367"/>
      <c r="F19861" s="359" t="s">
        <v>14371</v>
      </c>
      <c r="G19861" s="359" t="s">
        <v>14372</v>
      </c>
      <c r="H19861" s="359" t="s">
        <v>14370</v>
      </c>
      <c r="I19861" s="359" t="s">
        <v>14373</v>
      </c>
      <c r="J19861" s="365"/>
      <c r="K19861" s="365"/>
      <c r="L19861" s="365"/>
    </row>
    <row r="19862" spans="2:12">
      <c r="B19862" s="367"/>
      <c r="C19862" s="367"/>
      <c r="D19862" s="367"/>
      <c r="E19862" s="367"/>
      <c r="F19862" s="360"/>
      <c r="G19862" s="360"/>
      <c r="H19862" s="360"/>
      <c r="I19862" s="360"/>
      <c r="J19862" s="365"/>
      <c r="K19862" s="365"/>
      <c r="L19862" s="365"/>
    </row>
    <row r="19863" spans="2:12" ht="28.5">
      <c r="B19863" s="368"/>
      <c r="C19863" s="368"/>
      <c r="D19863" s="368"/>
      <c r="E19863" s="368"/>
      <c r="F19863" s="361" t="s">
        <v>14374</v>
      </c>
      <c r="G19863" s="361" t="s">
        <v>14373</v>
      </c>
      <c r="H19863" s="361" t="s">
        <v>14332</v>
      </c>
      <c r="I19863" s="362"/>
      <c r="J19863" s="366"/>
      <c r="K19863" s="366"/>
      <c r="L19863" s="366"/>
    </row>
    <row r="19864" spans="2:12">
      <c r="B19864" s="358" t="s">
        <v>24710</v>
      </c>
      <c r="C19864" s="358" t="s">
        <v>24711</v>
      </c>
      <c r="D19864" s="358" t="s">
        <v>24712</v>
      </c>
      <c r="E19864" s="358" t="s">
        <v>24713</v>
      </c>
      <c r="F19864" s="358" t="s">
        <v>14420</v>
      </c>
      <c r="G19864" s="358" t="s">
        <v>14429</v>
      </c>
      <c r="H19864" s="358" t="s">
        <v>14341</v>
      </c>
      <c r="I19864" s="358" t="s">
        <v>14429</v>
      </c>
      <c r="J19864" s="358"/>
      <c r="K19864" s="358"/>
      <c r="L19864" s="358"/>
    </row>
    <row r="19865" spans="2:12">
      <c r="B19865" s="367"/>
      <c r="C19865" s="367"/>
      <c r="D19865" s="367"/>
      <c r="E19865" s="367"/>
      <c r="F19865" s="360"/>
      <c r="G19865" s="360"/>
      <c r="H19865" s="360"/>
      <c r="I19865" s="360"/>
      <c r="J19865" s="365"/>
      <c r="K19865" s="365"/>
      <c r="L19865" s="365"/>
    </row>
    <row r="19866" spans="2:12" ht="28.5">
      <c r="B19866" s="367"/>
      <c r="C19866" s="367"/>
      <c r="D19866" s="367"/>
      <c r="E19866" s="367"/>
      <c r="F19866" s="359" t="s">
        <v>14460</v>
      </c>
      <c r="G19866" s="359" t="s">
        <v>28797</v>
      </c>
      <c r="H19866" s="359" t="s">
        <v>14381</v>
      </c>
      <c r="I19866" s="359" t="s">
        <v>14461</v>
      </c>
      <c r="J19866" s="365"/>
      <c r="K19866" s="365"/>
      <c r="L19866" s="365"/>
    </row>
    <row r="19867" spans="2:12">
      <c r="B19867" s="367"/>
      <c r="C19867" s="367"/>
      <c r="D19867" s="367"/>
      <c r="E19867" s="367"/>
      <c r="F19867" s="360"/>
      <c r="G19867" s="360"/>
      <c r="H19867" s="360"/>
      <c r="I19867" s="360"/>
      <c r="J19867" s="365"/>
      <c r="K19867" s="365"/>
      <c r="L19867" s="365"/>
    </row>
    <row r="19868" spans="2:12">
      <c r="B19868" s="367"/>
      <c r="C19868" s="367"/>
      <c r="D19868" s="367"/>
      <c r="E19868" s="367"/>
      <c r="F19868" s="359" t="s">
        <v>14430</v>
      </c>
      <c r="G19868" s="359" t="s">
        <v>14392</v>
      </c>
      <c r="H19868" s="359" t="s">
        <v>14367</v>
      </c>
      <c r="I19868" s="359" t="s">
        <v>14431</v>
      </c>
      <c r="J19868" s="365"/>
      <c r="K19868" s="365"/>
      <c r="L19868" s="365"/>
    </row>
    <row r="19869" spans="2:12">
      <c r="B19869" s="367"/>
      <c r="C19869" s="367"/>
      <c r="D19869" s="367"/>
      <c r="E19869" s="367"/>
      <c r="F19869" s="360"/>
      <c r="G19869" s="360"/>
      <c r="H19869" s="360"/>
      <c r="I19869" s="360"/>
      <c r="J19869" s="365"/>
      <c r="K19869" s="365"/>
      <c r="L19869" s="365"/>
    </row>
    <row r="19870" spans="2:12">
      <c r="B19870" s="367"/>
      <c r="C19870" s="367"/>
      <c r="D19870" s="367"/>
      <c r="E19870" s="367"/>
      <c r="F19870" s="359" t="s">
        <v>14391</v>
      </c>
      <c r="G19870" s="359" t="s">
        <v>14473</v>
      </c>
      <c r="H19870" s="359" t="s">
        <v>14332</v>
      </c>
      <c r="I19870" s="359" t="s">
        <v>14392</v>
      </c>
      <c r="J19870" s="365"/>
      <c r="K19870" s="365"/>
      <c r="L19870" s="365"/>
    </row>
    <row r="19871" spans="2:12">
      <c r="B19871" s="367"/>
      <c r="C19871" s="367"/>
      <c r="D19871" s="367"/>
      <c r="E19871" s="367"/>
      <c r="F19871" s="360"/>
      <c r="G19871" s="360"/>
      <c r="H19871" s="360"/>
      <c r="I19871" s="360"/>
      <c r="J19871" s="365"/>
      <c r="K19871" s="365"/>
      <c r="L19871" s="365"/>
    </row>
    <row r="19872" spans="2:12" ht="28.5">
      <c r="B19872" s="368"/>
      <c r="C19872" s="368"/>
      <c r="D19872" s="368"/>
      <c r="E19872" s="368"/>
      <c r="F19872" s="361" t="s">
        <v>14472</v>
      </c>
      <c r="G19872" s="362"/>
      <c r="H19872" s="362"/>
      <c r="I19872" s="361" t="s">
        <v>14473</v>
      </c>
      <c r="J19872" s="366"/>
      <c r="K19872" s="366"/>
      <c r="L19872" s="366"/>
    </row>
    <row r="19873" spans="2:12" ht="42.75">
      <c r="B19873" s="358" t="s">
        <v>24714</v>
      </c>
      <c r="C19873" s="358" t="s">
        <v>27956</v>
      </c>
      <c r="D19873" s="358" t="s">
        <v>24715</v>
      </c>
      <c r="E19873" s="358" t="s">
        <v>24716</v>
      </c>
      <c r="F19873" s="358" t="s">
        <v>14430</v>
      </c>
      <c r="G19873" s="358" t="s">
        <v>14431</v>
      </c>
      <c r="H19873" s="358" t="s">
        <v>14341</v>
      </c>
      <c r="I19873" s="358" t="s">
        <v>14431</v>
      </c>
      <c r="J19873" s="358"/>
      <c r="K19873" s="358"/>
      <c r="L19873" s="358"/>
    </row>
    <row r="19874" spans="2:12">
      <c r="B19874" s="367"/>
      <c r="C19874" s="367"/>
      <c r="D19874" s="367"/>
      <c r="E19874" s="367"/>
      <c r="F19874" s="367"/>
      <c r="G19874" s="367"/>
      <c r="H19874" s="360"/>
      <c r="I19874" s="367"/>
      <c r="J19874" s="365"/>
      <c r="K19874" s="365"/>
      <c r="L19874" s="365"/>
    </row>
    <row r="19875" spans="2:12">
      <c r="B19875" s="368"/>
      <c r="C19875" s="368"/>
      <c r="D19875" s="368"/>
      <c r="E19875" s="368"/>
      <c r="F19875" s="368"/>
      <c r="G19875" s="368"/>
      <c r="H19875" s="361" t="s">
        <v>14332</v>
      </c>
      <c r="I19875" s="368"/>
      <c r="J19875" s="366"/>
      <c r="K19875" s="366"/>
      <c r="L19875" s="366"/>
    </row>
    <row r="19876" spans="2:12" ht="28.5">
      <c r="B19876" s="358" t="s">
        <v>24717</v>
      </c>
      <c r="C19876" s="358" t="s">
        <v>24718</v>
      </c>
      <c r="D19876" s="358" t="s">
        <v>24719</v>
      </c>
      <c r="E19876" s="358" t="s">
        <v>8356</v>
      </c>
      <c r="F19876" s="358" t="s">
        <v>14391</v>
      </c>
      <c r="G19876" s="358" t="s">
        <v>14392</v>
      </c>
      <c r="H19876" s="358" t="s">
        <v>14367</v>
      </c>
      <c r="I19876" s="358" t="s">
        <v>14392</v>
      </c>
      <c r="J19876" s="358"/>
      <c r="K19876" s="358"/>
      <c r="L19876" s="358"/>
    </row>
    <row r="19877" spans="2:12">
      <c r="B19877" s="367"/>
      <c r="C19877" s="367"/>
      <c r="D19877" s="367"/>
      <c r="E19877" s="367"/>
      <c r="F19877" s="367"/>
      <c r="G19877" s="367"/>
      <c r="H19877" s="360"/>
      <c r="I19877" s="367"/>
      <c r="J19877" s="365"/>
      <c r="K19877" s="365"/>
      <c r="L19877" s="365"/>
    </row>
    <row r="19878" spans="2:12">
      <c r="B19878" s="368"/>
      <c r="C19878" s="368"/>
      <c r="D19878" s="368"/>
      <c r="E19878" s="368"/>
      <c r="F19878" s="368"/>
      <c r="G19878" s="368"/>
      <c r="H19878" s="361" t="s">
        <v>14422</v>
      </c>
      <c r="I19878" s="368"/>
      <c r="J19878" s="366"/>
      <c r="K19878" s="366"/>
      <c r="L19878" s="366"/>
    </row>
    <row r="19879" spans="2:12">
      <c r="B19879" s="358" t="s">
        <v>24720</v>
      </c>
      <c r="C19879" s="358" t="s">
        <v>24721</v>
      </c>
      <c r="D19879" s="358" t="s">
        <v>24722</v>
      </c>
      <c r="E19879" s="358" t="s">
        <v>24723</v>
      </c>
      <c r="F19879" s="358" t="s">
        <v>14382</v>
      </c>
      <c r="G19879" s="358" t="s">
        <v>14579</v>
      </c>
      <c r="H19879" s="358" t="s">
        <v>14378</v>
      </c>
      <c r="I19879" s="358" t="s">
        <v>14579</v>
      </c>
      <c r="J19879" s="358"/>
      <c r="K19879" s="358"/>
      <c r="L19879" s="358"/>
    </row>
    <row r="19880" spans="2:12">
      <c r="B19880" s="367"/>
      <c r="C19880" s="367"/>
      <c r="D19880" s="367"/>
      <c r="E19880" s="367"/>
      <c r="F19880" s="360"/>
      <c r="G19880" s="360"/>
      <c r="H19880" s="360"/>
      <c r="I19880" s="360"/>
      <c r="J19880" s="365"/>
      <c r="K19880" s="365"/>
      <c r="L19880" s="365"/>
    </row>
    <row r="19881" spans="2:12">
      <c r="B19881" s="367"/>
      <c r="C19881" s="367"/>
      <c r="D19881" s="367"/>
      <c r="E19881" s="367"/>
      <c r="F19881" s="359" t="s">
        <v>14356</v>
      </c>
      <c r="G19881" s="359" t="s">
        <v>14340</v>
      </c>
      <c r="H19881" s="359" t="s">
        <v>14341</v>
      </c>
      <c r="I19881" s="359" t="s">
        <v>14340</v>
      </c>
      <c r="J19881" s="365"/>
      <c r="K19881" s="365"/>
      <c r="L19881" s="365"/>
    </row>
    <row r="19882" spans="2:12">
      <c r="B19882" s="367"/>
      <c r="C19882" s="367"/>
      <c r="D19882" s="367"/>
      <c r="E19882" s="367"/>
      <c r="F19882" s="360"/>
      <c r="G19882" s="360"/>
      <c r="H19882" s="360"/>
      <c r="I19882" s="360"/>
      <c r="J19882" s="365"/>
      <c r="K19882" s="365"/>
      <c r="L19882" s="365"/>
    </row>
    <row r="19883" spans="2:12">
      <c r="B19883" s="367"/>
      <c r="C19883" s="367"/>
      <c r="D19883" s="367"/>
      <c r="E19883" s="367"/>
      <c r="F19883" s="359" t="s">
        <v>14420</v>
      </c>
      <c r="G19883" s="359" t="s">
        <v>14429</v>
      </c>
      <c r="H19883" s="359" t="s">
        <v>14370</v>
      </c>
      <c r="I19883" s="359" t="s">
        <v>14429</v>
      </c>
      <c r="J19883" s="365"/>
      <c r="K19883" s="365"/>
      <c r="L19883" s="365"/>
    </row>
    <row r="19884" spans="2:12">
      <c r="B19884" s="367"/>
      <c r="C19884" s="367"/>
      <c r="D19884" s="367"/>
      <c r="E19884" s="367"/>
      <c r="F19884" s="360"/>
      <c r="G19884" s="360"/>
      <c r="H19884" s="360"/>
      <c r="I19884" s="360"/>
      <c r="J19884" s="365"/>
      <c r="K19884" s="365"/>
      <c r="L19884" s="365"/>
    </row>
    <row r="19885" spans="2:12">
      <c r="B19885" s="367"/>
      <c r="C19885" s="367"/>
      <c r="D19885" s="367"/>
      <c r="E19885" s="367"/>
      <c r="F19885" s="359" t="s">
        <v>14391</v>
      </c>
      <c r="G19885" s="359" t="s">
        <v>14392</v>
      </c>
      <c r="H19885" s="359" t="s">
        <v>14332</v>
      </c>
      <c r="I19885" s="359" t="s">
        <v>14392</v>
      </c>
      <c r="J19885" s="365"/>
      <c r="K19885" s="365"/>
      <c r="L19885" s="365"/>
    </row>
    <row r="19886" spans="2:12">
      <c r="B19886" s="367"/>
      <c r="C19886" s="367"/>
      <c r="D19886" s="367"/>
      <c r="E19886" s="367"/>
      <c r="F19886" s="360"/>
      <c r="G19886" s="360"/>
      <c r="H19886" s="360"/>
      <c r="I19886" s="360"/>
      <c r="J19886" s="365"/>
      <c r="K19886" s="365"/>
      <c r="L19886" s="365"/>
    </row>
    <row r="19887" spans="2:12" ht="28.5">
      <c r="B19887" s="368"/>
      <c r="C19887" s="368"/>
      <c r="D19887" s="368"/>
      <c r="E19887" s="368"/>
      <c r="F19887" s="361" t="s">
        <v>14394</v>
      </c>
      <c r="G19887" s="361" t="s">
        <v>14395</v>
      </c>
      <c r="H19887" s="362"/>
      <c r="I19887" s="361" t="s">
        <v>14395</v>
      </c>
      <c r="J19887" s="366"/>
      <c r="K19887" s="366"/>
      <c r="L19887" s="366"/>
    </row>
    <row r="19888" spans="2:12">
      <c r="B19888" s="358" t="s">
        <v>24724</v>
      </c>
      <c r="C19888" s="358" t="s">
        <v>24725</v>
      </c>
      <c r="D19888" s="358" t="s">
        <v>24726</v>
      </c>
      <c r="E19888" s="358" t="s">
        <v>1994</v>
      </c>
      <c r="F19888" s="358" t="s">
        <v>14420</v>
      </c>
      <c r="G19888" s="358" t="s">
        <v>14429</v>
      </c>
      <c r="H19888" s="358" t="s">
        <v>14367</v>
      </c>
      <c r="I19888" s="358" t="s">
        <v>14429</v>
      </c>
      <c r="J19888" s="358"/>
      <c r="K19888" s="358" t="s">
        <v>14820</v>
      </c>
      <c r="L19888" s="358"/>
    </row>
    <row r="19889" spans="2:12">
      <c r="B19889" s="367"/>
      <c r="C19889" s="360"/>
      <c r="D19889" s="367"/>
      <c r="E19889" s="367"/>
      <c r="F19889" s="360"/>
      <c r="G19889" s="360"/>
      <c r="H19889" s="360"/>
      <c r="I19889" s="360"/>
      <c r="J19889" s="365"/>
      <c r="K19889" s="367"/>
      <c r="L19889" s="365"/>
    </row>
    <row r="19890" spans="2:12" ht="28.5">
      <c r="B19890" s="367"/>
      <c r="C19890" s="359" t="s">
        <v>27957</v>
      </c>
      <c r="D19890" s="367"/>
      <c r="E19890" s="367"/>
      <c r="F19890" s="359" t="s">
        <v>14371</v>
      </c>
      <c r="G19890" s="359" t="s">
        <v>14372</v>
      </c>
      <c r="H19890" s="359" t="s">
        <v>14370</v>
      </c>
      <c r="I19890" s="359" t="s">
        <v>14373</v>
      </c>
      <c r="J19890" s="365"/>
      <c r="K19890" s="367"/>
      <c r="L19890" s="365"/>
    </row>
    <row r="19891" spans="2:12">
      <c r="B19891" s="367"/>
      <c r="C19891" s="360"/>
      <c r="D19891" s="367"/>
      <c r="E19891" s="367"/>
      <c r="F19891" s="360"/>
      <c r="G19891" s="360"/>
      <c r="H19891" s="360"/>
      <c r="I19891" s="360"/>
      <c r="J19891" s="365"/>
      <c r="K19891" s="367"/>
      <c r="L19891" s="365"/>
    </row>
    <row r="19892" spans="2:12" ht="28.5">
      <c r="B19892" s="368"/>
      <c r="C19892" s="362"/>
      <c r="D19892" s="368"/>
      <c r="E19892" s="368"/>
      <c r="F19892" s="361" t="s">
        <v>14374</v>
      </c>
      <c r="G19892" s="361" t="s">
        <v>14373</v>
      </c>
      <c r="H19892" s="361" t="s">
        <v>14422</v>
      </c>
      <c r="I19892" s="362"/>
      <c r="J19892" s="366"/>
      <c r="K19892" s="368"/>
      <c r="L19892" s="366"/>
    </row>
    <row r="19893" spans="2:12">
      <c r="B19893" s="358" t="s">
        <v>24727</v>
      </c>
      <c r="C19893" s="358" t="s">
        <v>27958</v>
      </c>
      <c r="D19893" s="358" t="s">
        <v>24728</v>
      </c>
      <c r="E19893" s="358" t="s">
        <v>24729</v>
      </c>
      <c r="F19893" s="358" t="s">
        <v>14356</v>
      </c>
      <c r="G19893" s="358" t="s">
        <v>14340</v>
      </c>
      <c r="H19893" s="358" t="s">
        <v>14341</v>
      </c>
      <c r="I19893" s="358" t="s">
        <v>14340</v>
      </c>
      <c r="J19893" s="358"/>
      <c r="K19893" s="358"/>
      <c r="L19893" s="358"/>
    </row>
    <row r="19894" spans="2:12">
      <c r="B19894" s="367"/>
      <c r="C19894" s="367"/>
      <c r="D19894" s="367"/>
      <c r="E19894" s="367"/>
      <c r="F19894" s="360"/>
      <c r="G19894" s="360"/>
      <c r="H19894" s="360"/>
      <c r="I19894" s="360"/>
      <c r="J19894" s="365"/>
      <c r="K19894" s="365"/>
      <c r="L19894" s="365"/>
    </row>
    <row r="19895" spans="2:12">
      <c r="B19895" s="367"/>
      <c r="C19895" s="367"/>
      <c r="D19895" s="367"/>
      <c r="E19895" s="367"/>
      <c r="F19895" s="359" t="s">
        <v>14420</v>
      </c>
      <c r="G19895" s="359" t="s">
        <v>14459</v>
      </c>
      <c r="H19895" s="359" t="s">
        <v>14381</v>
      </c>
      <c r="I19895" s="359" t="s">
        <v>14459</v>
      </c>
      <c r="J19895" s="365"/>
      <c r="K19895" s="365"/>
      <c r="L19895" s="365"/>
    </row>
    <row r="19896" spans="2:12">
      <c r="B19896" s="367"/>
      <c r="C19896" s="367"/>
      <c r="D19896" s="367"/>
      <c r="E19896" s="367"/>
      <c r="F19896" s="360"/>
      <c r="G19896" s="360"/>
      <c r="H19896" s="360"/>
      <c r="I19896" s="360"/>
      <c r="J19896" s="365"/>
      <c r="K19896" s="365"/>
      <c r="L19896" s="365"/>
    </row>
    <row r="19897" spans="2:12">
      <c r="B19897" s="367"/>
      <c r="C19897" s="367"/>
      <c r="D19897" s="367"/>
      <c r="E19897" s="367"/>
      <c r="F19897" s="359" t="s">
        <v>14420</v>
      </c>
      <c r="G19897" s="359" t="s">
        <v>14429</v>
      </c>
      <c r="H19897" s="359" t="s">
        <v>14367</v>
      </c>
      <c r="I19897" s="359" t="s">
        <v>14429</v>
      </c>
      <c r="J19897" s="365"/>
      <c r="K19897" s="365"/>
      <c r="L19897" s="365"/>
    </row>
    <row r="19898" spans="2:12">
      <c r="B19898" s="367"/>
      <c r="C19898" s="367"/>
      <c r="D19898" s="367"/>
      <c r="E19898" s="367"/>
      <c r="F19898" s="360"/>
      <c r="G19898" s="360"/>
      <c r="H19898" s="360"/>
      <c r="I19898" s="360"/>
      <c r="J19898" s="365"/>
      <c r="K19898" s="365"/>
      <c r="L19898" s="365"/>
    </row>
    <row r="19899" spans="2:12">
      <c r="B19899" s="367"/>
      <c r="C19899" s="367"/>
      <c r="D19899" s="367"/>
      <c r="E19899" s="367"/>
      <c r="F19899" s="359" t="s">
        <v>14460</v>
      </c>
      <c r="G19899" s="359" t="s">
        <v>14461</v>
      </c>
      <c r="H19899" s="359" t="s">
        <v>14370</v>
      </c>
      <c r="I19899" s="359" t="s">
        <v>14461</v>
      </c>
      <c r="J19899" s="365"/>
      <c r="K19899" s="365"/>
      <c r="L19899" s="365"/>
    </row>
    <row r="19900" spans="2:12">
      <c r="B19900" s="367"/>
      <c r="C19900" s="367"/>
      <c r="D19900" s="367"/>
      <c r="E19900" s="367"/>
      <c r="F19900" s="360"/>
      <c r="G19900" s="360"/>
      <c r="H19900" s="360"/>
      <c r="I19900" s="360"/>
      <c r="J19900" s="365"/>
      <c r="K19900" s="365"/>
      <c r="L19900" s="365"/>
    </row>
    <row r="19901" spans="2:12" ht="28.5">
      <c r="B19901" s="368"/>
      <c r="C19901" s="368"/>
      <c r="D19901" s="368"/>
      <c r="E19901" s="368"/>
      <c r="F19901" s="361" t="s">
        <v>14394</v>
      </c>
      <c r="G19901" s="361" t="s">
        <v>14395</v>
      </c>
      <c r="H19901" s="361" t="s">
        <v>14332</v>
      </c>
      <c r="I19901" s="361" t="s">
        <v>14395</v>
      </c>
      <c r="J19901" s="366"/>
      <c r="K19901" s="366"/>
      <c r="L19901" s="366"/>
    </row>
    <row r="19902" spans="2:12">
      <c r="B19902" s="358" t="s">
        <v>24730</v>
      </c>
      <c r="C19902" s="358" t="s">
        <v>24731</v>
      </c>
      <c r="D19902" s="358" t="s">
        <v>24732</v>
      </c>
      <c r="E19902" s="358" t="s">
        <v>24733</v>
      </c>
      <c r="F19902" s="358" t="s">
        <v>17028</v>
      </c>
      <c r="G19902" s="358" t="s">
        <v>14429</v>
      </c>
      <c r="H19902" s="358" t="s">
        <v>14381</v>
      </c>
      <c r="I19902" s="358" t="s">
        <v>14429</v>
      </c>
      <c r="J19902" s="358"/>
      <c r="K19902" s="358"/>
      <c r="L19902" s="358"/>
    </row>
    <row r="19903" spans="2:12">
      <c r="B19903" s="367"/>
      <c r="C19903" s="367"/>
      <c r="D19903" s="367"/>
      <c r="E19903" s="367"/>
      <c r="F19903" s="360"/>
      <c r="G19903" s="360"/>
      <c r="H19903" s="360"/>
      <c r="I19903" s="360"/>
      <c r="J19903" s="365"/>
      <c r="K19903" s="365"/>
      <c r="L19903" s="365"/>
    </row>
    <row r="19904" spans="2:12">
      <c r="B19904" s="367"/>
      <c r="C19904" s="367"/>
      <c r="D19904" s="367"/>
      <c r="E19904" s="367"/>
      <c r="F19904" s="359" t="s">
        <v>14460</v>
      </c>
      <c r="G19904" s="359" t="s">
        <v>14461</v>
      </c>
      <c r="H19904" s="359" t="s">
        <v>14367</v>
      </c>
      <c r="I19904" s="359" t="s">
        <v>14461</v>
      </c>
      <c r="J19904" s="365"/>
      <c r="K19904" s="365"/>
      <c r="L19904" s="365"/>
    </row>
    <row r="19905" spans="2:12">
      <c r="B19905" s="367"/>
      <c r="C19905" s="367"/>
      <c r="D19905" s="367"/>
      <c r="E19905" s="367"/>
      <c r="F19905" s="360"/>
      <c r="G19905" s="360"/>
      <c r="H19905" s="360"/>
      <c r="I19905" s="360"/>
      <c r="J19905" s="365"/>
      <c r="K19905" s="365"/>
      <c r="L19905" s="365"/>
    </row>
    <row r="19906" spans="2:12" ht="28.5">
      <c r="B19906" s="368"/>
      <c r="C19906" s="368"/>
      <c r="D19906" s="368"/>
      <c r="E19906" s="368"/>
      <c r="F19906" s="361" t="s">
        <v>14472</v>
      </c>
      <c r="G19906" s="361" t="s">
        <v>14473</v>
      </c>
      <c r="H19906" s="361" t="s">
        <v>14422</v>
      </c>
      <c r="I19906" s="361" t="s">
        <v>14473</v>
      </c>
      <c r="J19906" s="366"/>
      <c r="K19906" s="366"/>
      <c r="L19906" s="366"/>
    </row>
    <row r="19907" spans="2:12" ht="28.5">
      <c r="B19907" s="358" t="s">
        <v>24734</v>
      </c>
      <c r="C19907" s="358" t="s">
        <v>27959</v>
      </c>
      <c r="D19907" s="358" t="s">
        <v>24735</v>
      </c>
      <c r="E19907" s="358" t="s">
        <v>24736</v>
      </c>
      <c r="F19907" s="358" t="s">
        <v>14472</v>
      </c>
      <c r="G19907" s="358" t="s">
        <v>14473</v>
      </c>
      <c r="H19907" s="358" t="s">
        <v>8356</v>
      </c>
      <c r="I19907" s="358" t="s">
        <v>14473</v>
      </c>
      <c r="J19907" s="358"/>
      <c r="K19907" s="358"/>
      <c r="L19907" s="358"/>
    </row>
    <row r="19908" spans="2:12">
      <c r="B19908" s="368"/>
      <c r="C19908" s="368"/>
      <c r="D19908" s="368"/>
      <c r="E19908" s="368"/>
      <c r="F19908" s="368"/>
      <c r="G19908" s="368"/>
      <c r="H19908" s="368"/>
      <c r="I19908" s="368"/>
      <c r="J19908" s="366"/>
      <c r="K19908" s="366"/>
      <c r="L19908" s="366"/>
    </row>
    <row r="19909" spans="2:12">
      <c r="B19909" s="358" t="s">
        <v>24737</v>
      </c>
      <c r="C19909" s="358" t="s">
        <v>29671</v>
      </c>
      <c r="D19909" s="358" t="s">
        <v>8356</v>
      </c>
      <c r="E19909" s="358" t="s">
        <v>24738</v>
      </c>
      <c r="F19909" s="358" t="s">
        <v>14391</v>
      </c>
      <c r="G19909" s="358" t="s">
        <v>14392</v>
      </c>
      <c r="H19909" s="358" t="s">
        <v>14367</v>
      </c>
      <c r="I19909" s="358" t="s">
        <v>14392</v>
      </c>
      <c r="J19909" s="358"/>
      <c r="K19909" s="358" t="s">
        <v>14820</v>
      </c>
      <c r="L19909" s="358"/>
    </row>
    <row r="19910" spans="2:12">
      <c r="B19910" s="367"/>
      <c r="C19910" s="360"/>
      <c r="D19910" s="367"/>
      <c r="E19910" s="367"/>
      <c r="F19910" s="360"/>
      <c r="G19910" s="360"/>
      <c r="H19910" s="360"/>
      <c r="I19910" s="360"/>
      <c r="J19910" s="365"/>
      <c r="K19910" s="367"/>
      <c r="L19910" s="365"/>
    </row>
    <row r="19911" spans="2:12" ht="42.75">
      <c r="B19911" s="367"/>
      <c r="C19911" s="359" t="s">
        <v>29672</v>
      </c>
      <c r="D19911" s="367"/>
      <c r="E19911" s="367"/>
      <c r="F19911" s="359" t="s">
        <v>14371</v>
      </c>
      <c r="G19911" s="359" t="s">
        <v>14372</v>
      </c>
      <c r="H19911" s="359" t="s">
        <v>14370</v>
      </c>
      <c r="I19911" s="359" t="s">
        <v>14373</v>
      </c>
      <c r="J19911" s="365"/>
      <c r="K19911" s="367"/>
      <c r="L19911" s="365"/>
    </row>
    <row r="19912" spans="2:12">
      <c r="B19912" s="367"/>
      <c r="C19912" s="360"/>
      <c r="D19912" s="367"/>
      <c r="E19912" s="367"/>
      <c r="F19912" s="360"/>
      <c r="G19912" s="360"/>
      <c r="H19912" s="360"/>
      <c r="I19912" s="360"/>
      <c r="J19912" s="365"/>
      <c r="K19912" s="367"/>
      <c r="L19912" s="365"/>
    </row>
    <row r="19913" spans="2:12" ht="28.5">
      <c r="B19913" s="368"/>
      <c r="C19913" s="362"/>
      <c r="D19913" s="368"/>
      <c r="E19913" s="368"/>
      <c r="F19913" s="361" t="s">
        <v>14374</v>
      </c>
      <c r="G19913" s="361" t="s">
        <v>14373</v>
      </c>
      <c r="H19913" s="361" t="s">
        <v>14422</v>
      </c>
      <c r="I19913" s="362"/>
      <c r="J19913" s="366"/>
      <c r="K19913" s="368"/>
      <c r="L19913" s="366"/>
    </row>
    <row r="19914" spans="2:12">
      <c r="B19914" s="358" t="s">
        <v>24739</v>
      </c>
      <c r="C19914" s="358" t="s">
        <v>24740</v>
      </c>
      <c r="D19914" s="358" t="s">
        <v>8356</v>
      </c>
      <c r="E19914" s="358" t="s">
        <v>8356</v>
      </c>
      <c r="F19914" s="358" t="s">
        <v>14382</v>
      </c>
      <c r="G19914" s="358" t="s">
        <v>14483</v>
      </c>
      <c r="H19914" s="358" t="s">
        <v>14378</v>
      </c>
      <c r="I19914" s="358" t="s">
        <v>14483</v>
      </c>
      <c r="J19914" s="358"/>
      <c r="K19914" s="358" t="s">
        <v>14552</v>
      </c>
      <c r="L19914" s="358"/>
    </row>
    <row r="19915" spans="2:12">
      <c r="B19915" s="367"/>
      <c r="C19915" s="360"/>
      <c r="D19915" s="367"/>
      <c r="E19915" s="367"/>
      <c r="F19915" s="360"/>
      <c r="G19915" s="360"/>
      <c r="H19915" s="360"/>
      <c r="I19915" s="360"/>
      <c r="J19915" s="365"/>
      <c r="K19915" s="367"/>
      <c r="L19915" s="365"/>
    </row>
    <row r="19916" spans="2:12" ht="28.5">
      <c r="B19916" s="367"/>
      <c r="C19916" s="359" t="s">
        <v>30446</v>
      </c>
      <c r="D19916" s="367"/>
      <c r="E19916" s="367"/>
      <c r="F19916" s="359" t="s">
        <v>14389</v>
      </c>
      <c r="G19916" s="359" t="s">
        <v>14390</v>
      </c>
      <c r="H19916" s="359" t="s">
        <v>14370</v>
      </c>
      <c r="I19916" s="359" t="s">
        <v>14390</v>
      </c>
      <c r="J19916" s="365"/>
      <c r="K19916" s="367"/>
      <c r="L19916" s="365"/>
    </row>
    <row r="19917" spans="2:12">
      <c r="B19917" s="367"/>
      <c r="C19917" s="360"/>
      <c r="D19917" s="367"/>
      <c r="E19917" s="367"/>
      <c r="F19917" s="360"/>
      <c r="G19917" s="360"/>
      <c r="H19917" s="360"/>
      <c r="I19917" s="360"/>
      <c r="J19917" s="365"/>
      <c r="K19917" s="367"/>
      <c r="L19917" s="365"/>
    </row>
    <row r="19918" spans="2:12">
      <c r="B19918" s="367"/>
      <c r="C19918" s="360"/>
      <c r="D19918" s="367"/>
      <c r="E19918" s="367"/>
      <c r="F19918" s="359" t="s">
        <v>14371</v>
      </c>
      <c r="G19918" s="359" t="s">
        <v>14372</v>
      </c>
      <c r="H19918" s="359" t="s">
        <v>14332</v>
      </c>
      <c r="I19918" s="359" t="s">
        <v>14373</v>
      </c>
      <c r="J19918" s="365"/>
      <c r="K19918" s="367"/>
      <c r="L19918" s="365"/>
    </row>
    <row r="19919" spans="2:12">
      <c r="B19919" s="367"/>
      <c r="C19919" s="360"/>
      <c r="D19919" s="367"/>
      <c r="E19919" s="367"/>
      <c r="F19919" s="360"/>
      <c r="G19919" s="360"/>
      <c r="H19919" s="360"/>
      <c r="I19919" s="360"/>
      <c r="J19919" s="365"/>
      <c r="K19919" s="367"/>
      <c r="L19919" s="365"/>
    </row>
    <row r="19920" spans="2:12" ht="28.5">
      <c r="B19920" s="368"/>
      <c r="C19920" s="362"/>
      <c r="D19920" s="368"/>
      <c r="E19920" s="368"/>
      <c r="F19920" s="361" t="s">
        <v>14374</v>
      </c>
      <c r="G19920" s="361" t="s">
        <v>14373</v>
      </c>
      <c r="H19920" s="362"/>
      <c r="I19920" s="362"/>
      <c r="J19920" s="366"/>
      <c r="K19920" s="368"/>
      <c r="L19920" s="366"/>
    </row>
    <row r="19921" spans="2:12" ht="42.75">
      <c r="B19921" s="358" t="s">
        <v>24741</v>
      </c>
      <c r="C19921" s="358" t="s">
        <v>27960</v>
      </c>
      <c r="D19921" s="358" t="s">
        <v>24742</v>
      </c>
      <c r="E19921" s="358" t="s">
        <v>24743</v>
      </c>
      <c r="F19921" s="358" t="s">
        <v>14394</v>
      </c>
      <c r="G19921" s="358" t="s">
        <v>14395</v>
      </c>
      <c r="H19921" s="358" t="s">
        <v>14370</v>
      </c>
      <c r="I19921" s="358" t="s">
        <v>14395</v>
      </c>
      <c r="J19921" s="358"/>
      <c r="K19921" s="358"/>
      <c r="L19921" s="358"/>
    </row>
    <row r="19922" spans="2:12">
      <c r="B19922" s="368"/>
      <c r="C19922" s="368"/>
      <c r="D19922" s="368"/>
      <c r="E19922" s="368"/>
      <c r="F19922" s="368"/>
      <c r="G19922" s="368"/>
      <c r="H19922" s="368"/>
      <c r="I19922" s="368"/>
      <c r="J19922" s="366"/>
      <c r="K19922" s="366"/>
      <c r="L19922" s="366"/>
    </row>
    <row r="19923" spans="2:12">
      <c r="B19923" s="358" t="s">
        <v>24744</v>
      </c>
      <c r="C19923" s="358" t="s">
        <v>24745</v>
      </c>
      <c r="D19923" s="358" t="s">
        <v>24746</v>
      </c>
      <c r="E19923" s="358" t="s">
        <v>24747</v>
      </c>
      <c r="F19923" s="358" t="s">
        <v>14356</v>
      </c>
      <c r="G19923" s="358" t="s">
        <v>14340</v>
      </c>
      <c r="H19923" s="358" t="s">
        <v>14341</v>
      </c>
      <c r="I19923" s="358" t="s">
        <v>14340</v>
      </c>
      <c r="J19923" s="358"/>
      <c r="K19923" s="358"/>
      <c r="L19923" s="358"/>
    </row>
    <row r="19924" spans="2:12">
      <c r="B19924" s="367"/>
      <c r="C19924" s="367"/>
      <c r="D19924" s="367"/>
      <c r="E19924" s="367"/>
      <c r="F19924" s="360"/>
      <c r="G19924" s="360"/>
      <c r="H19924" s="360"/>
      <c r="I19924" s="360"/>
      <c r="J19924" s="365"/>
      <c r="K19924" s="365"/>
      <c r="L19924" s="365"/>
    </row>
    <row r="19925" spans="2:12">
      <c r="B19925" s="367"/>
      <c r="C19925" s="367"/>
      <c r="D19925" s="367"/>
      <c r="E19925" s="367"/>
      <c r="F19925" s="359" t="s">
        <v>14420</v>
      </c>
      <c r="G19925" s="359" t="s">
        <v>14429</v>
      </c>
      <c r="H19925" s="359" t="s">
        <v>14367</v>
      </c>
      <c r="I19925" s="359" t="s">
        <v>14429</v>
      </c>
      <c r="J19925" s="365"/>
      <c r="K19925" s="365"/>
      <c r="L19925" s="365"/>
    </row>
    <row r="19926" spans="2:12">
      <c r="B19926" s="367"/>
      <c r="C19926" s="367"/>
      <c r="D19926" s="367"/>
      <c r="E19926" s="367"/>
      <c r="F19926" s="360"/>
      <c r="G19926" s="360"/>
      <c r="H19926" s="360"/>
      <c r="I19926" s="360"/>
      <c r="J19926" s="365"/>
      <c r="K19926" s="365"/>
      <c r="L19926" s="365"/>
    </row>
    <row r="19927" spans="2:12">
      <c r="B19927" s="367"/>
      <c r="C19927" s="367"/>
      <c r="D19927" s="367"/>
      <c r="E19927" s="367"/>
      <c r="F19927" s="359" t="s">
        <v>14391</v>
      </c>
      <c r="G19927" s="359" t="s">
        <v>14392</v>
      </c>
      <c r="H19927" s="359" t="s">
        <v>14370</v>
      </c>
      <c r="I19927" s="359" t="s">
        <v>14392</v>
      </c>
      <c r="J19927" s="365"/>
      <c r="K19927" s="365"/>
      <c r="L19927" s="365"/>
    </row>
    <row r="19928" spans="2:12">
      <c r="B19928" s="367"/>
      <c r="C19928" s="367"/>
      <c r="D19928" s="367"/>
      <c r="E19928" s="367"/>
      <c r="F19928" s="360"/>
      <c r="G19928" s="360"/>
      <c r="H19928" s="360"/>
      <c r="I19928" s="360"/>
      <c r="J19928" s="365"/>
      <c r="K19928" s="365"/>
      <c r="L19928" s="365"/>
    </row>
    <row r="19929" spans="2:12">
      <c r="B19929" s="367"/>
      <c r="C19929" s="367"/>
      <c r="D19929" s="367"/>
      <c r="E19929" s="367"/>
      <c r="F19929" s="359" t="s">
        <v>14371</v>
      </c>
      <c r="G19929" s="359" t="s">
        <v>14372</v>
      </c>
      <c r="H19929" s="359" t="s">
        <v>14332</v>
      </c>
      <c r="I19929" s="359" t="s">
        <v>14373</v>
      </c>
      <c r="J19929" s="365"/>
      <c r="K19929" s="365"/>
      <c r="L19929" s="365"/>
    </row>
    <row r="19930" spans="2:12">
      <c r="B19930" s="367"/>
      <c r="C19930" s="367"/>
      <c r="D19930" s="367"/>
      <c r="E19930" s="367"/>
      <c r="F19930" s="360"/>
      <c r="G19930" s="360"/>
      <c r="H19930" s="360"/>
      <c r="I19930" s="360"/>
      <c r="J19930" s="365"/>
      <c r="K19930" s="365"/>
      <c r="L19930" s="365"/>
    </row>
    <row r="19931" spans="2:12" ht="28.5">
      <c r="B19931" s="368"/>
      <c r="C19931" s="368"/>
      <c r="D19931" s="368"/>
      <c r="E19931" s="368"/>
      <c r="F19931" s="361" t="s">
        <v>14374</v>
      </c>
      <c r="G19931" s="361" t="s">
        <v>14373</v>
      </c>
      <c r="H19931" s="362"/>
      <c r="I19931" s="362"/>
      <c r="J19931" s="366"/>
      <c r="K19931" s="366"/>
      <c r="L19931" s="366"/>
    </row>
    <row r="19932" spans="2:12" ht="28.5">
      <c r="B19932" s="358" t="s">
        <v>24748</v>
      </c>
      <c r="C19932" s="358" t="s">
        <v>24749</v>
      </c>
      <c r="D19932" s="358" t="s">
        <v>24750</v>
      </c>
      <c r="E19932" s="358" t="s">
        <v>24751</v>
      </c>
      <c r="F19932" s="358" t="s">
        <v>14382</v>
      </c>
      <c r="G19932" s="358" t="s">
        <v>14383</v>
      </c>
      <c r="H19932" s="358" t="s">
        <v>14378</v>
      </c>
      <c r="I19932" s="358" t="s">
        <v>14383</v>
      </c>
      <c r="J19932" s="358"/>
      <c r="K19932" s="358"/>
      <c r="L19932" s="358"/>
    </row>
    <row r="19933" spans="2:12">
      <c r="B19933" s="367"/>
      <c r="C19933" s="367"/>
      <c r="D19933" s="367"/>
      <c r="E19933" s="367"/>
      <c r="F19933" s="360"/>
      <c r="G19933" s="360"/>
      <c r="H19933" s="360"/>
      <c r="I19933" s="360"/>
      <c r="J19933" s="365"/>
      <c r="K19933" s="365"/>
      <c r="L19933" s="365"/>
    </row>
    <row r="19934" spans="2:12">
      <c r="B19934" s="367"/>
      <c r="C19934" s="367"/>
      <c r="D19934" s="367"/>
      <c r="E19934" s="367"/>
      <c r="F19934" s="359" t="s">
        <v>21692</v>
      </c>
      <c r="G19934" s="359" t="s">
        <v>24752</v>
      </c>
      <c r="H19934" s="359" t="s">
        <v>14341</v>
      </c>
      <c r="I19934" s="359" t="s">
        <v>24752</v>
      </c>
      <c r="J19934" s="365"/>
      <c r="K19934" s="365"/>
      <c r="L19934" s="365"/>
    </row>
    <row r="19935" spans="2:12">
      <c r="B19935" s="367"/>
      <c r="C19935" s="367"/>
      <c r="D19935" s="367"/>
      <c r="E19935" s="367"/>
      <c r="F19935" s="360"/>
      <c r="G19935" s="360"/>
      <c r="H19935" s="360"/>
      <c r="I19935" s="360"/>
      <c r="J19935" s="365"/>
      <c r="K19935" s="365"/>
      <c r="L19935" s="365"/>
    </row>
    <row r="19936" spans="2:12">
      <c r="B19936" s="367"/>
      <c r="C19936" s="367"/>
      <c r="D19936" s="367"/>
      <c r="E19936" s="367"/>
      <c r="F19936" s="359" t="s">
        <v>14460</v>
      </c>
      <c r="G19936" s="359" t="s">
        <v>14461</v>
      </c>
      <c r="H19936" s="359" t="s">
        <v>14381</v>
      </c>
      <c r="I19936" s="359" t="s">
        <v>14461</v>
      </c>
      <c r="J19936" s="365"/>
      <c r="K19936" s="365"/>
      <c r="L19936" s="365"/>
    </row>
    <row r="19937" spans="2:12">
      <c r="B19937" s="367"/>
      <c r="C19937" s="367"/>
      <c r="D19937" s="367"/>
      <c r="E19937" s="367"/>
      <c r="F19937" s="360"/>
      <c r="G19937" s="360"/>
      <c r="H19937" s="360"/>
      <c r="I19937" s="360"/>
      <c r="J19937" s="365"/>
      <c r="K19937" s="365"/>
      <c r="L19937" s="365"/>
    </row>
    <row r="19938" spans="2:12">
      <c r="B19938" s="367"/>
      <c r="C19938" s="367"/>
      <c r="D19938" s="367"/>
      <c r="E19938" s="367"/>
      <c r="F19938" s="359" t="s">
        <v>14430</v>
      </c>
      <c r="G19938" s="359" t="s">
        <v>14431</v>
      </c>
      <c r="H19938" s="359" t="s">
        <v>14370</v>
      </c>
      <c r="I19938" s="359" t="s">
        <v>14431</v>
      </c>
      <c r="J19938" s="365"/>
      <c r="K19938" s="365"/>
      <c r="L19938" s="365"/>
    </row>
    <row r="19939" spans="2:12">
      <c r="B19939" s="367"/>
      <c r="C19939" s="367"/>
      <c r="D19939" s="367"/>
      <c r="E19939" s="367"/>
      <c r="F19939" s="360"/>
      <c r="G19939" s="360"/>
      <c r="H19939" s="360"/>
      <c r="I19939" s="360"/>
      <c r="J19939" s="365"/>
      <c r="K19939" s="365"/>
      <c r="L19939" s="365"/>
    </row>
    <row r="19940" spans="2:12">
      <c r="B19940" s="367"/>
      <c r="C19940" s="367"/>
      <c r="D19940" s="367"/>
      <c r="E19940" s="367"/>
      <c r="F19940" s="359" t="s">
        <v>14391</v>
      </c>
      <c r="G19940" s="359" t="s">
        <v>14392</v>
      </c>
      <c r="H19940" s="359" t="s">
        <v>14332</v>
      </c>
      <c r="I19940" s="359" t="s">
        <v>14392</v>
      </c>
      <c r="J19940" s="365"/>
      <c r="K19940" s="365"/>
      <c r="L19940" s="365"/>
    </row>
    <row r="19941" spans="2:12">
      <c r="B19941" s="367"/>
      <c r="C19941" s="367"/>
      <c r="D19941" s="367"/>
      <c r="E19941" s="367"/>
      <c r="F19941" s="360"/>
      <c r="G19941" s="360"/>
      <c r="H19941" s="360"/>
      <c r="I19941" s="360"/>
      <c r="J19941" s="365"/>
      <c r="K19941" s="365"/>
      <c r="L19941" s="365"/>
    </row>
    <row r="19942" spans="2:12" ht="28.5">
      <c r="B19942" s="368"/>
      <c r="C19942" s="368"/>
      <c r="D19942" s="368"/>
      <c r="E19942" s="368"/>
      <c r="F19942" s="361" t="s">
        <v>14394</v>
      </c>
      <c r="G19942" s="361" t="s">
        <v>14395</v>
      </c>
      <c r="H19942" s="362"/>
      <c r="I19942" s="361" t="s">
        <v>14395</v>
      </c>
      <c r="J19942" s="366"/>
      <c r="K19942" s="366"/>
      <c r="L19942" s="366"/>
    </row>
    <row r="19943" spans="2:12">
      <c r="B19943" s="358" t="s">
        <v>24753</v>
      </c>
      <c r="C19943" s="358" t="s">
        <v>27961</v>
      </c>
      <c r="D19943" s="358" t="s">
        <v>24754</v>
      </c>
      <c r="E19943" s="358" t="s">
        <v>24755</v>
      </c>
      <c r="F19943" s="358" t="s">
        <v>14391</v>
      </c>
      <c r="G19943" s="358" t="s">
        <v>14392</v>
      </c>
      <c r="H19943" s="358" t="s">
        <v>14367</v>
      </c>
      <c r="I19943" s="358" t="s">
        <v>14392</v>
      </c>
      <c r="J19943" s="358"/>
      <c r="K19943" s="358"/>
      <c r="L19943" s="358"/>
    </row>
    <row r="19944" spans="2:12">
      <c r="B19944" s="367"/>
      <c r="C19944" s="367"/>
      <c r="D19944" s="367"/>
      <c r="E19944" s="367"/>
      <c r="F19944" s="360"/>
      <c r="G19944" s="360"/>
      <c r="H19944" s="360"/>
      <c r="I19944" s="360"/>
      <c r="J19944" s="365"/>
      <c r="K19944" s="365"/>
      <c r="L19944" s="365"/>
    </row>
    <row r="19945" spans="2:12" ht="28.5">
      <c r="B19945" s="368"/>
      <c r="C19945" s="368"/>
      <c r="D19945" s="368"/>
      <c r="E19945" s="368"/>
      <c r="F19945" s="361" t="s">
        <v>14472</v>
      </c>
      <c r="G19945" s="361" t="s">
        <v>14473</v>
      </c>
      <c r="H19945" s="361" t="s">
        <v>14422</v>
      </c>
      <c r="I19945" s="361" t="s">
        <v>14473</v>
      </c>
      <c r="J19945" s="366"/>
      <c r="K19945" s="366"/>
      <c r="L19945" s="366"/>
    </row>
    <row r="19946" spans="2:12" ht="42.75">
      <c r="B19946" s="358" t="s">
        <v>24756</v>
      </c>
      <c r="C19946" s="358" t="s">
        <v>27962</v>
      </c>
      <c r="D19946" s="358" t="s">
        <v>24757</v>
      </c>
      <c r="E19946" s="358" t="s">
        <v>8356</v>
      </c>
      <c r="F19946" s="358" t="s">
        <v>14462</v>
      </c>
      <c r="G19946" s="358" t="s">
        <v>14463</v>
      </c>
      <c r="H19946" s="358" t="s">
        <v>8356</v>
      </c>
      <c r="I19946" s="358" t="s">
        <v>14463</v>
      </c>
      <c r="J19946" s="358"/>
      <c r="K19946" s="358"/>
      <c r="L19946" s="358"/>
    </row>
    <row r="19947" spans="2:12">
      <c r="B19947" s="368"/>
      <c r="C19947" s="368"/>
      <c r="D19947" s="368"/>
      <c r="E19947" s="368"/>
      <c r="F19947" s="368"/>
      <c r="G19947" s="368"/>
      <c r="H19947" s="368"/>
      <c r="I19947" s="368"/>
      <c r="J19947" s="366"/>
      <c r="K19947" s="366"/>
      <c r="L19947" s="366"/>
    </row>
    <row r="19948" spans="2:12">
      <c r="B19948" s="358" t="s">
        <v>24758</v>
      </c>
      <c r="C19948" s="358" t="s">
        <v>24759</v>
      </c>
      <c r="D19948" s="358" t="s">
        <v>24760</v>
      </c>
      <c r="E19948" s="358" t="s">
        <v>24761</v>
      </c>
      <c r="F19948" s="358" t="s">
        <v>14460</v>
      </c>
      <c r="G19948" s="358" t="s">
        <v>14461</v>
      </c>
      <c r="H19948" s="358" t="s">
        <v>14381</v>
      </c>
      <c r="I19948" s="358" t="s">
        <v>14461</v>
      </c>
      <c r="J19948" s="358"/>
      <c r="K19948" s="358"/>
      <c r="L19948" s="358"/>
    </row>
    <row r="19949" spans="2:12">
      <c r="B19949" s="367"/>
      <c r="C19949" s="367"/>
      <c r="D19949" s="367"/>
      <c r="E19949" s="367"/>
      <c r="F19949" s="360"/>
      <c r="G19949" s="360"/>
      <c r="H19949" s="360"/>
      <c r="I19949" s="360"/>
      <c r="J19949" s="365"/>
      <c r="K19949" s="365"/>
      <c r="L19949" s="365"/>
    </row>
    <row r="19950" spans="2:12">
      <c r="B19950" s="367"/>
      <c r="C19950" s="367"/>
      <c r="D19950" s="367"/>
      <c r="E19950" s="367"/>
      <c r="F19950" s="359" t="s">
        <v>14371</v>
      </c>
      <c r="G19950" s="359" t="s">
        <v>14372</v>
      </c>
      <c r="H19950" s="359" t="s">
        <v>14370</v>
      </c>
      <c r="I19950" s="359" t="s">
        <v>14373</v>
      </c>
      <c r="J19950" s="365"/>
      <c r="K19950" s="365"/>
      <c r="L19950" s="365"/>
    </row>
    <row r="19951" spans="2:12">
      <c r="B19951" s="367"/>
      <c r="C19951" s="367"/>
      <c r="D19951" s="367"/>
      <c r="E19951" s="367"/>
      <c r="F19951" s="360"/>
      <c r="G19951" s="360"/>
      <c r="H19951" s="360"/>
      <c r="I19951" s="360"/>
      <c r="J19951" s="365"/>
      <c r="K19951" s="365"/>
      <c r="L19951" s="365"/>
    </row>
    <row r="19952" spans="2:12" ht="28.5">
      <c r="B19952" s="368"/>
      <c r="C19952" s="368"/>
      <c r="D19952" s="368"/>
      <c r="E19952" s="368"/>
      <c r="F19952" s="361" t="s">
        <v>14374</v>
      </c>
      <c r="G19952" s="361" t="s">
        <v>14373</v>
      </c>
      <c r="H19952" s="361" t="s">
        <v>14422</v>
      </c>
      <c r="I19952" s="362"/>
      <c r="J19952" s="366"/>
      <c r="K19952" s="366"/>
      <c r="L19952" s="366"/>
    </row>
    <row r="19953" spans="2:12">
      <c r="B19953" s="358" t="s">
        <v>24762</v>
      </c>
      <c r="C19953" s="358" t="s">
        <v>27963</v>
      </c>
      <c r="D19953" s="358" t="s">
        <v>24763</v>
      </c>
      <c r="E19953" s="358" t="s">
        <v>24764</v>
      </c>
      <c r="F19953" s="358" t="s">
        <v>14420</v>
      </c>
      <c r="G19953" s="358" t="s">
        <v>14429</v>
      </c>
      <c r="H19953" s="358" t="s">
        <v>14381</v>
      </c>
      <c r="I19953" s="358" t="s">
        <v>14429</v>
      </c>
      <c r="J19953" s="358"/>
      <c r="K19953" s="358"/>
      <c r="L19953" s="358"/>
    </row>
    <row r="19954" spans="2:12">
      <c r="B19954" s="367"/>
      <c r="C19954" s="367"/>
      <c r="D19954" s="367"/>
      <c r="E19954" s="367"/>
      <c r="F19954" s="360"/>
      <c r="G19954" s="360"/>
      <c r="H19954" s="360"/>
      <c r="I19954" s="360"/>
      <c r="J19954" s="365"/>
      <c r="K19954" s="365"/>
      <c r="L19954" s="365"/>
    </row>
    <row r="19955" spans="2:12">
      <c r="B19955" s="367"/>
      <c r="C19955" s="367"/>
      <c r="D19955" s="367"/>
      <c r="E19955" s="367"/>
      <c r="F19955" s="359" t="s">
        <v>14460</v>
      </c>
      <c r="G19955" s="359" t="s">
        <v>14461</v>
      </c>
      <c r="H19955" s="359" t="s">
        <v>14367</v>
      </c>
      <c r="I19955" s="359" t="s">
        <v>14461</v>
      </c>
      <c r="J19955" s="365"/>
      <c r="K19955" s="365"/>
      <c r="L19955" s="365"/>
    </row>
    <row r="19956" spans="2:12">
      <c r="B19956" s="367"/>
      <c r="C19956" s="367"/>
      <c r="D19956" s="367"/>
      <c r="E19956" s="367"/>
      <c r="F19956" s="360"/>
      <c r="G19956" s="360"/>
      <c r="H19956" s="360"/>
      <c r="I19956" s="360"/>
      <c r="J19956" s="365"/>
      <c r="K19956" s="365"/>
      <c r="L19956" s="365"/>
    </row>
    <row r="19957" spans="2:12">
      <c r="B19957" s="367"/>
      <c r="C19957" s="367"/>
      <c r="D19957" s="367"/>
      <c r="E19957" s="367"/>
      <c r="F19957" s="359" t="s">
        <v>14371</v>
      </c>
      <c r="G19957" s="359" t="s">
        <v>14372</v>
      </c>
      <c r="H19957" s="359" t="s">
        <v>14370</v>
      </c>
      <c r="I19957" s="359" t="s">
        <v>14373</v>
      </c>
      <c r="J19957" s="365"/>
      <c r="K19957" s="365"/>
      <c r="L19957" s="365"/>
    </row>
    <row r="19958" spans="2:12">
      <c r="B19958" s="367"/>
      <c r="C19958" s="367"/>
      <c r="D19958" s="367"/>
      <c r="E19958" s="367"/>
      <c r="F19958" s="360"/>
      <c r="G19958" s="360"/>
      <c r="H19958" s="360"/>
      <c r="I19958" s="360"/>
      <c r="J19958" s="365"/>
      <c r="K19958" s="365"/>
      <c r="L19958" s="365"/>
    </row>
    <row r="19959" spans="2:12" ht="28.5">
      <c r="B19959" s="368"/>
      <c r="C19959" s="368"/>
      <c r="D19959" s="368"/>
      <c r="E19959" s="368"/>
      <c r="F19959" s="361" t="s">
        <v>14374</v>
      </c>
      <c r="G19959" s="361" t="s">
        <v>14373</v>
      </c>
      <c r="H19959" s="361" t="s">
        <v>14422</v>
      </c>
      <c r="I19959" s="362"/>
      <c r="J19959" s="366"/>
      <c r="K19959" s="366"/>
      <c r="L19959" s="366"/>
    </row>
    <row r="19960" spans="2:12">
      <c r="B19960" s="358" t="s">
        <v>24765</v>
      </c>
      <c r="C19960" s="358" t="s">
        <v>27964</v>
      </c>
      <c r="D19960" s="358" t="s">
        <v>24766</v>
      </c>
      <c r="E19960" s="358" t="s">
        <v>24767</v>
      </c>
      <c r="F19960" s="358" t="s">
        <v>14507</v>
      </c>
      <c r="G19960" s="358" t="s">
        <v>14873</v>
      </c>
      <c r="H19960" s="358" t="s">
        <v>14341</v>
      </c>
      <c r="I19960" s="358" t="s">
        <v>14873</v>
      </c>
      <c r="J19960" s="358"/>
      <c r="K19960" s="358"/>
      <c r="L19960" s="358"/>
    </row>
    <row r="19961" spans="2:12">
      <c r="B19961" s="367"/>
      <c r="C19961" s="360"/>
      <c r="D19961" s="367"/>
      <c r="E19961" s="367"/>
      <c r="F19961" s="360"/>
      <c r="G19961" s="360"/>
      <c r="H19961" s="360"/>
      <c r="I19961" s="360"/>
      <c r="J19961" s="365"/>
      <c r="K19961" s="365"/>
      <c r="L19961" s="365"/>
    </row>
    <row r="19962" spans="2:12">
      <c r="B19962" s="367"/>
      <c r="C19962" s="359" t="s">
        <v>24768</v>
      </c>
      <c r="D19962" s="367"/>
      <c r="E19962" s="367"/>
      <c r="F19962" s="359" t="s">
        <v>14420</v>
      </c>
      <c r="G19962" s="359" t="s">
        <v>14429</v>
      </c>
      <c r="H19962" s="359" t="s">
        <v>14381</v>
      </c>
      <c r="I19962" s="359" t="s">
        <v>14429</v>
      </c>
      <c r="J19962" s="365"/>
      <c r="K19962" s="365"/>
      <c r="L19962" s="365"/>
    </row>
    <row r="19963" spans="2:12">
      <c r="B19963" s="367"/>
      <c r="C19963" s="360"/>
      <c r="D19963" s="367"/>
      <c r="E19963" s="367"/>
      <c r="F19963" s="360"/>
      <c r="G19963" s="360"/>
      <c r="H19963" s="360"/>
      <c r="I19963" s="360"/>
      <c r="J19963" s="365"/>
      <c r="K19963" s="365"/>
      <c r="L19963" s="365"/>
    </row>
    <row r="19964" spans="2:12">
      <c r="B19964" s="367"/>
      <c r="C19964" s="360"/>
      <c r="D19964" s="367"/>
      <c r="E19964" s="367"/>
      <c r="F19964" s="359" t="s">
        <v>14430</v>
      </c>
      <c r="G19964" s="359" t="s">
        <v>14431</v>
      </c>
      <c r="H19964" s="359" t="s">
        <v>14367</v>
      </c>
      <c r="I19964" s="359" t="s">
        <v>14431</v>
      </c>
      <c r="J19964" s="365"/>
      <c r="K19964" s="365"/>
      <c r="L19964" s="365"/>
    </row>
    <row r="19965" spans="2:12">
      <c r="B19965" s="367"/>
      <c r="C19965" s="360"/>
      <c r="D19965" s="367"/>
      <c r="E19965" s="367"/>
      <c r="F19965" s="360"/>
      <c r="G19965" s="360"/>
      <c r="H19965" s="360"/>
      <c r="I19965" s="360"/>
      <c r="J19965" s="365"/>
      <c r="K19965" s="365"/>
      <c r="L19965" s="365"/>
    </row>
    <row r="19966" spans="2:12">
      <c r="B19966" s="368"/>
      <c r="C19966" s="362"/>
      <c r="D19966" s="368"/>
      <c r="E19966" s="368"/>
      <c r="F19966" s="362"/>
      <c r="G19966" s="362"/>
      <c r="H19966" s="361" t="s">
        <v>14332</v>
      </c>
      <c r="I19966" s="362"/>
      <c r="J19966" s="366"/>
      <c r="K19966" s="366"/>
      <c r="L19966" s="366"/>
    </row>
    <row r="19967" spans="2:12">
      <c r="B19967" s="358" t="s">
        <v>10648</v>
      </c>
      <c r="C19967" s="358" t="s">
        <v>24769</v>
      </c>
      <c r="D19967" s="358" t="s">
        <v>10649</v>
      </c>
      <c r="E19967" s="358" t="s">
        <v>10650</v>
      </c>
      <c r="F19967" s="358" t="s">
        <v>28860</v>
      </c>
      <c r="G19967" s="358" t="s">
        <v>14669</v>
      </c>
      <c r="H19967" s="358" t="s">
        <v>14381</v>
      </c>
      <c r="I19967" s="358" t="s">
        <v>14669</v>
      </c>
      <c r="J19967" s="358"/>
      <c r="K19967" s="358"/>
      <c r="L19967" s="358"/>
    </row>
    <row r="19968" spans="2:12">
      <c r="B19968" s="367"/>
      <c r="C19968" s="367"/>
      <c r="D19968" s="367"/>
      <c r="E19968" s="367"/>
      <c r="F19968" s="360"/>
      <c r="G19968" s="360"/>
      <c r="H19968" s="360"/>
      <c r="I19968" s="360"/>
      <c r="J19968" s="365"/>
      <c r="K19968" s="365"/>
      <c r="L19968" s="365"/>
    </row>
    <row r="19969" spans="2:12">
      <c r="B19969" s="367"/>
      <c r="C19969" s="367"/>
      <c r="D19969" s="367"/>
      <c r="E19969" s="367"/>
      <c r="F19969" s="359" t="s">
        <v>14420</v>
      </c>
      <c r="G19969" s="359" t="s">
        <v>14427</v>
      </c>
      <c r="H19969" s="359" t="s">
        <v>14367</v>
      </c>
      <c r="I19969" s="359" t="s">
        <v>14427</v>
      </c>
      <c r="J19969" s="365"/>
      <c r="K19969" s="365"/>
      <c r="L19969" s="365"/>
    </row>
    <row r="19970" spans="2:12">
      <c r="B19970" s="367"/>
      <c r="C19970" s="367"/>
      <c r="D19970" s="367"/>
      <c r="E19970" s="367"/>
      <c r="F19970" s="360"/>
      <c r="G19970" s="360"/>
      <c r="H19970" s="360"/>
      <c r="I19970" s="360"/>
      <c r="J19970" s="365"/>
      <c r="K19970" s="365"/>
      <c r="L19970" s="365"/>
    </row>
    <row r="19971" spans="2:12">
      <c r="B19971" s="367"/>
      <c r="C19971" s="367"/>
      <c r="D19971" s="367"/>
      <c r="E19971" s="367"/>
      <c r="F19971" s="359" t="s">
        <v>14420</v>
      </c>
      <c r="G19971" s="359" t="s">
        <v>14421</v>
      </c>
      <c r="H19971" s="359" t="s">
        <v>14370</v>
      </c>
      <c r="I19971" s="359" t="s">
        <v>14421</v>
      </c>
      <c r="J19971" s="365"/>
      <c r="K19971" s="365"/>
      <c r="L19971" s="365"/>
    </row>
    <row r="19972" spans="2:12">
      <c r="B19972" s="367"/>
      <c r="C19972" s="367"/>
      <c r="D19972" s="367"/>
      <c r="E19972" s="367"/>
      <c r="F19972" s="360"/>
      <c r="G19972" s="360"/>
      <c r="H19972" s="360"/>
      <c r="I19972" s="360"/>
      <c r="J19972" s="365"/>
      <c r="K19972" s="365"/>
      <c r="L19972" s="365"/>
    </row>
    <row r="19973" spans="2:12">
      <c r="B19973" s="367"/>
      <c r="C19973" s="367"/>
      <c r="D19973" s="367"/>
      <c r="E19973" s="367"/>
      <c r="F19973" s="359" t="s">
        <v>14386</v>
      </c>
      <c r="G19973" s="359" t="s">
        <v>14429</v>
      </c>
      <c r="H19973" s="359" t="s">
        <v>14332</v>
      </c>
      <c r="I19973" s="359" t="s">
        <v>14429</v>
      </c>
      <c r="J19973" s="365"/>
      <c r="K19973" s="365"/>
      <c r="L19973" s="365"/>
    </row>
    <row r="19974" spans="2:12">
      <c r="B19974" s="367"/>
      <c r="C19974" s="367"/>
      <c r="D19974" s="367"/>
      <c r="E19974" s="367"/>
      <c r="F19974" s="360"/>
      <c r="G19974" s="360"/>
      <c r="H19974" s="360"/>
      <c r="I19974" s="360"/>
      <c r="J19974" s="365"/>
      <c r="K19974" s="365"/>
      <c r="L19974" s="365"/>
    </row>
    <row r="19975" spans="2:12">
      <c r="B19975" s="367"/>
      <c r="C19975" s="367"/>
      <c r="D19975" s="367"/>
      <c r="E19975" s="367"/>
      <c r="F19975" s="359" t="s">
        <v>14389</v>
      </c>
      <c r="G19975" s="359" t="s">
        <v>14387</v>
      </c>
      <c r="H19975" s="360"/>
      <c r="I19975" s="359" t="s">
        <v>14387</v>
      </c>
      <c r="J19975" s="365"/>
      <c r="K19975" s="365"/>
      <c r="L19975" s="365"/>
    </row>
    <row r="19976" spans="2:12">
      <c r="B19976" s="367"/>
      <c r="C19976" s="367"/>
      <c r="D19976" s="367"/>
      <c r="E19976" s="367"/>
      <c r="F19976" s="360"/>
      <c r="G19976" s="360"/>
      <c r="H19976" s="360"/>
      <c r="I19976" s="360"/>
      <c r="J19976" s="365"/>
      <c r="K19976" s="365"/>
      <c r="L19976" s="365"/>
    </row>
    <row r="19977" spans="2:12" ht="28.5">
      <c r="B19977" s="367"/>
      <c r="C19977" s="367"/>
      <c r="D19977" s="367"/>
      <c r="E19977" s="367"/>
      <c r="F19977" s="359" t="s">
        <v>14394</v>
      </c>
      <c r="G19977" s="359" t="s">
        <v>14390</v>
      </c>
      <c r="H19977" s="360"/>
      <c r="I19977" s="359" t="s">
        <v>14390</v>
      </c>
      <c r="J19977" s="365"/>
      <c r="K19977" s="365"/>
      <c r="L19977" s="365"/>
    </row>
    <row r="19978" spans="2:12">
      <c r="B19978" s="367"/>
      <c r="C19978" s="367"/>
      <c r="D19978" s="367"/>
      <c r="E19978" s="367"/>
      <c r="F19978" s="360"/>
      <c r="G19978" s="360"/>
      <c r="H19978" s="360"/>
      <c r="I19978" s="360"/>
      <c r="J19978" s="365"/>
      <c r="K19978" s="365"/>
      <c r="L19978" s="365"/>
    </row>
    <row r="19979" spans="2:12">
      <c r="B19979" s="368"/>
      <c r="C19979" s="368"/>
      <c r="D19979" s="368"/>
      <c r="E19979" s="368"/>
      <c r="F19979" s="362"/>
      <c r="G19979" s="361" t="s">
        <v>14395</v>
      </c>
      <c r="H19979" s="362"/>
      <c r="I19979" s="361" t="s">
        <v>14395</v>
      </c>
      <c r="J19979" s="366"/>
      <c r="K19979" s="366"/>
      <c r="L19979" s="366"/>
    </row>
    <row r="19980" spans="2:12" ht="28.5">
      <c r="B19980" s="358" t="s">
        <v>24770</v>
      </c>
      <c r="C19980" s="358" t="s">
        <v>24771</v>
      </c>
      <c r="D19980" s="358" t="s">
        <v>8356</v>
      </c>
      <c r="E19980" s="358" t="s">
        <v>24772</v>
      </c>
      <c r="F19980" s="358" t="s">
        <v>14394</v>
      </c>
      <c r="G19980" s="358" t="s">
        <v>14395</v>
      </c>
      <c r="H19980" s="358" t="s">
        <v>14370</v>
      </c>
      <c r="I19980" s="358" t="s">
        <v>14395</v>
      </c>
      <c r="J19980" s="358"/>
      <c r="K19980" s="358"/>
      <c r="L19980" s="358"/>
    </row>
    <row r="19981" spans="2:12">
      <c r="B19981" s="367"/>
      <c r="C19981" s="360"/>
      <c r="D19981" s="367"/>
      <c r="E19981" s="367"/>
      <c r="F19981" s="367"/>
      <c r="G19981" s="367"/>
      <c r="H19981" s="367"/>
      <c r="I19981" s="367"/>
      <c r="J19981" s="365"/>
      <c r="K19981" s="365"/>
      <c r="L19981" s="365"/>
    </row>
    <row r="19982" spans="2:12" ht="28.5">
      <c r="B19982" s="368"/>
      <c r="C19982" s="361" t="s">
        <v>27965</v>
      </c>
      <c r="D19982" s="368"/>
      <c r="E19982" s="368"/>
      <c r="F19982" s="368"/>
      <c r="G19982" s="368"/>
      <c r="H19982" s="368"/>
      <c r="I19982" s="368"/>
      <c r="J19982" s="366"/>
      <c r="K19982" s="366"/>
      <c r="L19982" s="366"/>
    </row>
    <row r="19983" spans="2:12">
      <c r="B19983" s="358" t="s">
        <v>13232</v>
      </c>
      <c r="C19983" s="358" t="s">
        <v>24773</v>
      </c>
      <c r="D19983" s="358" t="s">
        <v>13233</v>
      </c>
      <c r="E19983" s="358" t="s">
        <v>13234</v>
      </c>
      <c r="F19983" s="358" t="s">
        <v>14424</v>
      </c>
      <c r="G19983" s="358" t="s">
        <v>15297</v>
      </c>
      <c r="H19983" s="358" t="s">
        <v>14378</v>
      </c>
      <c r="I19983" s="358" t="s">
        <v>15297</v>
      </c>
      <c r="J19983" s="358"/>
      <c r="K19983" s="358"/>
      <c r="L19983" s="358"/>
    </row>
    <row r="19984" spans="2:12">
      <c r="B19984" s="367"/>
      <c r="C19984" s="360"/>
      <c r="D19984" s="367"/>
      <c r="E19984" s="367"/>
      <c r="F19984" s="360"/>
      <c r="G19984" s="360"/>
      <c r="H19984" s="360"/>
      <c r="I19984" s="360"/>
      <c r="J19984" s="365"/>
      <c r="K19984" s="365"/>
      <c r="L19984" s="365"/>
    </row>
    <row r="19985" spans="2:12" ht="42.75">
      <c r="B19985" s="367"/>
      <c r="C19985" s="359" t="s">
        <v>27966</v>
      </c>
      <c r="D19985" s="367"/>
      <c r="E19985" s="367"/>
      <c r="F19985" s="359" t="s">
        <v>14382</v>
      </c>
      <c r="G19985" s="359" t="s">
        <v>14383</v>
      </c>
      <c r="H19985" s="359" t="s">
        <v>14381</v>
      </c>
      <c r="I19985" s="359" t="s">
        <v>14383</v>
      </c>
      <c r="J19985" s="365"/>
      <c r="K19985" s="365"/>
      <c r="L19985" s="365"/>
    </row>
    <row r="19986" spans="2:12">
      <c r="B19986" s="367"/>
      <c r="C19986" s="360"/>
      <c r="D19986" s="367"/>
      <c r="E19986" s="367"/>
      <c r="F19986" s="360"/>
      <c r="G19986" s="360"/>
      <c r="H19986" s="360"/>
      <c r="I19986" s="360"/>
      <c r="J19986" s="365"/>
      <c r="K19986" s="365"/>
      <c r="L19986" s="365"/>
    </row>
    <row r="19987" spans="2:12">
      <c r="B19987" s="367"/>
      <c r="C19987" s="360"/>
      <c r="D19987" s="367"/>
      <c r="E19987" s="367"/>
      <c r="F19987" s="359" t="s">
        <v>14460</v>
      </c>
      <c r="G19987" s="359" t="s">
        <v>14461</v>
      </c>
      <c r="H19987" s="359" t="s">
        <v>14370</v>
      </c>
      <c r="I19987" s="359" t="s">
        <v>14461</v>
      </c>
      <c r="J19987" s="365"/>
      <c r="K19987" s="365"/>
      <c r="L19987" s="365"/>
    </row>
    <row r="19988" spans="2:12">
      <c r="B19988" s="367"/>
      <c r="C19988" s="360"/>
      <c r="D19988" s="367"/>
      <c r="E19988" s="367"/>
      <c r="F19988" s="360"/>
      <c r="G19988" s="360"/>
      <c r="H19988" s="360"/>
      <c r="I19988" s="360"/>
      <c r="J19988" s="365"/>
      <c r="K19988" s="365"/>
      <c r="L19988" s="365"/>
    </row>
    <row r="19989" spans="2:12">
      <c r="B19989" s="367"/>
      <c r="C19989" s="360"/>
      <c r="D19989" s="367"/>
      <c r="E19989" s="367"/>
      <c r="F19989" s="359" t="s">
        <v>14371</v>
      </c>
      <c r="G19989" s="359" t="s">
        <v>14372</v>
      </c>
      <c r="H19989" s="359" t="s">
        <v>14332</v>
      </c>
      <c r="I19989" s="359" t="s">
        <v>14373</v>
      </c>
      <c r="J19989" s="365"/>
      <c r="K19989" s="365"/>
      <c r="L19989" s="365"/>
    </row>
    <row r="19990" spans="2:12">
      <c r="B19990" s="367"/>
      <c r="C19990" s="360"/>
      <c r="D19990" s="367"/>
      <c r="E19990" s="367"/>
      <c r="F19990" s="360"/>
      <c r="G19990" s="360"/>
      <c r="H19990" s="360"/>
      <c r="I19990" s="360"/>
      <c r="J19990" s="365"/>
      <c r="K19990" s="365"/>
      <c r="L19990" s="365"/>
    </row>
    <row r="19991" spans="2:12" ht="28.5">
      <c r="B19991" s="368"/>
      <c r="C19991" s="362"/>
      <c r="D19991" s="368"/>
      <c r="E19991" s="368"/>
      <c r="F19991" s="361" t="s">
        <v>14374</v>
      </c>
      <c r="G19991" s="361" t="s">
        <v>14373</v>
      </c>
      <c r="H19991" s="362"/>
      <c r="I19991" s="362"/>
      <c r="J19991" s="366"/>
      <c r="K19991" s="366"/>
      <c r="L19991" s="366"/>
    </row>
    <row r="19992" spans="2:12">
      <c r="B19992" s="358" t="s">
        <v>24774</v>
      </c>
      <c r="C19992" s="358" t="s">
        <v>24775</v>
      </c>
      <c r="D19992" s="358" t="s">
        <v>8356</v>
      </c>
      <c r="E19992" s="358" t="s">
        <v>24776</v>
      </c>
      <c r="F19992" s="358" t="s">
        <v>14507</v>
      </c>
      <c r="G19992" s="358" t="s">
        <v>14819</v>
      </c>
      <c r="H19992" s="358" t="s">
        <v>14381</v>
      </c>
      <c r="I19992" s="358" t="s">
        <v>14819</v>
      </c>
      <c r="J19992" s="358"/>
      <c r="K19992" s="358"/>
      <c r="L19992" s="358"/>
    </row>
    <row r="19993" spans="2:12">
      <c r="B19993" s="367"/>
      <c r="C19993" s="360"/>
      <c r="D19993" s="367"/>
      <c r="E19993" s="367"/>
      <c r="F19993" s="360"/>
      <c r="G19993" s="360"/>
      <c r="H19993" s="360"/>
      <c r="I19993" s="360"/>
      <c r="J19993" s="365"/>
      <c r="K19993" s="365"/>
      <c r="L19993" s="365"/>
    </row>
    <row r="19994" spans="2:12" ht="28.5">
      <c r="B19994" s="367"/>
      <c r="C19994" s="359" t="s">
        <v>27967</v>
      </c>
      <c r="D19994" s="367"/>
      <c r="E19994" s="367"/>
      <c r="F19994" s="359" t="s">
        <v>14420</v>
      </c>
      <c r="G19994" s="359" t="s">
        <v>14429</v>
      </c>
      <c r="H19994" s="359" t="s">
        <v>14367</v>
      </c>
      <c r="I19994" s="359" t="s">
        <v>14429</v>
      </c>
      <c r="J19994" s="365"/>
      <c r="K19994" s="365"/>
      <c r="L19994" s="365"/>
    </row>
    <row r="19995" spans="2:12">
      <c r="B19995" s="367"/>
      <c r="C19995" s="360"/>
      <c r="D19995" s="367"/>
      <c r="E19995" s="367"/>
      <c r="F19995" s="360"/>
      <c r="G19995" s="360"/>
      <c r="H19995" s="360"/>
      <c r="I19995" s="360"/>
      <c r="J19995" s="365"/>
      <c r="K19995" s="365"/>
      <c r="L19995" s="365"/>
    </row>
    <row r="19996" spans="2:12" ht="28.5">
      <c r="B19996" s="367"/>
      <c r="C19996" s="360"/>
      <c r="D19996" s="367"/>
      <c r="E19996" s="367"/>
      <c r="F19996" s="359" t="s">
        <v>14394</v>
      </c>
      <c r="G19996" s="359" t="s">
        <v>14395</v>
      </c>
      <c r="H19996" s="359" t="s">
        <v>14370</v>
      </c>
      <c r="I19996" s="359" t="s">
        <v>14395</v>
      </c>
      <c r="J19996" s="365"/>
      <c r="K19996" s="365"/>
      <c r="L19996" s="365"/>
    </row>
    <row r="19997" spans="2:12">
      <c r="B19997" s="367"/>
      <c r="C19997" s="360"/>
      <c r="D19997" s="367"/>
      <c r="E19997" s="367"/>
      <c r="F19997" s="360"/>
      <c r="G19997" s="360"/>
      <c r="H19997" s="360"/>
      <c r="I19997" s="360"/>
      <c r="J19997" s="365"/>
      <c r="K19997" s="365"/>
      <c r="L19997" s="365"/>
    </row>
    <row r="19998" spans="2:12">
      <c r="B19998" s="368"/>
      <c r="C19998" s="362"/>
      <c r="D19998" s="368"/>
      <c r="E19998" s="368"/>
      <c r="F19998" s="362"/>
      <c r="G19998" s="362"/>
      <c r="H19998" s="361" t="s">
        <v>14422</v>
      </c>
      <c r="I19998" s="362"/>
      <c r="J19998" s="366"/>
      <c r="K19998" s="366"/>
      <c r="L19998" s="366"/>
    </row>
    <row r="19999" spans="2:12" ht="28.5">
      <c r="B19999" s="358" t="s">
        <v>24777</v>
      </c>
      <c r="C19999" s="358" t="s">
        <v>24778</v>
      </c>
      <c r="D19999" s="358" t="s">
        <v>24779</v>
      </c>
      <c r="E19999" s="358" t="s">
        <v>24780</v>
      </c>
      <c r="F19999" s="358" t="s">
        <v>24781</v>
      </c>
      <c r="G19999" s="358" t="s">
        <v>22509</v>
      </c>
      <c r="H19999" s="358" t="s">
        <v>14954</v>
      </c>
      <c r="I19999" s="358" t="s">
        <v>22509</v>
      </c>
      <c r="J19999" s="358"/>
      <c r="K19999" s="358"/>
      <c r="L19999" s="358"/>
    </row>
    <row r="20000" spans="2:12">
      <c r="B20000" s="367"/>
      <c r="C20000" s="360"/>
      <c r="D20000" s="360"/>
      <c r="E20000" s="360"/>
      <c r="F20000" s="367"/>
      <c r="G20000" s="367"/>
      <c r="H20000" s="360"/>
      <c r="I20000" s="367"/>
      <c r="J20000" s="365"/>
      <c r="K20000" s="365"/>
      <c r="L20000" s="365"/>
    </row>
    <row r="20001" spans="2:12" ht="28.5">
      <c r="B20001" s="368"/>
      <c r="C20001" s="361" t="s">
        <v>24782</v>
      </c>
      <c r="D20001" s="361" t="s">
        <v>24783</v>
      </c>
      <c r="E20001" s="361" t="s">
        <v>24784</v>
      </c>
      <c r="F20001" s="368"/>
      <c r="G20001" s="368"/>
      <c r="H20001" s="361" t="s">
        <v>14332</v>
      </c>
      <c r="I20001" s="368"/>
      <c r="J20001" s="366"/>
      <c r="K20001" s="366"/>
      <c r="L20001" s="366"/>
    </row>
    <row r="20002" spans="2:12" ht="42.75">
      <c r="B20002" s="358" t="s">
        <v>24785</v>
      </c>
      <c r="C20002" s="358" t="s">
        <v>24786</v>
      </c>
      <c r="D20002" s="358" t="s">
        <v>13237</v>
      </c>
      <c r="E20002" s="358" t="s">
        <v>13238</v>
      </c>
      <c r="F20002" s="358" t="s">
        <v>14391</v>
      </c>
      <c r="G20002" s="358" t="s">
        <v>14392</v>
      </c>
      <c r="H20002" s="358" t="s">
        <v>14367</v>
      </c>
      <c r="I20002" s="358" t="s">
        <v>14392</v>
      </c>
      <c r="J20002" s="358"/>
      <c r="K20002" s="358"/>
      <c r="L20002" s="358"/>
    </row>
    <row r="20003" spans="2:12">
      <c r="B20003" s="367"/>
      <c r="C20003" s="360"/>
      <c r="D20003" s="367"/>
      <c r="E20003" s="367"/>
      <c r="F20003" s="367"/>
      <c r="G20003" s="367"/>
      <c r="H20003" s="360"/>
      <c r="I20003" s="367"/>
      <c r="J20003" s="365"/>
      <c r="K20003" s="365"/>
      <c r="L20003" s="365"/>
    </row>
    <row r="20004" spans="2:12">
      <c r="B20004" s="367"/>
      <c r="C20004" s="359" t="s">
        <v>30447</v>
      </c>
      <c r="D20004" s="367"/>
      <c r="E20004" s="367"/>
      <c r="F20004" s="367"/>
      <c r="G20004" s="367"/>
      <c r="H20004" s="359" t="s">
        <v>14422</v>
      </c>
      <c r="I20004" s="367"/>
      <c r="J20004" s="365"/>
      <c r="K20004" s="365"/>
      <c r="L20004" s="365"/>
    </row>
    <row r="20005" spans="2:12">
      <c r="B20005" s="367"/>
      <c r="C20005" s="360"/>
      <c r="D20005" s="367"/>
      <c r="E20005" s="367"/>
      <c r="F20005" s="367"/>
      <c r="G20005" s="367"/>
      <c r="H20005" s="360"/>
      <c r="I20005" s="367"/>
      <c r="J20005" s="365"/>
      <c r="K20005" s="365"/>
      <c r="L20005" s="365"/>
    </row>
    <row r="20006" spans="2:12">
      <c r="B20006" s="368"/>
      <c r="C20006" s="361" t="s">
        <v>29673</v>
      </c>
      <c r="D20006" s="368"/>
      <c r="E20006" s="368"/>
      <c r="F20006" s="368"/>
      <c r="G20006" s="368"/>
      <c r="H20006" s="362"/>
      <c r="I20006" s="368"/>
      <c r="J20006" s="366"/>
      <c r="K20006" s="366"/>
      <c r="L20006" s="366"/>
    </row>
    <row r="20007" spans="2:12" ht="42.75">
      <c r="B20007" s="358" t="s">
        <v>13236</v>
      </c>
      <c r="C20007" s="358" t="s">
        <v>24786</v>
      </c>
      <c r="D20007" s="358" t="s">
        <v>13237</v>
      </c>
      <c r="E20007" s="358" t="s">
        <v>13238</v>
      </c>
      <c r="F20007" s="358" t="s">
        <v>14424</v>
      </c>
      <c r="G20007" s="358" t="s">
        <v>29674</v>
      </c>
      <c r="H20007" s="358" t="s">
        <v>14381</v>
      </c>
      <c r="I20007" s="358" t="s">
        <v>29674</v>
      </c>
      <c r="J20007" s="358"/>
      <c r="K20007" s="358"/>
      <c r="L20007" s="358"/>
    </row>
    <row r="20008" spans="2:12">
      <c r="B20008" s="367"/>
      <c r="C20008" s="360"/>
      <c r="D20008" s="367"/>
      <c r="E20008" s="367"/>
      <c r="F20008" s="360"/>
      <c r="G20008" s="367"/>
      <c r="H20008" s="360"/>
      <c r="I20008" s="367"/>
      <c r="J20008" s="365"/>
      <c r="K20008" s="365"/>
      <c r="L20008" s="365"/>
    </row>
    <row r="20009" spans="2:12" ht="28.5">
      <c r="B20009" s="367"/>
      <c r="C20009" s="359" t="s">
        <v>30448</v>
      </c>
      <c r="D20009" s="367"/>
      <c r="E20009" s="367"/>
      <c r="F20009" s="359" t="s">
        <v>14391</v>
      </c>
      <c r="G20009" s="367"/>
      <c r="H20009" s="359" t="s">
        <v>14367</v>
      </c>
      <c r="I20009" s="367"/>
      <c r="J20009" s="365"/>
      <c r="K20009" s="365"/>
      <c r="L20009" s="365"/>
    </row>
    <row r="20010" spans="2:12">
      <c r="B20010" s="367"/>
      <c r="C20010" s="360"/>
      <c r="D20010" s="367"/>
      <c r="E20010" s="367"/>
      <c r="F20010" s="360"/>
      <c r="G20010" s="367"/>
      <c r="H20010" s="360"/>
      <c r="I20010" s="367"/>
      <c r="J20010" s="365"/>
      <c r="K20010" s="365"/>
      <c r="L20010" s="365"/>
    </row>
    <row r="20011" spans="2:12">
      <c r="B20011" s="368"/>
      <c r="C20011" s="362"/>
      <c r="D20011" s="368"/>
      <c r="E20011" s="368"/>
      <c r="F20011" s="362"/>
      <c r="G20011" s="368"/>
      <c r="H20011" s="361" t="s">
        <v>14332</v>
      </c>
      <c r="I20011" s="368"/>
      <c r="J20011" s="366"/>
      <c r="K20011" s="366"/>
      <c r="L20011" s="366"/>
    </row>
    <row r="20012" spans="2:12">
      <c r="B20012" s="358" t="s">
        <v>24787</v>
      </c>
      <c r="C20012" s="358" t="s">
        <v>27968</v>
      </c>
      <c r="D20012" s="358" t="s">
        <v>24788</v>
      </c>
      <c r="E20012" s="358" t="s">
        <v>24789</v>
      </c>
      <c r="F20012" s="358" t="s">
        <v>14420</v>
      </c>
      <c r="G20012" s="358" t="s">
        <v>14429</v>
      </c>
      <c r="H20012" s="358" t="s">
        <v>14367</v>
      </c>
      <c r="I20012" s="358" t="s">
        <v>14429</v>
      </c>
      <c r="J20012" s="358"/>
      <c r="K20012" s="358"/>
      <c r="L20012" s="358"/>
    </row>
    <row r="20013" spans="2:12">
      <c r="B20013" s="367"/>
      <c r="C20013" s="367"/>
      <c r="D20013" s="367"/>
      <c r="E20013" s="367"/>
      <c r="F20013" s="360"/>
      <c r="G20013" s="360"/>
      <c r="H20013" s="360"/>
      <c r="I20013" s="360"/>
      <c r="J20013" s="365"/>
      <c r="K20013" s="365"/>
      <c r="L20013" s="365"/>
    </row>
    <row r="20014" spans="2:12">
      <c r="B20014" s="367"/>
      <c r="C20014" s="367"/>
      <c r="D20014" s="367"/>
      <c r="E20014" s="367"/>
      <c r="F20014" s="359" t="s">
        <v>14391</v>
      </c>
      <c r="G20014" s="359" t="s">
        <v>14392</v>
      </c>
      <c r="H20014" s="359" t="s">
        <v>14370</v>
      </c>
      <c r="I20014" s="359" t="s">
        <v>14392</v>
      </c>
      <c r="J20014" s="365"/>
      <c r="K20014" s="365"/>
      <c r="L20014" s="365"/>
    </row>
    <row r="20015" spans="2:12">
      <c r="B20015" s="367"/>
      <c r="C20015" s="367"/>
      <c r="D20015" s="367"/>
      <c r="E20015" s="367"/>
      <c r="F20015" s="360"/>
      <c r="G20015" s="360"/>
      <c r="H20015" s="360"/>
      <c r="I20015" s="360"/>
      <c r="J20015" s="365"/>
      <c r="K20015" s="365"/>
      <c r="L20015" s="365"/>
    </row>
    <row r="20016" spans="2:12" ht="28.5">
      <c r="B20016" s="368"/>
      <c r="C20016" s="368"/>
      <c r="D20016" s="368"/>
      <c r="E20016" s="368"/>
      <c r="F20016" s="361" t="s">
        <v>14394</v>
      </c>
      <c r="G20016" s="361" t="s">
        <v>14395</v>
      </c>
      <c r="H20016" s="361" t="s">
        <v>14422</v>
      </c>
      <c r="I20016" s="361" t="s">
        <v>14395</v>
      </c>
      <c r="J20016" s="366"/>
      <c r="K20016" s="366"/>
      <c r="L20016" s="366"/>
    </row>
    <row r="20017" spans="2:12">
      <c r="B20017" s="358" t="s">
        <v>24790</v>
      </c>
      <c r="C20017" s="358" t="s">
        <v>24791</v>
      </c>
      <c r="D20017" s="358" t="s">
        <v>24792</v>
      </c>
      <c r="E20017" s="358" t="s">
        <v>24793</v>
      </c>
      <c r="F20017" s="358" t="s">
        <v>14420</v>
      </c>
      <c r="G20017" s="358" t="s">
        <v>14429</v>
      </c>
      <c r="H20017" s="358" t="s">
        <v>14341</v>
      </c>
      <c r="I20017" s="358" t="s">
        <v>14429</v>
      </c>
      <c r="J20017" s="358"/>
      <c r="K20017" s="358"/>
      <c r="L20017" s="358"/>
    </row>
    <row r="20018" spans="2:12">
      <c r="B20018" s="367"/>
      <c r="C20018" s="367"/>
      <c r="D20018" s="367"/>
      <c r="E20018" s="367"/>
      <c r="F20018" s="360"/>
      <c r="G20018" s="360"/>
      <c r="H20018" s="360"/>
      <c r="I20018" s="360"/>
      <c r="J20018" s="365"/>
      <c r="K20018" s="365"/>
      <c r="L20018" s="365"/>
    </row>
    <row r="20019" spans="2:12">
      <c r="B20019" s="367"/>
      <c r="C20019" s="367"/>
      <c r="D20019" s="367"/>
      <c r="E20019" s="367"/>
      <c r="F20019" s="359" t="s">
        <v>14430</v>
      </c>
      <c r="G20019" s="359" t="s">
        <v>14431</v>
      </c>
      <c r="H20019" s="359" t="s">
        <v>14367</v>
      </c>
      <c r="I20019" s="359" t="s">
        <v>14431</v>
      </c>
      <c r="J20019" s="365"/>
      <c r="K20019" s="365"/>
      <c r="L20019" s="365"/>
    </row>
    <row r="20020" spans="2:12">
      <c r="B20020" s="367"/>
      <c r="C20020" s="367"/>
      <c r="D20020" s="367"/>
      <c r="E20020" s="367"/>
      <c r="F20020" s="360"/>
      <c r="G20020" s="360"/>
      <c r="H20020" s="360"/>
      <c r="I20020" s="360"/>
      <c r="J20020" s="365"/>
      <c r="K20020" s="365"/>
      <c r="L20020" s="365"/>
    </row>
    <row r="20021" spans="2:12" ht="28.5">
      <c r="B20021" s="368"/>
      <c r="C20021" s="368"/>
      <c r="D20021" s="368"/>
      <c r="E20021" s="368"/>
      <c r="F20021" s="361" t="s">
        <v>14472</v>
      </c>
      <c r="G20021" s="361" t="s">
        <v>14473</v>
      </c>
      <c r="H20021" s="361" t="s">
        <v>14332</v>
      </c>
      <c r="I20021" s="361" t="s">
        <v>14473</v>
      </c>
      <c r="J20021" s="366"/>
      <c r="K20021" s="366"/>
      <c r="L20021" s="366"/>
    </row>
    <row r="20022" spans="2:12" ht="28.5">
      <c r="B20022" s="358" t="s">
        <v>24794</v>
      </c>
      <c r="C20022" s="358" t="s">
        <v>27969</v>
      </c>
      <c r="D20022" s="358" t="s">
        <v>24795</v>
      </c>
      <c r="E20022" s="358" t="s">
        <v>24796</v>
      </c>
      <c r="F20022" s="358" t="s">
        <v>14371</v>
      </c>
      <c r="G20022" s="358" t="s">
        <v>14372</v>
      </c>
      <c r="H20022" s="358" t="s">
        <v>14370</v>
      </c>
      <c r="I20022" s="358" t="s">
        <v>14373</v>
      </c>
      <c r="J20022" s="358"/>
      <c r="K20022" s="358"/>
      <c r="L20022" s="358"/>
    </row>
    <row r="20023" spans="2:12">
      <c r="B20023" s="367"/>
      <c r="C20023" s="367"/>
      <c r="D20023" s="367"/>
      <c r="E20023" s="367"/>
      <c r="F20023" s="360"/>
      <c r="G20023" s="360"/>
      <c r="H20023" s="360"/>
      <c r="I20023" s="367"/>
      <c r="J20023" s="365"/>
      <c r="K20023" s="365"/>
      <c r="L20023" s="365"/>
    </row>
    <row r="20024" spans="2:12" ht="28.5">
      <c r="B20024" s="368"/>
      <c r="C20024" s="368"/>
      <c r="D20024" s="368"/>
      <c r="E20024" s="368"/>
      <c r="F20024" s="361" t="s">
        <v>14374</v>
      </c>
      <c r="G20024" s="361" t="s">
        <v>14373</v>
      </c>
      <c r="H20024" s="361" t="s">
        <v>14422</v>
      </c>
      <c r="I20024" s="368"/>
      <c r="J20024" s="366"/>
      <c r="K20024" s="366"/>
      <c r="L20024" s="366"/>
    </row>
    <row r="20025" spans="2:12" ht="28.5">
      <c r="B20025" s="358" t="s">
        <v>24797</v>
      </c>
      <c r="C20025" s="358" t="s">
        <v>27970</v>
      </c>
      <c r="D20025" s="358" t="s">
        <v>24798</v>
      </c>
      <c r="E20025" s="358" t="s">
        <v>24799</v>
      </c>
      <c r="F20025" s="358" t="s">
        <v>14430</v>
      </c>
      <c r="G20025" s="358" t="s">
        <v>14431</v>
      </c>
      <c r="H20025" s="358" t="s">
        <v>14341</v>
      </c>
      <c r="I20025" s="358" t="s">
        <v>14431</v>
      </c>
      <c r="J20025" s="358"/>
      <c r="K20025" s="358"/>
      <c r="L20025" s="358"/>
    </row>
    <row r="20026" spans="2:12">
      <c r="B20026" s="367"/>
      <c r="C20026" s="367"/>
      <c r="D20026" s="367"/>
      <c r="E20026" s="367"/>
      <c r="F20026" s="360"/>
      <c r="G20026" s="360"/>
      <c r="H20026" s="360"/>
      <c r="I20026" s="360"/>
      <c r="J20026" s="365"/>
      <c r="K20026" s="365"/>
      <c r="L20026" s="365"/>
    </row>
    <row r="20027" spans="2:12">
      <c r="B20027" s="367"/>
      <c r="C20027" s="367"/>
      <c r="D20027" s="367"/>
      <c r="E20027" s="367"/>
      <c r="F20027" s="359" t="s">
        <v>14391</v>
      </c>
      <c r="G20027" s="359" t="s">
        <v>14392</v>
      </c>
      <c r="H20027" s="359" t="s">
        <v>14367</v>
      </c>
      <c r="I20027" s="359" t="s">
        <v>14392</v>
      </c>
      <c r="J20027" s="365"/>
      <c r="K20027" s="365"/>
      <c r="L20027" s="365"/>
    </row>
    <row r="20028" spans="2:12">
      <c r="B20028" s="367"/>
      <c r="C20028" s="367"/>
      <c r="D20028" s="367"/>
      <c r="E20028" s="367"/>
      <c r="F20028" s="360"/>
      <c r="G20028" s="360"/>
      <c r="H20028" s="360"/>
      <c r="I20028" s="360"/>
      <c r="J20028" s="365"/>
      <c r="K20028" s="365"/>
      <c r="L20028" s="365"/>
    </row>
    <row r="20029" spans="2:12">
      <c r="B20029" s="367"/>
      <c r="C20029" s="367"/>
      <c r="D20029" s="367"/>
      <c r="E20029" s="367"/>
      <c r="F20029" s="359" t="s">
        <v>14371</v>
      </c>
      <c r="G20029" s="359" t="s">
        <v>14372</v>
      </c>
      <c r="H20029" s="359" t="s">
        <v>14370</v>
      </c>
      <c r="I20029" s="359" t="s">
        <v>14373</v>
      </c>
      <c r="J20029" s="365"/>
      <c r="K20029" s="365"/>
      <c r="L20029" s="365"/>
    </row>
    <row r="20030" spans="2:12">
      <c r="B20030" s="367"/>
      <c r="C20030" s="367"/>
      <c r="D20030" s="367"/>
      <c r="E20030" s="367"/>
      <c r="F20030" s="360"/>
      <c r="G20030" s="360"/>
      <c r="H20030" s="360"/>
      <c r="I20030" s="360"/>
      <c r="J20030" s="365"/>
      <c r="K20030" s="365"/>
      <c r="L20030" s="365"/>
    </row>
    <row r="20031" spans="2:12" ht="28.5">
      <c r="B20031" s="368"/>
      <c r="C20031" s="368"/>
      <c r="D20031" s="368"/>
      <c r="E20031" s="368"/>
      <c r="F20031" s="361" t="s">
        <v>14374</v>
      </c>
      <c r="G20031" s="361" t="s">
        <v>14373</v>
      </c>
      <c r="H20031" s="361" t="s">
        <v>14332</v>
      </c>
      <c r="I20031" s="362"/>
      <c r="J20031" s="366"/>
      <c r="K20031" s="366"/>
      <c r="L20031" s="366"/>
    </row>
    <row r="20032" spans="2:12" ht="42.75">
      <c r="B20032" s="358" t="s">
        <v>24800</v>
      </c>
      <c r="C20032" s="358" t="s">
        <v>27971</v>
      </c>
      <c r="D20032" s="358" t="s">
        <v>24801</v>
      </c>
      <c r="E20032" s="358" t="s">
        <v>24802</v>
      </c>
      <c r="F20032" s="358" t="s">
        <v>14460</v>
      </c>
      <c r="G20032" s="358" t="s">
        <v>14461</v>
      </c>
      <c r="H20032" s="358" t="s">
        <v>14381</v>
      </c>
      <c r="I20032" s="358" t="s">
        <v>14461</v>
      </c>
      <c r="J20032" s="358"/>
      <c r="K20032" s="358"/>
      <c r="L20032" s="358"/>
    </row>
    <row r="20033" spans="2:12">
      <c r="B20033" s="367"/>
      <c r="C20033" s="367"/>
      <c r="D20033" s="367"/>
      <c r="E20033" s="367"/>
      <c r="F20033" s="360"/>
      <c r="G20033" s="360"/>
      <c r="H20033" s="360"/>
      <c r="I20033" s="360"/>
      <c r="J20033" s="365"/>
      <c r="K20033" s="365"/>
      <c r="L20033" s="365"/>
    </row>
    <row r="20034" spans="2:12">
      <c r="B20034" s="367"/>
      <c r="C20034" s="367"/>
      <c r="D20034" s="367"/>
      <c r="E20034" s="367"/>
      <c r="F20034" s="359" t="s">
        <v>14371</v>
      </c>
      <c r="G20034" s="359" t="s">
        <v>14372</v>
      </c>
      <c r="H20034" s="359" t="s">
        <v>14370</v>
      </c>
      <c r="I20034" s="359" t="s">
        <v>14373</v>
      </c>
      <c r="J20034" s="365"/>
      <c r="K20034" s="365"/>
      <c r="L20034" s="365"/>
    </row>
    <row r="20035" spans="2:12">
      <c r="B20035" s="367"/>
      <c r="C20035" s="367"/>
      <c r="D20035" s="367"/>
      <c r="E20035" s="367"/>
      <c r="F20035" s="360"/>
      <c r="G20035" s="360"/>
      <c r="H20035" s="360"/>
      <c r="I20035" s="360"/>
      <c r="J20035" s="365"/>
      <c r="K20035" s="365"/>
      <c r="L20035" s="365"/>
    </row>
    <row r="20036" spans="2:12" ht="28.5">
      <c r="B20036" s="368"/>
      <c r="C20036" s="368"/>
      <c r="D20036" s="368"/>
      <c r="E20036" s="368"/>
      <c r="F20036" s="361" t="s">
        <v>14374</v>
      </c>
      <c r="G20036" s="361" t="s">
        <v>14373</v>
      </c>
      <c r="H20036" s="361" t="s">
        <v>14422</v>
      </c>
      <c r="I20036" s="362"/>
      <c r="J20036" s="366"/>
      <c r="K20036" s="366"/>
      <c r="L20036" s="366"/>
    </row>
    <row r="20037" spans="2:12" ht="28.5">
      <c r="B20037" s="358" t="s">
        <v>24803</v>
      </c>
      <c r="C20037" s="358" t="s">
        <v>30449</v>
      </c>
      <c r="D20037" s="358" t="s">
        <v>24804</v>
      </c>
      <c r="E20037" s="358" t="s">
        <v>24805</v>
      </c>
      <c r="F20037" s="358" t="s">
        <v>14426</v>
      </c>
      <c r="G20037" s="358" t="s">
        <v>14427</v>
      </c>
      <c r="H20037" s="358" t="s">
        <v>14381</v>
      </c>
      <c r="I20037" s="358" t="s">
        <v>14427</v>
      </c>
      <c r="J20037" s="358"/>
      <c r="K20037" s="358"/>
      <c r="L20037" s="358"/>
    </row>
    <row r="20038" spans="2:12">
      <c r="B20038" s="367"/>
      <c r="C20038" s="367"/>
      <c r="D20038" s="367"/>
      <c r="E20038" s="367"/>
      <c r="F20038" s="360"/>
      <c r="G20038" s="360"/>
      <c r="H20038" s="360"/>
      <c r="I20038" s="360"/>
      <c r="J20038" s="365"/>
      <c r="K20038" s="365"/>
      <c r="L20038" s="365"/>
    </row>
    <row r="20039" spans="2:12" ht="28.5">
      <c r="B20039" s="368"/>
      <c r="C20039" s="368"/>
      <c r="D20039" s="368"/>
      <c r="E20039" s="368"/>
      <c r="F20039" s="361" t="s">
        <v>14472</v>
      </c>
      <c r="G20039" s="361" t="s">
        <v>14473</v>
      </c>
      <c r="H20039" s="361" t="s">
        <v>14422</v>
      </c>
      <c r="I20039" s="361" t="s">
        <v>14473</v>
      </c>
      <c r="J20039" s="366"/>
      <c r="K20039" s="366"/>
      <c r="L20039" s="366"/>
    </row>
    <row r="20040" spans="2:12" ht="28.5">
      <c r="B20040" s="358" t="s">
        <v>24806</v>
      </c>
      <c r="C20040" s="358" t="s">
        <v>30450</v>
      </c>
      <c r="D20040" s="358" t="s">
        <v>24807</v>
      </c>
      <c r="E20040" s="358" t="s">
        <v>24808</v>
      </c>
      <c r="F20040" s="358" t="s">
        <v>14462</v>
      </c>
      <c r="G20040" s="358" t="s">
        <v>14463</v>
      </c>
      <c r="H20040" s="358" t="s">
        <v>8356</v>
      </c>
      <c r="I20040" s="358" t="s">
        <v>14463</v>
      </c>
      <c r="J20040" s="358"/>
      <c r="K20040" s="358"/>
      <c r="L20040" s="358"/>
    </row>
    <row r="20041" spans="2:12">
      <c r="B20041" s="367"/>
      <c r="C20041" s="360"/>
      <c r="D20041" s="367"/>
      <c r="E20041" s="367"/>
      <c r="F20041" s="367"/>
      <c r="G20041" s="367"/>
      <c r="H20041" s="367"/>
      <c r="I20041" s="367"/>
      <c r="J20041" s="365"/>
      <c r="K20041" s="365"/>
      <c r="L20041" s="365"/>
    </row>
    <row r="20042" spans="2:12" ht="42.75">
      <c r="B20042" s="368"/>
      <c r="C20042" s="361" t="s">
        <v>30451</v>
      </c>
      <c r="D20042" s="368"/>
      <c r="E20042" s="368"/>
      <c r="F20042" s="368"/>
      <c r="G20042" s="368"/>
      <c r="H20042" s="368"/>
      <c r="I20042" s="368"/>
      <c r="J20042" s="366"/>
      <c r="K20042" s="366"/>
      <c r="L20042" s="366"/>
    </row>
    <row r="20043" spans="2:12" ht="42.75">
      <c r="B20043" s="358" t="s">
        <v>24809</v>
      </c>
      <c r="C20043" s="358" t="s">
        <v>27972</v>
      </c>
      <c r="D20043" s="358" t="s">
        <v>24810</v>
      </c>
      <c r="E20043" s="358" t="s">
        <v>24811</v>
      </c>
      <c r="F20043" s="358" t="s">
        <v>14462</v>
      </c>
      <c r="G20043" s="358" t="s">
        <v>14463</v>
      </c>
      <c r="H20043" s="358" t="s">
        <v>8356</v>
      </c>
      <c r="I20043" s="358" t="s">
        <v>14463</v>
      </c>
      <c r="J20043" s="358"/>
      <c r="K20043" s="358"/>
      <c r="L20043" s="358"/>
    </row>
    <row r="20044" spans="2:12">
      <c r="B20044" s="368"/>
      <c r="C20044" s="368"/>
      <c r="D20044" s="368"/>
      <c r="E20044" s="368"/>
      <c r="F20044" s="368"/>
      <c r="G20044" s="368"/>
      <c r="H20044" s="368"/>
      <c r="I20044" s="368"/>
      <c r="J20044" s="366"/>
      <c r="K20044" s="366"/>
      <c r="L20044" s="366"/>
    </row>
    <row r="20045" spans="2:12" ht="28.5">
      <c r="B20045" s="358" t="s">
        <v>24812</v>
      </c>
      <c r="C20045" s="358" t="s">
        <v>24813</v>
      </c>
      <c r="D20045" s="358" t="s">
        <v>24814</v>
      </c>
      <c r="E20045" s="358" t="s">
        <v>24815</v>
      </c>
      <c r="F20045" s="358" t="s">
        <v>14420</v>
      </c>
      <c r="G20045" s="358" t="s">
        <v>14429</v>
      </c>
      <c r="H20045" s="358" t="s">
        <v>14341</v>
      </c>
      <c r="I20045" s="358" t="s">
        <v>14429</v>
      </c>
      <c r="J20045" s="358"/>
      <c r="K20045" s="358"/>
      <c r="L20045" s="358"/>
    </row>
    <row r="20046" spans="2:12">
      <c r="B20046" s="367"/>
      <c r="C20046" s="367"/>
      <c r="D20046" s="367"/>
      <c r="E20046" s="367"/>
      <c r="F20046" s="360"/>
      <c r="G20046" s="360"/>
      <c r="H20046" s="360"/>
      <c r="I20046" s="360"/>
      <c r="J20046" s="365"/>
      <c r="K20046" s="365"/>
      <c r="L20046" s="365"/>
    </row>
    <row r="20047" spans="2:12">
      <c r="B20047" s="367"/>
      <c r="C20047" s="367"/>
      <c r="D20047" s="367"/>
      <c r="E20047" s="367"/>
      <c r="F20047" s="359" t="s">
        <v>14430</v>
      </c>
      <c r="G20047" s="359" t="s">
        <v>14431</v>
      </c>
      <c r="H20047" s="359" t="s">
        <v>14367</v>
      </c>
      <c r="I20047" s="359" t="s">
        <v>14431</v>
      </c>
      <c r="J20047" s="365"/>
      <c r="K20047" s="365"/>
      <c r="L20047" s="365"/>
    </row>
    <row r="20048" spans="2:12">
      <c r="B20048" s="367"/>
      <c r="C20048" s="367"/>
      <c r="D20048" s="367"/>
      <c r="E20048" s="367"/>
      <c r="F20048" s="360"/>
      <c r="G20048" s="360"/>
      <c r="H20048" s="360"/>
      <c r="I20048" s="360"/>
      <c r="J20048" s="365"/>
      <c r="K20048" s="365"/>
      <c r="L20048" s="365"/>
    </row>
    <row r="20049" spans="2:12" ht="28.5">
      <c r="B20049" s="368"/>
      <c r="C20049" s="368"/>
      <c r="D20049" s="368"/>
      <c r="E20049" s="368"/>
      <c r="F20049" s="361" t="s">
        <v>14472</v>
      </c>
      <c r="G20049" s="361" t="s">
        <v>14473</v>
      </c>
      <c r="H20049" s="361" t="s">
        <v>14332</v>
      </c>
      <c r="I20049" s="361" t="s">
        <v>14473</v>
      </c>
      <c r="J20049" s="366"/>
      <c r="K20049" s="366"/>
      <c r="L20049" s="366"/>
    </row>
    <row r="20050" spans="2:12" ht="71.25">
      <c r="B20050" s="358" t="s">
        <v>24816</v>
      </c>
      <c r="C20050" s="358" t="s">
        <v>29675</v>
      </c>
      <c r="D20050" s="358" t="s">
        <v>24817</v>
      </c>
      <c r="E20050" s="358" t="s">
        <v>8356</v>
      </c>
      <c r="F20050" s="358" t="s">
        <v>14391</v>
      </c>
      <c r="G20050" s="358" t="s">
        <v>14392</v>
      </c>
      <c r="H20050" s="358" t="s">
        <v>14367</v>
      </c>
      <c r="I20050" s="358" t="s">
        <v>14392</v>
      </c>
      <c r="J20050" s="358"/>
      <c r="K20050" s="358"/>
      <c r="L20050" s="358"/>
    </row>
    <row r="20051" spans="2:12">
      <c r="B20051" s="367"/>
      <c r="C20051" s="367"/>
      <c r="D20051" s="367"/>
      <c r="E20051" s="367"/>
      <c r="F20051" s="360"/>
      <c r="G20051" s="360"/>
      <c r="H20051" s="360"/>
      <c r="I20051" s="360"/>
      <c r="J20051" s="365"/>
      <c r="K20051" s="365"/>
      <c r="L20051" s="365"/>
    </row>
    <row r="20052" spans="2:12" ht="28.5">
      <c r="B20052" s="368"/>
      <c r="C20052" s="368"/>
      <c r="D20052" s="368"/>
      <c r="E20052" s="368"/>
      <c r="F20052" s="361" t="s">
        <v>14472</v>
      </c>
      <c r="G20052" s="361" t="s">
        <v>14473</v>
      </c>
      <c r="H20052" s="361" t="s">
        <v>14422</v>
      </c>
      <c r="I20052" s="361" t="s">
        <v>14473</v>
      </c>
      <c r="J20052" s="366"/>
      <c r="K20052" s="366"/>
      <c r="L20052" s="366"/>
    </row>
    <row r="20053" spans="2:12">
      <c r="B20053" s="358" t="s">
        <v>24818</v>
      </c>
      <c r="C20053" s="358" t="s">
        <v>27973</v>
      </c>
      <c r="D20053" s="358" t="s">
        <v>24819</v>
      </c>
      <c r="E20053" s="358" t="s">
        <v>8356</v>
      </c>
      <c r="F20053" s="358" t="s">
        <v>14418</v>
      </c>
      <c r="G20053" s="358" t="s">
        <v>14419</v>
      </c>
      <c r="H20053" s="358" t="s">
        <v>14328</v>
      </c>
      <c r="I20053" s="358" t="s">
        <v>14419</v>
      </c>
      <c r="J20053" s="358"/>
      <c r="K20053" s="358"/>
      <c r="L20053" s="358"/>
    </row>
    <row r="20054" spans="2:12">
      <c r="B20054" s="367"/>
      <c r="C20054" s="367"/>
      <c r="D20054" s="367"/>
      <c r="E20054" s="367"/>
      <c r="F20054" s="360"/>
      <c r="G20054" s="360"/>
      <c r="H20054" s="360"/>
      <c r="I20054" s="360"/>
      <c r="J20054" s="365"/>
      <c r="K20054" s="365"/>
      <c r="L20054" s="365"/>
    </row>
    <row r="20055" spans="2:12">
      <c r="B20055" s="367"/>
      <c r="C20055" s="367"/>
      <c r="D20055" s="367"/>
      <c r="E20055" s="367"/>
      <c r="F20055" s="359" t="s">
        <v>14420</v>
      </c>
      <c r="G20055" s="359" t="s">
        <v>14429</v>
      </c>
      <c r="H20055" s="359" t="s">
        <v>14367</v>
      </c>
      <c r="I20055" s="359" t="s">
        <v>14429</v>
      </c>
      <c r="J20055" s="365"/>
      <c r="K20055" s="365"/>
      <c r="L20055" s="365"/>
    </row>
    <row r="20056" spans="2:12">
      <c r="B20056" s="367"/>
      <c r="C20056" s="367"/>
      <c r="D20056" s="367"/>
      <c r="E20056" s="367"/>
      <c r="F20056" s="360"/>
      <c r="G20056" s="360"/>
      <c r="H20056" s="360"/>
      <c r="I20056" s="360"/>
      <c r="J20056" s="365"/>
      <c r="K20056" s="365"/>
      <c r="L20056" s="365"/>
    </row>
    <row r="20057" spans="2:12" ht="28.5">
      <c r="B20057" s="367"/>
      <c r="C20057" s="367"/>
      <c r="D20057" s="367"/>
      <c r="E20057" s="367"/>
      <c r="F20057" s="359" t="s">
        <v>14394</v>
      </c>
      <c r="G20057" s="359" t="s">
        <v>14395</v>
      </c>
      <c r="H20057" s="359" t="s">
        <v>14370</v>
      </c>
      <c r="I20057" s="359" t="s">
        <v>14395</v>
      </c>
      <c r="J20057" s="365"/>
      <c r="K20057" s="365"/>
      <c r="L20057" s="365"/>
    </row>
    <row r="20058" spans="2:12">
      <c r="B20058" s="367"/>
      <c r="C20058" s="367"/>
      <c r="D20058" s="367"/>
      <c r="E20058" s="367"/>
      <c r="F20058" s="360"/>
      <c r="G20058" s="360"/>
      <c r="H20058" s="360"/>
      <c r="I20058" s="360"/>
      <c r="J20058" s="365"/>
      <c r="K20058" s="365"/>
      <c r="L20058" s="365"/>
    </row>
    <row r="20059" spans="2:12">
      <c r="B20059" s="368"/>
      <c r="C20059" s="368"/>
      <c r="D20059" s="368"/>
      <c r="E20059" s="368"/>
      <c r="F20059" s="362"/>
      <c r="G20059" s="362"/>
      <c r="H20059" s="361" t="s">
        <v>14422</v>
      </c>
      <c r="I20059" s="362"/>
      <c r="J20059" s="366"/>
      <c r="K20059" s="366"/>
      <c r="L20059" s="366"/>
    </row>
    <row r="20060" spans="2:12" ht="28.5">
      <c r="B20060" s="358" t="s">
        <v>24820</v>
      </c>
      <c r="C20060" s="358" t="s">
        <v>27974</v>
      </c>
      <c r="D20060" s="358" t="s">
        <v>24821</v>
      </c>
      <c r="E20060" s="358" t="s">
        <v>8356</v>
      </c>
      <c r="F20060" s="358" t="s">
        <v>14460</v>
      </c>
      <c r="G20060" s="358" t="s">
        <v>14461</v>
      </c>
      <c r="H20060" s="358" t="s">
        <v>14341</v>
      </c>
      <c r="I20060" s="358" t="s">
        <v>14461</v>
      </c>
      <c r="J20060" s="358"/>
      <c r="K20060" s="358"/>
      <c r="L20060" s="358"/>
    </row>
    <row r="20061" spans="2:12">
      <c r="B20061" s="367"/>
      <c r="C20061" s="367"/>
      <c r="D20061" s="367"/>
      <c r="E20061" s="367"/>
      <c r="F20061" s="360"/>
      <c r="G20061" s="360"/>
      <c r="H20061" s="360"/>
      <c r="I20061" s="360"/>
      <c r="J20061" s="365"/>
      <c r="K20061" s="365"/>
      <c r="L20061" s="365"/>
    </row>
    <row r="20062" spans="2:12">
      <c r="B20062" s="367"/>
      <c r="C20062" s="367"/>
      <c r="D20062" s="367"/>
      <c r="E20062" s="367"/>
      <c r="F20062" s="359" t="s">
        <v>14430</v>
      </c>
      <c r="G20062" s="359" t="s">
        <v>14431</v>
      </c>
      <c r="H20062" s="359" t="s">
        <v>14381</v>
      </c>
      <c r="I20062" s="359" t="s">
        <v>14431</v>
      </c>
      <c r="J20062" s="365"/>
      <c r="K20062" s="365"/>
      <c r="L20062" s="365"/>
    </row>
    <row r="20063" spans="2:12">
      <c r="B20063" s="367"/>
      <c r="C20063" s="367"/>
      <c r="D20063" s="367"/>
      <c r="E20063" s="367"/>
      <c r="F20063" s="360"/>
      <c r="G20063" s="360"/>
      <c r="H20063" s="360"/>
      <c r="I20063" s="360"/>
      <c r="J20063" s="365"/>
      <c r="K20063" s="365"/>
      <c r="L20063" s="365"/>
    </row>
    <row r="20064" spans="2:12" ht="28.5">
      <c r="B20064" s="367"/>
      <c r="C20064" s="367"/>
      <c r="D20064" s="367"/>
      <c r="E20064" s="367"/>
      <c r="F20064" s="359" t="s">
        <v>14394</v>
      </c>
      <c r="G20064" s="359" t="s">
        <v>14395</v>
      </c>
      <c r="H20064" s="359" t="s">
        <v>14370</v>
      </c>
      <c r="I20064" s="359" t="s">
        <v>14395</v>
      </c>
      <c r="J20064" s="365"/>
      <c r="K20064" s="365"/>
      <c r="L20064" s="365"/>
    </row>
    <row r="20065" spans="2:12">
      <c r="B20065" s="367"/>
      <c r="C20065" s="367"/>
      <c r="D20065" s="367"/>
      <c r="E20065" s="367"/>
      <c r="F20065" s="360"/>
      <c r="G20065" s="360"/>
      <c r="H20065" s="360"/>
      <c r="I20065" s="360"/>
      <c r="J20065" s="365"/>
      <c r="K20065" s="365"/>
      <c r="L20065" s="365"/>
    </row>
    <row r="20066" spans="2:12">
      <c r="B20066" s="368"/>
      <c r="C20066" s="368"/>
      <c r="D20066" s="368"/>
      <c r="E20066" s="368"/>
      <c r="F20066" s="362"/>
      <c r="G20066" s="362"/>
      <c r="H20066" s="361" t="s">
        <v>14332</v>
      </c>
      <c r="I20066" s="362"/>
      <c r="J20066" s="366"/>
      <c r="K20066" s="366"/>
      <c r="L20066" s="366"/>
    </row>
    <row r="20067" spans="2:12">
      <c r="B20067" s="358" t="s">
        <v>24822</v>
      </c>
      <c r="C20067" s="358" t="s">
        <v>29676</v>
      </c>
      <c r="D20067" s="358" t="s">
        <v>24823</v>
      </c>
      <c r="E20067" s="358" t="s">
        <v>8356</v>
      </c>
      <c r="F20067" s="358" t="s">
        <v>14430</v>
      </c>
      <c r="G20067" s="358" t="s">
        <v>14431</v>
      </c>
      <c r="H20067" s="358" t="s">
        <v>14341</v>
      </c>
      <c r="I20067" s="358" t="s">
        <v>14431</v>
      </c>
      <c r="J20067" s="358"/>
      <c r="K20067" s="358"/>
      <c r="L20067" s="358"/>
    </row>
    <row r="20068" spans="2:12">
      <c r="B20068" s="367"/>
      <c r="C20068" s="360"/>
      <c r="D20068" s="367"/>
      <c r="E20068" s="367"/>
      <c r="F20068" s="367"/>
      <c r="G20068" s="367"/>
      <c r="H20068" s="360"/>
      <c r="I20068" s="367"/>
      <c r="J20068" s="365"/>
      <c r="K20068" s="365"/>
      <c r="L20068" s="365"/>
    </row>
    <row r="20069" spans="2:12" ht="71.25">
      <c r="B20069" s="367"/>
      <c r="C20069" s="359" t="s">
        <v>29677</v>
      </c>
      <c r="D20069" s="367"/>
      <c r="E20069" s="367"/>
      <c r="F20069" s="367"/>
      <c r="G20069" s="367"/>
      <c r="H20069" s="359" t="s">
        <v>14332</v>
      </c>
      <c r="I20069" s="367"/>
      <c r="J20069" s="365"/>
      <c r="K20069" s="365"/>
      <c r="L20069" s="365"/>
    </row>
    <row r="20070" spans="2:12">
      <c r="B20070" s="367"/>
      <c r="C20070" s="360"/>
      <c r="D20070" s="367"/>
      <c r="E20070" s="367"/>
      <c r="F20070" s="367"/>
      <c r="G20070" s="367"/>
      <c r="H20070" s="360"/>
      <c r="I20070" s="367"/>
      <c r="J20070" s="365"/>
      <c r="K20070" s="365"/>
      <c r="L20070" s="365"/>
    </row>
    <row r="20071" spans="2:12">
      <c r="B20071" s="367"/>
      <c r="C20071" s="359" t="s">
        <v>29678</v>
      </c>
      <c r="D20071" s="367"/>
      <c r="E20071" s="367"/>
      <c r="F20071" s="367"/>
      <c r="G20071" s="367"/>
      <c r="H20071" s="360"/>
      <c r="I20071" s="367"/>
      <c r="J20071" s="365"/>
      <c r="K20071" s="365"/>
      <c r="L20071" s="365"/>
    </row>
    <row r="20072" spans="2:12">
      <c r="B20072" s="367"/>
      <c r="C20072" s="360"/>
      <c r="D20072" s="367"/>
      <c r="E20072" s="367"/>
      <c r="F20072" s="367"/>
      <c r="G20072" s="367"/>
      <c r="H20072" s="360"/>
      <c r="I20072" s="367"/>
      <c r="J20072" s="365"/>
      <c r="K20072" s="365"/>
      <c r="L20072" s="365"/>
    </row>
    <row r="20073" spans="2:12" ht="71.25">
      <c r="B20073" s="367"/>
      <c r="C20073" s="359" t="s">
        <v>29679</v>
      </c>
      <c r="D20073" s="367"/>
      <c r="E20073" s="367"/>
      <c r="F20073" s="367"/>
      <c r="G20073" s="367"/>
      <c r="H20073" s="360"/>
      <c r="I20073" s="367"/>
      <c r="J20073" s="365"/>
      <c r="K20073" s="365"/>
      <c r="L20073" s="365"/>
    </row>
    <row r="20074" spans="2:12">
      <c r="B20074" s="367"/>
      <c r="C20074" s="360"/>
      <c r="D20074" s="367"/>
      <c r="E20074" s="367"/>
      <c r="F20074" s="367"/>
      <c r="G20074" s="367"/>
      <c r="H20074" s="360"/>
      <c r="I20074" s="367"/>
      <c r="J20074" s="365"/>
      <c r="K20074" s="365"/>
      <c r="L20074" s="365"/>
    </row>
    <row r="20075" spans="2:12" ht="42.75">
      <c r="B20075" s="367"/>
      <c r="C20075" s="359" t="s">
        <v>29680</v>
      </c>
      <c r="D20075" s="367"/>
      <c r="E20075" s="367"/>
      <c r="F20075" s="367"/>
      <c r="G20075" s="367"/>
      <c r="H20075" s="360"/>
      <c r="I20075" s="367"/>
      <c r="J20075" s="365"/>
      <c r="K20075" s="365"/>
      <c r="L20075" s="365"/>
    </row>
    <row r="20076" spans="2:12">
      <c r="B20076" s="367"/>
      <c r="C20076" s="360"/>
      <c r="D20076" s="367"/>
      <c r="E20076" s="367"/>
      <c r="F20076" s="367"/>
      <c r="G20076" s="367"/>
      <c r="H20076" s="360"/>
      <c r="I20076" s="367"/>
      <c r="J20076" s="365"/>
      <c r="K20076" s="365"/>
      <c r="L20076" s="365"/>
    </row>
    <row r="20077" spans="2:12" ht="42.75">
      <c r="B20077" s="368"/>
      <c r="C20077" s="361" t="s">
        <v>29681</v>
      </c>
      <c r="D20077" s="368"/>
      <c r="E20077" s="368"/>
      <c r="F20077" s="368"/>
      <c r="G20077" s="368"/>
      <c r="H20077" s="362"/>
      <c r="I20077" s="368"/>
      <c r="J20077" s="366"/>
      <c r="K20077" s="366"/>
      <c r="L20077" s="366"/>
    </row>
    <row r="20078" spans="2:12">
      <c r="B20078" s="358" t="s">
        <v>24824</v>
      </c>
      <c r="C20078" s="358" t="s">
        <v>24825</v>
      </c>
      <c r="D20078" s="358" t="s">
        <v>24826</v>
      </c>
      <c r="E20078" s="358" t="s">
        <v>8356</v>
      </c>
      <c r="F20078" s="358" t="s">
        <v>14391</v>
      </c>
      <c r="G20078" s="358" t="s">
        <v>14392</v>
      </c>
      <c r="H20078" s="358" t="s">
        <v>14367</v>
      </c>
      <c r="I20078" s="358" t="s">
        <v>14392</v>
      </c>
      <c r="J20078" s="358"/>
      <c r="K20078" s="358"/>
      <c r="L20078" s="358"/>
    </row>
    <row r="20079" spans="2:12">
      <c r="B20079" s="367"/>
      <c r="C20079" s="367"/>
      <c r="D20079" s="367"/>
      <c r="E20079" s="367"/>
      <c r="F20079" s="360"/>
      <c r="G20079" s="360"/>
      <c r="H20079" s="360"/>
      <c r="I20079" s="360"/>
      <c r="J20079" s="365"/>
      <c r="K20079" s="365"/>
      <c r="L20079" s="365"/>
    </row>
    <row r="20080" spans="2:12" ht="28.5">
      <c r="B20080" s="368"/>
      <c r="C20080" s="368"/>
      <c r="D20080" s="368"/>
      <c r="E20080" s="368"/>
      <c r="F20080" s="361" t="s">
        <v>14462</v>
      </c>
      <c r="G20080" s="361" t="s">
        <v>14463</v>
      </c>
      <c r="H20080" s="361" t="s">
        <v>14422</v>
      </c>
      <c r="I20080" s="361" t="s">
        <v>14463</v>
      </c>
      <c r="J20080" s="366"/>
      <c r="K20080" s="366"/>
      <c r="L20080" s="366"/>
    </row>
    <row r="20081" spans="2:12" ht="57">
      <c r="B20081" s="358" t="s">
        <v>24827</v>
      </c>
      <c r="C20081" s="358" t="s">
        <v>29682</v>
      </c>
      <c r="D20081" s="358" t="s">
        <v>24828</v>
      </c>
      <c r="E20081" s="358" t="s">
        <v>8356</v>
      </c>
      <c r="F20081" s="358" t="s">
        <v>14462</v>
      </c>
      <c r="G20081" s="358" t="s">
        <v>14463</v>
      </c>
      <c r="H20081" s="358" t="s">
        <v>8356</v>
      </c>
      <c r="I20081" s="358" t="s">
        <v>14463</v>
      </c>
      <c r="J20081" s="358"/>
      <c r="K20081" s="358"/>
      <c r="L20081" s="358"/>
    </row>
    <row r="20082" spans="2:12">
      <c r="B20082" s="368"/>
      <c r="C20082" s="368"/>
      <c r="D20082" s="368"/>
      <c r="E20082" s="368"/>
      <c r="F20082" s="368"/>
      <c r="G20082" s="368"/>
      <c r="H20082" s="368"/>
      <c r="I20082" s="368"/>
      <c r="J20082" s="366"/>
      <c r="K20082" s="366"/>
      <c r="L20082" s="366"/>
    </row>
    <row r="20083" spans="2:12" ht="57">
      <c r="B20083" s="358" t="s">
        <v>24829</v>
      </c>
      <c r="C20083" s="358" t="s">
        <v>24830</v>
      </c>
      <c r="D20083" s="358" t="s">
        <v>24831</v>
      </c>
      <c r="E20083" s="358" t="s">
        <v>24832</v>
      </c>
      <c r="F20083" s="358" t="s">
        <v>14430</v>
      </c>
      <c r="G20083" s="358" t="s">
        <v>14431</v>
      </c>
      <c r="H20083" s="358" t="s">
        <v>14341</v>
      </c>
      <c r="I20083" s="358" t="s">
        <v>14431</v>
      </c>
      <c r="J20083" s="358"/>
      <c r="K20083" s="358"/>
      <c r="L20083" s="358"/>
    </row>
    <row r="20084" spans="2:12">
      <c r="B20084" s="367"/>
      <c r="C20084" s="367"/>
      <c r="D20084" s="367"/>
      <c r="E20084" s="367"/>
      <c r="F20084" s="367"/>
      <c r="G20084" s="367"/>
      <c r="H20084" s="360"/>
      <c r="I20084" s="367"/>
      <c r="J20084" s="365"/>
      <c r="K20084" s="365"/>
      <c r="L20084" s="365"/>
    </row>
    <row r="20085" spans="2:12">
      <c r="B20085" s="368"/>
      <c r="C20085" s="368"/>
      <c r="D20085" s="368"/>
      <c r="E20085" s="368"/>
      <c r="F20085" s="368"/>
      <c r="G20085" s="368"/>
      <c r="H20085" s="361" t="s">
        <v>14332</v>
      </c>
      <c r="I20085" s="368"/>
      <c r="J20085" s="366"/>
      <c r="K20085" s="366"/>
      <c r="L20085" s="366"/>
    </row>
    <row r="20086" spans="2:12">
      <c r="B20086" s="358" t="s">
        <v>24833</v>
      </c>
      <c r="C20086" s="358" t="s">
        <v>24834</v>
      </c>
      <c r="D20086" s="358" t="s">
        <v>24835</v>
      </c>
      <c r="E20086" s="358" t="s">
        <v>24836</v>
      </c>
      <c r="F20086" s="358" t="s">
        <v>14371</v>
      </c>
      <c r="G20086" s="358" t="s">
        <v>14372</v>
      </c>
      <c r="H20086" s="358" t="s">
        <v>14370</v>
      </c>
      <c r="I20086" s="358" t="s">
        <v>14373</v>
      </c>
      <c r="J20086" s="358"/>
      <c r="K20086" s="358"/>
      <c r="L20086" s="358"/>
    </row>
    <row r="20087" spans="2:12">
      <c r="B20087" s="367"/>
      <c r="C20087" s="367"/>
      <c r="D20087" s="367"/>
      <c r="E20087" s="367"/>
      <c r="F20087" s="360"/>
      <c r="G20087" s="360"/>
      <c r="H20087" s="360"/>
      <c r="I20087" s="367"/>
      <c r="J20087" s="365"/>
      <c r="K20087" s="365"/>
      <c r="L20087" s="365"/>
    </row>
    <row r="20088" spans="2:12" ht="28.5">
      <c r="B20088" s="368"/>
      <c r="C20088" s="368"/>
      <c r="D20088" s="368"/>
      <c r="E20088" s="368"/>
      <c r="F20088" s="361" t="s">
        <v>14374</v>
      </c>
      <c r="G20088" s="361" t="s">
        <v>14373</v>
      </c>
      <c r="H20088" s="361" t="s">
        <v>14422</v>
      </c>
      <c r="I20088" s="368"/>
      <c r="J20088" s="366"/>
      <c r="K20088" s="366"/>
      <c r="L20088" s="366"/>
    </row>
    <row r="20089" spans="2:12">
      <c r="B20089" s="358" t="s">
        <v>24837</v>
      </c>
      <c r="C20089" s="358" t="s">
        <v>27975</v>
      </c>
      <c r="D20089" s="358" t="s">
        <v>24838</v>
      </c>
      <c r="E20089" s="358" t="s">
        <v>24839</v>
      </c>
      <c r="F20089" s="358" t="s">
        <v>14420</v>
      </c>
      <c r="G20089" s="358" t="s">
        <v>14429</v>
      </c>
      <c r="H20089" s="358" t="s">
        <v>14341</v>
      </c>
      <c r="I20089" s="358" t="s">
        <v>14429</v>
      </c>
      <c r="J20089" s="358"/>
      <c r="K20089" s="358"/>
      <c r="L20089" s="358"/>
    </row>
    <row r="20090" spans="2:12">
      <c r="B20090" s="367"/>
      <c r="C20090" s="367"/>
      <c r="D20090" s="367"/>
      <c r="E20090" s="367"/>
      <c r="F20090" s="360"/>
      <c r="G20090" s="360"/>
      <c r="H20090" s="360"/>
      <c r="I20090" s="360"/>
      <c r="J20090" s="365"/>
      <c r="K20090" s="365"/>
      <c r="L20090" s="365"/>
    </row>
    <row r="20091" spans="2:12">
      <c r="B20091" s="367"/>
      <c r="C20091" s="367"/>
      <c r="D20091" s="367"/>
      <c r="E20091" s="367"/>
      <c r="F20091" s="359" t="s">
        <v>14430</v>
      </c>
      <c r="G20091" s="359" t="s">
        <v>14431</v>
      </c>
      <c r="H20091" s="359" t="s">
        <v>14367</v>
      </c>
      <c r="I20091" s="359" t="s">
        <v>14431</v>
      </c>
      <c r="J20091" s="365"/>
      <c r="K20091" s="365"/>
      <c r="L20091" s="365"/>
    </row>
    <row r="20092" spans="2:12">
      <c r="B20092" s="367"/>
      <c r="C20092" s="367"/>
      <c r="D20092" s="367"/>
      <c r="E20092" s="367"/>
      <c r="F20092" s="360"/>
      <c r="G20092" s="360"/>
      <c r="H20092" s="360"/>
      <c r="I20092" s="360"/>
      <c r="J20092" s="365"/>
      <c r="K20092" s="365"/>
      <c r="L20092" s="365"/>
    </row>
    <row r="20093" spans="2:12">
      <c r="B20093" s="368"/>
      <c r="C20093" s="368"/>
      <c r="D20093" s="368"/>
      <c r="E20093" s="368"/>
      <c r="F20093" s="362"/>
      <c r="G20093" s="362"/>
      <c r="H20093" s="361" t="s">
        <v>14332</v>
      </c>
      <c r="I20093" s="362"/>
      <c r="J20093" s="366"/>
      <c r="K20093" s="366"/>
      <c r="L20093" s="366"/>
    </row>
    <row r="20094" spans="2:12" ht="28.5">
      <c r="B20094" s="358" t="s">
        <v>24840</v>
      </c>
      <c r="C20094" s="358" t="s">
        <v>27976</v>
      </c>
      <c r="D20094" s="358" t="s">
        <v>24841</v>
      </c>
      <c r="E20094" s="358" t="s">
        <v>24842</v>
      </c>
      <c r="F20094" s="358" t="s">
        <v>14462</v>
      </c>
      <c r="G20094" s="358" t="s">
        <v>14463</v>
      </c>
      <c r="H20094" s="358" t="s">
        <v>8356</v>
      </c>
      <c r="I20094" s="358" t="s">
        <v>14463</v>
      </c>
      <c r="J20094" s="358"/>
      <c r="K20094" s="358"/>
      <c r="L20094" s="358"/>
    </row>
    <row r="20095" spans="2:12">
      <c r="B20095" s="368"/>
      <c r="C20095" s="368"/>
      <c r="D20095" s="368"/>
      <c r="E20095" s="368"/>
      <c r="F20095" s="368"/>
      <c r="G20095" s="368"/>
      <c r="H20095" s="368"/>
      <c r="I20095" s="368"/>
      <c r="J20095" s="366"/>
      <c r="K20095" s="366"/>
      <c r="L20095" s="366"/>
    </row>
    <row r="20096" spans="2:12" ht="28.5">
      <c r="B20096" s="358" t="s">
        <v>24843</v>
      </c>
      <c r="C20096" s="358" t="s">
        <v>27977</v>
      </c>
      <c r="D20096" s="358" t="s">
        <v>24844</v>
      </c>
      <c r="E20096" s="358" t="s">
        <v>24845</v>
      </c>
      <c r="F20096" s="358" t="s">
        <v>14420</v>
      </c>
      <c r="G20096" s="358" t="s">
        <v>14429</v>
      </c>
      <c r="H20096" s="358" t="s">
        <v>14367</v>
      </c>
      <c r="I20096" s="358" t="s">
        <v>14429</v>
      </c>
      <c r="J20096" s="358"/>
      <c r="K20096" s="358"/>
      <c r="L20096" s="358"/>
    </row>
    <row r="20097" spans="2:12">
      <c r="B20097" s="367"/>
      <c r="C20097" s="367"/>
      <c r="D20097" s="367"/>
      <c r="E20097" s="367"/>
      <c r="F20097" s="360"/>
      <c r="G20097" s="360"/>
      <c r="H20097" s="360"/>
      <c r="I20097" s="360"/>
      <c r="J20097" s="365"/>
      <c r="K20097" s="365"/>
      <c r="L20097" s="365"/>
    </row>
    <row r="20098" spans="2:12">
      <c r="B20098" s="367"/>
      <c r="C20098" s="367"/>
      <c r="D20098" s="367"/>
      <c r="E20098" s="367"/>
      <c r="F20098" s="359" t="s">
        <v>14391</v>
      </c>
      <c r="G20098" s="359" t="s">
        <v>14392</v>
      </c>
      <c r="H20098" s="359" t="s">
        <v>14370</v>
      </c>
      <c r="I20098" s="359" t="s">
        <v>14392</v>
      </c>
      <c r="J20098" s="365"/>
      <c r="K20098" s="365"/>
      <c r="L20098" s="365"/>
    </row>
    <row r="20099" spans="2:12">
      <c r="B20099" s="367"/>
      <c r="C20099" s="367"/>
      <c r="D20099" s="367"/>
      <c r="E20099" s="367"/>
      <c r="F20099" s="360"/>
      <c r="G20099" s="360"/>
      <c r="H20099" s="360"/>
      <c r="I20099" s="360"/>
      <c r="J20099" s="365"/>
      <c r="K20099" s="365"/>
      <c r="L20099" s="365"/>
    </row>
    <row r="20100" spans="2:12" ht="28.5">
      <c r="B20100" s="368"/>
      <c r="C20100" s="368"/>
      <c r="D20100" s="368"/>
      <c r="E20100" s="368"/>
      <c r="F20100" s="361" t="s">
        <v>14394</v>
      </c>
      <c r="G20100" s="361" t="s">
        <v>14395</v>
      </c>
      <c r="H20100" s="361" t="s">
        <v>14422</v>
      </c>
      <c r="I20100" s="361" t="s">
        <v>14395</v>
      </c>
      <c r="J20100" s="366"/>
      <c r="K20100" s="366"/>
      <c r="L20100" s="366"/>
    </row>
    <row r="20101" spans="2:12">
      <c r="B20101" s="358" t="s">
        <v>24846</v>
      </c>
      <c r="C20101" s="358" t="s">
        <v>24847</v>
      </c>
      <c r="D20101" s="358" t="s">
        <v>8356</v>
      </c>
      <c r="E20101" s="358" t="s">
        <v>1698</v>
      </c>
      <c r="F20101" s="358" t="s">
        <v>14420</v>
      </c>
      <c r="G20101" s="358" t="s">
        <v>14429</v>
      </c>
      <c r="H20101" s="358" t="s">
        <v>14367</v>
      </c>
      <c r="I20101" s="358" t="s">
        <v>14429</v>
      </c>
      <c r="J20101" s="358"/>
      <c r="K20101" s="358" t="s">
        <v>14820</v>
      </c>
      <c r="L20101" s="358"/>
    </row>
    <row r="20102" spans="2:12">
      <c r="B20102" s="367"/>
      <c r="C20102" s="360"/>
      <c r="D20102" s="367"/>
      <c r="E20102" s="367"/>
      <c r="F20102" s="360"/>
      <c r="G20102" s="360"/>
      <c r="H20102" s="360"/>
      <c r="I20102" s="360"/>
      <c r="J20102" s="365"/>
      <c r="K20102" s="367"/>
      <c r="L20102" s="365"/>
    </row>
    <row r="20103" spans="2:12" ht="28.5">
      <c r="B20103" s="367"/>
      <c r="C20103" s="359" t="s">
        <v>24848</v>
      </c>
      <c r="D20103" s="367"/>
      <c r="E20103" s="367"/>
      <c r="F20103" s="359" t="s">
        <v>14371</v>
      </c>
      <c r="G20103" s="359" t="s">
        <v>14372</v>
      </c>
      <c r="H20103" s="359" t="s">
        <v>14370</v>
      </c>
      <c r="I20103" s="359" t="s">
        <v>14373</v>
      </c>
      <c r="J20103" s="365"/>
      <c r="K20103" s="367"/>
      <c r="L20103" s="365"/>
    </row>
    <row r="20104" spans="2:12">
      <c r="B20104" s="367"/>
      <c r="C20104" s="360"/>
      <c r="D20104" s="367"/>
      <c r="E20104" s="367"/>
      <c r="F20104" s="360"/>
      <c r="G20104" s="360"/>
      <c r="H20104" s="360"/>
      <c r="I20104" s="360"/>
      <c r="J20104" s="365"/>
      <c r="K20104" s="367"/>
      <c r="L20104" s="365"/>
    </row>
    <row r="20105" spans="2:12" ht="28.5">
      <c r="B20105" s="368"/>
      <c r="C20105" s="362"/>
      <c r="D20105" s="368"/>
      <c r="E20105" s="368"/>
      <c r="F20105" s="361" t="s">
        <v>14374</v>
      </c>
      <c r="G20105" s="361" t="s">
        <v>14373</v>
      </c>
      <c r="H20105" s="361" t="s">
        <v>14422</v>
      </c>
      <c r="I20105" s="362"/>
      <c r="J20105" s="366"/>
      <c r="K20105" s="368"/>
      <c r="L20105" s="366"/>
    </row>
    <row r="20106" spans="2:12">
      <c r="B20106" s="358" t="s">
        <v>24849</v>
      </c>
      <c r="C20106" s="358" t="s">
        <v>24850</v>
      </c>
      <c r="D20106" s="358" t="s">
        <v>24851</v>
      </c>
      <c r="E20106" s="358" t="s">
        <v>24852</v>
      </c>
      <c r="F20106" s="358" t="s">
        <v>14420</v>
      </c>
      <c r="G20106" s="358" t="s">
        <v>14429</v>
      </c>
      <c r="H20106" s="358" t="s">
        <v>14381</v>
      </c>
      <c r="I20106" s="358" t="s">
        <v>14429</v>
      </c>
      <c r="J20106" s="358"/>
      <c r="K20106" s="358"/>
      <c r="L20106" s="358"/>
    </row>
    <row r="20107" spans="2:12">
      <c r="B20107" s="367"/>
      <c r="C20107" s="367"/>
      <c r="D20107" s="367"/>
      <c r="E20107" s="367"/>
      <c r="F20107" s="360"/>
      <c r="G20107" s="360"/>
      <c r="H20107" s="360"/>
      <c r="I20107" s="360"/>
      <c r="J20107" s="365"/>
      <c r="K20107" s="365"/>
      <c r="L20107" s="365"/>
    </row>
    <row r="20108" spans="2:12">
      <c r="B20108" s="367"/>
      <c r="C20108" s="367"/>
      <c r="D20108" s="367"/>
      <c r="E20108" s="367"/>
      <c r="F20108" s="359" t="s">
        <v>14460</v>
      </c>
      <c r="G20108" s="359" t="s">
        <v>14461</v>
      </c>
      <c r="H20108" s="359" t="s">
        <v>14367</v>
      </c>
      <c r="I20108" s="359" t="s">
        <v>14461</v>
      </c>
      <c r="J20108" s="365"/>
      <c r="K20108" s="365"/>
      <c r="L20108" s="365"/>
    </row>
    <row r="20109" spans="2:12">
      <c r="B20109" s="367"/>
      <c r="C20109" s="367"/>
      <c r="D20109" s="367"/>
      <c r="E20109" s="367"/>
      <c r="F20109" s="360"/>
      <c r="G20109" s="360"/>
      <c r="H20109" s="360"/>
      <c r="I20109" s="360"/>
      <c r="J20109" s="365"/>
      <c r="K20109" s="365"/>
      <c r="L20109" s="365"/>
    </row>
    <row r="20110" spans="2:12">
      <c r="B20110" s="367"/>
      <c r="C20110" s="367"/>
      <c r="D20110" s="367"/>
      <c r="E20110" s="367"/>
      <c r="F20110" s="359" t="s">
        <v>14371</v>
      </c>
      <c r="G20110" s="359" t="s">
        <v>14372</v>
      </c>
      <c r="H20110" s="359" t="s">
        <v>14370</v>
      </c>
      <c r="I20110" s="359" t="s">
        <v>14373</v>
      </c>
      <c r="J20110" s="365"/>
      <c r="K20110" s="365"/>
      <c r="L20110" s="365"/>
    </row>
    <row r="20111" spans="2:12">
      <c r="B20111" s="367"/>
      <c r="C20111" s="367"/>
      <c r="D20111" s="367"/>
      <c r="E20111" s="367"/>
      <c r="F20111" s="360"/>
      <c r="G20111" s="360"/>
      <c r="H20111" s="360"/>
      <c r="I20111" s="360"/>
      <c r="J20111" s="365"/>
      <c r="K20111" s="365"/>
      <c r="L20111" s="365"/>
    </row>
    <row r="20112" spans="2:12" ht="28.5">
      <c r="B20112" s="368"/>
      <c r="C20112" s="368"/>
      <c r="D20112" s="368"/>
      <c r="E20112" s="368"/>
      <c r="F20112" s="361" t="s">
        <v>14374</v>
      </c>
      <c r="G20112" s="361" t="s">
        <v>14373</v>
      </c>
      <c r="H20112" s="361" t="s">
        <v>14422</v>
      </c>
      <c r="I20112" s="362"/>
      <c r="J20112" s="366"/>
      <c r="K20112" s="366"/>
      <c r="L20112" s="366"/>
    </row>
    <row r="20113" spans="2:12">
      <c r="B20113" s="358" t="s">
        <v>24853</v>
      </c>
      <c r="C20113" s="358" t="s">
        <v>24854</v>
      </c>
      <c r="D20113" s="358" t="s">
        <v>24855</v>
      </c>
      <c r="E20113" s="358" t="s">
        <v>24856</v>
      </c>
      <c r="F20113" s="358" t="s">
        <v>14420</v>
      </c>
      <c r="G20113" s="358" t="s">
        <v>14421</v>
      </c>
      <c r="H20113" s="358" t="s">
        <v>14341</v>
      </c>
      <c r="I20113" s="358" t="s">
        <v>14421</v>
      </c>
      <c r="J20113" s="358"/>
      <c r="K20113" s="358"/>
      <c r="L20113" s="358"/>
    </row>
    <row r="20114" spans="2:12">
      <c r="B20114" s="367"/>
      <c r="C20114" s="367"/>
      <c r="D20114" s="367"/>
      <c r="E20114" s="367"/>
      <c r="F20114" s="360"/>
      <c r="G20114" s="360"/>
      <c r="H20114" s="360"/>
      <c r="I20114" s="360"/>
      <c r="J20114" s="365"/>
      <c r="K20114" s="365"/>
      <c r="L20114" s="365"/>
    </row>
    <row r="20115" spans="2:12">
      <c r="B20115" s="367"/>
      <c r="C20115" s="367"/>
      <c r="D20115" s="367"/>
      <c r="E20115" s="367"/>
      <c r="F20115" s="359" t="s">
        <v>14420</v>
      </c>
      <c r="G20115" s="359" t="s">
        <v>14429</v>
      </c>
      <c r="H20115" s="359" t="s">
        <v>14367</v>
      </c>
      <c r="I20115" s="359" t="s">
        <v>14429</v>
      </c>
      <c r="J20115" s="365"/>
      <c r="K20115" s="365"/>
      <c r="L20115" s="365"/>
    </row>
    <row r="20116" spans="2:12">
      <c r="B20116" s="367"/>
      <c r="C20116" s="367"/>
      <c r="D20116" s="367"/>
      <c r="E20116" s="367"/>
      <c r="F20116" s="360"/>
      <c r="G20116" s="360"/>
      <c r="H20116" s="360"/>
      <c r="I20116" s="360"/>
      <c r="J20116" s="365"/>
      <c r="K20116" s="365"/>
      <c r="L20116" s="365"/>
    </row>
    <row r="20117" spans="2:12">
      <c r="B20117" s="367"/>
      <c r="C20117" s="367"/>
      <c r="D20117" s="367"/>
      <c r="E20117" s="367"/>
      <c r="F20117" s="359" t="s">
        <v>14389</v>
      </c>
      <c r="G20117" s="359" t="s">
        <v>14390</v>
      </c>
      <c r="H20117" s="359" t="s">
        <v>14332</v>
      </c>
      <c r="I20117" s="359" t="s">
        <v>14390</v>
      </c>
      <c r="J20117" s="365"/>
      <c r="K20117" s="365"/>
      <c r="L20117" s="365"/>
    </row>
    <row r="20118" spans="2:12">
      <c r="B20118" s="367"/>
      <c r="C20118" s="367"/>
      <c r="D20118" s="367"/>
      <c r="E20118" s="367"/>
      <c r="F20118" s="360"/>
      <c r="G20118" s="360"/>
      <c r="H20118" s="360"/>
      <c r="I20118" s="360"/>
      <c r="J20118" s="365"/>
      <c r="K20118" s="365"/>
      <c r="L20118" s="365"/>
    </row>
    <row r="20119" spans="2:12">
      <c r="B20119" s="367"/>
      <c r="C20119" s="367"/>
      <c r="D20119" s="367"/>
      <c r="E20119" s="367"/>
      <c r="F20119" s="359" t="s">
        <v>14430</v>
      </c>
      <c r="G20119" s="359" t="s">
        <v>14431</v>
      </c>
      <c r="H20119" s="360"/>
      <c r="I20119" s="359" t="s">
        <v>14431</v>
      </c>
      <c r="J20119" s="365"/>
      <c r="K20119" s="365"/>
      <c r="L20119" s="365"/>
    </row>
    <row r="20120" spans="2:12">
      <c r="B20120" s="367"/>
      <c r="C20120" s="367"/>
      <c r="D20120" s="367"/>
      <c r="E20120" s="367"/>
      <c r="F20120" s="360"/>
      <c r="G20120" s="360"/>
      <c r="H20120" s="360"/>
      <c r="I20120" s="360"/>
      <c r="J20120" s="365"/>
      <c r="K20120" s="365"/>
      <c r="L20120" s="365"/>
    </row>
    <row r="20121" spans="2:12" ht="28.5">
      <c r="B20121" s="368"/>
      <c r="C20121" s="368"/>
      <c r="D20121" s="368"/>
      <c r="E20121" s="368"/>
      <c r="F20121" s="361" t="s">
        <v>14472</v>
      </c>
      <c r="G20121" s="361" t="s">
        <v>14473</v>
      </c>
      <c r="H20121" s="362"/>
      <c r="I20121" s="361" t="s">
        <v>14473</v>
      </c>
      <c r="J20121" s="366"/>
      <c r="K20121" s="366"/>
      <c r="L20121" s="366"/>
    </row>
    <row r="20122" spans="2:12" ht="28.5">
      <c r="B20122" s="358" t="s">
        <v>24857</v>
      </c>
      <c r="C20122" s="358" t="s">
        <v>27978</v>
      </c>
      <c r="D20122" s="358" t="s">
        <v>24858</v>
      </c>
      <c r="E20122" s="358" t="s">
        <v>24859</v>
      </c>
      <c r="F20122" s="358" t="s">
        <v>14420</v>
      </c>
      <c r="G20122" s="358" t="s">
        <v>14429</v>
      </c>
      <c r="H20122" s="358" t="s">
        <v>14367</v>
      </c>
      <c r="I20122" s="358" t="s">
        <v>14429</v>
      </c>
      <c r="J20122" s="358"/>
      <c r="K20122" s="358"/>
      <c r="L20122" s="358"/>
    </row>
    <row r="20123" spans="2:12">
      <c r="B20123" s="367"/>
      <c r="C20123" s="367"/>
      <c r="D20123" s="367"/>
      <c r="E20123" s="367"/>
      <c r="F20123" s="360"/>
      <c r="G20123" s="360"/>
      <c r="H20123" s="360"/>
      <c r="I20123" s="360"/>
      <c r="J20123" s="365"/>
      <c r="K20123" s="365"/>
      <c r="L20123" s="365"/>
    </row>
    <row r="20124" spans="2:12">
      <c r="B20124" s="367"/>
      <c r="C20124" s="367"/>
      <c r="D20124" s="367"/>
      <c r="E20124" s="367"/>
      <c r="F20124" s="359" t="s">
        <v>14391</v>
      </c>
      <c r="G20124" s="359" t="s">
        <v>14392</v>
      </c>
      <c r="H20124" s="359" t="s">
        <v>14370</v>
      </c>
      <c r="I20124" s="359" t="s">
        <v>14392</v>
      </c>
      <c r="J20124" s="365"/>
      <c r="K20124" s="365"/>
      <c r="L20124" s="365"/>
    </row>
    <row r="20125" spans="2:12">
      <c r="B20125" s="367"/>
      <c r="C20125" s="367"/>
      <c r="D20125" s="367"/>
      <c r="E20125" s="367"/>
      <c r="F20125" s="360"/>
      <c r="G20125" s="360"/>
      <c r="H20125" s="360"/>
      <c r="I20125" s="360"/>
      <c r="J20125" s="365"/>
      <c r="K20125" s="365"/>
      <c r="L20125" s="365"/>
    </row>
    <row r="20126" spans="2:12">
      <c r="B20126" s="367"/>
      <c r="C20126" s="367"/>
      <c r="D20126" s="367"/>
      <c r="E20126" s="367"/>
      <c r="F20126" s="359" t="s">
        <v>14371</v>
      </c>
      <c r="G20126" s="359" t="s">
        <v>14372</v>
      </c>
      <c r="H20126" s="359" t="s">
        <v>14422</v>
      </c>
      <c r="I20126" s="359" t="s">
        <v>14373</v>
      </c>
      <c r="J20126" s="365"/>
      <c r="K20126" s="365"/>
      <c r="L20126" s="365"/>
    </row>
    <row r="20127" spans="2:12">
      <c r="B20127" s="367"/>
      <c r="C20127" s="367"/>
      <c r="D20127" s="367"/>
      <c r="E20127" s="367"/>
      <c r="F20127" s="360"/>
      <c r="G20127" s="360"/>
      <c r="H20127" s="360"/>
      <c r="I20127" s="360"/>
      <c r="J20127" s="365"/>
      <c r="K20127" s="365"/>
      <c r="L20127" s="365"/>
    </row>
    <row r="20128" spans="2:12" ht="28.5">
      <c r="B20128" s="368"/>
      <c r="C20128" s="368"/>
      <c r="D20128" s="368"/>
      <c r="E20128" s="368"/>
      <c r="F20128" s="361" t="s">
        <v>14374</v>
      </c>
      <c r="G20128" s="361" t="s">
        <v>14373</v>
      </c>
      <c r="H20128" s="362"/>
      <c r="I20128" s="362"/>
      <c r="J20128" s="366"/>
      <c r="K20128" s="366"/>
      <c r="L20128" s="366"/>
    </row>
    <row r="20129" spans="2:12">
      <c r="B20129" s="358" t="s">
        <v>24860</v>
      </c>
      <c r="C20129" s="358" t="s">
        <v>24861</v>
      </c>
      <c r="D20129" s="358" t="s">
        <v>24862</v>
      </c>
      <c r="E20129" s="358" t="s">
        <v>24863</v>
      </c>
      <c r="F20129" s="358" t="s">
        <v>14420</v>
      </c>
      <c r="G20129" s="358" t="s">
        <v>14429</v>
      </c>
      <c r="H20129" s="358" t="s">
        <v>14367</v>
      </c>
      <c r="I20129" s="358" t="s">
        <v>14429</v>
      </c>
      <c r="J20129" s="358"/>
      <c r="K20129" s="358"/>
      <c r="L20129" s="358"/>
    </row>
    <row r="20130" spans="2:12">
      <c r="B20130" s="367"/>
      <c r="C20130" s="367"/>
      <c r="D20130" s="367"/>
      <c r="E20130" s="367"/>
      <c r="F20130" s="360"/>
      <c r="G20130" s="360"/>
      <c r="H20130" s="360"/>
      <c r="I20130" s="360"/>
      <c r="J20130" s="365"/>
      <c r="K20130" s="365"/>
      <c r="L20130" s="365"/>
    </row>
    <row r="20131" spans="2:12">
      <c r="B20131" s="367"/>
      <c r="C20131" s="367"/>
      <c r="D20131" s="367"/>
      <c r="E20131" s="367"/>
      <c r="F20131" s="359" t="s">
        <v>14386</v>
      </c>
      <c r="G20131" s="359" t="s">
        <v>14387</v>
      </c>
      <c r="H20131" s="359" t="s">
        <v>14422</v>
      </c>
      <c r="I20131" s="359" t="s">
        <v>14387</v>
      </c>
      <c r="J20131" s="365"/>
      <c r="K20131" s="365"/>
      <c r="L20131" s="365"/>
    </row>
    <row r="20132" spans="2:12">
      <c r="B20132" s="367"/>
      <c r="C20132" s="367"/>
      <c r="D20132" s="367"/>
      <c r="E20132" s="367"/>
      <c r="F20132" s="360"/>
      <c r="G20132" s="360"/>
      <c r="H20132" s="360"/>
      <c r="I20132" s="360"/>
      <c r="J20132" s="365"/>
      <c r="K20132" s="365"/>
      <c r="L20132" s="365"/>
    </row>
    <row r="20133" spans="2:12">
      <c r="B20133" s="367"/>
      <c r="C20133" s="367"/>
      <c r="D20133" s="367"/>
      <c r="E20133" s="367"/>
      <c r="F20133" s="359" t="s">
        <v>14391</v>
      </c>
      <c r="G20133" s="359" t="s">
        <v>14392</v>
      </c>
      <c r="H20133" s="360"/>
      <c r="I20133" s="359" t="s">
        <v>14392</v>
      </c>
      <c r="J20133" s="365"/>
      <c r="K20133" s="365"/>
      <c r="L20133" s="365"/>
    </row>
    <row r="20134" spans="2:12">
      <c r="B20134" s="367"/>
      <c r="C20134" s="367"/>
      <c r="D20134" s="367"/>
      <c r="E20134" s="367"/>
      <c r="F20134" s="360"/>
      <c r="G20134" s="360"/>
      <c r="H20134" s="360"/>
      <c r="I20134" s="360"/>
      <c r="J20134" s="365"/>
      <c r="K20134" s="365"/>
      <c r="L20134" s="365"/>
    </row>
    <row r="20135" spans="2:12" ht="28.5">
      <c r="B20135" s="368"/>
      <c r="C20135" s="368"/>
      <c r="D20135" s="368"/>
      <c r="E20135" s="368"/>
      <c r="F20135" s="361" t="s">
        <v>14472</v>
      </c>
      <c r="G20135" s="361" t="s">
        <v>14473</v>
      </c>
      <c r="H20135" s="362"/>
      <c r="I20135" s="361" t="s">
        <v>14473</v>
      </c>
      <c r="J20135" s="366"/>
      <c r="K20135" s="366"/>
      <c r="L20135" s="366"/>
    </row>
    <row r="20136" spans="2:12" ht="28.5">
      <c r="B20136" s="358" t="s">
        <v>24864</v>
      </c>
      <c r="C20136" s="358" t="s">
        <v>24865</v>
      </c>
      <c r="D20136" s="358" t="s">
        <v>24866</v>
      </c>
      <c r="E20136" s="358" t="s">
        <v>8356</v>
      </c>
      <c r="F20136" s="358" t="s">
        <v>14420</v>
      </c>
      <c r="G20136" s="358" t="s">
        <v>14429</v>
      </c>
      <c r="H20136" s="358" t="s">
        <v>14341</v>
      </c>
      <c r="I20136" s="358" t="s">
        <v>14429</v>
      </c>
      <c r="J20136" s="358"/>
      <c r="K20136" s="358"/>
      <c r="L20136" s="358"/>
    </row>
    <row r="20137" spans="2:12">
      <c r="B20137" s="367"/>
      <c r="C20137" s="367"/>
      <c r="D20137" s="367"/>
      <c r="E20137" s="367"/>
      <c r="F20137" s="360"/>
      <c r="G20137" s="360"/>
      <c r="H20137" s="360"/>
      <c r="I20137" s="360"/>
      <c r="J20137" s="365"/>
      <c r="K20137" s="365"/>
      <c r="L20137" s="365"/>
    </row>
    <row r="20138" spans="2:12">
      <c r="B20138" s="367"/>
      <c r="C20138" s="367"/>
      <c r="D20138" s="367"/>
      <c r="E20138" s="367"/>
      <c r="F20138" s="359" t="s">
        <v>14430</v>
      </c>
      <c r="G20138" s="359" t="s">
        <v>14431</v>
      </c>
      <c r="H20138" s="359" t="s">
        <v>14367</v>
      </c>
      <c r="I20138" s="359" t="s">
        <v>14431</v>
      </c>
      <c r="J20138" s="365"/>
      <c r="K20138" s="365"/>
      <c r="L20138" s="365"/>
    </row>
    <row r="20139" spans="2:12">
      <c r="B20139" s="367"/>
      <c r="C20139" s="367"/>
      <c r="D20139" s="367"/>
      <c r="E20139" s="367"/>
      <c r="F20139" s="360"/>
      <c r="G20139" s="360"/>
      <c r="H20139" s="360"/>
      <c r="I20139" s="360"/>
      <c r="J20139" s="365"/>
      <c r="K20139" s="365"/>
      <c r="L20139" s="365"/>
    </row>
    <row r="20140" spans="2:12">
      <c r="B20140" s="367"/>
      <c r="C20140" s="367"/>
      <c r="D20140" s="367"/>
      <c r="E20140" s="367"/>
      <c r="F20140" s="359" t="s">
        <v>14391</v>
      </c>
      <c r="G20140" s="359" t="s">
        <v>14392</v>
      </c>
      <c r="H20140" s="359" t="s">
        <v>14332</v>
      </c>
      <c r="I20140" s="359" t="s">
        <v>14392</v>
      </c>
      <c r="J20140" s="365"/>
      <c r="K20140" s="365"/>
      <c r="L20140" s="365"/>
    </row>
    <row r="20141" spans="2:12">
      <c r="B20141" s="367"/>
      <c r="C20141" s="367"/>
      <c r="D20141" s="367"/>
      <c r="E20141" s="367"/>
      <c r="F20141" s="360"/>
      <c r="G20141" s="360"/>
      <c r="H20141" s="360"/>
      <c r="I20141" s="360"/>
      <c r="J20141" s="365"/>
      <c r="K20141" s="365"/>
      <c r="L20141" s="365"/>
    </row>
    <row r="20142" spans="2:12" ht="28.5">
      <c r="B20142" s="368"/>
      <c r="C20142" s="368"/>
      <c r="D20142" s="368"/>
      <c r="E20142" s="368"/>
      <c r="F20142" s="361" t="s">
        <v>14472</v>
      </c>
      <c r="G20142" s="361" t="s">
        <v>14473</v>
      </c>
      <c r="H20142" s="362"/>
      <c r="I20142" s="361" t="s">
        <v>14473</v>
      </c>
      <c r="J20142" s="366"/>
      <c r="K20142" s="366"/>
      <c r="L20142" s="366"/>
    </row>
    <row r="20143" spans="2:12" ht="28.5">
      <c r="B20143" s="358" t="s">
        <v>24867</v>
      </c>
      <c r="C20143" s="358" t="s">
        <v>27979</v>
      </c>
      <c r="D20143" s="358" t="s">
        <v>24868</v>
      </c>
      <c r="E20143" s="358" t="s">
        <v>24869</v>
      </c>
      <c r="F20143" s="358" t="s">
        <v>14472</v>
      </c>
      <c r="G20143" s="358" t="s">
        <v>14473</v>
      </c>
      <c r="H20143" s="358" t="s">
        <v>8356</v>
      </c>
      <c r="I20143" s="358" t="s">
        <v>14473</v>
      </c>
      <c r="J20143" s="358"/>
      <c r="K20143" s="358"/>
      <c r="L20143" s="358"/>
    </row>
    <row r="20144" spans="2:12">
      <c r="B20144" s="368"/>
      <c r="C20144" s="368"/>
      <c r="D20144" s="368"/>
      <c r="E20144" s="368"/>
      <c r="F20144" s="368"/>
      <c r="G20144" s="368"/>
      <c r="H20144" s="368"/>
      <c r="I20144" s="368"/>
      <c r="J20144" s="366"/>
      <c r="K20144" s="366"/>
      <c r="L20144" s="366"/>
    </row>
    <row r="20145" spans="2:12">
      <c r="B20145" s="358" t="s">
        <v>24870</v>
      </c>
      <c r="C20145" s="358" t="s">
        <v>24871</v>
      </c>
      <c r="D20145" s="358" t="s">
        <v>24872</v>
      </c>
      <c r="E20145" s="358" t="s">
        <v>24873</v>
      </c>
      <c r="F20145" s="358" t="s">
        <v>14371</v>
      </c>
      <c r="G20145" s="358" t="s">
        <v>14372</v>
      </c>
      <c r="H20145" s="358" t="s">
        <v>14370</v>
      </c>
      <c r="I20145" s="358" t="s">
        <v>14373</v>
      </c>
      <c r="J20145" s="358"/>
      <c r="K20145" s="358"/>
      <c r="L20145" s="358"/>
    </row>
    <row r="20146" spans="2:12">
      <c r="B20146" s="367"/>
      <c r="C20146" s="360"/>
      <c r="D20146" s="367"/>
      <c r="E20146" s="367"/>
      <c r="F20146" s="360"/>
      <c r="G20146" s="360"/>
      <c r="H20146" s="360"/>
      <c r="I20146" s="367"/>
      <c r="J20146" s="365"/>
      <c r="K20146" s="365"/>
      <c r="L20146" s="365"/>
    </row>
    <row r="20147" spans="2:12" ht="28.5">
      <c r="B20147" s="368"/>
      <c r="C20147" s="361" t="s">
        <v>24874</v>
      </c>
      <c r="D20147" s="368"/>
      <c r="E20147" s="368"/>
      <c r="F20147" s="361" t="s">
        <v>14374</v>
      </c>
      <c r="G20147" s="361" t="s">
        <v>14373</v>
      </c>
      <c r="H20147" s="361" t="s">
        <v>14422</v>
      </c>
      <c r="I20147" s="368"/>
      <c r="J20147" s="366"/>
      <c r="K20147" s="366"/>
      <c r="L20147" s="366"/>
    </row>
    <row r="20148" spans="2:12" ht="57">
      <c r="B20148" s="358" t="s">
        <v>24875</v>
      </c>
      <c r="C20148" s="358" t="s">
        <v>29683</v>
      </c>
      <c r="D20148" s="358" t="s">
        <v>24876</v>
      </c>
      <c r="E20148" s="358" t="s">
        <v>8356</v>
      </c>
      <c r="F20148" s="358" t="s">
        <v>14420</v>
      </c>
      <c r="G20148" s="358" t="s">
        <v>14459</v>
      </c>
      <c r="H20148" s="358" t="s">
        <v>14367</v>
      </c>
      <c r="I20148" s="358" t="s">
        <v>14459</v>
      </c>
      <c r="J20148" s="358"/>
      <c r="K20148" s="358"/>
      <c r="L20148" s="358"/>
    </row>
    <row r="20149" spans="2:12">
      <c r="B20149" s="367"/>
      <c r="C20149" s="367"/>
      <c r="D20149" s="367"/>
      <c r="E20149" s="367"/>
      <c r="F20149" s="360"/>
      <c r="G20149" s="360"/>
      <c r="H20149" s="360"/>
      <c r="I20149" s="360"/>
      <c r="J20149" s="365"/>
      <c r="K20149" s="365"/>
      <c r="L20149" s="365"/>
    </row>
    <row r="20150" spans="2:12" ht="28.5">
      <c r="B20150" s="368"/>
      <c r="C20150" s="368"/>
      <c r="D20150" s="368"/>
      <c r="E20150" s="368"/>
      <c r="F20150" s="361" t="s">
        <v>14472</v>
      </c>
      <c r="G20150" s="361" t="s">
        <v>14473</v>
      </c>
      <c r="H20150" s="361" t="s">
        <v>14422</v>
      </c>
      <c r="I20150" s="361" t="s">
        <v>14473</v>
      </c>
      <c r="J20150" s="366"/>
      <c r="K20150" s="366"/>
      <c r="L20150" s="366"/>
    </row>
    <row r="20151" spans="2:12">
      <c r="B20151" s="358" t="s">
        <v>24877</v>
      </c>
      <c r="C20151" s="358" t="s">
        <v>24878</v>
      </c>
      <c r="D20151" s="358" t="s">
        <v>24879</v>
      </c>
      <c r="E20151" s="358" t="s">
        <v>24880</v>
      </c>
      <c r="F20151" s="358" t="s">
        <v>14426</v>
      </c>
      <c r="G20151" s="358" t="s">
        <v>14427</v>
      </c>
      <c r="H20151" s="358" t="s">
        <v>14341</v>
      </c>
      <c r="I20151" s="358" t="s">
        <v>14427</v>
      </c>
      <c r="J20151" s="358"/>
      <c r="K20151" s="358"/>
      <c r="L20151" s="358"/>
    </row>
    <row r="20152" spans="2:12">
      <c r="B20152" s="367"/>
      <c r="C20152" s="360"/>
      <c r="D20152" s="367"/>
      <c r="E20152" s="367"/>
      <c r="F20152" s="360"/>
      <c r="G20152" s="360"/>
      <c r="H20152" s="360"/>
      <c r="I20152" s="360"/>
      <c r="J20152" s="365"/>
      <c r="K20152" s="365"/>
      <c r="L20152" s="365"/>
    </row>
    <row r="20153" spans="2:12">
      <c r="B20153" s="367"/>
      <c r="C20153" s="359" t="s">
        <v>24881</v>
      </c>
      <c r="D20153" s="367"/>
      <c r="E20153" s="367"/>
      <c r="F20153" s="359" t="s">
        <v>14430</v>
      </c>
      <c r="G20153" s="359" t="s">
        <v>14431</v>
      </c>
      <c r="H20153" s="359" t="s">
        <v>14381</v>
      </c>
      <c r="I20153" s="359" t="s">
        <v>14431</v>
      </c>
      <c r="J20153" s="365"/>
      <c r="K20153" s="365"/>
      <c r="L20153" s="365"/>
    </row>
    <row r="20154" spans="2:12">
      <c r="B20154" s="367"/>
      <c r="C20154" s="360"/>
      <c r="D20154" s="367"/>
      <c r="E20154" s="367"/>
      <c r="F20154" s="360"/>
      <c r="G20154" s="360"/>
      <c r="H20154" s="360"/>
      <c r="I20154" s="360"/>
      <c r="J20154" s="365"/>
      <c r="K20154" s="365"/>
      <c r="L20154" s="365"/>
    </row>
    <row r="20155" spans="2:12">
      <c r="B20155" s="367"/>
      <c r="C20155" s="360"/>
      <c r="D20155" s="367"/>
      <c r="E20155" s="367"/>
      <c r="F20155" s="359" t="s">
        <v>14391</v>
      </c>
      <c r="G20155" s="359" t="s">
        <v>14392</v>
      </c>
      <c r="H20155" s="359" t="s">
        <v>14367</v>
      </c>
      <c r="I20155" s="359" t="s">
        <v>14392</v>
      </c>
      <c r="J20155" s="365"/>
      <c r="K20155" s="365"/>
      <c r="L20155" s="365"/>
    </row>
    <row r="20156" spans="2:12">
      <c r="B20156" s="367"/>
      <c r="C20156" s="360"/>
      <c r="D20156" s="367"/>
      <c r="E20156" s="367"/>
      <c r="F20156" s="360"/>
      <c r="G20156" s="360"/>
      <c r="H20156" s="360"/>
      <c r="I20156" s="360"/>
      <c r="J20156" s="365"/>
      <c r="K20156" s="365"/>
      <c r="L20156" s="365"/>
    </row>
    <row r="20157" spans="2:12">
      <c r="B20157" s="368"/>
      <c r="C20157" s="362"/>
      <c r="D20157" s="368"/>
      <c r="E20157" s="368"/>
      <c r="F20157" s="362"/>
      <c r="G20157" s="362"/>
      <c r="H20157" s="361" t="s">
        <v>14332</v>
      </c>
      <c r="I20157" s="362"/>
      <c r="J20157" s="366"/>
      <c r="K20157" s="366"/>
      <c r="L20157" s="366"/>
    </row>
    <row r="20158" spans="2:12" ht="28.5">
      <c r="B20158" s="358" t="s">
        <v>24882</v>
      </c>
      <c r="C20158" s="358" t="s">
        <v>24883</v>
      </c>
      <c r="D20158" s="358" t="s">
        <v>24884</v>
      </c>
      <c r="E20158" s="358" t="s">
        <v>24885</v>
      </c>
      <c r="F20158" s="358" t="s">
        <v>14507</v>
      </c>
      <c r="G20158" s="358" t="s">
        <v>16971</v>
      </c>
      <c r="H20158" s="358" t="s">
        <v>14381</v>
      </c>
      <c r="I20158" s="358" t="s">
        <v>16971</v>
      </c>
      <c r="J20158" s="358"/>
      <c r="K20158" s="358" t="s">
        <v>14863</v>
      </c>
      <c r="L20158" s="358"/>
    </row>
    <row r="20159" spans="2:12">
      <c r="B20159" s="367"/>
      <c r="C20159" s="367"/>
      <c r="D20159" s="367"/>
      <c r="E20159" s="367"/>
      <c r="F20159" s="360"/>
      <c r="G20159" s="360"/>
      <c r="H20159" s="360"/>
      <c r="I20159" s="360"/>
      <c r="J20159" s="365"/>
      <c r="K20159" s="360"/>
      <c r="L20159" s="365"/>
    </row>
    <row r="20160" spans="2:12">
      <c r="B20160" s="367"/>
      <c r="C20160" s="367"/>
      <c r="D20160" s="367"/>
      <c r="E20160" s="367"/>
      <c r="F20160" s="359" t="s">
        <v>15089</v>
      </c>
      <c r="G20160" s="359" t="s">
        <v>14429</v>
      </c>
      <c r="H20160" s="359" t="s">
        <v>14367</v>
      </c>
      <c r="I20160" s="359" t="s">
        <v>14429</v>
      </c>
      <c r="J20160" s="365"/>
      <c r="K20160" s="359" t="s">
        <v>14863</v>
      </c>
      <c r="L20160" s="365"/>
    </row>
    <row r="20161" spans="2:12">
      <c r="B20161" s="367"/>
      <c r="C20161" s="367"/>
      <c r="D20161" s="367"/>
      <c r="E20161" s="367"/>
      <c r="F20161" s="360"/>
      <c r="G20161" s="360"/>
      <c r="H20161" s="360"/>
      <c r="I20161" s="360"/>
      <c r="J20161" s="365"/>
      <c r="K20161" s="360"/>
      <c r="L20161" s="365"/>
    </row>
    <row r="20162" spans="2:12">
      <c r="B20162" s="367"/>
      <c r="C20162" s="367"/>
      <c r="D20162" s="367"/>
      <c r="E20162" s="367"/>
      <c r="F20162" s="359" t="s">
        <v>14371</v>
      </c>
      <c r="G20162" s="359" t="s">
        <v>14372</v>
      </c>
      <c r="H20162" s="359" t="s">
        <v>14370</v>
      </c>
      <c r="I20162" s="359" t="s">
        <v>14373</v>
      </c>
      <c r="J20162" s="365"/>
      <c r="K20162" s="360"/>
      <c r="L20162" s="365"/>
    </row>
    <row r="20163" spans="2:12">
      <c r="B20163" s="367"/>
      <c r="C20163" s="367"/>
      <c r="D20163" s="367"/>
      <c r="E20163" s="367"/>
      <c r="F20163" s="360"/>
      <c r="G20163" s="360"/>
      <c r="H20163" s="360"/>
      <c r="I20163" s="360"/>
      <c r="J20163" s="365"/>
      <c r="K20163" s="360"/>
      <c r="L20163" s="365"/>
    </row>
    <row r="20164" spans="2:12" ht="28.5">
      <c r="B20164" s="368"/>
      <c r="C20164" s="368"/>
      <c r="D20164" s="368"/>
      <c r="E20164" s="368"/>
      <c r="F20164" s="361" t="s">
        <v>14374</v>
      </c>
      <c r="G20164" s="361" t="s">
        <v>14373</v>
      </c>
      <c r="H20164" s="361" t="s">
        <v>14422</v>
      </c>
      <c r="I20164" s="362"/>
      <c r="J20164" s="366"/>
      <c r="K20164" s="362"/>
      <c r="L20164" s="366"/>
    </row>
    <row r="20165" spans="2:12">
      <c r="B20165" s="354" t="s">
        <v>8444</v>
      </c>
      <c r="C20165" s="369"/>
      <c r="D20165" s="369"/>
      <c r="E20165" s="369"/>
      <c r="F20165" s="369"/>
      <c r="G20165" s="369"/>
      <c r="H20165" s="369"/>
      <c r="I20165" s="369"/>
      <c r="J20165" s="369"/>
      <c r="K20165" s="369"/>
      <c r="L20165" s="370"/>
    </row>
    <row r="20166" spans="2:12" ht="42.75">
      <c r="B20166" s="358" t="s">
        <v>24886</v>
      </c>
      <c r="C20166" s="358" t="s">
        <v>24887</v>
      </c>
      <c r="D20166" s="358" t="s">
        <v>8356</v>
      </c>
      <c r="E20166" s="358" t="s">
        <v>24888</v>
      </c>
      <c r="F20166" s="358" t="s">
        <v>14658</v>
      </c>
      <c r="G20166" s="358" t="s">
        <v>14372</v>
      </c>
      <c r="H20166" s="358" t="s">
        <v>14370</v>
      </c>
      <c r="I20166" s="358" t="s">
        <v>14373</v>
      </c>
      <c r="J20166" s="358"/>
      <c r="K20166" s="358" t="s">
        <v>14655</v>
      </c>
      <c r="L20166" s="358"/>
    </row>
    <row r="20167" spans="2:12">
      <c r="B20167" s="367"/>
      <c r="C20167" s="360"/>
      <c r="D20167" s="367"/>
      <c r="E20167" s="367"/>
      <c r="F20167" s="367"/>
      <c r="G20167" s="360"/>
      <c r="H20167" s="360"/>
      <c r="I20167" s="367"/>
      <c r="J20167" s="365"/>
      <c r="K20167" s="360"/>
      <c r="L20167" s="365"/>
    </row>
    <row r="20168" spans="2:12" ht="28.5">
      <c r="B20168" s="367"/>
      <c r="C20168" s="359" t="s">
        <v>24889</v>
      </c>
      <c r="D20168" s="367"/>
      <c r="E20168" s="367"/>
      <c r="F20168" s="367"/>
      <c r="G20168" s="359" t="s">
        <v>14373</v>
      </c>
      <c r="H20168" s="359" t="s">
        <v>14422</v>
      </c>
      <c r="I20168" s="367"/>
      <c r="J20168" s="365"/>
      <c r="K20168" s="359" t="s">
        <v>19144</v>
      </c>
      <c r="L20168" s="365"/>
    </row>
    <row r="20169" spans="2:12">
      <c r="B20169" s="367"/>
      <c r="C20169" s="360"/>
      <c r="D20169" s="367"/>
      <c r="E20169" s="367"/>
      <c r="F20169" s="367"/>
      <c r="G20169" s="360"/>
      <c r="H20169" s="360"/>
      <c r="I20169" s="367"/>
      <c r="J20169" s="365"/>
      <c r="K20169" s="360"/>
      <c r="L20169" s="365"/>
    </row>
    <row r="20170" spans="2:12" ht="28.5">
      <c r="B20170" s="368"/>
      <c r="C20170" s="361" t="s">
        <v>24890</v>
      </c>
      <c r="D20170" s="368"/>
      <c r="E20170" s="368"/>
      <c r="F20170" s="368"/>
      <c r="G20170" s="362"/>
      <c r="H20170" s="362"/>
      <c r="I20170" s="368"/>
      <c r="J20170" s="366"/>
      <c r="K20170" s="362"/>
      <c r="L20170" s="366"/>
    </row>
    <row r="20171" spans="2:12">
      <c r="B20171" s="354" t="s">
        <v>8397</v>
      </c>
      <c r="C20171" s="369"/>
      <c r="D20171" s="369"/>
      <c r="E20171" s="369"/>
      <c r="F20171" s="369"/>
      <c r="G20171" s="369"/>
      <c r="H20171" s="369"/>
      <c r="I20171" s="369"/>
      <c r="J20171" s="369"/>
      <c r="K20171" s="369"/>
      <c r="L20171" s="370"/>
    </row>
    <row r="20172" spans="2:12">
      <c r="B20172" s="358" t="s">
        <v>13628</v>
      </c>
      <c r="C20172" s="358" t="s">
        <v>24891</v>
      </c>
      <c r="D20172" s="358" t="s">
        <v>13629</v>
      </c>
      <c r="E20172" s="358" t="s">
        <v>13630</v>
      </c>
      <c r="F20172" s="358" t="s">
        <v>14424</v>
      </c>
      <c r="G20172" s="358" t="s">
        <v>17083</v>
      </c>
      <c r="H20172" s="358" t="s">
        <v>14381</v>
      </c>
      <c r="I20172" s="358" t="s">
        <v>17083</v>
      </c>
      <c r="J20172" s="358"/>
      <c r="K20172" s="358"/>
      <c r="L20172" s="358"/>
    </row>
    <row r="20173" spans="2:12">
      <c r="B20173" s="367"/>
      <c r="C20173" s="367"/>
      <c r="D20173" s="367"/>
      <c r="E20173" s="367"/>
      <c r="F20173" s="360"/>
      <c r="G20173" s="360"/>
      <c r="H20173" s="360"/>
      <c r="I20173" s="360"/>
      <c r="J20173" s="365"/>
      <c r="K20173" s="365"/>
      <c r="L20173" s="365"/>
    </row>
    <row r="20174" spans="2:12">
      <c r="B20174" s="367"/>
      <c r="C20174" s="367"/>
      <c r="D20174" s="367"/>
      <c r="E20174" s="367"/>
      <c r="F20174" s="359" t="s">
        <v>15089</v>
      </c>
      <c r="G20174" s="359" t="s">
        <v>14429</v>
      </c>
      <c r="H20174" s="359" t="s">
        <v>14367</v>
      </c>
      <c r="I20174" s="359" t="s">
        <v>14429</v>
      </c>
      <c r="J20174" s="365"/>
      <c r="K20174" s="365"/>
      <c r="L20174" s="365"/>
    </row>
    <row r="20175" spans="2:12">
      <c r="B20175" s="367"/>
      <c r="C20175" s="367"/>
      <c r="D20175" s="367"/>
      <c r="E20175" s="367"/>
      <c r="F20175" s="360"/>
      <c r="G20175" s="360"/>
      <c r="H20175" s="360"/>
      <c r="I20175" s="360"/>
      <c r="J20175" s="365"/>
      <c r="K20175" s="365"/>
      <c r="L20175" s="365"/>
    </row>
    <row r="20176" spans="2:12">
      <c r="B20176" s="367"/>
      <c r="C20176" s="367"/>
      <c r="D20176" s="367"/>
      <c r="E20176" s="367"/>
      <c r="F20176" s="359" t="s">
        <v>15892</v>
      </c>
      <c r="G20176" s="359" t="s">
        <v>14340</v>
      </c>
      <c r="H20176" s="359" t="s">
        <v>14341</v>
      </c>
      <c r="I20176" s="359" t="s">
        <v>14340</v>
      </c>
      <c r="J20176" s="365"/>
      <c r="K20176" s="365"/>
      <c r="L20176" s="365"/>
    </row>
    <row r="20177" spans="2:12">
      <c r="B20177" s="367"/>
      <c r="C20177" s="367"/>
      <c r="D20177" s="367"/>
      <c r="E20177" s="367"/>
      <c r="F20177" s="360"/>
      <c r="G20177" s="360"/>
      <c r="H20177" s="360"/>
      <c r="I20177" s="360"/>
      <c r="J20177" s="365"/>
      <c r="K20177" s="365"/>
      <c r="L20177" s="365"/>
    </row>
    <row r="20178" spans="2:12">
      <c r="B20178" s="368"/>
      <c r="C20178" s="368"/>
      <c r="D20178" s="368"/>
      <c r="E20178" s="368"/>
      <c r="F20178" s="362"/>
      <c r="G20178" s="362"/>
      <c r="H20178" s="361" t="s">
        <v>14332</v>
      </c>
      <c r="I20178" s="362"/>
      <c r="J20178" s="366"/>
      <c r="K20178" s="366"/>
      <c r="L20178" s="366"/>
    </row>
    <row r="20179" spans="2:12" ht="28.5">
      <c r="B20179" s="358" t="s">
        <v>24892</v>
      </c>
      <c r="C20179" s="358" t="s">
        <v>24893</v>
      </c>
      <c r="D20179" s="358" t="s">
        <v>24894</v>
      </c>
      <c r="E20179" s="358" t="s">
        <v>24895</v>
      </c>
      <c r="F20179" s="358" t="s">
        <v>14443</v>
      </c>
      <c r="G20179" s="358" t="s">
        <v>14444</v>
      </c>
      <c r="H20179" s="358" t="s">
        <v>14381</v>
      </c>
      <c r="I20179" s="358" t="s">
        <v>14444</v>
      </c>
      <c r="J20179" s="358"/>
      <c r="K20179" s="358" t="s">
        <v>14517</v>
      </c>
      <c r="L20179" s="358"/>
    </row>
    <row r="20180" spans="2:12">
      <c r="B20180" s="367"/>
      <c r="C20180" s="367"/>
      <c r="D20180" s="367"/>
      <c r="E20180" s="367"/>
      <c r="F20180" s="360"/>
      <c r="G20180" s="360"/>
      <c r="H20180" s="360"/>
      <c r="I20180" s="360"/>
      <c r="J20180" s="365"/>
      <c r="K20180" s="360"/>
      <c r="L20180" s="365"/>
    </row>
    <row r="20181" spans="2:12">
      <c r="B20181" s="367"/>
      <c r="C20181" s="367"/>
      <c r="D20181" s="367"/>
      <c r="E20181" s="367"/>
      <c r="F20181" s="359" t="s">
        <v>14371</v>
      </c>
      <c r="G20181" s="359" t="s">
        <v>14372</v>
      </c>
      <c r="H20181" s="359" t="s">
        <v>14370</v>
      </c>
      <c r="I20181" s="359" t="s">
        <v>14373</v>
      </c>
      <c r="J20181" s="365"/>
      <c r="K20181" s="359" t="s">
        <v>14517</v>
      </c>
      <c r="L20181" s="365"/>
    </row>
    <row r="20182" spans="2:12">
      <c r="B20182" s="367"/>
      <c r="C20182" s="367"/>
      <c r="D20182" s="367"/>
      <c r="E20182" s="367"/>
      <c r="F20182" s="360"/>
      <c r="G20182" s="360"/>
      <c r="H20182" s="360"/>
      <c r="I20182" s="360"/>
      <c r="J20182" s="365"/>
      <c r="K20182" s="360"/>
      <c r="L20182" s="365"/>
    </row>
    <row r="20183" spans="2:12" ht="28.5">
      <c r="B20183" s="368"/>
      <c r="C20183" s="368"/>
      <c r="D20183" s="368"/>
      <c r="E20183" s="368"/>
      <c r="F20183" s="361" t="s">
        <v>14374</v>
      </c>
      <c r="G20183" s="361" t="s">
        <v>14373</v>
      </c>
      <c r="H20183" s="361" t="s">
        <v>14422</v>
      </c>
      <c r="I20183" s="362"/>
      <c r="J20183" s="366"/>
      <c r="K20183" s="362"/>
      <c r="L20183" s="366"/>
    </row>
    <row r="20184" spans="2:12">
      <c r="B20184" s="354" t="s">
        <v>8444</v>
      </c>
      <c r="C20184" s="369"/>
      <c r="D20184" s="369"/>
      <c r="E20184" s="369"/>
      <c r="F20184" s="369"/>
      <c r="G20184" s="369"/>
      <c r="H20184" s="369"/>
      <c r="I20184" s="369"/>
      <c r="J20184" s="369"/>
      <c r="K20184" s="369"/>
      <c r="L20184" s="370"/>
    </row>
    <row r="20185" spans="2:12">
      <c r="B20185" s="358" t="s">
        <v>24896</v>
      </c>
      <c r="C20185" s="358" t="s">
        <v>24897</v>
      </c>
      <c r="D20185" s="358" t="s">
        <v>8356</v>
      </c>
      <c r="E20185" s="358" t="s">
        <v>24898</v>
      </c>
      <c r="F20185" s="358" t="s">
        <v>14700</v>
      </c>
      <c r="G20185" s="358" t="s">
        <v>14380</v>
      </c>
      <c r="H20185" s="358" t="s">
        <v>14378</v>
      </c>
      <c r="I20185" s="358" t="s">
        <v>14380</v>
      </c>
      <c r="J20185" s="358"/>
      <c r="K20185" s="358" t="s">
        <v>19144</v>
      </c>
      <c r="L20185" s="358"/>
    </row>
    <row r="20186" spans="2:12">
      <c r="B20186" s="367"/>
      <c r="C20186" s="360"/>
      <c r="D20186" s="367"/>
      <c r="E20186" s="367"/>
      <c r="F20186" s="360"/>
      <c r="G20186" s="360"/>
      <c r="H20186" s="360"/>
      <c r="I20186" s="360"/>
      <c r="J20186" s="365"/>
      <c r="K20186" s="360"/>
      <c r="L20186" s="365"/>
    </row>
    <row r="20187" spans="2:12">
      <c r="B20187" s="367"/>
      <c r="C20187" s="359" t="s">
        <v>24899</v>
      </c>
      <c r="D20187" s="367"/>
      <c r="E20187" s="367"/>
      <c r="F20187" s="359" t="s">
        <v>14700</v>
      </c>
      <c r="G20187" s="359" t="s">
        <v>14405</v>
      </c>
      <c r="H20187" s="359" t="s">
        <v>14381</v>
      </c>
      <c r="I20187" s="359" t="s">
        <v>14405</v>
      </c>
      <c r="J20187" s="365"/>
      <c r="K20187" s="359" t="s">
        <v>14657</v>
      </c>
      <c r="L20187" s="365"/>
    </row>
    <row r="20188" spans="2:12">
      <c r="B20188" s="367"/>
      <c r="C20188" s="360"/>
      <c r="D20188" s="367"/>
      <c r="E20188" s="367"/>
      <c r="F20188" s="360"/>
      <c r="G20188" s="360"/>
      <c r="H20188" s="360"/>
      <c r="I20188" s="360"/>
      <c r="J20188" s="365"/>
      <c r="K20188" s="360"/>
      <c r="L20188" s="365"/>
    </row>
    <row r="20189" spans="2:12">
      <c r="B20189" s="367"/>
      <c r="C20189" s="360"/>
      <c r="D20189" s="367"/>
      <c r="E20189" s="367"/>
      <c r="F20189" s="359" t="s">
        <v>14368</v>
      </c>
      <c r="G20189" s="359" t="s">
        <v>14369</v>
      </c>
      <c r="H20189" s="359" t="s">
        <v>14370</v>
      </c>
      <c r="I20189" s="359" t="s">
        <v>14369</v>
      </c>
      <c r="J20189" s="365"/>
      <c r="K20189" s="360"/>
      <c r="L20189" s="365"/>
    </row>
    <row r="20190" spans="2:12">
      <c r="B20190" s="367"/>
      <c r="C20190" s="360"/>
      <c r="D20190" s="367"/>
      <c r="E20190" s="367"/>
      <c r="F20190" s="360"/>
      <c r="G20190" s="360"/>
      <c r="H20190" s="360"/>
      <c r="I20190" s="360"/>
      <c r="J20190" s="365"/>
      <c r="K20190" s="360"/>
      <c r="L20190" s="365"/>
    </row>
    <row r="20191" spans="2:12">
      <c r="B20191" s="367"/>
      <c r="C20191" s="360"/>
      <c r="D20191" s="367"/>
      <c r="E20191" s="367"/>
      <c r="F20191" s="359" t="s">
        <v>15246</v>
      </c>
      <c r="G20191" s="359" t="s">
        <v>24900</v>
      </c>
      <c r="H20191" s="359" t="s">
        <v>14332</v>
      </c>
      <c r="I20191" s="359" t="s">
        <v>24900</v>
      </c>
      <c r="J20191" s="365"/>
      <c r="K20191" s="360"/>
      <c r="L20191" s="365"/>
    </row>
    <row r="20192" spans="2:12">
      <c r="B20192" s="367"/>
      <c r="C20192" s="360"/>
      <c r="D20192" s="367"/>
      <c r="E20192" s="367"/>
      <c r="F20192" s="360"/>
      <c r="G20192" s="360"/>
      <c r="H20192" s="360"/>
      <c r="I20192" s="360"/>
      <c r="J20192" s="365"/>
      <c r="K20192" s="360"/>
      <c r="L20192" s="365"/>
    </row>
    <row r="20193" spans="2:12">
      <c r="B20193" s="367"/>
      <c r="C20193" s="360"/>
      <c r="D20193" s="367"/>
      <c r="E20193" s="367"/>
      <c r="F20193" s="359" t="s">
        <v>14384</v>
      </c>
      <c r="G20193" s="359" t="s">
        <v>15088</v>
      </c>
      <c r="H20193" s="360"/>
      <c r="I20193" s="359" t="s">
        <v>15088</v>
      </c>
      <c r="J20193" s="365"/>
      <c r="K20193" s="360"/>
      <c r="L20193" s="365"/>
    </row>
    <row r="20194" spans="2:12">
      <c r="B20194" s="367"/>
      <c r="C20194" s="360"/>
      <c r="D20194" s="367"/>
      <c r="E20194" s="367"/>
      <c r="F20194" s="360"/>
      <c r="G20194" s="360"/>
      <c r="H20194" s="360"/>
      <c r="I20194" s="360"/>
      <c r="J20194" s="365"/>
      <c r="K20194" s="360"/>
      <c r="L20194" s="365"/>
    </row>
    <row r="20195" spans="2:12">
      <c r="B20195" s="367"/>
      <c r="C20195" s="360"/>
      <c r="D20195" s="367"/>
      <c r="E20195" s="367"/>
      <c r="F20195" s="359" t="s">
        <v>14371</v>
      </c>
      <c r="G20195" s="359" t="s">
        <v>14372</v>
      </c>
      <c r="H20195" s="360"/>
      <c r="I20195" s="359" t="s">
        <v>14373</v>
      </c>
      <c r="J20195" s="365"/>
      <c r="K20195" s="360"/>
      <c r="L20195" s="365"/>
    </row>
    <row r="20196" spans="2:12">
      <c r="B20196" s="367"/>
      <c r="C20196" s="360"/>
      <c r="D20196" s="367"/>
      <c r="E20196" s="367"/>
      <c r="F20196" s="360"/>
      <c r="G20196" s="360"/>
      <c r="H20196" s="360"/>
      <c r="I20196" s="360"/>
      <c r="J20196" s="365"/>
      <c r="K20196" s="360"/>
      <c r="L20196" s="365"/>
    </row>
    <row r="20197" spans="2:12" ht="28.5">
      <c r="B20197" s="368"/>
      <c r="C20197" s="362"/>
      <c r="D20197" s="368"/>
      <c r="E20197" s="368"/>
      <c r="F20197" s="361" t="s">
        <v>14374</v>
      </c>
      <c r="G20197" s="361" t="s">
        <v>14373</v>
      </c>
      <c r="H20197" s="362"/>
      <c r="I20197" s="362"/>
      <c r="J20197" s="366"/>
      <c r="K20197" s="362"/>
      <c r="L20197" s="366"/>
    </row>
    <row r="20198" spans="2:12" ht="42.75">
      <c r="B20198" s="358" t="s">
        <v>13964</v>
      </c>
      <c r="C20198" s="358" t="s">
        <v>24901</v>
      </c>
      <c r="D20198" s="358" t="s">
        <v>13965</v>
      </c>
      <c r="E20198" s="358" t="s">
        <v>13966</v>
      </c>
      <c r="F20198" s="358" t="s">
        <v>14424</v>
      </c>
      <c r="G20198" s="358" t="s">
        <v>24902</v>
      </c>
      <c r="H20198" s="358" t="s">
        <v>14381</v>
      </c>
      <c r="I20198" s="358" t="s">
        <v>24902</v>
      </c>
      <c r="J20198" s="358"/>
      <c r="K20198" s="358"/>
      <c r="L20198" s="358"/>
    </row>
    <row r="20199" spans="2:12">
      <c r="B20199" s="367"/>
      <c r="C20199" s="360"/>
      <c r="D20199" s="367"/>
      <c r="E20199" s="367"/>
      <c r="F20199" s="360"/>
      <c r="G20199" s="360"/>
      <c r="H20199" s="360"/>
      <c r="I20199" s="360"/>
      <c r="J20199" s="365"/>
      <c r="K20199" s="365"/>
      <c r="L20199" s="365"/>
    </row>
    <row r="20200" spans="2:12" ht="28.5">
      <c r="B20200" s="367"/>
      <c r="C20200" s="359" t="s">
        <v>13967</v>
      </c>
      <c r="D20200" s="367"/>
      <c r="E20200" s="367"/>
      <c r="F20200" s="359" t="s">
        <v>17277</v>
      </c>
      <c r="G20200" s="359" t="s">
        <v>17278</v>
      </c>
      <c r="H20200" s="359" t="s">
        <v>14367</v>
      </c>
      <c r="I20200" s="359" t="s">
        <v>17278</v>
      </c>
      <c r="J20200" s="365"/>
      <c r="K20200" s="365"/>
      <c r="L20200" s="365"/>
    </row>
    <row r="20201" spans="2:12">
      <c r="B20201" s="367"/>
      <c r="C20201" s="360"/>
      <c r="D20201" s="367"/>
      <c r="E20201" s="367"/>
      <c r="F20201" s="360"/>
      <c r="G20201" s="360"/>
      <c r="H20201" s="360"/>
      <c r="I20201" s="360"/>
      <c r="J20201" s="365"/>
      <c r="K20201" s="365"/>
      <c r="L20201" s="365"/>
    </row>
    <row r="20202" spans="2:12">
      <c r="B20202" s="367"/>
      <c r="C20202" s="360"/>
      <c r="D20202" s="367"/>
      <c r="E20202" s="367"/>
      <c r="F20202" s="359" t="s">
        <v>15089</v>
      </c>
      <c r="G20202" s="359" t="s">
        <v>14429</v>
      </c>
      <c r="H20202" s="359" t="s">
        <v>14370</v>
      </c>
      <c r="I20202" s="359" t="s">
        <v>14429</v>
      </c>
      <c r="J20202" s="365"/>
      <c r="K20202" s="365"/>
      <c r="L20202" s="365"/>
    </row>
    <row r="20203" spans="2:12">
      <c r="B20203" s="367"/>
      <c r="C20203" s="360"/>
      <c r="D20203" s="367"/>
      <c r="E20203" s="367"/>
      <c r="F20203" s="360"/>
      <c r="G20203" s="360"/>
      <c r="H20203" s="360"/>
      <c r="I20203" s="360"/>
      <c r="J20203" s="365"/>
      <c r="K20203" s="365"/>
      <c r="L20203" s="365"/>
    </row>
    <row r="20204" spans="2:12" ht="28.5">
      <c r="B20204" s="368"/>
      <c r="C20204" s="362"/>
      <c r="D20204" s="368"/>
      <c r="E20204" s="368"/>
      <c r="F20204" s="361" t="s">
        <v>14394</v>
      </c>
      <c r="G20204" s="361" t="s">
        <v>14395</v>
      </c>
      <c r="H20204" s="361" t="s">
        <v>14332</v>
      </c>
      <c r="I20204" s="361" t="s">
        <v>14395</v>
      </c>
      <c r="J20204" s="366"/>
      <c r="K20204" s="366"/>
      <c r="L20204" s="366"/>
    </row>
    <row r="20205" spans="2:12">
      <c r="B20205" s="358" t="s">
        <v>24903</v>
      </c>
      <c r="C20205" s="358" t="s">
        <v>24904</v>
      </c>
      <c r="D20205" s="358" t="s">
        <v>24905</v>
      </c>
      <c r="E20205" s="358" t="s">
        <v>24906</v>
      </c>
      <c r="F20205" s="358" t="s">
        <v>15089</v>
      </c>
      <c r="G20205" s="358" t="s">
        <v>14429</v>
      </c>
      <c r="H20205" s="358" t="s">
        <v>14367</v>
      </c>
      <c r="I20205" s="358" t="s">
        <v>14429</v>
      </c>
      <c r="J20205" s="358"/>
      <c r="K20205" s="358" t="s">
        <v>14655</v>
      </c>
      <c r="L20205" s="358"/>
    </row>
    <row r="20206" spans="2:12">
      <c r="B20206" s="367"/>
      <c r="C20206" s="360"/>
      <c r="D20206" s="367"/>
      <c r="E20206" s="367"/>
      <c r="F20206" s="360"/>
      <c r="G20206" s="360"/>
      <c r="H20206" s="360"/>
      <c r="I20206" s="360"/>
      <c r="J20206" s="365"/>
      <c r="K20206" s="360"/>
      <c r="L20206" s="365"/>
    </row>
    <row r="20207" spans="2:12" ht="28.5">
      <c r="B20207" s="367"/>
      <c r="C20207" s="359" t="s">
        <v>24907</v>
      </c>
      <c r="D20207" s="367"/>
      <c r="E20207" s="367"/>
      <c r="F20207" s="359" t="s">
        <v>16919</v>
      </c>
      <c r="G20207" s="359" t="s">
        <v>17203</v>
      </c>
      <c r="H20207" s="359" t="s">
        <v>14381</v>
      </c>
      <c r="I20207" s="359" t="s">
        <v>17203</v>
      </c>
      <c r="J20207" s="365"/>
      <c r="K20207" s="359" t="s">
        <v>14655</v>
      </c>
      <c r="L20207" s="365"/>
    </row>
    <row r="20208" spans="2:12">
      <c r="B20208" s="367"/>
      <c r="C20208" s="360"/>
      <c r="D20208" s="367"/>
      <c r="E20208" s="367"/>
      <c r="F20208" s="360"/>
      <c r="G20208" s="360"/>
      <c r="H20208" s="360"/>
      <c r="I20208" s="360"/>
      <c r="J20208" s="365"/>
      <c r="K20208" s="360"/>
      <c r="L20208" s="365"/>
    </row>
    <row r="20209" spans="2:12">
      <c r="B20209" s="367"/>
      <c r="C20209" s="360"/>
      <c r="D20209" s="367"/>
      <c r="E20209" s="367"/>
      <c r="F20209" s="359" t="s">
        <v>14371</v>
      </c>
      <c r="G20209" s="359" t="s">
        <v>14372</v>
      </c>
      <c r="H20209" s="359" t="s">
        <v>14370</v>
      </c>
      <c r="I20209" s="359" t="s">
        <v>14373</v>
      </c>
      <c r="J20209" s="365"/>
      <c r="K20209" s="360"/>
      <c r="L20209" s="365"/>
    </row>
    <row r="20210" spans="2:12">
      <c r="B20210" s="367"/>
      <c r="C20210" s="360"/>
      <c r="D20210" s="367"/>
      <c r="E20210" s="367"/>
      <c r="F20210" s="360"/>
      <c r="G20210" s="360"/>
      <c r="H20210" s="360"/>
      <c r="I20210" s="360"/>
      <c r="J20210" s="365"/>
      <c r="K20210" s="360"/>
      <c r="L20210" s="365"/>
    </row>
    <row r="20211" spans="2:12" ht="28.5">
      <c r="B20211" s="368"/>
      <c r="C20211" s="362"/>
      <c r="D20211" s="368"/>
      <c r="E20211" s="368"/>
      <c r="F20211" s="361" t="s">
        <v>14374</v>
      </c>
      <c r="G20211" s="361" t="s">
        <v>14373</v>
      </c>
      <c r="H20211" s="361" t="s">
        <v>14422</v>
      </c>
      <c r="I20211" s="362"/>
      <c r="J20211" s="366"/>
      <c r="K20211" s="362"/>
      <c r="L20211" s="366"/>
    </row>
    <row r="20212" spans="2:12">
      <c r="B20212" s="358" t="s">
        <v>13968</v>
      </c>
      <c r="C20212" s="358" t="s">
        <v>24908</v>
      </c>
      <c r="D20212" s="358" t="s">
        <v>13969</v>
      </c>
      <c r="E20212" s="358" t="s">
        <v>13970</v>
      </c>
      <c r="F20212" s="358" t="s">
        <v>14424</v>
      </c>
      <c r="G20212" s="358" t="s">
        <v>17083</v>
      </c>
      <c r="H20212" s="358" t="s">
        <v>14381</v>
      </c>
      <c r="I20212" s="358" t="s">
        <v>17083</v>
      </c>
      <c r="J20212" s="358"/>
      <c r="K20212" s="358" t="s">
        <v>19144</v>
      </c>
      <c r="L20212" s="358"/>
    </row>
    <row r="20213" spans="2:12">
      <c r="B20213" s="367"/>
      <c r="C20213" s="360"/>
      <c r="D20213" s="367"/>
      <c r="E20213" s="367"/>
      <c r="F20213" s="360"/>
      <c r="G20213" s="360"/>
      <c r="H20213" s="360"/>
      <c r="I20213" s="360"/>
      <c r="J20213" s="365"/>
      <c r="K20213" s="360"/>
      <c r="L20213" s="365"/>
    </row>
    <row r="20214" spans="2:12">
      <c r="B20214" s="367"/>
      <c r="C20214" s="359" t="s">
        <v>13971</v>
      </c>
      <c r="D20214" s="367"/>
      <c r="E20214" s="367"/>
      <c r="F20214" s="359" t="s">
        <v>14656</v>
      </c>
      <c r="G20214" s="359" t="s">
        <v>14383</v>
      </c>
      <c r="H20214" s="359" t="s">
        <v>14378</v>
      </c>
      <c r="I20214" s="359" t="s">
        <v>14383</v>
      </c>
      <c r="J20214" s="365"/>
      <c r="K20214" s="359" t="s">
        <v>19144</v>
      </c>
      <c r="L20214" s="365"/>
    </row>
    <row r="20215" spans="2:12">
      <c r="B20215" s="367"/>
      <c r="C20215" s="360"/>
      <c r="D20215" s="367"/>
      <c r="E20215" s="367"/>
      <c r="F20215" s="360"/>
      <c r="G20215" s="360"/>
      <c r="H20215" s="360"/>
      <c r="I20215" s="360"/>
      <c r="J20215" s="365"/>
      <c r="K20215" s="360"/>
      <c r="L20215" s="365"/>
    </row>
    <row r="20216" spans="2:12">
      <c r="B20216" s="367"/>
      <c r="C20216" s="360"/>
      <c r="D20216" s="367"/>
      <c r="E20216" s="367"/>
      <c r="F20216" s="359" t="s">
        <v>14430</v>
      </c>
      <c r="G20216" s="359" t="s">
        <v>14431</v>
      </c>
      <c r="H20216" s="359" t="s">
        <v>14341</v>
      </c>
      <c r="I20216" s="359" t="s">
        <v>14431</v>
      </c>
      <c r="J20216" s="365"/>
      <c r="K20216" s="360"/>
      <c r="L20216" s="365"/>
    </row>
    <row r="20217" spans="2:12">
      <c r="B20217" s="367"/>
      <c r="C20217" s="360"/>
      <c r="D20217" s="367"/>
      <c r="E20217" s="367"/>
      <c r="F20217" s="360"/>
      <c r="G20217" s="360"/>
      <c r="H20217" s="360"/>
      <c r="I20217" s="360"/>
      <c r="J20217" s="365"/>
      <c r="K20217" s="360"/>
      <c r="L20217" s="365"/>
    </row>
    <row r="20218" spans="2:12">
      <c r="B20218" s="367"/>
      <c r="C20218" s="360"/>
      <c r="D20218" s="367"/>
      <c r="E20218" s="367"/>
      <c r="F20218" s="359" t="s">
        <v>14391</v>
      </c>
      <c r="G20218" s="359" t="s">
        <v>14392</v>
      </c>
      <c r="H20218" s="359" t="s">
        <v>14370</v>
      </c>
      <c r="I20218" s="359" t="s">
        <v>14392</v>
      </c>
      <c r="J20218" s="365"/>
      <c r="K20218" s="360"/>
      <c r="L20218" s="365"/>
    </row>
    <row r="20219" spans="2:12">
      <c r="B20219" s="367"/>
      <c r="C20219" s="360"/>
      <c r="D20219" s="367"/>
      <c r="E20219" s="367"/>
      <c r="F20219" s="360"/>
      <c r="G20219" s="360"/>
      <c r="H20219" s="360"/>
      <c r="I20219" s="360"/>
      <c r="J20219" s="365"/>
      <c r="K20219" s="360"/>
      <c r="L20219" s="365"/>
    </row>
    <row r="20220" spans="2:12">
      <c r="B20220" s="367"/>
      <c r="C20220" s="360"/>
      <c r="D20220" s="367"/>
      <c r="E20220" s="367"/>
      <c r="F20220" s="359" t="s">
        <v>14371</v>
      </c>
      <c r="G20220" s="359" t="s">
        <v>14372</v>
      </c>
      <c r="H20220" s="359" t="s">
        <v>14332</v>
      </c>
      <c r="I20220" s="359" t="s">
        <v>14373</v>
      </c>
      <c r="J20220" s="365"/>
      <c r="K20220" s="360"/>
      <c r="L20220" s="365"/>
    </row>
    <row r="20221" spans="2:12">
      <c r="B20221" s="367"/>
      <c r="C20221" s="360"/>
      <c r="D20221" s="367"/>
      <c r="E20221" s="367"/>
      <c r="F20221" s="360"/>
      <c r="G20221" s="360"/>
      <c r="H20221" s="360"/>
      <c r="I20221" s="360"/>
      <c r="J20221" s="365"/>
      <c r="K20221" s="360"/>
      <c r="L20221" s="365"/>
    </row>
    <row r="20222" spans="2:12" ht="28.5">
      <c r="B20222" s="368"/>
      <c r="C20222" s="362"/>
      <c r="D20222" s="368"/>
      <c r="E20222" s="368"/>
      <c r="F20222" s="361" t="s">
        <v>14374</v>
      </c>
      <c r="G20222" s="361" t="s">
        <v>14373</v>
      </c>
      <c r="H20222" s="362"/>
      <c r="I20222" s="362"/>
      <c r="J20222" s="366"/>
      <c r="K20222" s="362"/>
      <c r="L20222" s="366"/>
    </row>
    <row r="20223" spans="2:12" ht="28.5">
      <c r="B20223" s="358" t="s">
        <v>13972</v>
      </c>
      <c r="C20223" s="358" t="s">
        <v>24909</v>
      </c>
      <c r="D20223" s="358" t="s">
        <v>8356</v>
      </c>
      <c r="E20223" s="358" t="s">
        <v>1992</v>
      </c>
      <c r="F20223" s="358" t="s">
        <v>14443</v>
      </c>
      <c r="G20223" s="358" t="s">
        <v>14444</v>
      </c>
      <c r="H20223" s="358" t="s">
        <v>24910</v>
      </c>
      <c r="I20223" s="358" t="s">
        <v>14444</v>
      </c>
      <c r="J20223" s="358"/>
      <c r="K20223" s="358" t="s">
        <v>14657</v>
      </c>
      <c r="L20223" s="358"/>
    </row>
    <row r="20224" spans="2:12">
      <c r="B20224" s="367"/>
      <c r="C20224" s="360"/>
      <c r="D20224" s="367"/>
      <c r="E20224" s="367"/>
      <c r="F20224" s="360"/>
      <c r="G20224" s="360"/>
      <c r="H20224" s="360"/>
      <c r="I20224" s="360"/>
      <c r="J20224" s="365"/>
      <c r="K20224" s="360"/>
      <c r="L20224" s="365"/>
    </row>
    <row r="20225" spans="2:12" ht="28.5">
      <c r="B20225" s="367"/>
      <c r="C20225" s="359" t="s">
        <v>13973</v>
      </c>
      <c r="D20225" s="367"/>
      <c r="E20225" s="367"/>
      <c r="F20225" s="359" t="s">
        <v>14424</v>
      </c>
      <c r="G20225" s="359" t="s">
        <v>14425</v>
      </c>
      <c r="H20225" s="359" t="s">
        <v>14370</v>
      </c>
      <c r="I20225" s="359" t="s">
        <v>14425</v>
      </c>
      <c r="J20225" s="365"/>
      <c r="K20225" s="359" t="s">
        <v>14657</v>
      </c>
      <c r="L20225" s="365"/>
    </row>
    <row r="20226" spans="2:12">
      <c r="B20226" s="367"/>
      <c r="C20226" s="360"/>
      <c r="D20226" s="367"/>
      <c r="E20226" s="367"/>
      <c r="F20226" s="360"/>
      <c r="G20226" s="360"/>
      <c r="H20226" s="360"/>
      <c r="I20226" s="360"/>
      <c r="J20226" s="365"/>
      <c r="K20226" s="360"/>
      <c r="L20226" s="365"/>
    </row>
    <row r="20227" spans="2:12" ht="28.5">
      <c r="B20227" s="367"/>
      <c r="C20227" s="359" t="s">
        <v>13974</v>
      </c>
      <c r="D20227" s="367"/>
      <c r="E20227" s="367"/>
      <c r="F20227" s="359" t="s">
        <v>15089</v>
      </c>
      <c r="G20227" s="359" t="s">
        <v>14459</v>
      </c>
      <c r="H20227" s="359" t="s">
        <v>14332</v>
      </c>
      <c r="I20227" s="359" t="s">
        <v>14459</v>
      </c>
      <c r="J20227" s="365"/>
      <c r="K20227" s="360"/>
      <c r="L20227" s="365"/>
    </row>
    <row r="20228" spans="2:12">
      <c r="B20228" s="367"/>
      <c r="C20228" s="360"/>
      <c r="D20228" s="367"/>
      <c r="E20228" s="367"/>
      <c r="F20228" s="360"/>
      <c r="G20228" s="360"/>
      <c r="H20228" s="360"/>
      <c r="I20228" s="360"/>
      <c r="J20228" s="365"/>
      <c r="K20228" s="360"/>
      <c r="L20228" s="365"/>
    </row>
    <row r="20229" spans="2:12">
      <c r="B20229" s="367"/>
      <c r="C20229" s="360"/>
      <c r="D20229" s="367"/>
      <c r="E20229" s="367"/>
      <c r="F20229" s="359" t="s">
        <v>14656</v>
      </c>
      <c r="G20229" s="359" t="s">
        <v>14383</v>
      </c>
      <c r="H20229" s="360"/>
      <c r="I20229" s="359" t="s">
        <v>14383</v>
      </c>
      <c r="J20229" s="365"/>
      <c r="K20229" s="360"/>
      <c r="L20229" s="365"/>
    </row>
    <row r="20230" spans="2:12">
      <c r="B20230" s="367"/>
      <c r="C20230" s="360"/>
      <c r="D20230" s="367"/>
      <c r="E20230" s="367"/>
      <c r="F20230" s="360"/>
      <c r="G20230" s="360"/>
      <c r="H20230" s="360"/>
      <c r="I20230" s="360"/>
      <c r="J20230" s="365"/>
      <c r="K20230" s="360"/>
      <c r="L20230" s="365"/>
    </row>
    <row r="20231" spans="2:12">
      <c r="B20231" s="367"/>
      <c r="C20231" s="360"/>
      <c r="D20231" s="367"/>
      <c r="E20231" s="367"/>
      <c r="F20231" s="359" t="s">
        <v>14368</v>
      </c>
      <c r="G20231" s="359" t="s">
        <v>14369</v>
      </c>
      <c r="H20231" s="360"/>
      <c r="I20231" s="359" t="s">
        <v>14369</v>
      </c>
      <c r="J20231" s="365"/>
      <c r="K20231" s="360"/>
      <c r="L20231" s="365"/>
    </row>
    <row r="20232" spans="2:12">
      <c r="B20232" s="367"/>
      <c r="C20232" s="360"/>
      <c r="D20232" s="367"/>
      <c r="E20232" s="367"/>
      <c r="F20232" s="360"/>
      <c r="G20232" s="360"/>
      <c r="H20232" s="360"/>
      <c r="I20232" s="360"/>
      <c r="J20232" s="365"/>
      <c r="K20232" s="360"/>
      <c r="L20232" s="365"/>
    </row>
    <row r="20233" spans="2:12">
      <c r="B20233" s="367"/>
      <c r="C20233" s="360"/>
      <c r="D20233" s="367"/>
      <c r="E20233" s="367"/>
      <c r="F20233" s="359" t="s">
        <v>14371</v>
      </c>
      <c r="G20233" s="359" t="s">
        <v>14372</v>
      </c>
      <c r="H20233" s="360"/>
      <c r="I20233" s="359" t="s">
        <v>14373</v>
      </c>
      <c r="J20233" s="365"/>
      <c r="K20233" s="360"/>
      <c r="L20233" s="365"/>
    </row>
    <row r="20234" spans="2:12">
      <c r="B20234" s="367"/>
      <c r="C20234" s="360"/>
      <c r="D20234" s="367"/>
      <c r="E20234" s="367"/>
      <c r="F20234" s="360"/>
      <c r="G20234" s="360"/>
      <c r="H20234" s="360"/>
      <c r="I20234" s="360"/>
      <c r="J20234" s="365"/>
      <c r="K20234" s="360"/>
      <c r="L20234" s="365"/>
    </row>
    <row r="20235" spans="2:12" ht="28.5">
      <c r="B20235" s="368"/>
      <c r="C20235" s="362"/>
      <c r="D20235" s="368"/>
      <c r="E20235" s="368"/>
      <c r="F20235" s="361" t="s">
        <v>14374</v>
      </c>
      <c r="G20235" s="361" t="s">
        <v>14373</v>
      </c>
      <c r="H20235" s="362"/>
      <c r="I20235" s="362"/>
      <c r="J20235" s="366"/>
      <c r="K20235" s="362"/>
      <c r="L20235" s="366"/>
    </row>
    <row r="20236" spans="2:12">
      <c r="B20236" s="354" t="s">
        <v>28574</v>
      </c>
      <c r="C20236" s="369"/>
      <c r="D20236" s="369"/>
      <c r="E20236" s="369"/>
      <c r="F20236" s="369"/>
      <c r="G20236" s="369"/>
      <c r="H20236" s="369"/>
      <c r="I20236" s="369"/>
      <c r="J20236" s="369"/>
      <c r="K20236" s="369"/>
      <c r="L20236" s="370"/>
    </row>
    <row r="20237" spans="2:12" ht="42.75">
      <c r="B20237" s="358" t="s">
        <v>29684</v>
      </c>
      <c r="C20237" s="358" t="s">
        <v>30452</v>
      </c>
      <c r="D20237" s="358" t="s">
        <v>28436</v>
      </c>
      <c r="E20237" s="358" t="s">
        <v>1601</v>
      </c>
      <c r="F20237" s="358" t="s">
        <v>14700</v>
      </c>
      <c r="G20237" s="358" t="s">
        <v>14380</v>
      </c>
      <c r="H20237" s="358" t="s">
        <v>14341</v>
      </c>
      <c r="I20237" s="358" t="s">
        <v>14380</v>
      </c>
      <c r="J20237" s="358" t="s">
        <v>14944</v>
      </c>
      <c r="K20237" s="358" t="s">
        <v>28399</v>
      </c>
      <c r="L20237" s="358"/>
    </row>
    <row r="20238" spans="2:12">
      <c r="B20238" s="367"/>
      <c r="C20238" s="367"/>
      <c r="D20238" s="367"/>
      <c r="E20238" s="367"/>
      <c r="F20238" s="360"/>
      <c r="G20238" s="360"/>
      <c r="H20238" s="360"/>
      <c r="I20238" s="360"/>
      <c r="J20238" s="367"/>
      <c r="K20238" s="360"/>
      <c r="L20238" s="365"/>
    </row>
    <row r="20239" spans="2:12">
      <c r="B20239" s="367"/>
      <c r="C20239" s="367"/>
      <c r="D20239" s="367"/>
      <c r="E20239" s="367"/>
      <c r="F20239" s="359" t="s">
        <v>14656</v>
      </c>
      <c r="G20239" s="359" t="s">
        <v>14579</v>
      </c>
      <c r="H20239" s="359" t="s">
        <v>14378</v>
      </c>
      <c r="I20239" s="359" t="s">
        <v>14579</v>
      </c>
      <c r="J20239" s="367"/>
      <c r="K20239" s="359" t="s">
        <v>14517</v>
      </c>
      <c r="L20239" s="365"/>
    </row>
    <row r="20240" spans="2:12">
      <c r="B20240" s="367"/>
      <c r="C20240" s="367"/>
      <c r="D20240" s="367"/>
      <c r="E20240" s="367"/>
      <c r="F20240" s="360"/>
      <c r="G20240" s="360"/>
      <c r="H20240" s="360"/>
      <c r="I20240" s="360"/>
      <c r="J20240" s="367"/>
      <c r="K20240" s="360"/>
      <c r="L20240" s="365"/>
    </row>
    <row r="20241" spans="2:12">
      <c r="B20241" s="367"/>
      <c r="C20241" s="367"/>
      <c r="D20241" s="367"/>
      <c r="E20241" s="367"/>
      <c r="F20241" s="359" t="s">
        <v>14656</v>
      </c>
      <c r="G20241" s="359" t="s">
        <v>14383</v>
      </c>
      <c r="H20241" s="359" t="s">
        <v>14370</v>
      </c>
      <c r="I20241" s="359" t="s">
        <v>14383</v>
      </c>
      <c r="J20241" s="367"/>
      <c r="K20241" s="359" t="s">
        <v>14863</v>
      </c>
      <c r="L20241" s="365"/>
    </row>
    <row r="20242" spans="2:12">
      <c r="B20242" s="367"/>
      <c r="C20242" s="367"/>
      <c r="D20242" s="367"/>
      <c r="E20242" s="367"/>
      <c r="F20242" s="360"/>
      <c r="G20242" s="360"/>
      <c r="H20242" s="360"/>
      <c r="I20242" s="360"/>
      <c r="J20242" s="367"/>
      <c r="K20242" s="360"/>
      <c r="L20242" s="365"/>
    </row>
    <row r="20243" spans="2:12">
      <c r="B20243" s="367"/>
      <c r="C20243" s="367"/>
      <c r="D20243" s="367"/>
      <c r="E20243" s="367"/>
      <c r="F20243" s="359" t="s">
        <v>14356</v>
      </c>
      <c r="G20243" s="359" t="s">
        <v>14340</v>
      </c>
      <c r="H20243" s="359" t="s">
        <v>14332</v>
      </c>
      <c r="I20243" s="359" t="s">
        <v>14340</v>
      </c>
      <c r="J20243" s="367"/>
      <c r="K20243" s="360"/>
      <c r="L20243" s="365"/>
    </row>
    <row r="20244" spans="2:12">
      <c r="B20244" s="367"/>
      <c r="C20244" s="367"/>
      <c r="D20244" s="367"/>
      <c r="E20244" s="367"/>
      <c r="F20244" s="360"/>
      <c r="G20244" s="360"/>
      <c r="H20244" s="360"/>
      <c r="I20244" s="360"/>
      <c r="J20244" s="367"/>
      <c r="K20244" s="360"/>
      <c r="L20244" s="365"/>
    </row>
    <row r="20245" spans="2:12">
      <c r="B20245" s="367"/>
      <c r="C20245" s="367"/>
      <c r="D20245" s="367"/>
      <c r="E20245" s="367"/>
      <c r="F20245" s="359" t="s">
        <v>14430</v>
      </c>
      <c r="G20245" s="359" t="s">
        <v>14431</v>
      </c>
      <c r="H20245" s="360"/>
      <c r="I20245" s="359" t="s">
        <v>14392</v>
      </c>
      <c r="J20245" s="367"/>
      <c r="K20245" s="360"/>
      <c r="L20245" s="365"/>
    </row>
    <row r="20246" spans="2:12">
      <c r="B20246" s="367"/>
      <c r="C20246" s="367"/>
      <c r="D20246" s="367"/>
      <c r="E20246" s="367"/>
      <c r="F20246" s="360"/>
      <c r="G20246" s="360"/>
      <c r="H20246" s="360"/>
      <c r="I20246" s="360"/>
      <c r="J20246" s="367"/>
      <c r="K20246" s="360"/>
      <c r="L20246" s="365"/>
    </row>
    <row r="20247" spans="2:12">
      <c r="B20247" s="367"/>
      <c r="C20247" s="367"/>
      <c r="D20247" s="367"/>
      <c r="E20247" s="367"/>
      <c r="F20247" s="359" t="s">
        <v>17088</v>
      </c>
      <c r="G20247" s="359" t="s">
        <v>14392</v>
      </c>
      <c r="H20247" s="360"/>
      <c r="I20247" s="359" t="s">
        <v>14373</v>
      </c>
      <c r="J20247" s="367"/>
      <c r="K20247" s="360"/>
      <c r="L20247" s="365"/>
    </row>
    <row r="20248" spans="2:12">
      <c r="B20248" s="367"/>
      <c r="C20248" s="367"/>
      <c r="D20248" s="367"/>
      <c r="E20248" s="367"/>
      <c r="F20248" s="360"/>
      <c r="G20248" s="360"/>
      <c r="H20248" s="360"/>
      <c r="I20248" s="360"/>
      <c r="J20248" s="367"/>
      <c r="K20248" s="360"/>
      <c r="L20248" s="365"/>
    </row>
    <row r="20249" spans="2:12">
      <c r="B20249" s="367"/>
      <c r="C20249" s="367"/>
      <c r="D20249" s="367"/>
      <c r="E20249" s="367"/>
      <c r="F20249" s="359" t="s">
        <v>14371</v>
      </c>
      <c r="G20249" s="359" t="s">
        <v>14372</v>
      </c>
      <c r="H20249" s="360"/>
      <c r="I20249" s="360"/>
      <c r="J20249" s="367"/>
      <c r="K20249" s="360"/>
      <c r="L20249" s="365"/>
    </row>
    <row r="20250" spans="2:12">
      <c r="B20250" s="367"/>
      <c r="C20250" s="367"/>
      <c r="D20250" s="367"/>
      <c r="E20250" s="367"/>
      <c r="F20250" s="360"/>
      <c r="G20250" s="360"/>
      <c r="H20250" s="360"/>
      <c r="I20250" s="360"/>
      <c r="J20250" s="367"/>
      <c r="K20250" s="360"/>
      <c r="L20250" s="365"/>
    </row>
    <row r="20251" spans="2:12" ht="28.5">
      <c r="B20251" s="368"/>
      <c r="C20251" s="368"/>
      <c r="D20251" s="368"/>
      <c r="E20251" s="368"/>
      <c r="F20251" s="361" t="s">
        <v>14374</v>
      </c>
      <c r="G20251" s="361" t="s">
        <v>14373</v>
      </c>
      <c r="H20251" s="362"/>
      <c r="I20251" s="362"/>
      <c r="J20251" s="368"/>
      <c r="K20251" s="362"/>
      <c r="L20251" s="366"/>
    </row>
    <row r="20252" spans="2:12">
      <c r="B20252" s="358" t="s">
        <v>29685</v>
      </c>
      <c r="C20252" s="358" t="s">
        <v>28437</v>
      </c>
      <c r="D20252" s="358" t="s">
        <v>8356</v>
      </c>
      <c r="E20252" s="358" t="s">
        <v>28438</v>
      </c>
      <c r="F20252" s="358" t="s">
        <v>14391</v>
      </c>
      <c r="G20252" s="358" t="s">
        <v>14392</v>
      </c>
      <c r="H20252" s="358" t="s">
        <v>14367</v>
      </c>
      <c r="I20252" s="358" t="s">
        <v>14392</v>
      </c>
      <c r="J20252" s="358"/>
      <c r="K20252" s="358" t="s">
        <v>14557</v>
      </c>
      <c r="L20252" s="358"/>
    </row>
    <row r="20253" spans="2:12">
      <c r="B20253" s="367"/>
      <c r="C20253" s="360"/>
      <c r="D20253" s="367"/>
      <c r="E20253" s="367"/>
      <c r="F20253" s="360"/>
      <c r="G20253" s="360"/>
      <c r="H20253" s="360"/>
      <c r="I20253" s="360"/>
      <c r="J20253" s="365"/>
      <c r="K20253" s="360"/>
      <c r="L20253" s="365"/>
    </row>
    <row r="20254" spans="2:12" ht="28.5">
      <c r="B20254" s="367"/>
      <c r="C20254" s="359" t="s">
        <v>30453</v>
      </c>
      <c r="D20254" s="367"/>
      <c r="E20254" s="367"/>
      <c r="F20254" s="359" t="s">
        <v>14371</v>
      </c>
      <c r="G20254" s="359" t="s">
        <v>14372</v>
      </c>
      <c r="H20254" s="359" t="s">
        <v>14370</v>
      </c>
      <c r="I20254" s="359" t="s">
        <v>14373</v>
      </c>
      <c r="J20254" s="365"/>
      <c r="K20254" s="359" t="s">
        <v>14557</v>
      </c>
      <c r="L20254" s="365"/>
    </row>
    <row r="20255" spans="2:12">
      <c r="B20255" s="367"/>
      <c r="C20255" s="360"/>
      <c r="D20255" s="367"/>
      <c r="E20255" s="367"/>
      <c r="F20255" s="360"/>
      <c r="G20255" s="360"/>
      <c r="H20255" s="360"/>
      <c r="I20255" s="360"/>
      <c r="J20255" s="365"/>
      <c r="K20255" s="360"/>
      <c r="L20255" s="365"/>
    </row>
    <row r="20256" spans="2:12" ht="28.5">
      <c r="B20256" s="368"/>
      <c r="C20256" s="362"/>
      <c r="D20256" s="368"/>
      <c r="E20256" s="368"/>
      <c r="F20256" s="361" t="s">
        <v>14374</v>
      </c>
      <c r="G20256" s="361" t="s">
        <v>14373</v>
      </c>
      <c r="H20256" s="361" t="s">
        <v>14422</v>
      </c>
      <c r="I20256" s="362"/>
      <c r="J20256" s="366"/>
      <c r="K20256" s="362"/>
      <c r="L20256" s="366"/>
    </row>
    <row r="20257" spans="2:12" ht="42.75">
      <c r="B20257" s="358" t="s">
        <v>29686</v>
      </c>
      <c r="C20257" s="358" t="s">
        <v>28439</v>
      </c>
      <c r="D20257" s="358" t="s">
        <v>28440</v>
      </c>
      <c r="E20257" s="358" t="s">
        <v>28441</v>
      </c>
      <c r="F20257" s="358" t="s">
        <v>14424</v>
      </c>
      <c r="G20257" s="358" t="s">
        <v>17083</v>
      </c>
      <c r="H20257" s="358" t="s">
        <v>14381</v>
      </c>
      <c r="I20257" s="358" t="s">
        <v>17083</v>
      </c>
      <c r="J20257" s="358"/>
      <c r="K20257" s="358" t="s">
        <v>29687</v>
      </c>
      <c r="L20257" s="358"/>
    </row>
    <row r="20258" spans="2:12">
      <c r="B20258" s="367"/>
      <c r="C20258" s="367"/>
      <c r="D20258" s="367"/>
      <c r="E20258" s="367"/>
      <c r="F20258" s="367"/>
      <c r="G20258" s="367"/>
      <c r="H20258" s="360"/>
      <c r="I20258" s="367"/>
      <c r="J20258" s="365"/>
      <c r="K20258" s="367"/>
      <c r="L20258" s="365"/>
    </row>
    <row r="20259" spans="2:12">
      <c r="B20259" s="368"/>
      <c r="C20259" s="368"/>
      <c r="D20259" s="368"/>
      <c r="E20259" s="368"/>
      <c r="F20259" s="368"/>
      <c r="G20259" s="368"/>
      <c r="H20259" s="361" t="s">
        <v>14332</v>
      </c>
      <c r="I20259" s="368"/>
      <c r="J20259" s="366"/>
      <c r="K20259" s="368"/>
      <c r="L20259" s="366"/>
    </row>
    <row r="20260" spans="2:12">
      <c r="B20260" s="354" t="s">
        <v>28574</v>
      </c>
      <c r="C20260" s="369"/>
      <c r="D20260" s="369"/>
      <c r="E20260" s="369"/>
      <c r="F20260" s="369"/>
      <c r="G20260" s="369"/>
      <c r="H20260" s="369"/>
      <c r="I20260" s="369"/>
      <c r="J20260" s="369"/>
      <c r="K20260" s="369"/>
      <c r="L20260" s="370"/>
    </row>
    <row r="20261" spans="2:12">
      <c r="B20261" s="358" t="s">
        <v>24911</v>
      </c>
      <c r="C20261" s="358" t="s">
        <v>24912</v>
      </c>
      <c r="D20261" s="358" t="s">
        <v>24913</v>
      </c>
      <c r="E20261" s="358" t="s">
        <v>24914</v>
      </c>
      <c r="F20261" s="358" t="s">
        <v>14700</v>
      </c>
      <c r="G20261" s="358" t="s">
        <v>14380</v>
      </c>
      <c r="H20261" s="358" t="s">
        <v>14378</v>
      </c>
      <c r="I20261" s="358" t="s">
        <v>14380</v>
      </c>
      <c r="J20261" s="358"/>
      <c r="K20261" s="371" t="s">
        <v>24915</v>
      </c>
      <c r="L20261" s="358"/>
    </row>
    <row r="20262" spans="2:12">
      <c r="B20262" s="367"/>
      <c r="C20262" s="360"/>
      <c r="D20262" s="367"/>
      <c r="E20262" s="367"/>
      <c r="F20262" s="360"/>
      <c r="G20262" s="360"/>
      <c r="H20262" s="360"/>
      <c r="I20262" s="360"/>
      <c r="J20262" s="365"/>
      <c r="K20262" s="372"/>
      <c r="L20262" s="365"/>
    </row>
    <row r="20263" spans="2:12" ht="57">
      <c r="B20263" s="367"/>
      <c r="C20263" s="359" t="s">
        <v>24916</v>
      </c>
      <c r="D20263" s="367"/>
      <c r="E20263" s="367"/>
      <c r="F20263" s="359" t="s">
        <v>14700</v>
      </c>
      <c r="G20263" s="359" t="s">
        <v>14531</v>
      </c>
      <c r="H20263" s="359" t="s">
        <v>14370</v>
      </c>
      <c r="I20263" s="359" t="s">
        <v>14531</v>
      </c>
      <c r="J20263" s="365"/>
      <c r="K20263" s="373" t="s">
        <v>28401</v>
      </c>
      <c r="L20263" s="365"/>
    </row>
    <row r="20264" spans="2:12">
      <c r="B20264" s="367"/>
      <c r="C20264" s="360"/>
      <c r="D20264" s="367"/>
      <c r="E20264" s="367"/>
      <c r="F20264" s="360"/>
      <c r="G20264" s="360"/>
      <c r="H20264" s="360"/>
      <c r="I20264" s="360"/>
      <c r="J20264" s="365"/>
      <c r="K20264" s="372"/>
      <c r="L20264" s="365"/>
    </row>
    <row r="20265" spans="2:12">
      <c r="B20265" s="367"/>
      <c r="C20265" s="360"/>
      <c r="D20265" s="367"/>
      <c r="E20265" s="367"/>
      <c r="F20265" s="359" t="s">
        <v>14700</v>
      </c>
      <c r="G20265" s="359" t="s">
        <v>14405</v>
      </c>
      <c r="H20265" s="359" t="s">
        <v>14332</v>
      </c>
      <c r="I20265" s="359" t="s">
        <v>14405</v>
      </c>
      <c r="J20265" s="365"/>
      <c r="K20265" s="373" t="s">
        <v>24917</v>
      </c>
      <c r="L20265" s="365"/>
    </row>
    <row r="20266" spans="2:12">
      <c r="B20266" s="367"/>
      <c r="C20266" s="360"/>
      <c r="D20266" s="367"/>
      <c r="E20266" s="367"/>
      <c r="F20266" s="360"/>
      <c r="G20266" s="360"/>
      <c r="H20266" s="360"/>
      <c r="I20266" s="360"/>
      <c r="J20266" s="365"/>
      <c r="K20266" s="372"/>
      <c r="L20266" s="365"/>
    </row>
    <row r="20267" spans="2:12" ht="28.5">
      <c r="B20267" s="367"/>
      <c r="C20267" s="360"/>
      <c r="D20267" s="367"/>
      <c r="E20267" s="367"/>
      <c r="F20267" s="359" t="s">
        <v>14394</v>
      </c>
      <c r="G20267" s="359" t="s">
        <v>14395</v>
      </c>
      <c r="H20267" s="360"/>
      <c r="I20267" s="359" t="s">
        <v>14395</v>
      </c>
      <c r="J20267" s="365"/>
      <c r="K20267" s="373" t="s">
        <v>28402</v>
      </c>
      <c r="L20267" s="365"/>
    </row>
    <row r="20268" spans="2:12">
      <c r="B20268" s="367"/>
      <c r="C20268" s="360"/>
      <c r="D20268" s="367"/>
      <c r="E20268" s="367"/>
      <c r="F20268" s="360"/>
      <c r="G20268" s="360"/>
      <c r="H20268" s="360"/>
      <c r="I20268" s="360"/>
      <c r="J20268" s="365"/>
      <c r="K20268" s="372"/>
      <c r="L20268" s="365"/>
    </row>
    <row r="20269" spans="2:12">
      <c r="B20269" s="367"/>
      <c r="C20269" s="360"/>
      <c r="D20269" s="367"/>
      <c r="E20269" s="367"/>
      <c r="F20269" s="360"/>
      <c r="G20269" s="360"/>
      <c r="H20269" s="360"/>
      <c r="I20269" s="360"/>
      <c r="J20269" s="365"/>
      <c r="K20269" s="373" t="s">
        <v>24918</v>
      </c>
      <c r="L20269" s="365"/>
    </row>
    <row r="20270" spans="2:12">
      <c r="B20270" s="367"/>
      <c r="C20270" s="360"/>
      <c r="D20270" s="367"/>
      <c r="E20270" s="367"/>
      <c r="F20270" s="360"/>
      <c r="G20270" s="360"/>
      <c r="H20270" s="360"/>
      <c r="I20270" s="360"/>
      <c r="J20270" s="365"/>
      <c r="K20270" s="372"/>
      <c r="L20270" s="365"/>
    </row>
    <row r="20271" spans="2:12" ht="28.5">
      <c r="B20271" s="367"/>
      <c r="C20271" s="360"/>
      <c r="D20271" s="367"/>
      <c r="E20271" s="367"/>
      <c r="F20271" s="360"/>
      <c r="G20271" s="360"/>
      <c r="H20271" s="360"/>
      <c r="I20271" s="360"/>
      <c r="J20271" s="365"/>
      <c r="K20271" s="373" t="s">
        <v>29688</v>
      </c>
      <c r="L20271" s="365"/>
    </row>
    <row r="20272" spans="2:12">
      <c r="B20272" s="368"/>
      <c r="C20272" s="362"/>
      <c r="D20272" s="368"/>
      <c r="E20272" s="368"/>
      <c r="F20272" s="362"/>
      <c r="G20272" s="362"/>
      <c r="H20272" s="362"/>
      <c r="I20272" s="362"/>
      <c r="J20272" s="366"/>
      <c r="K20272" s="362"/>
      <c r="L20272" s="366"/>
    </row>
    <row r="20273" spans="2:12">
      <c r="B20273" s="354" t="s">
        <v>28528</v>
      </c>
      <c r="C20273" s="369"/>
      <c r="D20273" s="369"/>
      <c r="E20273" s="369"/>
      <c r="F20273" s="369"/>
      <c r="G20273" s="369"/>
      <c r="H20273" s="369"/>
      <c r="I20273" s="369"/>
      <c r="J20273" s="369"/>
      <c r="K20273" s="369"/>
      <c r="L20273" s="370"/>
    </row>
    <row r="20274" spans="2:12">
      <c r="B20274" s="358" t="s">
        <v>24919</v>
      </c>
      <c r="C20274" s="358" t="s">
        <v>24920</v>
      </c>
      <c r="D20274" s="358" t="s">
        <v>8356</v>
      </c>
      <c r="E20274" s="358" t="s">
        <v>8356</v>
      </c>
      <c r="F20274" s="358" t="s">
        <v>14379</v>
      </c>
      <c r="G20274" s="358" t="s">
        <v>14380</v>
      </c>
      <c r="H20274" s="358" t="s">
        <v>14378</v>
      </c>
      <c r="I20274" s="358" t="s">
        <v>14380</v>
      </c>
      <c r="J20274" s="358"/>
      <c r="K20274" s="358"/>
      <c r="L20274" s="358" t="s">
        <v>9491</v>
      </c>
    </row>
    <row r="20275" spans="2:12">
      <c r="B20275" s="367"/>
      <c r="C20275" s="367"/>
      <c r="D20275" s="367"/>
      <c r="E20275" s="367"/>
      <c r="F20275" s="360"/>
      <c r="G20275" s="360"/>
      <c r="H20275" s="360"/>
      <c r="I20275" s="360"/>
      <c r="J20275" s="365"/>
      <c r="K20275" s="365"/>
      <c r="L20275" s="367"/>
    </row>
    <row r="20276" spans="2:12">
      <c r="B20276" s="367"/>
      <c r="C20276" s="367"/>
      <c r="D20276" s="367"/>
      <c r="E20276" s="367"/>
      <c r="F20276" s="359" t="s">
        <v>14530</v>
      </c>
      <c r="G20276" s="359" t="s">
        <v>14531</v>
      </c>
      <c r="H20276" s="359" t="s">
        <v>14370</v>
      </c>
      <c r="I20276" s="359" t="s">
        <v>14531</v>
      </c>
      <c r="J20276" s="365"/>
      <c r="K20276" s="365"/>
      <c r="L20276" s="367"/>
    </row>
    <row r="20277" spans="2:12">
      <c r="B20277" s="367"/>
      <c r="C20277" s="367"/>
      <c r="D20277" s="367"/>
      <c r="E20277" s="367"/>
      <c r="F20277" s="360"/>
      <c r="G20277" s="360"/>
      <c r="H20277" s="360"/>
      <c r="I20277" s="360"/>
      <c r="J20277" s="365"/>
      <c r="K20277" s="365"/>
      <c r="L20277" s="367"/>
    </row>
    <row r="20278" spans="2:12">
      <c r="B20278" s="367"/>
      <c r="C20278" s="367"/>
      <c r="D20278" s="367"/>
      <c r="E20278" s="367"/>
      <c r="F20278" s="359" t="s">
        <v>14379</v>
      </c>
      <c r="G20278" s="359" t="s">
        <v>14405</v>
      </c>
      <c r="H20278" s="359" t="s">
        <v>14332</v>
      </c>
      <c r="I20278" s="359" t="s">
        <v>14405</v>
      </c>
      <c r="J20278" s="365"/>
      <c r="K20278" s="365"/>
      <c r="L20278" s="367"/>
    </row>
    <row r="20279" spans="2:12">
      <c r="B20279" s="367"/>
      <c r="C20279" s="367"/>
      <c r="D20279" s="367"/>
      <c r="E20279" s="367"/>
      <c r="F20279" s="360"/>
      <c r="G20279" s="360"/>
      <c r="H20279" s="360"/>
      <c r="I20279" s="360"/>
      <c r="J20279" s="365"/>
      <c r="K20279" s="365"/>
      <c r="L20279" s="367"/>
    </row>
    <row r="20280" spans="2:12" ht="28.5">
      <c r="B20280" s="368"/>
      <c r="C20280" s="368"/>
      <c r="D20280" s="368"/>
      <c r="E20280" s="368"/>
      <c r="F20280" s="361" t="s">
        <v>14394</v>
      </c>
      <c r="G20280" s="361" t="s">
        <v>14395</v>
      </c>
      <c r="H20280" s="362"/>
      <c r="I20280" s="361" t="s">
        <v>14395</v>
      </c>
      <c r="J20280" s="366"/>
      <c r="K20280" s="366"/>
      <c r="L20280" s="368"/>
    </row>
    <row r="20281" spans="2:12">
      <c r="B20281" s="358" t="s">
        <v>24921</v>
      </c>
      <c r="C20281" s="358" t="s">
        <v>24922</v>
      </c>
      <c r="D20281" s="358" t="s">
        <v>24923</v>
      </c>
      <c r="E20281" s="358" t="s">
        <v>24924</v>
      </c>
      <c r="F20281" s="358" t="s">
        <v>14530</v>
      </c>
      <c r="G20281" s="358" t="s">
        <v>14531</v>
      </c>
      <c r="H20281" s="358" t="s">
        <v>14378</v>
      </c>
      <c r="I20281" s="358" t="s">
        <v>14531</v>
      </c>
      <c r="J20281" s="358"/>
      <c r="K20281" s="358"/>
      <c r="L20281" s="358"/>
    </row>
    <row r="20282" spans="2:12">
      <c r="B20282" s="367"/>
      <c r="C20282" s="367"/>
      <c r="D20282" s="367"/>
      <c r="E20282" s="367"/>
      <c r="F20282" s="360"/>
      <c r="G20282" s="360"/>
      <c r="H20282" s="360"/>
      <c r="I20282" s="360"/>
      <c r="J20282" s="365"/>
      <c r="K20282" s="365"/>
      <c r="L20282" s="365"/>
    </row>
    <row r="20283" spans="2:12">
      <c r="B20283" s="367"/>
      <c r="C20283" s="367"/>
      <c r="D20283" s="367"/>
      <c r="E20283" s="367"/>
      <c r="F20283" s="359" t="s">
        <v>14379</v>
      </c>
      <c r="G20283" s="359" t="s">
        <v>14405</v>
      </c>
      <c r="H20283" s="359" t="s">
        <v>14370</v>
      </c>
      <c r="I20283" s="359" t="s">
        <v>14405</v>
      </c>
      <c r="J20283" s="365"/>
      <c r="K20283" s="365"/>
      <c r="L20283" s="365"/>
    </row>
    <row r="20284" spans="2:12">
      <c r="B20284" s="367"/>
      <c r="C20284" s="367"/>
      <c r="D20284" s="367"/>
      <c r="E20284" s="367"/>
      <c r="F20284" s="360"/>
      <c r="G20284" s="360"/>
      <c r="H20284" s="360"/>
      <c r="I20284" s="360"/>
      <c r="J20284" s="365"/>
      <c r="K20284" s="365"/>
      <c r="L20284" s="365"/>
    </row>
    <row r="20285" spans="2:12">
      <c r="B20285" s="367"/>
      <c r="C20285" s="367"/>
      <c r="D20285" s="367"/>
      <c r="E20285" s="367"/>
      <c r="F20285" s="359" t="s">
        <v>14371</v>
      </c>
      <c r="G20285" s="359" t="s">
        <v>14372</v>
      </c>
      <c r="H20285" s="359" t="s">
        <v>14332</v>
      </c>
      <c r="I20285" s="359" t="s">
        <v>14373</v>
      </c>
      <c r="J20285" s="365"/>
      <c r="K20285" s="365"/>
      <c r="L20285" s="365"/>
    </row>
    <row r="20286" spans="2:12">
      <c r="B20286" s="367"/>
      <c r="C20286" s="367"/>
      <c r="D20286" s="367"/>
      <c r="E20286" s="367"/>
      <c r="F20286" s="360"/>
      <c r="G20286" s="360"/>
      <c r="H20286" s="360"/>
      <c r="I20286" s="360"/>
      <c r="J20286" s="365"/>
      <c r="K20286" s="365"/>
      <c r="L20286" s="365"/>
    </row>
    <row r="20287" spans="2:12" ht="28.5">
      <c r="B20287" s="368"/>
      <c r="C20287" s="368"/>
      <c r="D20287" s="368"/>
      <c r="E20287" s="368"/>
      <c r="F20287" s="361" t="s">
        <v>14374</v>
      </c>
      <c r="G20287" s="361" t="s">
        <v>14373</v>
      </c>
      <c r="H20287" s="362"/>
      <c r="I20287" s="362"/>
      <c r="J20287" s="366"/>
      <c r="K20287" s="366"/>
      <c r="L20287" s="366"/>
    </row>
    <row r="20288" spans="2:12">
      <c r="B20288" s="358" t="s">
        <v>24925</v>
      </c>
      <c r="C20288" s="358" t="s">
        <v>24926</v>
      </c>
      <c r="D20288" s="358" t="s">
        <v>8356</v>
      </c>
      <c r="E20288" s="358" t="s">
        <v>8356</v>
      </c>
      <c r="F20288" s="358" t="s">
        <v>14379</v>
      </c>
      <c r="G20288" s="358" t="s">
        <v>14380</v>
      </c>
      <c r="H20288" s="358" t="s">
        <v>14378</v>
      </c>
      <c r="I20288" s="358" t="s">
        <v>14380</v>
      </c>
      <c r="J20288" s="358"/>
      <c r="K20288" s="358"/>
      <c r="L20288" s="358" t="s">
        <v>9491</v>
      </c>
    </row>
    <row r="20289" spans="2:12">
      <c r="B20289" s="367"/>
      <c r="C20289" s="367"/>
      <c r="D20289" s="367"/>
      <c r="E20289" s="367"/>
      <c r="F20289" s="360"/>
      <c r="G20289" s="360"/>
      <c r="H20289" s="360"/>
      <c r="I20289" s="360"/>
      <c r="J20289" s="365"/>
      <c r="K20289" s="365"/>
      <c r="L20289" s="367"/>
    </row>
    <row r="20290" spans="2:12">
      <c r="B20290" s="367"/>
      <c r="C20290" s="367"/>
      <c r="D20290" s="367"/>
      <c r="E20290" s="367"/>
      <c r="F20290" s="359" t="s">
        <v>14379</v>
      </c>
      <c r="G20290" s="359" t="s">
        <v>14405</v>
      </c>
      <c r="H20290" s="359" t="s">
        <v>14370</v>
      </c>
      <c r="I20290" s="359" t="s">
        <v>14405</v>
      </c>
      <c r="J20290" s="365"/>
      <c r="K20290" s="365"/>
      <c r="L20290" s="367"/>
    </row>
    <row r="20291" spans="2:12">
      <c r="B20291" s="367"/>
      <c r="C20291" s="367"/>
      <c r="D20291" s="367"/>
      <c r="E20291" s="367"/>
      <c r="F20291" s="360"/>
      <c r="G20291" s="360"/>
      <c r="H20291" s="360"/>
      <c r="I20291" s="360"/>
      <c r="J20291" s="365"/>
      <c r="K20291" s="365"/>
      <c r="L20291" s="367"/>
    </row>
    <row r="20292" spans="2:12">
      <c r="B20292" s="367"/>
      <c r="C20292" s="367"/>
      <c r="D20292" s="367"/>
      <c r="E20292" s="367"/>
      <c r="F20292" s="359" t="s">
        <v>14371</v>
      </c>
      <c r="G20292" s="359" t="s">
        <v>14372</v>
      </c>
      <c r="H20292" s="359" t="s">
        <v>14332</v>
      </c>
      <c r="I20292" s="359" t="s">
        <v>14373</v>
      </c>
      <c r="J20292" s="365"/>
      <c r="K20292" s="365"/>
      <c r="L20292" s="367"/>
    </row>
    <row r="20293" spans="2:12">
      <c r="B20293" s="367"/>
      <c r="C20293" s="367"/>
      <c r="D20293" s="367"/>
      <c r="E20293" s="367"/>
      <c r="F20293" s="360"/>
      <c r="G20293" s="360"/>
      <c r="H20293" s="360"/>
      <c r="I20293" s="360"/>
      <c r="J20293" s="365"/>
      <c r="K20293" s="365"/>
      <c r="L20293" s="367"/>
    </row>
    <row r="20294" spans="2:12" ht="28.5">
      <c r="B20294" s="368"/>
      <c r="C20294" s="368"/>
      <c r="D20294" s="368"/>
      <c r="E20294" s="368"/>
      <c r="F20294" s="361" t="s">
        <v>14374</v>
      </c>
      <c r="G20294" s="361" t="s">
        <v>14373</v>
      </c>
      <c r="H20294" s="362"/>
      <c r="I20294" s="362"/>
      <c r="J20294" s="366"/>
      <c r="K20294" s="366"/>
      <c r="L20294" s="368"/>
    </row>
    <row r="20295" spans="2:12">
      <c r="B20295" s="358" t="s">
        <v>12642</v>
      </c>
      <c r="C20295" s="358" t="s">
        <v>24927</v>
      </c>
      <c r="D20295" s="358" t="s">
        <v>12643</v>
      </c>
      <c r="E20295" s="358" t="s">
        <v>12644</v>
      </c>
      <c r="F20295" s="358" t="s">
        <v>14889</v>
      </c>
      <c r="G20295" s="358" t="s">
        <v>14890</v>
      </c>
      <c r="H20295" s="358" t="s">
        <v>14378</v>
      </c>
      <c r="I20295" s="358" t="s">
        <v>14890</v>
      </c>
      <c r="J20295" s="358"/>
      <c r="K20295" s="358"/>
      <c r="L20295" s="358"/>
    </row>
    <row r="20296" spans="2:12">
      <c r="B20296" s="367"/>
      <c r="C20296" s="367"/>
      <c r="D20296" s="367"/>
      <c r="E20296" s="367"/>
      <c r="F20296" s="360"/>
      <c r="G20296" s="360"/>
      <c r="H20296" s="360"/>
      <c r="I20296" s="360"/>
      <c r="J20296" s="365"/>
      <c r="K20296" s="365"/>
      <c r="L20296" s="365"/>
    </row>
    <row r="20297" spans="2:12">
      <c r="B20297" s="367"/>
      <c r="C20297" s="367"/>
      <c r="D20297" s="367"/>
      <c r="E20297" s="367"/>
      <c r="F20297" s="359" t="s">
        <v>14379</v>
      </c>
      <c r="G20297" s="359" t="s">
        <v>14405</v>
      </c>
      <c r="H20297" s="359" t="s">
        <v>14381</v>
      </c>
      <c r="I20297" s="359" t="s">
        <v>14405</v>
      </c>
      <c r="J20297" s="365"/>
      <c r="K20297" s="365"/>
      <c r="L20297" s="365"/>
    </row>
    <row r="20298" spans="2:12">
      <c r="B20298" s="367"/>
      <c r="C20298" s="367"/>
      <c r="D20298" s="367"/>
      <c r="E20298" s="367"/>
      <c r="F20298" s="360"/>
      <c r="G20298" s="360"/>
      <c r="H20298" s="360"/>
      <c r="I20298" s="360"/>
      <c r="J20298" s="365"/>
      <c r="K20298" s="365"/>
      <c r="L20298" s="365"/>
    </row>
    <row r="20299" spans="2:12">
      <c r="B20299" s="368"/>
      <c r="C20299" s="368"/>
      <c r="D20299" s="368"/>
      <c r="E20299" s="368"/>
      <c r="F20299" s="362"/>
      <c r="G20299" s="362"/>
      <c r="H20299" s="361" t="s">
        <v>14332</v>
      </c>
      <c r="I20299" s="362"/>
      <c r="J20299" s="366"/>
      <c r="K20299" s="366"/>
      <c r="L20299" s="366"/>
    </row>
    <row r="20300" spans="2:12">
      <c r="B20300" s="358" t="s">
        <v>24928</v>
      </c>
      <c r="C20300" s="358" t="s">
        <v>24929</v>
      </c>
      <c r="D20300" s="358" t="s">
        <v>24930</v>
      </c>
      <c r="E20300" s="358" t="s">
        <v>24931</v>
      </c>
      <c r="F20300" s="358" t="s">
        <v>14379</v>
      </c>
      <c r="G20300" s="358" t="s">
        <v>14380</v>
      </c>
      <c r="H20300" s="358" t="s">
        <v>14378</v>
      </c>
      <c r="I20300" s="358" t="s">
        <v>14380</v>
      </c>
      <c r="J20300" s="358"/>
      <c r="K20300" s="358"/>
      <c r="L20300" s="358"/>
    </row>
    <row r="20301" spans="2:12">
      <c r="B20301" s="367"/>
      <c r="C20301" s="360"/>
      <c r="D20301" s="367"/>
      <c r="E20301" s="367"/>
      <c r="F20301" s="360"/>
      <c r="G20301" s="360"/>
      <c r="H20301" s="360"/>
      <c r="I20301" s="360"/>
      <c r="J20301" s="365"/>
      <c r="K20301" s="365"/>
      <c r="L20301" s="365"/>
    </row>
    <row r="20302" spans="2:12">
      <c r="B20302" s="367"/>
      <c r="C20302" s="359" t="s">
        <v>24932</v>
      </c>
      <c r="D20302" s="367"/>
      <c r="E20302" s="367"/>
      <c r="F20302" s="359" t="s">
        <v>14379</v>
      </c>
      <c r="G20302" s="359" t="s">
        <v>14405</v>
      </c>
      <c r="H20302" s="359" t="s">
        <v>14332</v>
      </c>
      <c r="I20302" s="359" t="s">
        <v>14405</v>
      </c>
      <c r="J20302" s="365"/>
      <c r="K20302" s="365"/>
      <c r="L20302" s="365"/>
    </row>
    <row r="20303" spans="2:12">
      <c r="B20303" s="367"/>
      <c r="C20303" s="360"/>
      <c r="D20303" s="367"/>
      <c r="E20303" s="367"/>
      <c r="F20303" s="360"/>
      <c r="G20303" s="360"/>
      <c r="H20303" s="360"/>
      <c r="I20303" s="360"/>
      <c r="J20303" s="365"/>
      <c r="K20303" s="365"/>
      <c r="L20303" s="365"/>
    </row>
    <row r="20304" spans="2:12" ht="28.5">
      <c r="B20304" s="368"/>
      <c r="C20304" s="362"/>
      <c r="D20304" s="368"/>
      <c r="E20304" s="368"/>
      <c r="F20304" s="361" t="s">
        <v>14472</v>
      </c>
      <c r="G20304" s="361" t="s">
        <v>14473</v>
      </c>
      <c r="H20304" s="362"/>
      <c r="I20304" s="361" t="s">
        <v>14473</v>
      </c>
      <c r="J20304" s="366"/>
      <c r="K20304" s="366"/>
      <c r="L20304" s="366"/>
    </row>
    <row r="20305" spans="2:12" ht="28.5">
      <c r="B20305" s="358" t="s">
        <v>24933</v>
      </c>
      <c r="C20305" s="358" t="s">
        <v>24934</v>
      </c>
      <c r="D20305" s="358" t="s">
        <v>24935</v>
      </c>
      <c r="E20305" s="358" t="s">
        <v>24936</v>
      </c>
      <c r="F20305" s="358" t="s">
        <v>14379</v>
      </c>
      <c r="G20305" s="358" t="s">
        <v>14380</v>
      </c>
      <c r="H20305" s="358" t="s">
        <v>14378</v>
      </c>
      <c r="I20305" s="358" t="s">
        <v>14380</v>
      </c>
      <c r="J20305" s="358"/>
      <c r="K20305" s="358"/>
      <c r="L20305" s="358" t="s">
        <v>9491</v>
      </c>
    </row>
    <row r="20306" spans="2:12">
      <c r="B20306" s="367"/>
      <c r="C20306" s="360"/>
      <c r="D20306" s="360"/>
      <c r="E20306" s="360"/>
      <c r="F20306" s="360"/>
      <c r="G20306" s="360"/>
      <c r="H20306" s="360"/>
      <c r="I20306" s="360"/>
      <c r="J20306" s="365"/>
      <c r="K20306" s="365"/>
      <c r="L20306" s="367"/>
    </row>
    <row r="20307" spans="2:12" ht="28.5">
      <c r="B20307" s="367"/>
      <c r="C20307" s="359" t="s">
        <v>24937</v>
      </c>
      <c r="D20307" s="359" t="s">
        <v>24938</v>
      </c>
      <c r="E20307" s="359" t="s">
        <v>24939</v>
      </c>
      <c r="F20307" s="359" t="s">
        <v>14379</v>
      </c>
      <c r="G20307" s="359" t="s">
        <v>14405</v>
      </c>
      <c r="H20307" s="359" t="s">
        <v>14332</v>
      </c>
      <c r="I20307" s="359" t="s">
        <v>14405</v>
      </c>
      <c r="J20307" s="365"/>
      <c r="K20307" s="365"/>
      <c r="L20307" s="367"/>
    </row>
    <row r="20308" spans="2:12">
      <c r="B20308" s="367"/>
      <c r="C20308" s="360"/>
      <c r="D20308" s="360"/>
      <c r="E20308" s="360"/>
      <c r="F20308" s="360"/>
      <c r="G20308" s="360"/>
      <c r="H20308" s="360"/>
      <c r="I20308" s="360"/>
      <c r="J20308" s="365"/>
      <c r="K20308" s="365"/>
      <c r="L20308" s="367"/>
    </row>
    <row r="20309" spans="2:12" ht="28.5">
      <c r="B20309" s="367"/>
      <c r="C20309" s="359" t="s">
        <v>24940</v>
      </c>
      <c r="D20309" s="359" t="s">
        <v>24941</v>
      </c>
      <c r="E20309" s="359" t="s">
        <v>24942</v>
      </c>
      <c r="F20309" s="359" t="s">
        <v>14472</v>
      </c>
      <c r="G20309" s="359" t="s">
        <v>14473</v>
      </c>
      <c r="H20309" s="360"/>
      <c r="I20309" s="359" t="s">
        <v>14473</v>
      </c>
      <c r="J20309" s="365"/>
      <c r="K20309" s="365"/>
      <c r="L20309" s="367"/>
    </row>
    <row r="20310" spans="2:12">
      <c r="B20310" s="367"/>
      <c r="C20310" s="360"/>
      <c r="D20310" s="360"/>
      <c r="E20310" s="360"/>
      <c r="F20310" s="360"/>
      <c r="G20310" s="360"/>
      <c r="H20310" s="360"/>
      <c r="I20310" s="360"/>
      <c r="J20310" s="365"/>
      <c r="K20310" s="365"/>
      <c r="L20310" s="367"/>
    </row>
    <row r="20311" spans="2:12" ht="42.75">
      <c r="B20311" s="368"/>
      <c r="C20311" s="361" t="s">
        <v>30454</v>
      </c>
      <c r="D20311" s="361" t="s">
        <v>24943</v>
      </c>
      <c r="E20311" s="361" t="s">
        <v>24944</v>
      </c>
      <c r="F20311" s="362"/>
      <c r="G20311" s="362"/>
      <c r="H20311" s="362"/>
      <c r="I20311" s="362"/>
      <c r="J20311" s="366"/>
      <c r="K20311" s="366"/>
      <c r="L20311" s="368"/>
    </row>
    <row r="20312" spans="2:12">
      <c r="B20312" s="358" t="s">
        <v>24945</v>
      </c>
      <c r="C20312" s="358" t="s">
        <v>24946</v>
      </c>
      <c r="D20312" s="358" t="s">
        <v>24947</v>
      </c>
      <c r="E20312" s="358" t="s">
        <v>24948</v>
      </c>
      <c r="F20312" s="358" t="s">
        <v>14379</v>
      </c>
      <c r="G20312" s="358" t="s">
        <v>14380</v>
      </c>
      <c r="H20312" s="358" t="s">
        <v>14378</v>
      </c>
      <c r="I20312" s="358" t="s">
        <v>14380</v>
      </c>
      <c r="J20312" s="358"/>
      <c r="K20312" s="358"/>
      <c r="L20312" s="358"/>
    </row>
    <row r="20313" spans="2:12">
      <c r="B20313" s="367"/>
      <c r="C20313" s="367"/>
      <c r="D20313" s="367"/>
      <c r="E20313" s="367"/>
      <c r="F20313" s="360"/>
      <c r="G20313" s="360"/>
      <c r="H20313" s="360"/>
      <c r="I20313" s="360"/>
      <c r="J20313" s="365"/>
      <c r="K20313" s="365"/>
      <c r="L20313" s="365"/>
    </row>
    <row r="20314" spans="2:12">
      <c r="B20314" s="368"/>
      <c r="C20314" s="368"/>
      <c r="D20314" s="368"/>
      <c r="E20314" s="368"/>
      <c r="F20314" s="361" t="s">
        <v>14379</v>
      </c>
      <c r="G20314" s="361" t="s">
        <v>14405</v>
      </c>
      <c r="H20314" s="361" t="s">
        <v>14332</v>
      </c>
      <c r="I20314" s="361" t="s">
        <v>14405</v>
      </c>
      <c r="J20314" s="366"/>
      <c r="K20314" s="366"/>
      <c r="L20314" s="366"/>
    </row>
    <row r="20315" spans="2:12">
      <c r="B20315" s="358" t="s">
        <v>24949</v>
      </c>
      <c r="C20315" s="358" t="s">
        <v>24950</v>
      </c>
      <c r="D20315" s="358" t="s">
        <v>8356</v>
      </c>
      <c r="E20315" s="358" t="s">
        <v>8356</v>
      </c>
      <c r="F20315" s="358" t="s">
        <v>14379</v>
      </c>
      <c r="G20315" s="358" t="s">
        <v>14380</v>
      </c>
      <c r="H20315" s="358" t="s">
        <v>14378</v>
      </c>
      <c r="I20315" s="358" t="s">
        <v>14380</v>
      </c>
      <c r="J20315" s="358"/>
      <c r="K20315" s="358"/>
      <c r="L20315" s="358" t="s">
        <v>9491</v>
      </c>
    </row>
    <row r="20316" spans="2:12">
      <c r="B20316" s="367"/>
      <c r="C20316" s="367"/>
      <c r="D20316" s="367"/>
      <c r="E20316" s="367"/>
      <c r="F20316" s="360"/>
      <c r="G20316" s="360"/>
      <c r="H20316" s="360"/>
      <c r="I20316" s="360"/>
      <c r="J20316" s="365"/>
      <c r="K20316" s="365"/>
      <c r="L20316" s="367"/>
    </row>
    <row r="20317" spans="2:12">
      <c r="B20317" s="368"/>
      <c r="C20317" s="368"/>
      <c r="D20317" s="368"/>
      <c r="E20317" s="368"/>
      <c r="F20317" s="361" t="s">
        <v>14379</v>
      </c>
      <c r="G20317" s="361" t="s">
        <v>14405</v>
      </c>
      <c r="H20317" s="361" t="s">
        <v>14332</v>
      </c>
      <c r="I20317" s="361" t="s">
        <v>14405</v>
      </c>
      <c r="J20317" s="366"/>
      <c r="K20317" s="366"/>
      <c r="L20317" s="368"/>
    </row>
    <row r="20318" spans="2:12">
      <c r="B20318" s="358" t="s">
        <v>24951</v>
      </c>
      <c r="C20318" s="358" t="s">
        <v>24952</v>
      </c>
      <c r="D20318" s="358" t="s">
        <v>24953</v>
      </c>
      <c r="E20318" s="358" t="s">
        <v>24954</v>
      </c>
      <c r="F20318" s="358" t="s">
        <v>14379</v>
      </c>
      <c r="G20318" s="358" t="s">
        <v>14380</v>
      </c>
      <c r="H20318" s="358" t="s">
        <v>14378</v>
      </c>
      <c r="I20318" s="358" t="s">
        <v>14380</v>
      </c>
      <c r="J20318" s="358"/>
      <c r="K20318" s="358"/>
      <c r="L20318" s="358"/>
    </row>
    <row r="20319" spans="2:12">
      <c r="B20319" s="367"/>
      <c r="C20319" s="367"/>
      <c r="D20319" s="367"/>
      <c r="E20319" s="367"/>
      <c r="F20319" s="360"/>
      <c r="G20319" s="360"/>
      <c r="H20319" s="360"/>
      <c r="I20319" s="360"/>
      <c r="J20319" s="365"/>
      <c r="K20319" s="365"/>
      <c r="L20319" s="365"/>
    </row>
    <row r="20320" spans="2:12">
      <c r="B20320" s="368"/>
      <c r="C20320" s="368"/>
      <c r="D20320" s="368"/>
      <c r="E20320" s="368"/>
      <c r="F20320" s="361" t="s">
        <v>14379</v>
      </c>
      <c r="G20320" s="361" t="s">
        <v>14405</v>
      </c>
      <c r="H20320" s="361" t="s">
        <v>14332</v>
      </c>
      <c r="I20320" s="361" t="s">
        <v>14405</v>
      </c>
      <c r="J20320" s="366"/>
      <c r="K20320" s="366"/>
      <c r="L20320" s="366"/>
    </row>
    <row r="20321" spans="2:12">
      <c r="B20321" s="358" t="s">
        <v>24955</v>
      </c>
      <c r="C20321" s="358" t="s">
        <v>24956</v>
      </c>
      <c r="D20321" s="358" t="s">
        <v>8356</v>
      </c>
      <c r="E20321" s="358" t="s">
        <v>8356</v>
      </c>
      <c r="F20321" s="358" t="s">
        <v>14379</v>
      </c>
      <c r="G20321" s="358" t="s">
        <v>14380</v>
      </c>
      <c r="H20321" s="358" t="s">
        <v>14378</v>
      </c>
      <c r="I20321" s="358" t="s">
        <v>14380</v>
      </c>
      <c r="J20321" s="358"/>
      <c r="K20321" s="358"/>
      <c r="L20321" s="358" t="s">
        <v>9491</v>
      </c>
    </row>
    <row r="20322" spans="2:12">
      <c r="B20322" s="367"/>
      <c r="C20322" s="367"/>
      <c r="D20322" s="367"/>
      <c r="E20322" s="367"/>
      <c r="F20322" s="360"/>
      <c r="G20322" s="360"/>
      <c r="H20322" s="360"/>
      <c r="I20322" s="360"/>
      <c r="J20322" s="365"/>
      <c r="K20322" s="365"/>
      <c r="L20322" s="367"/>
    </row>
    <row r="20323" spans="2:12">
      <c r="B20323" s="368"/>
      <c r="C20323" s="368"/>
      <c r="D20323" s="368"/>
      <c r="E20323" s="368"/>
      <c r="F20323" s="361" t="s">
        <v>14379</v>
      </c>
      <c r="G20323" s="361" t="s">
        <v>14405</v>
      </c>
      <c r="H20323" s="361" t="s">
        <v>14332</v>
      </c>
      <c r="I20323" s="361" t="s">
        <v>14405</v>
      </c>
      <c r="J20323" s="366"/>
      <c r="K20323" s="366"/>
      <c r="L20323" s="368"/>
    </row>
    <row r="20324" spans="2:12">
      <c r="B20324" s="358" t="s">
        <v>24957</v>
      </c>
      <c r="C20324" s="358" t="s">
        <v>24958</v>
      </c>
      <c r="D20324" s="358" t="s">
        <v>24959</v>
      </c>
      <c r="E20324" s="358" t="s">
        <v>24960</v>
      </c>
      <c r="F20324" s="358" t="s">
        <v>14379</v>
      </c>
      <c r="G20324" s="358" t="s">
        <v>14380</v>
      </c>
      <c r="H20324" s="358" t="s">
        <v>14378</v>
      </c>
      <c r="I20324" s="358" t="s">
        <v>14380</v>
      </c>
      <c r="J20324" s="358"/>
      <c r="K20324" s="358"/>
      <c r="L20324" s="358"/>
    </row>
    <row r="20325" spans="2:12">
      <c r="B20325" s="367"/>
      <c r="C20325" s="367"/>
      <c r="D20325" s="367"/>
      <c r="E20325" s="367"/>
      <c r="F20325" s="360"/>
      <c r="G20325" s="360"/>
      <c r="H20325" s="360"/>
      <c r="I20325" s="360"/>
      <c r="J20325" s="365"/>
      <c r="K20325" s="365"/>
      <c r="L20325" s="365"/>
    </row>
    <row r="20326" spans="2:12">
      <c r="B20326" s="368"/>
      <c r="C20326" s="368"/>
      <c r="D20326" s="368"/>
      <c r="E20326" s="368"/>
      <c r="F20326" s="361" t="s">
        <v>14379</v>
      </c>
      <c r="G20326" s="361" t="s">
        <v>14405</v>
      </c>
      <c r="H20326" s="361" t="s">
        <v>14332</v>
      </c>
      <c r="I20326" s="361" t="s">
        <v>14405</v>
      </c>
      <c r="J20326" s="366"/>
      <c r="K20326" s="366"/>
      <c r="L20326" s="366"/>
    </row>
    <row r="20327" spans="2:12">
      <c r="B20327" s="358" t="s">
        <v>24961</v>
      </c>
      <c r="C20327" s="358" t="s">
        <v>24962</v>
      </c>
      <c r="D20327" s="358" t="s">
        <v>8356</v>
      </c>
      <c r="E20327" s="358" t="s">
        <v>8356</v>
      </c>
      <c r="F20327" s="358" t="s">
        <v>14379</v>
      </c>
      <c r="G20327" s="358" t="s">
        <v>14380</v>
      </c>
      <c r="H20327" s="358" t="s">
        <v>14378</v>
      </c>
      <c r="I20327" s="358" t="s">
        <v>14380</v>
      </c>
      <c r="J20327" s="358"/>
      <c r="K20327" s="358"/>
      <c r="L20327" s="358" t="s">
        <v>9491</v>
      </c>
    </row>
    <row r="20328" spans="2:12">
      <c r="B20328" s="367"/>
      <c r="C20328" s="367"/>
      <c r="D20328" s="367"/>
      <c r="E20328" s="367"/>
      <c r="F20328" s="360"/>
      <c r="G20328" s="360"/>
      <c r="H20328" s="360"/>
      <c r="I20328" s="360"/>
      <c r="J20328" s="365"/>
      <c r="K20328" s="365"/>
      <c r="L20328" s="367"/>
    </row>
    <row r="20329" spans="2:12">
      <c r="B20329" s="368"/>
      <c r="C20329" s="368"/>
      <c r="D20329" s="368"/>
      <c r="E20329" s="368"/>
      <c r="F20329" s="361" t="s">
        <v>14379</v>
      </c>
      <c r="G20329" s="361" t="s">
        <v>14405</v>
      </c>
      <c r="H20329" s="361" t="s">
        <v>14332</v>
      </c>
      <c r="I20329" s="361" t="s">
        <v>14405</v>
      </c>
      <c r="J20329" s="366"/>
      <c r="K20329" s="366"/>
      <c r="L20329" s="368"/>
    </row>
    <row r="20330" spans="2:12">
      <c r="B20330" s="358" t="s">
        <v>24963</v>
      </c>
      <c r="C20330" s="358" t="s">
        <v>24964</v>
      </c>
      <c r="D20330" s="358" t="s">
        <v>24965</v>
      </c>
      <c r="E20330" s="358" t="s">
        <v>24966</v>
      </c>
      <c r="F20330" s="358" t="s">
        <v>14379</v>
      </c>
      <c r="G20330" s="358" t="s">
        <v>14380</v>
      </c>
      <c r="H20330" s="358" t="s">
        <v>14378</v>
      </c>
      <c r="I20330" s="358" t="s">
        <v>14380</v>
      </c>
      <c r="J20330" s="358"/>
      <c r="K20330" s="358"/>
      <c r="L20330" s="358"/>
    </row>
    <row r="20331" spans="2:12">
      <c r="B20331" s="367"/>
      <c r="C20331" s="367"/>
      <c r="D20331" s="367"/>
      <c r="E20331" s="367"/>
      <c r="F20331" s="360"/>
      <c r="G20331" s="360"/>
      <c r="H20331" s="360"/>
      <c r="I20331" s="360"/>
      <c r="J20331" s="365"/>
      <c r="K20331" s="365"/>
      <c r="L20331" s="365"/>
    </row>
    <row r="20332" spans="2:12">
      <c r="B20332" s="367"/>
      <c r="C20332" s="367"/>
      <c r="D20332" s="367"/>
      <c r="E20332" s="367"/>
      <c r="F20332" s="359" t="s">
        <v>14530</v>
      </c>
      <c r="G20332" s="359" t="s">
        <v>14531</v>
      </c>
      <c r="H20332" s="359" t="s">
        <v>14332</v>
      </c>
      <c r="I20332" s="359" t="s">
        <v>14531</v>
      </c>
      <c r="J20332" s="365"/>
      <c r="K20332" s="365"/>
      <c r="L20332" s="365"/>
    </row>
    <row r="20333" spans="2:12">
      <c r="B20333" s="367"/>
      <c r="C20333" s="367"/>
      <c r="D20333" s="367"/>
      <c r="E20333" s="367"/>
      <c r="F20333" s="360"/>
      <c r="G20333" s="360"/>
      <c r="H20333" s="360"/>
      <c r="I20333" s="360"/>
      <c r="J20333" s="365"/>
      <c r="K20333" s="365"/>
      <c r="L20333" s="365"/>
    </row>
    <row r="20334" spans="2:12">
      <c r="B20334" s="368"/>
      <c r="C20334" s="368"/>
      <c r="D20334" s="368"/>
      <c r="E20334" s="368"/>
      <c r="F20334" s="361" t="s">
        <v>14379</v>
      </c>
      <c r="G20334" s="361" t="s">
        <v>14405</v>
      </c>
      <c r="H20334" s="362"/>
      <c r="I20334" s="361" t="s">
        <v>14405</v>
      </c>
      <c r="J20334" s="366"/>
      <c r="K20334" s="366"/>
      <c r="L20334" s="366"/>
    </row>
    <row r="20335" spans="2:12">
      <c r="B20335" s="358" t="s">
        <v>24967</v>
      </c>
      <c r="C20335" s="358" t="s">
        <v>24968</v>
      </c>
      <c r="D20335" s="358" t="s">
        <v>8356</v>
      </c>
      <c r="E20335" s="358" t="s">
        <v>8356</v>
      </c>
      <c r="F20335" s="358" t="s">
        <v>14379</v>
      </c>
      <c r="G20335" s="358" t="s">
        <v>14380</v>
      </c>
      <c r="H20335" s="358" t="s">
        <v>14378</v>
      </c>
      <c r="I20335" s="358" t="s">
        <v>14380</v>
      </c>
      <c r="J20335" s="358"/>
      <c r="K20335" s="358"/>
      <c r="L20335" s="358" t="s">
        <v>9491</v>
      </c>
    </row>
    <row r="20336" spans="2:12">
      <c r="B20336" s="367"/>
      <c r="C20336" s="367"/>
      <c r="D20336" s="367"/>
      <c r="E20336" s="367"/>
      <c r="F20336" s="360"/>
      <c r="G20336" s="360"/>
      <c r="H20336" s="360"/>
      <c r="I20336" s="360"/>
      <c r="J20336" s="365"/>
      <c r="K20336" s="365"/>
      <c r="L20336" s="367"/>
    </row>
    <row r="20337" spans="2:12">
      <c r="B20337" s="367"/>
      <c r="C20337" s="367"/>
      <c r="D20337" s="367"/>
      <c r="E20337" s="367"/>
      <c r="F20337" s="359" t="s">
        <v>14530</v>
      </c>
      <c r="G20337" s="359" t="s">
        <v>14531</v>
      </c>
      <c r="H20337" s="359" t="s">
        <v>14332</v>
      </c>
      <c r="I20337" s="359" t="s">
        <v>14531</v>
      </c>
      <c r="J20337" s="365"/>
      <c r="K20337" s="365"/>
      <c r="L20337" s="367"/>
    </row>
    <row r="20338" spans="2:12">
      <c r="B20338" s="367"/>
      <c r="C20338" s="367"/>
      <c r="D20338" s="367"/>
      <c r="E20338" s="367"/>
      <c r="F20338" s="360"/>
      <c r="G20338" s="360"/>
      <c r="H20338" s="360"/>
      <c r="I20338" s="360"/>
      <c r="J20338" s="365"/>
      <c r="K20338" s="365"/>
      <c r="L20338" s="367"/>
    </row>
    <row r="20339" spans="2:12">
      <c r="B20339" s="368"/>
      <c r="C20339" s="368"/>
      <c r="D20339" s="368"/>
      <c r="E20339" s="368"/>
      <c r="F20339" s="361" t="s">
        <v>14379</v>
      </c>
      <c r="G20339" s="361" t="s">
        <v>14405</v>
      </c>
      <c r="H20339" s="362"/>
      <c r="I20339" s="361" t="s">
        <v>14405</v>
      </c>
      <c r="J20339" s="366"/>
      <c r="K20339" s="366"/>
      <c r="L20339" s="368"/>
    </row>
    <row r="20340" spans="2:12">
      <c r="B20340" s="358" t="s">
        <v>24969</v>
      </c>
      <c r="C20340" s="358" t="s">
        <v>24970</v>
      </c>
      <c r="D20340" s="358" t="s">
        <v>24971</v>
      </c>
      <c r="E20340" s="358" t="s">
        <v>24972</v>
      </c>
      <c r="F20340" s="358" t="s">
        <v>14379</v>
      </c>
      <c r="G20340" s="358" t="s">
        <v>14380</v>
      </c>
      <c r="H20340" s="358" t="s">
        <v>14378</v>
      </c>
      <c r="I20340" s="358" t="s">
        <v>14380</v>
      </c>
      <c r="J20340" s="358"/>
      <c r="K20340" s="358"/>
      <c r="L20340" s="358"/>
    </row>
    <row r="20341" spans="2:12">
      <c r="B20341" s="367"/>
      <c r="C20341" s="367"/>
      <c r="D20341" s="367"/>
      <c r="E20341" s="367"/>
      <c r="F20341" s="360"/>
      <c r="G20341" s="360"/>
      <c r="H20341" s="360"/>
      <c r="I20341" s="360"/>
      <c r="J20341" s="365"/>
      <c r="K20341" s="365"/>
      <c r="L20341" s="365"/>
    </row>
    <row r="20342" spans="2:12">
      <c r="B20342" s="368"/>
      <c r="C20342" s="368"/>
      <c r="D20342" s="368"/>
      <c r="E20342" s="368"/>
      <c r="F20342" s="361" t="s">
        <v>14379</v>
      </c>
      <c r="G20342" s="361" t="s">
        <v>14405</v>
      </c>
      <c r="H20342" s="361" t="s">
        <v>14332</v>
      </c>
      <c r="I20342" s="361" t="s">
        <v>14405</v>
      </c>
      <c r="J20342" s="366"/>
      <c r="K20342" s="366"/>
      <c r="L20342" s="366"/>
    </row>
    <row r="20343" spans="2:12">
      <c r="B20343" s="358" t="s">
        <v>24973</v>
      </c>
      <c r="C20343" s="358" t="s">
        <v>24974</v>
      </c>
      <c r="D20343" s="358" t="s">
        <v>8356</v>
      </c>
      <c r="E20343" s="358" t="s">
        <v>8356</v>
      </c>
      <c r="F20343" s="358" t="s">
        <v>14379</v>
      </c>
      <c r="G20343" s="358" t="s">
        <v>14380</v>
      </c>
      <c r="H20343" s="358" t="s">
        <v>14378</v>
      </c>
      <c r="I20343" s="358" t="s">
        <v>14380</v>
      </c>
      <c r="J20343" s="358"/>
      <c r="K20343" s="358"/>
      <c r="L20343" s="358" t="s">
        <v>9491</v>
      </c>
    </row>
    <row r="20344" spans="2:12">
      <c r="B20344" s="367"/>
      <c r="C20344" s="367"/>
      <c r="D20344" s="367"/>
      <c r="E20344" s="367"/>
      <c r="F20344" s="360"/>
      <c r="G20344" s="360"/>
      <c r="H20344" s="360"/>
      <c r="I20344" s="360"/>
      <c r="J20344" s="365"/>
      <c r="K20344" s="365"/>
      <c r="L20344" s="367"/>
    </row>
    <row r="20345" spans="2:12">
      <c r="B20345" s="368"/>
      <c r="C20345" s="368"/>
      <c r="D20345" s="368"/>
      <c r="E20345" s="368"/>
      <c r="F20345" s="361" t="s">
        <v>14379</v>
      </c>
      <c r="G20345" s="361" t="s">
        <v>14405</v>
      </c>
      <c r="H20345" s="361" t="s">
        <v>14332</v>
      </c>
      <c r="I20345" s="361" t="s">
        <v>14405</v>
      </c>
      <c r="J20345" s="366"/>
      <c r="K20345" s="366"/>
      <c r="L20345" s="368"/>
    </row>
    <row r="20346" spans="2:12">
      <c r="B20346" s="358" t="s">
        <v>24975</v>
      </c>
      <c r="C20346" s="358" t="s">
        <v>24976</v>
      </c>
      <c r="D20346" s="358" t="s">
        <v>24977</v>
      </c>
      <c r="E20346" s="358" t="s">
        <v>24978</v>
      </c>
      <c r="F20346" s="358" t="s">
        <v>14420</v>
      </c>
      <c r="G20346" s="358" t="s">
        <v>14429</v>
      </c>
      <c r="H20346" s="358" t="s">
        <v>14367</v>
      </c>
      <c r="I20346" s="358" t="s">
        <v>14429</v>
      </c>
      <c r="J20346" s="358"/>
      <c r="K20346" s="358"/>
      <c r="L20346" s="358"/>
    </row>
    <row r="20347" spans="2:12">
      <c r="B20347" s="367"/>
      <c r="C20347" s="367"/>
      <c r="D20347" s="367"/>
      <c r="E20347" s="367"/>
      <c r="F20347" s="367"/>
      <c r="G20347" s="367"/>
      <c r="H20347" s="360"/>
      <c r="I20347" s="367"/>
      <c r="J20347" s="365"/>
      <c r="K20347" s="365"/>
      <c r="L20347" s="365"/>
    </row>
    <row r="20348" spans="2:12">
      <c r="B20348" s="368"/>
      <c r="C20348" s="368"/>
      <c r="D20348" s="368"/>
      <c r="E20348" s="368"/>
      <c r="F20348" s="368"/>
      <c r="G20348" s="368"/>
      <c r="H20348" s="361" t="s">
        <v>14422</v>
      </c>
      <c r="I20348" s="368"/>
      <c r="J20348" s="366"/>
      <c r="K20348" s="366"/>
      <c r="L20348" s="366"/>
    </row>
    <row r="20349" spans="2:12">
      <c r="B20349" s="358" t="s">
        <v>24979</v>
      </c>
      <c r="C20349" s="358" t="s">
        <v>24980</v>
      </c>
      <c r="D20349" s="358" t="s">
        <v>8356</v>
      </c>
      <c r="E20349" s="358" t="s">
        <v>8356</v>
      </c>
      <c r="F20349" s="358" t="s">
        <v>14420</v>
      </c>
      <c r="G20349" s="358" t="s">
        <v>14429</v>
      </c>
      <c r="H20349" s="358" t="s">
        <v>14367</v>
      </c>
      <c r="I20349" s="358" t="s">
        <v>14429</v>
      </c>
      <c r="J20349" s="358"/>
      <c r="K20349" s="358"/>
      <c r="L20349" s="358" t="s">
        <v>9491</v>
      </c>
    </row>
    <row r="20350" spans="2:12">
      <c r="B20350" s="367"/>
      <c r="C20350" s="367"/>
      <c r="D20350" s="367"/>
      <c r="E20350" s="367"/>
      <c r="F20350" s="367"/>
      <c r="G20350" s="367"/>
      <c r="H20350" s="360"/>
      <c r="I20350" s="367"/>
      <c r="J20350" s="365"/>
      <c r="K20350" s="365"/>
      <c r="L20350" s="367"/>
    </row>
    <row r="20351" spans="2:12">
      <c r="B20351" s="368"/>
      <c r="C20351" s="368"/>
      <c r="D20351" s="368"/>
      <c r="E20351" s="368"/>
      <c r="F20351" s="368"/>
      <c r="G20351" s="368"/>
      <c r="H20351" s="361" t="s">
        <v>14422</v>
      </c>
      <c r="I20351" s="368"/>
      <c r="J20351" s="366"/>
      <c r="K20351" s="366"/>
      <c r="L20351" s="368"/>
    </row>
    <row r="20352" spans="2:12">
      <c r="B20352" s="358" t="s">
        <v>24981</v>
      </c>
      <c r="C20352" s="358" t="s">
        <v>24982</v>
      </c>
      <c r="D20352" s="358" t="s">
        <v>24983</v>
      </c>
      <c r="E20352" s="358" t="s">
        <v>24984</v>
      </c>
      <c r="F20352" s="358" t="s">
        <v>14379</v>
      </c>
      <c r="G20352" s="358" t="s">
        <v>14380</v>
      </c>
      <c r="H20352" s="358" t="s">
        <v>14378</v>
      </c>
      <c r="I20352" s="358" t="s">
        <v>14380</v>
      </c>
      <c r="J20352" s="358"/>
      <c r="K20352" s="358"/>
      <c r="L20352" s="358"/>
    </row>
    <row r="20353" spans="2:12">
      <c r="B20353" s="367"/>
      <c r="C20353" s="367"/>
      <c r="D20353" s="367"/>
      <c r="E20353" s="367"/>
      <c r="F20353" s="360"/>
      <c r="G20353" s="360"/>
      <c r="H20353" s="360"/>
      <c r="I20353" s="360"/>
      <c r="J20353" s="365"/>
      <c r="K20353" s="365"/>
      <c r="L20353" s="365"/>
    </row>
    <row r="20354" spans="2:12">
      <c r="B20354" s="368"/>
      <c r="C20354" s="368"/>
      <c r="D20354" s="368"/>
      <c r="E20354" s="368"/>
      <c r="F20354" s="361" t="s">
        <v>14379</v>
      </c>
      <c r="G20354" s="361" t="s">
        <v>14405</v>
      </c>
      <c r="H20354" s="361" t="s">
        <v>14332</v>
      </c>
      <c r="I20354" s="361" t="s">
        <v>14405</v>
      </c>
      <c r="J20354" s="366"/>
      <c r="K20354" s="366"/>
      <c r="L20354" s="366"/>
    </row>
    <row r="20355" spans="2:12">
      <c r="B20355" s="358" t="s">
        <v>24985</v>
      </c>
      <c r="C20355" s="358" t="s">
        <v>24986</v>
      </c>
      <c r="D20355" s="358" t="s">
        <v>8356</v>
      </c>
      <c r="E20355" s="358" t="s">
        <v>8356</v>
      </c>
      <c r="F20355" s="358" t="s">
        <v>14379</v>
      </c>
      <c r="G20355" s="358" t="s">
        <v>14380</v>
      </c>
      <c r="H20355" s="358" t="s">
        <v>14378</v>
      </c>
      <c r="I20355" s="358" t="s">
        <v>14380</v>
      </c>
      <c r="J20355" s="358"/>
      <c r="K20355" s="358"/>
      <c r="L20355" s="358" t="s">
        <v>9491</v>
      </c>
    </row>
    <row r="20356" spans="2:12">
      <c r="B20356" s="367"/>
      <c r="C20356" s="367"/>
      <c r="D20356" s="367"/>
      <c r="E20356" s="367"/>
      <c r="F20356" s="360"/>
      <c r="G20356" s="360"/>
      <c r="H20356" s="360"/>
      <c r="I20356" s="360"/>
      <c r="J20356" s="365"/>
      <c r="K20356" s="365"/>
      <c r="L20356" s="367"/>
    </row>
    <row r="20357" spans="2:12">
      <c r="B20357" s="368"/>
      <c r="C20357" s="368"/>
      <c r="D20357" s="368"/>
      <c r="E20357" s="368"/>
      <c r="F20357" s="361" t="s">
        <v>14379</v>
      </c>
      <c r="G20357" s="361" t="s">
        <v>14405</v>
      </c>
      <c r="H20357" s="361" t="s">
        <v>14332</v>
      </c>
      <c r="I20357" s="361" t="s">
        <v>14405</v>
      </c>
      <c r="J20357" s="366"/>
      <c r="K20357" s="366"/>
      <c r="L20357" s="368"/>
    </row>
    <row r="20358" spans="2:12">
      <c r="B20358" s="358" t="s">
        <v>24987</v>
      </c>
      <c r="C20358" s="358" t="s">
        <v>24988</v>
      </c>
      <c r="D20358" s="358" t="s">
        <v>24989</v>
      </c>
      <c r="E20358" s="358" t="s">
        <v>24990</v>
      </c>
      <c r="F20358" s="358" t="s">
        <v>14382</v>
      </c>
      <c r="G20358" s="358" t="s">
        <v>14483</v>
      </c>
      <c r="H20358" s="358" t="s">
        <v>14378</v>
      </c>
      <c r="I20358" s="358" t="s">
        <v>14483</v>
      </c>
      <c r="J20358" s="358"/>
      <c r="K20358" s="358"/>
      <c r="L20358" s="358"/>
    </row>
    <row r="20359" spans="2:12">
      <c r="B20359" s="367"/>
      <c r="C20359" s="367"/>
      <c r="D20359" s="367"/>
      <c r="E20359" s="367"/>
      <c r="F20359" s="360"/>
      <c r="G20359" s="360"/>
      <c r="H20359" s="360"/>
      <c r="I20359" s="360"/>
      <c r="J20359" s="365"/>
      <c r="K20359" s="365"/>
      <c r="L20359" s="365"/>
    </row>
    <row r="20360" spans="2:12">
      <c r="B20360" s="367"/>
      <c r="C20360" s="367"/>
      <c r="D20360" s="367"/>
      <c r="E20360" s="367"/>
      <c r="F20360" s="359" t="s">
        <v>14382</v>
      </c>
      <c r="G20360" s="359" t="s">
        <v>14383</v>
      </c>
      <c r="H20360" s="359" t="s">
        <v>14381</v>
      </c>
      <c r="I20360" s="359" t="s">
        <v>14383</v>
      </c>
      <c r="J20360" s="365"/>
      <c r="K20360" s="365"/>
      <c r="L20360" s="365"/>
    </row>
    <row r="20361" spans="2:12">
      <c r="B20361" s="367"/>
      <c r="C20361" s="367"/>
      <c r="D20361" s="367"/>
      <c r="E20361" s="367"/>
      <c r="F20361" s="360"/>
      <c r="G20361" s="360"/>
      <c r="H20361" s="360"/>
      <c r="I20361" s="360"/>
      <c r="J20361" s="365"/>
      <c r="K20361" s="365"/>
      <c r="L20361" s="365"/>
    </row>
    <row r="20362" spans="2:12">
      <c r="B20362" s="368"/>
      <c r="C20362" s="368"/>
      <c r="D20362" s="368"/>
      <c r="E20362" s="368"/>
      <c r="F20362" s="361" t="s">
        <v>14460</v>
      </c>
      <c r="G20362" s="361" t="s">
        <v>14519</v>
      </c>
      <c r="H20362" s="361" t="s">
        <v>14332</v>
      </c>
      <c r="I20362" s="361" t="s">
        <v>14519</v>
      </c>
      <c r="J20362" s="366"/>
      <c r="K20362" s="366"/>
      <c r="L20362" s="366"/>
    </row>
    <row r="20363" spans="2:12">
      <c r="B20363" s="358" t="s">
        <v>24991</v>
      </c>
      <c r="C20363" s="358" t="s">
        <v>24992</v>
      </c>
      <c r="D20363" s="358" t="s">
        <v>24993</v>
      </c>
      <c r="E20363" s="358" t="s">
        <v>24994</v>
      </c>
      <c r="F20363" s="358" t="s">
        <v>14420</v>
      </c>
      <c r="G20363" s="358" t="s">
        <v>14429</v>
      </c>
      <c r="H20363" s="358" t="s">
        <v>14367</v>
      </c>
      <c r="I20363" s="358" t="s">
        <v>14429</v>
      </c>
      <c r="J20363" s="358"/>
      <c r="K20363" s="358"/>
      <c r="L20363" s="358"/>
    </row>
    <row r="20364" spans="2:12">
      <c r="B20364" s="367"/>
      <c r="C20364" s="367"/>
      <c r="D20364" s="367"/>
      <c r="E20364" s="367"/>
      <c r="F20364" s="367"/>
      <c r="G20364" s="367"/>
      <c r="H20364" s="360"/>
      <c r="I20364" s="367"/>
      <c r="J20364" s="365"/>
      <c r="K20364" s="365"/>
      <c r="L20364" s="365"/>
    </row>
    <row r="20365" spans="2:12">
      <c r="B20365" s="368"/>
      <c r="C20365" s="368"/>
      <c r="D20365" s="368"/>
      <c r="E20365" s="368"/>
      <c r="F20365" s="368"/>
      <c r="G20365" s="368"/>
      <c r="H20365" s="361" t="s">
        <v>14422</v>
      </c>
      <c r="I20365" s="368"/>
      <c r="J20365" s="366"/>
      <c r="K20365" s="366"/>
      <c r="L20365" s="366"/>
    </row>
    <row r="20366" spans="2:12">
      <c r="B20366" s="358" t="s">
        <v>24995</v>
      </c>
      <c r="C20366" s="358" t="s">
        <v>24996</v>
      </c>
      <c r="D20366" s="358" t="s">
        <v>8356</v>
      </c>
      <c r="E20366" s="358" t="s">
        <v>8356</v>
      </c>
      <c r="F20366" s="358" t="s">
        <v>14420</v>
      </c>
      <c r="G20366" s="358" t="s">
        <v>14429</v>
      </c>
      <c r="H20366" s="358" t="s">
        <v>14367</v>
      </c>
      <c r="I20366" s="358" t="s">
        <v>14429</v>
      </c>
      <c r="J20366" s="358"/>
      <c r="K20366" s="358"/>
      <c r="L20366" s="358" t="s">
        <v>9491</v>
      </c>
    </row>
    <row r="20367" spans="2:12">
      <c r="B20367" s="367"/>
      <c r="C20367" s="367"/>
      <c r="D20367" s="367"/>
      <c r="E20367" s="367"/>
      <c r="F20367" s="367"/>
      <c r="G20367" s="367"/>
      <c r="H20367" s="360"/>
      <c r="I20367" s="367"/>
      <c r="J20367" s="365"/>
      <c r="K20367" s="365"/>
      <c r="L20367" s="367"/>
    </row>
    <row r="20368" spans="2:12">
      <c r="B20368" s="368"/>
      <c r="C20368" s="368"/>
      <c r="D20368" s="368"/>
      <c r="E20368" s="368"/>
      <c r="F20368" s="368"/>
      <c r="G20368" s="368"/>
      <c r="H20368" s="361" t="s">
        <v>14422</v>
      </c>
      <c r="I20368" s="368"/>
      <c r="J20368" s="366"/>
      <c r="K20368" s="366"/>
      <c r="L20368" s="368"/>
    </row>
    <row r="20369" spans="2:12">
      <c r="B20369" s="358" t="s">
        <v>24997</v>
      </c>
      <c r="C20369" s="358" t="s">
        <v>24998</v>
      </c>
      <c r="D20369" s="358" t="s">
        <v>24999</v>
      </c>
      <c r="E20369" s="358" t="s">
        <v>25000</v>
      </c>
      <c r="F20369" s="358" t="s">
        <v>14382</v>
      </c>
      <c r="G20369" s="358" t="s">
        <v>14483</v>
      </c>
      <c r="H20369" s="358" t="s">
        <v>14378</v>
      </c>
      <c r="I20369" s="358" t="s">
        <v>14483</v>
      </c>
      <c r="J20369" s="358"/>
      <c r="K20369" s="358"/>
      <c r="L20369" s="358"/>
    </row>
    <row r="20370" spans="2:12">
      <c r="B20370" s="367"/>
      <c r="C20370" s="367"/>
      <c r="D20370" s="367"/>
      <c r="E20370" s="367"/>
      <c r="F20370" s="360"/>
      <c r="G20370" s="360"/>
      <c r="H20370" s="360"/>
      <c r="I20370" s="360"/>
      <c r="J20370" s="365"/>
      <c r="K20370" s="365"/>
      <c r="L20370" s="365"/>
    </row>
    <row r="20371" spans="2:12">
      <c r="B20371" s="367"/>
      <c r="C20371" s="367"/>
      <c r="D20371" s="367"/>
      <c r="E20371" s="367"/>
      <c r="F20371" s="359" t="s">
        <v>14382</v>
      </c>
      <c r="G20371" s="359" t="s">
        <v>14383</v>
      </c>
      <c r="H20371" s="359" t="s">
        <v>14381</v>
      </c>
      <c r="I20371" s="359" t="s">
        <v>14383</v>
      </c>
      <c r="J20371" s="365"/>
      <c r="K20371" s="365"/>
      <c r="L20371" s="365"/>
    </row>
    <row r="20372" spans="2:12">
      <c r="B20372" s="367"/>
      <c r="C20372" s="367"/>
      <c r="D20372" s="367"/>
      <c r="E20372" s="367"/>
      <c r="F20372" s="360"/>
      <c r="G20372" s="360"/>
      <c r="H20372" s="360"/>
      <c r="I20372" s="360"/>
      <c r="J20372" s="365"/>
      <c r="K20372" s="365"/>
      <c r="L20372" s="365"/>
    </row>
    <row r="20373" spans="2:12">
      <c r="B20373" s="368"/>
      <c r="C20373" s="368"/>
      <c r="D20373" s="368"/>
      <c r="E20373" s="368"/>
      <c r="F20373" s="361" t="s">
        <v>14460</v>
      </c>
      <c r="G20373" s="361" t="s">
        <v>14519</v>
      </c>
      <c r="H20373" s="361" t="s">
        <v>14332</v>
      </c>
      <c r="I20373" s="361" t="s">
        <v>14519</v>
      </c>
      <c r="J20373" s="366"/>
      <c r="K20373" s="366"/>
      <c r="L20373" s="366"/>
    </row>
    <row r="20374" spans="2:12">
      <c r="B20374" s="358" t="s">
        <v>25001</v>
      </c>
      <c r="C20374" s="358" t="s">
        <v>25002</v>
      </c>
      <c r="D20374" s="358" t="s">
        <v>25003</v>
      </c>
      <c r="E20374" s="358" t="s">
        <v>25004</v>
      </c>
      <c r="F20374" s="358" t="s">
        <v>14382</v>
      </c>
      <c r="G20374" s="358" t="s">
        <v>14483</v>
      </c>
      <c r="H20374" s="358" t="s">
        <v>14378</v>
      </c>
      <c r="I20374" s="358" t="s">
        <v>14483</v>
      </c>
      <c r="J20374" s="358"/>
      <c r="K20374" s="358"/>
      <c r="L20374" s="358"/>
    </row>
    <row r="20375" spans="2:12">
      <c r="B20375" s="367"/>
      <c r="C20375" s="367"/>
      <c r="D20375" s="367"/>
      <c r="E20375" s="367"/>
      <c r="F20375" s="360"/>
      <c r="G20375" s="360"/>
      <c r="H20375" s="360"/>
      <c r="I20375" s="360"/>
      <c r="J20375" s="365"/>
      <c r="K20375" s="365"/>
      <c r="L20375" s="365"/>
    </row>
    <row r="20376" spans="2:12">
      <c r="B20376" s="367"/>
      <c r="C20376" s="367"/>
      <c r="D20376" s="367"/>
      <c r="E20376" s="367"/>
      <c r="F20376" s="359" t="s">
        <v>14382</v>
      </c>
      <c r="G20376" s="359" t="s">
        <v>14383</v>
      </c>
      <c r="H20376" s="359" t="s">
        <v>14381</v>
      </c>
      <c r="I20376" s="359" t="s">
        <v>14383</v>
      </c>
      <c r="J20376" s="365"/>
      <c r="K20376" s="365"/>
      <c r="L20376" s="365"/>
    </row>
    <row r="20377" spans="2:12">
      <c r="B20377" s="367"/>
      <c r="C20377" s="367"/>
      <c r="D20377" s="367"/>
      <c r="E20377" s="367"/>
      <c r="F20377" s="360"/>
      <c r="G20377" s="360"/>
      <c r="H20377" s="360"/>
      <c r="I20377" s="360"/>
      <c r="J20377" s="365"/>
      <c r="K20377" s="365"/>
      <c r="L20377" s="365"/>
    </row>
    <row r="20378" spans="2:12">
      <c r="B20378" s="368"/>
      <c r="C20378" s="368"/>
      <c r="D20378" s="368"/>
      <c r="E20378" s="368"/>
      <c r="F20378" s="361" t="s">
        <v>14460</v>
      </c>
      <c r="G20378" s="361" t="s">
        <v>14519</v>
      </c>
      <c r="H20378" s="361" t="s">
        <v>14332</v>
      </c>
      <c r="I20378" s="361" t="s">
        <v>14519</v>
      </c>
      <c r="J20378" s="366"/>
      <c r="K20378" s="366"/>
      <c r="L20378" s="366"/>
    </row>
    <row r="20379" spans="2:12" ht="28.5">
      <c r="B20379" s="358" t="s">
        <v>25005</v>
      </c>
      <c r="C20379" s="358" t="s">
        <v>25006</v>
      </c>
      <c r="D20379" s="358" t="s">
        <v>25007</v>
      </c>
      <c r="E20379" s="358" t="s">
        <v>25008</v>
      </c>
      <c r="F20379" s="358" t="s">
        <v>14379</v>
      </c>
      <c r="G20379" s="358" t="s">
        <v>14405</v>
      </c>
      <c r="H20379" s="358" t="s">
        <v>14378</v>
      </c>
      <c r="I20379" s="358" t="s">
        <v>14405</v>
      </c>
      <c r="J20379" s="358"/>
      <c r="K20379" s="358"/>
      <c r="L20379" s="358"/>
    </row>
    <row r="20380" spans="2:12">
      <c r="B20380" s="367"/>
      <c r="C20380" s="360"/>
      <c r="D20380" s="367"/>
      <c r="E20380" s="367"/>
      <c r="F20380" s="367"/>
      <c r="G20380" s="367"/>
      <c r="H20380" s="360"/>
      <c r="I20380" s="367"/>
      <c r="J20380" s="365"/>
      <c r="K20380" s="365"/>
      <c r="L20380" s="365"/>
    </row>
    <row r="20381" spans="2:12">
      <c r="B20381" s="367"/>
      <c r="C20381" s="359" t="s">
        <v>25009</v>
      </c>
      <c r="D20381" s="367"/>
      <c r="E20381" s="367"/>
      <c r="F20381" s="367"/>
      <c r="G20381" s="367"/>
      <c r="H20381" s="359" t="s">
        <v>14332</v>
      </c>
      <c r="I20381" s="367"/>
      <c r="J20381" s="365"/>
      <c r="K20381" s="365"/>
      <c r="L20381" s="365"/>
    </row>
    <row r="20382" spans="2:12">
      <c r="B20382" s="367"/>
      <c r="C20382" s="360"/>
      <c r="D20382" s="367"/>
      <c r="E20382" s="367"/>
      <c r="F20382" s="367"/>
      <c r="G20382" s="367"/>
      <c r="H20382" s="360"/>
      <c r="I20382" s="367"/>
      <c r="J20382" s="365"/>
      <c r="K20382" s="365"/>
      <c r="L20382" s="365"/>
    </row>
    <row r="20383" spans="2:12">
      <c r="B20383" s="368"/>
      <c r="C20383" s="361" t="s">
        <v>25010</v>
      </c>
      <c r="D20383" s="368"/>
      <c r="E20383" s="368"/>
      <c r="F20383" s="368"/>
      <c r="G20383" s="368"/>
      <c r="H20383" s="362"/>
      <c r="I20383" s="368"/>
      <c r="J20383" s="366"/>
      <c r="K20383" s="366"/>
      <c r="L20383" s="366"/>
    </row>
    <row r="20384" spans="2:12" ht="28.5">
      <c r="B20384" s="358" t="s">
        <v>25011</v>
      </c>
      <c r="C20384" s="358" t="s">
        <v>25012</v>
      </c>
      <c r="D20384" s="358" t="s">
        <v>25013</v>
      </c>
      <c r="E20384" s="358" t="s">
        <v>8356</v>
      </c>
      <c r="F20384" s="358" t="s">
        <v>14430</v>
      </c>
      <c r="G20384" s="358" t="s">
        <v>14431</v>
      </c>
      <c r="H20384" s="358" t="s">
        <v>14341</v>
      </c>
      <c r="I20384" s="358" t="s">
        <v>14431</v>
      </c>
      <c r="J20384" s="358"/>
      <c r="K20384" s="358"/>
      <c r="L20384" s="358"/>
    </row>
    <row r="20385" spans="2:12">
      <c r="B20385" s="367"/>
      <c r="C20385" s="360"/>
      <c r="D20385" s="367"/>
      <c r="E20385" s="367"/>
      <c r="F20385" s="367"/>
      <c r="G20385" s="367"/>
      <c r="H20385" s="360"/>
      <c r="I20385" s="367"/>
      <c r="J20385" s="365"/>
      <c r="K20385" s="365"/>
      <c r="L20385" s="365"/>
    </row>
    <row r="20386" spans="2:12">
      <c r="B20386" s="368"/>
      <c r="C20386" s="361" t="s">
        <v>25014</v>
      </c>
      <c r="D20386" s="368"/>
      <c r="E20386" s="368"/>
      <c r="F20386" s="368"/>
      <c r="G20386" s="368"/>
      <c r="H20386" s="361" t="s">
        <v>14332</v>
      </c>
      <c r="I20386" s="368"/>
      <c r="J20386" s="366"/>
      <c r="K20386" s="366"/>
      <c r="L20386" s="366"/>
    </row>
    <row r="20387" spans="2:12" ht="28.5">
      <c r="B20387" s="358" t="s">
        <v>25015</v>
      </c>
      <c r="C20387" s="358" t="s">
        <v>27980</v>
      </c>
      <c r="D20387" s="358" t="s">
        <v>25016</v>
      </c>
      <c r="E20387" s="358" t="s">
        <v>25017</v>
      </c>
      <c r="F20387" s="358" t="s">
        <v>14420</v>
      </c>
      <c r="G20387" s="358" t="s">
        <v>14429</v>
      </c>
      <c r="H20387" s="358" t="s">
        <v>14367</v>
      </c>
      <c r="I20387" s="358" t="s">
        <v>14429</v>
      </c>
      <c r="J20387" s="358"/>
      <c r="K20387" s="358"/>
      <c r="L20387" s="358"/>
    </row>
    <row r="20388" spans="2:12">
      <c r="B20388" s="367"/>
      <c r="C20388" s="360"/>
      <c r="D20388" s="367"/>
      <c r="E20388" s="367"/>
      <c r="F20388" s="367"/>
      <c r="G20388" s="367"/>
      <c r="H20388" s="360"/>
      <c r="I20388" s="367"/>
      <c r="J20388" s="365"/>
      <c r="K20388" s="365"/>
      <c r="L20388" s="365"/>
    </row>
    <row r="20389" spans="2:12" ht="28.5">
      <c r="B20389" s="367"/>
      <c r="C20389" s="359" t="s">
        <v>27981</v>
      </c>
      <c r="D20389" s="367"/>
      <c r="E20389" s="367"/>
      <c r="F20389" s="367"/>
      <c r="G20389" s="367"/>
      <c r="H20389" s="359" t="s">
        <v>14422</v>
      </c>
      <c r="I20389" s="367"/>
      <c r="J20389" s="365"/>
      <c r="K20389" s="365"/>
      <c r="L20389" s="365"/>
    </row>
    <row r="20390" spans="2:12">
      <c r="B20390" s="367"/>
      <c r="C20390" s="360"/>
      <c r="D20390" s="367"/>
      <c r="E20390" s="367"/>
      <c r="F20390" s="367"/>
      <c r="G20390" s="367"/>
      <c r="H20390" s="360"/>
      <c r="I20390" s="367"/>
      <c r="J20390" s="365"/>
      <c r="K20390" s="365"/>
      <c r="L20390" s="365"/>
    </row>
    <row r="20391" spans="2:12" ht="28.5">
      <c r="B20391" s="368"/>
      <c r="C20391" s="361" t="s">
        <v>27982</v>
      </c>
      <c r="D20391" s="368"/>
      <c r="E20391" s="368"/>
      <c r="F20391" s="368"/>
      <c r="G20391" s="368"/>
      <c r="H20391" s="362"/>
      <c r="I20391" s="368"/>
      <c r="J20391" s="366"/>
      <c r="K20391" s="366"/>
      <c r="L20391" s="366"/>
    </row>
    <row r="20392" spans="2:12">
      <c r="B20392" s="358" t="s">
        <v>25018</v>
      </c>
      <c r="C20392" s="358" t="s">
        <v>25019</v>
      </c>
      <c r="D20392" s="358" t="s">
        <v>25020</v>
      </c>
      <c r="E20392" s="358" t="s">
        <v>25021</v>
      </c>
      <c r="F20392" s="358" t="s">
        <v>14505</v>
      </c>
      <c r="G20392" s="358" t="s">
        <v>14506</v>
      </c>
      <c r="H20392" s="358" t="s">
        <v>14328</v>
      </c>
      <c r="I20392" s="358" t="s">
        <v>14506</v>
      </c>
      <c r="J20392" s="358"/>
      <c r="K20392" s="358"/>
      <c r="L20392" s="358"/>
    </row>
    <row r="20393" spans="2:12">
      <c r="B20393" s="367"/>
      <c r="C20393" s="367"/>
      <c r="D20393" s="367"/>
      <c r="E20393" s="367"/>
      <c r="F20393" s="360"/>
      <c r="G20393" s="360"/>
      <c r="H20393" s="360"/>
      <c r="I20393" s="360"/>
      <c r="J20393" s="365"/>
      <c r="K20393" s="365"/>
      <c r="L20393" s="365"/>
    </row>
    <row r="20394" spans="2:12" ht="28.5">
      <c r="B20394" s="367"/>
      <c r="C20394" s="367"/>
      <c r="D20394" s="367"/>
      <c r="E20394" s="367"/>
      <c r="F20394" s="359" t="s">
        <v>14507</v>
      </c>
      <c r="G20394" s="359" t="s">
        <v>28814</v>
      </c>
      <c r="H20394" s="359" t="s">
        <v>14378</v>
      </c>
      <c r="I20394" s="359" t="s">
        <v>28814</v>
      </c>
      <c r="J20394" s="365"/>
      <c r="K20394" s="365"/>
      <c r="L20394" s="365"/>
    </row>
    <row r="20395" spans="2:12">
      <c r="B20395" s="367"/>
      <c r="C20395" s="367"/>
      <c r="D20395" s="367"/>
      <c r="E20395" s="367"/>
      <c r="F20395" s="360"/>
      <c r="G20395" s="360"/>
      <c r="H20395" s="360"/>
      <c r="I20395" s="360"/>
      <c r="J20395" s="365"/>
      <c r="K20395" s="365"/>
      <c r="L20395" s="365"/>
    </row>
    <row r="20396" spans="2:12">
      <c r="B20396" s="367"/>
      <c r="C20396" s="367"/>
      <c r="D20396" s="367"/>
      <c r="E20396" s="367"/>
      <c r="F20396" s="359" t="s">
        <v>14379</v>
      </c>
      <c r="G20396" s="359" t="s">
        <v>14579</v>
      </c>
      <c r="H20396" s="359" t="s">
        <v>14341</v>
      </c>
      <c r="I20396" s="359" t="s">
        <v>14579</v>
      </c>
      <c r="J20396" s="365"/>
      <c r="K20396" s="365"/>
      <c r="L20396" s="365"/>
    </row>
    <row r="20397" spans="2:12">
      <c r="B20397" s="367"/>
      <c r="C20397" s="367"/>
      <c r="D20397" s="367"/>
      <c r="E20397" s="367"/>
      <c r="F20397" s="360"/>
      <c r="G20397" s="360"/>
      <c r="H20397" s="360"/>
      <c r="I20397" s="360"/>
      <c r="J20397" s="365"/>
      <c r="K20397" s="365"/>
      <c r="L20397" s="365"/>
    </row>
    <row r="20398" spans="2:12">
      <c r="B20398" s="367"/>
      <c r="C20398" s="367"/>
      <c r="D20398" s="367"/>
      <c r="E20398" s="367"/>
      <c r="F20398" s="359" t="s">
        <v>14382</v>
      </c>
      <c r="G20398" s="359" t="s">
        <v>14383</v>
      </c>
      <c r="H20398" s="359" t="s">
        <v>14381</v>
      </c>
      <c r="I20398" s="359" t="s">
        <v>14383</v>
      </c>
      <c r="J20398" s="365"/>
      <c r="K20398" s="365"/>
      <c r="L20398" s="365"/>
    </row>
    <row r="20399" spans="2:12">
      <c r="B20399" s="367"/>
      <c r="C20399" s="367"/>
      <c r="D20399" s="367"/>
      <c r="E20399" s="367"/>
      <c r="F20399" s="360"/>
      <c r="G20399" s="360"/>
      <c r="H20399" s="360"/>
      <c r="I20399" s="360"/>
      <c r="J20399" s="365"/>
      <c r="K20399" s="365"/>
      <c r="L20399" s="365"/>
    </row>
    <row r="20400" spans="2:12">
      <c r="B20400" s="367"/>
      <c r="C20400" s="367"/>
      <c r="D20400" s="367"/>
      <c r="E20400" s="367"/>
      <c r="F20400" s="359" t="s">
        <v>14382</v>
      </c>
      <c r="G20400" s="359" t="s">
        <v>14815</v>
      </c>
      <c r="H20400" s="359" t="s">
        <v>14332</v>
      </c>
      <c r="I20400" s="359" t="s">
        <v>14815</v>
      </c>
      <c r="J20400" s="365"/>
      <c r="K20400" s="365"/>
      <c r="L20400" s="365"/>
    </row>
    <row r="20401" spans="2:12">
      <c r="B20401" s="367"/>
      <c r="C20401" s="367"/>
      <c r="D20401" s="367"/>
      <c r="E20401" s="367"/>
      <c r="F20401" s="360"/>
      <c r="G20401" s="360"/>
      <c r="H20401" s="360"/>
      <c r="I20401" s="360"/>
      <c r="J20401" s="365"/>
      <c r="K20401" s="365"/>
      <c r="L20401" s="365"/>
    </row>
    <row r="20402" spans="2:12">
      <c r="B20402" s="367"/>
      <c r="C20402" s="367"/>
      <c r="D20402" s="367"/>
      <c r="E20402" s="367"/>
      <c r="F20402" s="359" t="s">
        <v>14814</v>
      </c>
      <c r="G20402" s="359" t="s">
        <v>14392</v>
      </c>
      <c r="H20402" s="360"/>
      <c r="I20402" s="359" t="s">
        <v>14392</v>
      </c>
      <c r="J20402" s="365"/>
      <c r="K20402" s="365"/>
      <c r="L20402" s="365"/>
    </row>
    <row r="20403" spans="2:12">
      <c r="B20403" s="367"/>
      <c r="C20403" s="367"/>
      <c r="D20403" s="367"/>
      <c r="E20403" s="367"/>
      <c r="F20403" s="360"/>
      <c r="G20403" s="360"/>
      <c r="H20403" s="360"/>
      <c r="I20403" s="360"/>
      <c r="J20403" s="365"/>
      <c r="K20403" s="365"/>
      <c r="L20403" s="365"/>
    </row>
    <row r="20404" spans="2:12">
      <c r="B20404" s="367"/>
      <c r="C20404" s="367"/>
      <c r="D20404" s="367"/>
      <c r="E20404" s="367"/>
      <c r="F20404" s="359" t="s">
        <v>14391</v>
      </c>
      <c r="G20404" s="359" t="s">
        <v>14388</v>
      </c>
      <c r="H20404" s="360"/>
      <c r="I20404" s="359" t="s">
        <v>14388</v>
      </c>
      <c r="J20404" s="365"/>
      <c r="K20404" s="365"/>
      <c r="L20404" s="365"/>
    </row>
    <row r="20405" spans="2:12">
      <c r="B20405" s="367"/>
      <c r="C20405" s="367"/>
      <c r="D20405" s="367"/>
      <c r="E20405" s="367"/>
      <c r="F20405" s="360"/>
      <c r="G20405" s="360"/>
      <c r="H20405" s="360"/>
      <c r="I20405" s="360"/>
      <c r="J20405" s="365"/>
      <c r="K20405" s="365"/>
      <c r="L20405" s="365"/>
    </row>
    <row r="20406" spans="2:12">
      <c r="B20406" s="367"/>
      <c r="C20406" s="367"/>
      <c r="D20406" s="367"/>
      <c r="E20406" s="367"/>
      <c r="F20406" s="359" t="s">
        <v>14368</v>
      </c>
      <c r="G20406" s="359" t="s">
        <v>14390</v>
      </c>
      <c r="H20406" s="360"/>
      <c r="I20406" s="359" t="s">
        <v>14390</v>
      </c>
      <c r="J20406" s="365"/>
      <c r="K20406" s="365"/>
      <c r="L20406" s="365"/>
    </row>
    <row r="20407" spans="2:12">
      <c r="B20407" s="367"/>
      <c r="C20407" s="367"/>
      <c r="D20407" s="367"/>
      <c r="E20407" s="367"/>
      <c r="F20407" s="360"/>
      <c r="G20407" s="360"/>
      <c r="H20407" s="360"/>
      <c r="I20407" s="360"/>
      <c r="J20407" s="365"/>
      <c r="K20407" s="365"/>
      <c r="L20407" s="365"/>
    </row>
    <row r="20408" spans="2:12">
      <c r="B20408" s="367"/>
      <c r="C20408" s="367"/>
      <c r="D20408" s="367"/>
      <c r="E20408" s="367"/>
      <c r="F20408" s="359" t="s">
        <v>14389</v>
      </c>
      <c r="G20408" s="359" t="s">
        <v>14431</v>
      </c>
      <c r="H20408" s="360"/>
      <c r="I20408" s="359" t="s">
        <v>14431</v>
      </c>
      <c r="J20408" s="365"/>
      <c r="K20408" s="365"/>
      <c r="L20408" s="365"/>
    </row>
    <row r="20409" spans="2:12">
      <c r="B20409" s="367"/>
      <c r="C20409" s="367"/>
      <c r="D20409" s="367"/>
      <c r="E20409" s="367"/>
      <c r="F20409" s="360"/>
      <c r="G20409" s="360"/>
      <c r="H20409" s="360"/>
      <c r="I20409" s="360"/>
      <c r="J20409" s="365"/>
      <c r="K20409" s="365"/>
      <c r="L20409" s="365"/>
    </row>
    <row r="20410" spans="2:12">
      <c r="B20410" s="368"/>
      <c r="C20410" s="368"/>
      <c r="D20410" s="368"/>
      <c r="E20410" s="368"/>
      <c r="F20410" s="361" t="s">
        <v>14430</v>
      </c>
      <c r="G20410" s="362"/>
      <c r="H20410" s="362"/>
      <c r="I20410" s="362"/>
      <c r="J20410" s="366"/>
      <c r="K20410" s="366"/>
      <c r="L20410" s="366"/>
    </row>
    <row r="20411" spans="2:12">
      <c r="B20411" s="358" t="s">
        <v>25022</v>
      </c>
      <c r="C20411" s="358" t="s">
        <v>25023</v>
      </c>
      <c r="D20411" s="358" t="s">
        <v>25024</v>
      </c>
      <c r="E20411" s="358" t="s">
        <v>25025</v>
      </c>
      <c r="F20411" s="358" t="s">
        <v>14382</v>
      </c>
      <c r="G20411" s="358" t="s">
        <v>14483</v>
      </c>
      <c r="H20411" s="358" t="s">
        <v>14378</v>
      </c>
      <c r="I20411" s="358" t="s">
        <v>14483</v>
      </c>
      <c r="J20411" s="358"/>
      <c r="K20411" s="358"/>
      <c r="L20411" s="358"/>
    </row>
    <row r="20412" spans="2:12">
      <c r="B20412" s="367"/>
      <c r="C20412" s="367"/>
      <c r="D20412" s="367"/>
      <c r="E20412" s="367"/>
      <c r="F20412" s="360"/>
      <c r="G20412" s="360"/>
      <c r="H20412" s="360"/>
      <c r="I20412" s="360"/>
      <c r="J20412" s="365"/>
      <c r="K20412" s="365"/>
      <c r="L20412" s="365"/>
    </row>
    <row r="20413" spans="2:12">
      <c r="B20413" s="367"/>
      <c r="C20413" s="367"/>
      <c r="D20413" s="367"/>
      <c r="E20413" s="367"/>
      <c r="F20413" s="359" t="s">
        <v>14382</v>
      </c>
      <c r="G20413" s="359" t="s">
        <v>14383</v>
      </c>
      <c r="H20413" s="359" t="s">
        <v>14341</v>
      </c>
      <c r="I20413" s="359" t="s">
        <v>14383</v>
      </c>
      <c r="J20413" s="365"/>
      <c r="K20413" s="365"/>
      <c r="L20413" s="365"/>
    </row>
    <row r="20414" spans="2:12">
      <c r="B20414" s="367"/>
      <c r="C20414" s="367"/>
      <c r="D20414" s="367"/>
      <c r="E20414" s="367"/>
      <c r="F20414" s="360"/>
      <c r="G20414" s="360"/>
      <c r="H20414" s="360"/>
      <c r="I20414" s="360"/>
      <c r="J20414" s="365"/>
      <c r="K20414" s="365"/>
      <c r="L20414" s="365"/>
    </row>
    <row r="20415" spans="2:12">
      <c r="B20415" s="367"/>
      <c r="C20415" s="367"/>
      <c r="D20415" s="367"/>
      <c r="E20415" s="367"/>
      <c r="F20415" s="359" t="s">
        <v>14356</v>
      </c>
      <c r="G20415" s="359" t="s">
        <v>14340</v>
      </c>
      <c r="H20415" s="359" t="s">
        <v>14370</v>
      </c>
      <c r="I20415" s="359" t="s">
        <v>14340</v>
      </c>
      <c r="J20415" s="365"/>
      <c r="K20415" s="365"/>
      <c r="L20415" s="365"/>
    </row>
    <row r="20416" spans="2:12">
      <c r="B20416" s="367"/>
      <c r="C20416" s="367"/>
      <c r="D20416" s="367"/>
      <c r="E20416" s="367"/>
      <c r="F20416" s="360"/>
      <c r="G20416" s="360"/>
      <c r="H20416" s="360"/>
      <c r="I20416" s="360"/>
      <c r="J20416" s="365"/>
      <c r="K20416" s="365"/>
      <c r="L20416" s="365"/>
    </row>
    <row r="20417" spans="2:12">
      <c r="B20417" s="367"/>
      <c r="C20417" s="367"/>
      <c r="D20417" s="367"/>
      <c r="E20417" s="367"/>
      <c r="F20417" s="359" t="s">
        <v>14391</v>
      </c>
      <c r="G20417" s="359" t="s">
        <v>14392</v>
      </c>
      <c r="H20417" s="359" t="s">
        <v>14332</v>
      </c>
      <c r="I20417" s="359" t="s">
        <v>14392</v>
      </c>
      <c r="J20417" s="365"/>
      <c r="K20417" s="365"/>
      <c r="L20417" s="365"/>
    </row>
    <row r="20418" spans="2:12">
      <c r="B20418" s="367"/>
      <c r="C20418" s="367"/>
      <c r="D20418" s="367"/>
      <c r="E20418" s="367"/>
      <c r="F20418" s="360"/>
      <c r="G20418" s="360"/>
      <c r="H20418" s="360"/>
      <c r="I20418" s="360"/>
      <c r="J20418" s="365"/>
      <c r="K20418" s="365"/>
      <c r="L20418" s="365"/>
    </row>
    <row r="20419" spans="2:12">
      <c r="B20419" s="367"/>
      <c r="C20419" s="367"/>
      <c r="D20419" s="367"/>
      <c r="E20419" s="367"/>
      <c r="F20419" s="359" t="s">
        <v>14371</v>
      </c>
      <c r="G20419" s="359" t="s">
        <v>14372</v>
      </c>
      <c r="H20419" s="360"/>
      <c r="I20419" s="359" t="s">
        <v>14373</v>
      </c>
      <c r="J20419" s="365"/>
      <c r="K20419" s="365"/>
      <c r="L20419" s="365"/>
    </row>
    <row r="20420" spans="2:12">
      <c r="B20420" s="367"/>
      <c r="C20420" s="367"/>
      <c r="D20420" s="367"/>
      <c r="E20420" s="367"/>
      <c r="F20420" s="360"/>
      <c r="G20420" s="360"/>
      <c r="H20420" s="360"/>
      <c r="I20420" s="360"/>
      <c r="J20420" s="365"/>
      <c r="K20420" s="365"/>
      <c r="L20420" s="365"/>
    </row>
    <row r="20421" spans="2:12" ht="28.5">
      <c r="B20421" s="368"/>
      <c r="C20421" s="368"/>
      <c r="D20421" s="368"/>
      <c r="E20421" s="368"/>
      <c r="F20421" s="361" t="s">
        <v>14374</v>
      </c>
      <c r="G20421" s="361" t="s">
        <v>14373</v>
      </c>
      <c r="H20421" s="362"/>
      <c r="I20421" s="362"/>
      <c r="J20421" s="366"/>
      <c r="K20421" s="366"/>
      <c r="L20421" s="366"/>
    </row>
    <row r="20422" spans="2:12">
      <c r="B20422" s="358" t="s">
        <v>25026</v>
      </c>
      <c r="C20422" s="358" t="s">
        <v>25027</v>
      </c>
      <c r="D20422" s="358" t="s">
        <v>25028</v>
      </c>
      <c r="E20422" s="358" t="s">
        <v>25029</v>
      </c>
      <c r="F20422" s="358" t="s">
        <v>14420</v>
      </c>
      <c r="G20422" s="358" t="s">
        <v>14459</v>
      </c>
      <c r="H20422" s="358" t="s">
        <v>14367</v>
      </c>
      <c r="I20422" s="358" t="s">
        <v>14459</v>
      </c>
      <c r="J20422" s="358" t="s">
        <v>14534</v>
      </c>
      <c r="K20422" s="358"/>
      <c r="L20422" s="358"/>
    </row>
    <row r="20423" spans="2:12">
      <c r="B20423" s="367"/>
      <c r="C20423" s="367"/>
      <c r="D20423" s="367"/>
      <c r="E20423" s="367"/>
      <c r="F20423" s="360"/>
      <c r="G20423" s="360"/>
      <c r="H20423" s="360"/>
      <c r="I20423" s="360"/>
      <c r="J20423" s="367"/>
      <c r="K20423" s="365"/>
      <c r="L20423" s="365"/>
    </row>
    <row r="20424" spans="2:12">
      <c r="B20424" s="367"/>
      <c r="C20424" s="367"/>
      <c r="D20424" s="367"/>
      <c r="E20424" s="367"/>
      <c r="F20424" s="359" t="s">
        <v>14420</v>
      </c>
      <c r="G20424" s="359" t="s">
        <v>14421</v>
      </c>
      <c r="H20424" s="359" t="s">
        <v>14422</v>
      </c>
      <c r="I20424" s="359" t="s">
        <v>14421</v>
      </c>
      <c r="J20424" s="367"/>
      <c r="K20424" s="365"/>
      <c r="L20424" s="365"/>
    </row>
    <row r="20425" spans="2:12">
      <c r="B20425" s="367"/>
      <c r="C20425" s="367"/>
      <c r="D20425" s="367"/>
      <c r="E20425" s="367"/>
      <c r="F20425" s="360"/>
      <c r="G20425" s="360"/>
      <c r="H20425" s="360"/>
      <c r="I20425" s="360"/>
      <c r="J20425" s="367"/>
      <c r="K20425" s="365"/>
      <c r="L20425" s="365"/>
    </row>
    <row r="20426" spans="2:12">
      <c r="B20426" s="367"/>
      <c r="C20426" s="367"/>
      <c r="D20426" s="367"/>
      <c r="E20426" s="367"/>
      <c r="F20426" s="359" t="s">
        <v>14420</v>
      </c>
      <c r="G20426" s="359" t="s">
        <v>14429</v>
      </c>
      <c r="H20426" s="360"/>
      <c r="I20426" s="359" t="s">
        <v>14429</v>
      </c>
      <c r="J20426" s="367"/>
      <c r="K20426" s="365"/>
      <c r="L20426" s="365"/>
    </row>
    <row r="20427" spans="2:12">
      <c r="B20427" s="367"/>
      <c r="C20427" s="367"/>
      <c r="D20427" s="367"/>
      <c r="E20427" s="367"/>
      <c r="F20427" s="360"/>
      <c r="G20427" s="360"/>
      <c r="H20427" s="360"/>
      <c r="I20427" s="360"/>
      <c r="J20427" s="367"/>
      <c r="K20427" s="365"/>
      <c r="L20427" s="365"/>
    </row>
    <row r="20428" spans="2:12" ht="28.5">
      <c r="B20428" s="368"/>
      <c r="C20428" s="368"/>
      <c r="D20428" s="368"/>
      <c r="E20428" s="368"/>
      <c r="F20428" s="361" t="s">
        <v>14472</v>
      </c>
      <c r="G20428" s="361" t="s">
        <v>14473</v>
      </c>
      <c r="H20428" s="362"/>
      <c r="I20428" s="361" t="s">
        <v>14473</v>
      </c>
      <c r="J20428" s="368"/>
      <c r="K20428" s="366"/>
      <c r="L20428" s="366"/>
    </row>
    <row r="20429" spans="2:12" ht="28.5">
      <c r="B20429" s="358" t="s">
        <v>25030</v>
      </c>
      <c r="C20429" s="358" t="s">
        <v>25031</v>
      </c>
      <c r="D20429" s="358" t="s">
        <v>8356</v>
      </c>
      <c r="E20429" s="358" t="s">
        <v>8356</v>
      </c>
      <c r="F20429" s="358" t="s">
        <v>14420</v>
      </c>
      <c r="G20429" s="358" t="s">
        <v>14459</v>
      </c>
      <c r="H20429" s="358" t="s">
        <v>14367</v>
      </c>
      <c r="I20429" s="358" t="s">
        <v>14459</v>
      </c>
      <c r="J20429" s="358" t="s">
        <v>14534</v>
      </c>
      <c r="K20429" s="358"/>
      <c r="L20429" s="358" t="s">
        <v>9491</v>
      </c>
    </row>
    <row r="20430" spans="2:12">
      <c r="B20430" s="367"/>
      <c r="C20430" s="367"/>
      <c r="D20430" s="367"/>
      <c r="E20430" s="367"/>
      <c r="F20430" s="360"/>
      <c r="G20430" s="360"/>
      <c r="H20430" s="360"/>
      <c r="I20430" s="360"/>
      <c r="J20430" s="367"/>
      <c r="K20430" s="365"/>
      <c r="L20430" s="367"/>
    </row>
    <row r="20431" spans="2:12">
      <c r="B20431" s="367"/>
      <c r="C20431" s="367"/>
      <c r="D20431" s="367"/>
      <c r="E20431" s="367"/>
      <c r="F20431" s="359" t="s">
        <v>14420</v>
      </c>
      <c r="G20431" s="359" t="s">
        <v>14421</v>
      </c>
      <c r="H20431" s="359" t="s">
        <v>14422</v>
      </c>
      <c r="I20431" s="359" t="s">
        <v>14421</v>
      </c>
      <c r="J20431" s="367"/>
      <c r="K20431" s="365"/>
      <c r="L20431" s="367"/>
    </row>
    <row r="20432" spans="2:12">
      <c r="B20432" s="367"/>
      <c r="C20432" s="367"/>
      <c r="D20432" s="367"/>
      <c r="E20432" s="367"/>
      <c r="F20432" s="360"/>
      <c r="G20432" s="360"/>
      <c r="H20432" s="360"/>
      <c r="I20432" s="360"/>
      <c r="J20432" s="367"/>
      <c r="K20432" s="365"/>
      <c r="L20432" s="367"/>
    </row>
    <row r="20433" spans="2:12">
      <c r="B20433" s="367"/>
      <c r="C20433" s="367"/>
      <c r="D20433" s="367"/>
      <c r="E20433" s="367"/>
      <c r="F20433" s="359" t="s">
        <v>14420</v>
      </c>
      <c r="G20433" s="359" t="s">
        <v>14429</v>
      </c>
      <c r="H20433" s="360"/>
      <c r="I20433" s="359" t="s">
        <v>14429</v>
      </c>
      <c r="J20433" s="367"/>
      <c r="K20433" s="365"/>
      <c r="L20433" s="367"/>
    </row>
    <row r="20434" spans="2:12">
      <c r="B20434" s="367"/>
      <c r="C20434" s="367"/>
      <c r="D20434" s="367"/>
      <c r="E20434" s="367"/>
      <c r="F20434" s="360"/>
      <c r="G20434" s="360"/>
      <c r="H20434" s="360"/>
      <c r="I20434" s="360"/>
      <c r="J20434" s="367"/>
      <c r="K20434" s="365"/>
      <c r="L20434" s="367"/>
    </row>
    <row r="20435" spans="2:12" ht="28.5">
      <c r="B20435" s="368"/>
      <c r="C20435" s="368"/>
      <c r="D20435" s="368"/>
      <c r="E20435" s="368"/>
      <c r="F20435" s="361" t="s">
        <v>14472</v>
      </c>
      <c r="G20435" s="361" t="s">
        <v>14473</v>
      </c>
      <c r="H20435" s="362"/>
      <c r="I20435" s="361" t="s">
        <v>14473</v>
      </c>
      <c r="J20435" s="368"/>
      <c r="K20435" s="366"/>
      <c r="L20435" s="368"/>
    </row>
    <row r="20436" spans="2:12" ht="28.5">
      <c r="B20436" s="358" t="s">
        <v>25032</v>
      </c>
      <c r="C20436" s="358" t="s">
        <v>29689</v>
      </c>
      <c r="D20436" s="358" t="s">
        <v>25033</v>
      </c>
      <c r="E20436" s="358" t="s">
        <v>25034</v>
      </c>
      <c r="F20436" s="358" t="s">
        <v>14443</v>
      </c>
      <c r="G20436" s="358" t="s">
        <v>14444</v>
      </c>
      <c r="H20436" s="358" t="s">
        <v>14381</v>
      </c>
      <c r="I20436" s="358" t="s">
        <v>14444</v>
      </c>
      <c r="J20436" s="358"/>
      <c r="K20436" s="358" t="s">
        <v>29691</v>
      </c>
      <c r="L20436" s="358" t="s">
        <v>25035</v>
      </c>
    </row>
    <row r="20437" spans="2:12">
      <c r="B20437" s="367"/>
      <c r="C20437" s="360"/>
      <c r="D20437" s="360"/>
      <c r="E20437" s="360"/>
      <c r="F20437" s="360"/>
      <c r="G20437" s="360"/>
      <c r="H20437" s="360"/>
      <c r="I20437" s="360"/>
      <c r="J20437" s="365"/>
      <c r="K20437" s="360"/>
      <c r="L20437" s="367"/>
    </row>
    <row r="20438" spans="2:12" ht="85.5">
      <c r="B20438" s="367"/>
      <c r="C20438" s="359" t="s">
        <v>29690</v>
      </c>
      <c r="D20438" s="359" t="s">
        <v>25036</v>
      </c>
      <c r="E20438" s="359" t="s">
        <v>25037</v>
      </c>
      <c r="F20438" s="359" t="s">
        <v>14420</v>
      </c>
      <c r="G20438" s="359" t="s">
        <v>14459</v>
      </c>
      <c r="H20438" s="359" t="s">
        <v>14367</v>
      </c>
      <c r="I20438" s="359" t="s">
        <v>14459</v>
      </c>
      <c r="J20438" s="365"/>
      <c r="K20438" s="359" t="s">
        <v>29692</v>
      </c>
      <c r="L20438" s="367"/>
    </row>
    <row r="20439" spans="2:12">
      <c r="B20439" s="367"/>
      <c r="C20439" s="360"/>
      <c r="D20439" s="360"/>
      <c r="E20439" s="360"/>
      <c r="F20439" s="360"/>
      <c r="G20439" s="360"/>
      <c r="H20439" s="360"/>
      <c r="I20439" s="360"/>
      <c r="J20439" s="365"/>
      <c r="K20439" s="360"/>
      <c r="L20439" s="367"/>
    </row>
    <row r="20440" spans="2:12" ht="42.75">
      <c r="B20440" s="367"/>
      <c r="C20440" s="359" t="s">
        <v>27983</v>
      </c>
      <c r="D20440" s="359" t="s">
        <v>25038</v>
      </c>
      <c r="E20440" s="359" t="s">
        <v>25039</v>
      </c>
      <c r="F20440" s="359" t="s">
        <v>14460</v>
      </c>
      <c r="G20440" s="359" t="s">
        <v>14461</v>
      </c>
      <c r="H20440" s="359" t="s">
        <v>14332</v>
      </c>
      <c r="I20440" s="359" t="s">
        <v>14461</v>
      </c>
      <c r="J20440" s="365"/>
      <c r="K20440" s="359" t="s">
        <v>28582</v>
      </c>
      <c r="L20440" s="367"/>
    </row>
    <row r="20441" spans="2:12">
      <c r="B20441" s="367"/>
      <c r="C20441" s="360"/>
      <c r="D20441" s="360"/>
      <c r="E20441" s="360"/>
      <c r="F20441" s="360"/>
      <c r="G20441" s="360"/>
      <c r="H20441" s="360"/>
      <c r="I20441" s="360"/>
      <c r="J20441" s="365"/>
      <c r="K20441" s="360"/>
      <c r="L20441" s="367"/>
    </row>
    <row r="20442" spans="2:12" ht="28.5">
      <c r="B20442" s="367"/>
      <c r="C20442" s="359" t="s">
        <v>25042</v>
      </c>
      <c r="D20442" s="359" t="s">
        <v>25040</v>
      </c>
      <c r="E20442" s="359" t="s">
        <v>25041</v>
      </c>
      <c r="F20442" s="359" t="s">
        <v>14386</v>
      </c>
      <c r="G20442" s="359" t="s">
        <v>14387</v>
      </c>
      <c r="H20442" s="360"/>
      <c r="I20442" s="359" t="s">
        <v>14387</v>
      </c>
      <c r="J20442" s="365"/>
      <c r="K20442" s="360"/>
      <c r="L20442" s="367"/>
    </row>
    <row r="20443" spans="2:12">
      <c r="B20443" s="367"/>
      <c r="C20443" s="360"/>
      <c r="D20443" s="360"/>
      <c r="E20443" s="360"/>
      <c r="F20443" s="360"/>
      <c r="G20443" s="360"/>
      <c r="H20443" s="360"/>
      <c r="I20443" s="360"/>
      <c r="J20443" s="365"/>
      <c r="K20443" s="360"/>
      <c r="L20443" s="367"/>
    </row>
    <row r="20444" spans="2:12">
      <c r="B20444" s="367"/>
      <c r="C20444" s="359" t="s">
        <v>25043</v>
      </c>
      <c r="D20444" s="360"/>
      <c r="E20444" s="360"/>
      <c r="F20444" s="359" t="s">
        <v>14368</v>
      </c>
      <c r="G20444" s="359" t="s">
        <v>14388</v>
      </c>
      <c r="H20444" s="360"/>
      <c r="I20444" s="359" t="s">
        <v>14388</v>
      </c>
      <c r="J20444" s="365"/>
      <c r="K20444" s="360"/>
      <c r="L20444" s="367"/>
    </row>
    <row r="20445" spans="2:12">
      <c r="B20445" s="367"/>
      <c r="C20445" s="360"/>
      <c r="D20445" s="360"/>
      <c r="E20445" s="360"/>
      <c r="F20445" s="360"/>
      <c r="G20445" s="360"/>
      <c r="H20445" s="360"/>
      <c r="I20445" s="360"/>
      <c r="J20445" s="365"/>
      <c r="K20445" s="360"/>
      <c r="L20445" s="367"/>
    </row>
    <row r="20446" spans="2:12">
      <c r="B20446" s="367"/>
      <c r="C20446" s="360"/>
      <c r="D20446" s="360"/>
      <c r="E20446" s="360"/>
      <c r="F20446" s="359" t="s">
        <v>14389</v>
      </c>
      <c r="G20446" s="359" t="s">
        <v>14390</v>
      </c>
      <c r="H20446" s="360"/>
      <c r="I20446" s="359" t="s">
        <v>14390</v>
      </c>
      <c r="J20446" s="365"/>
      <c r="K20446" s="360"/>
      <c r="L20446" s="367"/>
    </row>
    <row r="20447" spans="2:12">
      <c r="B20447" s="367"/>
      <c r="C20447" s="360"/>
      <c r="D20447" s="360"/>
      <c r="E20447" s="360"/>
      <c r="F20447" s="360"/>
      <c r="G20447" s="360"/>
      <c r="H20447" s="360"/>
      <c r="I20447" s="360"/>
      <c r="J20447" s="365"/>
      <c r="K20447" s="360"/>
      <c r="L20447" s="367"/>
    </row>
    <row r="20448" spans="2:12">
      <c r="B20448" s="367"/>
      <c r="C20448" s="360"/>
      <c r="D20448" s="360"/>
      <c r="E20448" s="360"/>
      <c r="F20448" s="359" t="s">
        <v>14814</v>
      </c>
      <c r="G20448" s="359" t="s">
        <v>14815</v>
      </c>
      <c r="H20448" s="360"/>
      <c r="I20448" s="359" t="s">
        <v>14815</v>
      </c>
      <c r="J20448" s="365"/>
      <c r="K20448" s="360"/>
      <c r="L20448" s="367"/>
    </row>
    <row r="20449" spans="2:12">
      <c r="B20449" s="367"/>
      <c r="C20449" s="360"/>
      <c r="D20449" s="360"/>
      <c r="E20449" s="360"/>
      <c r="F20449" s="360"/>
      <c r="G20449" s="360"/>
      <c r="H20449" s="360"/>
      <c r="I20449" s="360"/>
      <c r="J20449" s="365"/>
      <c r="K20449" s="360"/>
      <c r="L20449" s="367"/>
    </row>
    <row r="20450" spans="2:12">
      <c r="B20450" s="368"/>
      <c r="C20450" s="362"/>
      <c r="D20450" s="362"/>
      <c r="E20450" s="362"/>
      <c r="F20450" s="361" t="s">
        <v>14391</v>
      </c>
      <c r="G20450" s="361" t="s">
        <v>14392</v>
      </c>
      <c r="H20450" s="362"/>
      <c r="I20450" s="361" t="s">
        <v>14392</v>
      </c>
      <c r="J20450" s="366"/>
      <c r="K20450" s="362"/>
      <c r="L20450" s="368"/>
    </row>
    <row r="20451" spans="2:12" ht="28.5">
      <c r="B20451" s="358" t="s">
        <v>25044</v>
      </c>
      <c r="C20451" s="358" t="s">
        <v>27984</v>
      </c>
      <c r="D20451" s="358" t="s">
        <v>25045</v>
      </c>
      <c r="E20451" s="358" t="s">
        <v>25046</v>
      </c>
      <c r="F20451" s="358" t="s">
        <v>14443</v>
      </c>
      <c r="G20451" s="358" t="s">
        <v>14444</v>
      </c>
      <c r="H20451" s="358" t="s">
        <v>14378</v>
      </c>
      <c r="I20451" s="358" t="s">
        <v>14444</v>
      </c>
      <c r="J20451" s="358"/>
      <c r="K20451" s="358" t="s">
        <v>29693</v>
      </c>
      <c r="L20451" s="358" t="s">
        <v>14611</v>
      </c>
    </row>
    <row r="20452" spans="2:12">
      <c r="B20452" s="367"/>
      <c r="C20452" s="360"/>
      <c r="D20452" s="360"/>
      <c r="E20452" s="360"/>
      <c r="F20452" s="360"/>
      <c r="G20452" s="360"/>
      <c r="H20452" s="360"/>
      <c r="I20452" s="360"/>
      <c r="J20452" s="365"/>
      <c r="K20452" s="360"/>
      <c r="L20452" s="367"/>
    </row>
    <row r="20453" spans="2:12">
      <c r="B20453" s="367"/>
      <c r="C20453" s="359" t="s">
        <v>25047</v>
      </c>
      <c r="D20453" s="359" t="s">
        <v>25048</v>
      </c>
      <c r="E20453" s="359" t="s">
        <v>25049</v>
      </c>
      <c r="F20453" s="359" t="s">
        <v>14379</v>
      </c>
      <c r="G20453" s="359" t="s">
        <v>14380</v>
      </c>
      <c r="H20453" s="359" t="s">
        <v>14381</v>
      </c>
      <c r="I20453" s="359" t="s">
        <v>14380</v>
      </c>
      <c r="J20453" s="365"/>
      <c r="K20453" s="359" t="s">
        <v>29649</v>
      </c>
      <c r="L20453" s="367"/>
    </row>
    <row r="20454" spans="2:12">
      <c r="B20454" s="367"/>
      <c r="C20454" s="360"/>
      <c r="D20454" s="360"/>
      <c r="E20454" s="360"/>
      <c r="F20454" s="360"/>
      <c r="G20454" s="360"/>
      <c r="H20454" s="360"/>
      <c r="I20454" s="360"/>
      <c r="J20454" s="365"/>
      <c r="K20454" s="360"/>
      <c r="L20454" s="367"/>
    </row>
    <row r="20455" spans="2:12" ht="28.5">
      <c r="B20455" s="367"/>
      <c r="C20455" s="359" t="s">
        <v>27985</v>
      </c>
      <c r="D20455" s="359" t="s">
        <v>25050</v>
      </c>
      <c r="E20455" s="359" t="s">
        <v>25051</v>
      </c>
      <c r="F20455" s="359" t="s">
        <v>14386</v>
      </c>
      <c r="G20455" s="359" t="s">
        <v>14387</v>
      </c>
      <c r="H20455" s="359" t="s">
        <v>14332</v>
      </c>
      <c r="I20455" s="359" t="s">
        <v>14387</v>
      </c>
      <c r="J20455" s="365"/>
      <c r="K20455" s="360"/>
      <c r="L20455" s="367"/>
    </row>
    <row r="20456" spans="2:12">
      <c r="B20456" s="367"/>
      <c r="C20456" s="360"/>
      <c r="D20456" s="360"/>
      <c r="E20456" s="360"/>
      <c r="F20456" s="360"/>
      <c r="G20456" s="360"/>
      <c r="H20456" s="360"/>
      <c r="I20456" s="360"/>
      <c r="J20456" s="365"/>
      <c r="K20456" s="360"/>
      <c r="L20456" s="367"/>
    </row>
    <row r="20457" spans="2:12">
      <c r="B20457" s="367"/>
      <c r="C20457" s="359" t="s">
        <v>25052</v>
      </c>
      <c r="D20457" s="360"/>
      <c r="E20457" s="360"/>
      <c r="F20457" s="359" t="s">
        <v>14368</v>
      </c>
      <c r="G20457" s="359" t="s">
        <v>14388</v>
      </c>
      <c r="H20457" s="360"/>
      <c r="I20457" s="359" t="s">
        <v>14388</v>
      </c>
      <c r="J20457" s="365"/>
      <c r="K20457" s="360"/>
      <c r="L20457" s="367"/>
    </row>
    <row r="20458" spans="2:12">
      <c r="B20458" s="367"/>
      <c r="C20458" s="360"/>
      <c r="D20458" s="360"/>
      <c r="E20458" s="360"/>
      <c r="F20458" s="360"/>
      <c r="G20458" s="360"/>
      <c r="H20458" s="360"/>
      <c r="I20458" s="360"/>
      <c r="J20458" s="365"/>
      <c r="K20458" s="360"/>
      <c r="L20458" s="367"/>
    </row>
    <row r="20459" spans="2:12">
      <c r="B20459" s="367"/>
      <c r="C20459" s="359" t="s">
        <v>27986</v>
      </c>
      <c r="D20459" s="360"/>
      <c r="E20459" s="360"/>
      <c r="F20459" s="359" t="s">
        <v>14389</v>
      </c>
      <c r="G20459" s="359" t="s">
        <v>14390</v>
      </c>
      <c r="H20459" s="360"/>
      <c r="I20459" s="359" t="s">
        <v>14390</v>
      </c>
      <c r="J20459" s="365"/>
      <c r="K20459" s="360"/>
      <c r="L20459" s="367"/>
    </row>
    <row r="20460" spans="2:12">
      <c r="B20460" s="367"/>
      <c r="C20460" s="360"/>
      <c r="D20460" s="360"/>
      <c r="E20460" s="360"/>
      <c r="F20460" s="360"/>
      <c r="G20460" s="360"/>
      <c r="H20460" s="360"/>
      <c r="I20460" s="360"/>
      <c r="J20460" s="365"/>
      <c r="K20460" s="360"/>
      <c r="L20460" s="367"/>
    </row>
    <row r="20461" spans="2:12">
      <c r="B20461" s="367"/>
      <c r="C20461" s="359" t="s">
        <v>25053</v>
      </c>
      <c r="D20461" s="360"/>
      <c r="E20461" s="360"/>
      <c r="F20461" s="359" t="s">
        <v>14814</v>
      </c>
      <c r="G20461" s="359" t="s">
        <v>14815</v>
      </c>
      <c r="H20461" s="360"/>
      <c r="I20461" s="359" t="s">
        <v>14815</v>
      </c>
      <c r="J20461" s="365"/>
      <c r="K20461" s="360"/>
      <c r="L20461" s="367"/>
    </row>
    <row r="20462" spans="2:12">
      <c r="B20462" s="367"/>
      <c r="C20462" s="360"/>
      <c r="D20462" s="360"/>
      <c r="E20462" s="360"/>
      <c r="F20462" s="360"/>
      <c r="G20462" s="360"/>
      <c r="H20462" s="360"/>
      <c r="I20462" s="360"/>
      <c r="J20462" s="365"/>
      <c r="K20462" s="360"/>
      <c r="L20462" s="367"/>
    </row>
    <row r="20463" spans="2:12">
      <c r="B20463" s="367"/>
      <c r="C20463" s="360"/>
      <c r="D20463" s="360"/>
      <c r="E20463" s="360"/>
      <c r="F20463" s="359" t="s">
        <v>14391</v>
      </c>
      <c r="G20463" s="359" t="s">
        <v>14392</v>
      </c>
      <c r="H20463" s="360"/>
      <c r="I20463" s="359" t="s">
        <v>14392</v>
      </c>
      <c r="J20463" s="365"/>
      <c r="K20463" s="360"/>
      <c r="L20463" s="367"/>
    </row>
    <row r="20464" spans="2:12">
      <c r="B20464" s="367"/>
      <c r="C20464" s="360"/>
      <c r="D20464" s="360"/>
      <c r="E20464" s="360"/>
      <c r="F20464" s="360"/>
      <c r="G20464" s="360"/>
      <c r="H20464" s="360"/>
      <c r="I20464" s="360"/>
      <c r="J20464" s="365"/>
      <c r="K20464" s="360"/>
      <c r="L20464" s="367"/>
    </row>
    <row r="20465" spans="2:12" ht="28.5">
      <c r="B20465" s="368"/>
      <c r="C20465" s="362"/>
      <c r="D20465" s="362"/>
      <c r="E20465" s="362"/>
      <c r="F20465" s="361" t="s">
        <v>14472</v>
      </c>
      <c r="G20465" s="361" t="s">
        <v>14473</v>
      </c>
      <c r="H20465" s="362"/>
      <c r="I20465" s="361" t="s">
        <v>14473</v>
      </c>
      <c r="J20465" s="366"/>
      <c r="K20465" s="362"/>
      <c r="L20465" s="368"/>
    </row>
    <row r="20466" spans="2:12">
      <c r="B20466" s="358" t="s">
        <v>25054</v>
      </c>
      <c r="C20466" s="358" t="s">
        <v>25055</v>
      </c>
      <c r="D20466" s="358" t="s">
        <v>25056</v>
      </c>
      <c r="E20466" s="358" t="s">
        <v>25057</v>
      </c>
      <c r="F20466" s="358" t="s">
        <v>14420</v>
      </c>
      <c r="G20466" s="358" t="s">
        <v>14459</v>
      </c>
      <c r="H20466" s="358" t="s">
        <v>14381</v>
      </c>
      <c r="I20466" s="358" t="s">
        <v>14459</v>
      </c>
      <c r="J20466" s="358"/>
      <c r="K20466" s="358"/>
      <c r="L20466" s="358"/>
    </row>
    <row r="20467" spans="2:12">
      <c r="B20467" s="367"/>
      <c r="C20467" s="367"/>
      <c r="D20467" s="367"/>
      <c r="E20467" s="367"/>
      <c r="F20467" s="360"/>
      <c r="G20467" s="360"/>
      <c r="H20467" s="360"/>
      <c r="I20467" s="360"/>
      <c r="J20467" s="365"/>
      <c r="K20467" s="365"/>
      <c r="L20467" s="365"/>
    </row>
    <row r="20468" spans="2:12">
      <c r="B20468" s="367"/>
      <c r="C20468" s="367"/>
      <c r="D20468" s="367"/>
      <c r="E20468" s="367"/>
      <c r="F20468" s="359" t="s">
        <v>14386</v>
      </c>
      <c r="G20468" s="359" t="s">
        <v>14387</v>
      </c>
      <c r="H20468" s="359" t="s">
        <v>14367</v>
      </c>
      <c r="I20468" s="359" t="s">
        <v>14387</v>
      </c>
      <c r="J20468" s="365"/>
      <c r="K20468" s="365"/>
      <c r="L20468" s="365"/>
    </row>
    <row r="20469" spans="2:12">
      <c r="B20469" s="367"/>
      <c r="C20469" s="367"/>
      <c r="D20469" s="367"/>
      <c r="E20469" s="367"/>
      <c r="F20469" s="360"/>
      <c r="G20469" s="360"/>
      <c r="H20469" s="360"/>
      <c r="I20469" s="360"/>
      <c r="J20469" s="365"/>
      <c r="K20469" s="365"/>
      <c r="L20469" s="365"/>
    </row>
    <row r="20470" spans="2:12">
      <c r="B20470" s="367"/>
      <c r="C20470" s="367"/>
      <c r="D20470" s="367"/>
      <c r="E20470" s="367"/>
      <c r="F20470" s="359" t="s">
        <v>14368</v>
      </c>
      <c r="G20470" s="359" t="s">
        <v>14388</v>
      </c>
      <c r="H20470" s="359" t="s">
        <v>14332</v>
      </c>
      <c r="I20470" s="359" t="s">
        <v>14388</v>
      </c>
      <c r="J20470" s="365"/>
      <c r="K20470" s="365"/>
      <c r="L20470" s="365"/>
    </row>
    <row r="20471" spans="2:12">
      <c r="B20471" s="367"/>
      <c r="C20471" s="367"/>
      <c r="D20471" s="367"/>
      <c r="E20471" s="367"/>
      <c r="F20471" s="360"/>
      <c r="G20471" s="360"/>
      <c r="H20471" s="360"/>
      <c r="I20471" s="360"/>
      <c r="J20471" s="365"/>
      <c r="K20471" s="365"/>
      <c r="L20471" s="365"/>
    </row>
    <row r="20472" spans="2:12">
      <c r="B20472" s="367"/>
      <c r="C20472" s="367"/>
      <c r="D20472" s="367"/>
      <c r="E20472" s="367"/>
      <c r="F20472" s="359" t="s">
        <v>14389</v>
      </c>
      <c r="G20472" s="359" t="s">
        <v>14390</v>
      </c>
      <c r="H20472" s="360"/>
      <c r="I20472" s="359" t="s">
        <v>14390</v>
      </c>
      <c r="J20472" s="365"/>
      <c r="K20472" s="365"/>
      <c r="L20472" s="365"/>
    </row>
    <row r="20473" spans="2:12">
      <c r="B20473" s="367"/>
      <c r="C20473" s="367"/>
      <c r="D20473" s="367"/>
      <c r="E20473" s="367"/>
      <c r="F20473" s="360"/>
      <c r="G20473" s="360"/>
      <c r="H20473" s="360"/>
      <c r="I20473" s="360"/>
      <c r="J20473" s="365"/>
      <c r="K20473" s="365"/>
      <c r="L20473" s="365"/>
    </row>
    <row r="20474" spans="2:12">
      <c r="B20474" s="367"/>
      <c r="C20474" s="367"/>
      <c r="D20474" s="367"/>
      <c r="E20474" s="367"/>
      <c r="F20474" s="359" t="s">
        <v>14814</v>
      </c>
      <c r="G20474" s="359" t="s">
        <v>14815</v>
      </c>
      <c r="H20474" s="360"/>
      <c r="I20474" s="359" t="s">
        <v>14815</v>
      </c>
      <c r="J20474" s="365"/>
      <c r="K20474" s="365"/>
      <c r="L20474" s="365"/>
    </row>
    <row r="20475" spans="2:12">
      <c r="B20475" s="367"/>
      <c r="C20475" s="367"/>
      <c r="D20475" s="367"/>
      <c r="E20475" s="367"/>
      <c r="F20475" s="360"/>
      <c r="G20475" s="360"/>
      <c r="H20475" s="360"/>
      <c r="I20475" s="360"/>
      <c r="J20475" s="365"/>
      <c r="K20475" s="365"/>
      <c r="L20475" s="365"/>
    </row>
    <row r="20476" spans="2:12" ht="28.5">
      <c r="B20476" s="368"/>
      <c r="C20476" s="368"/>
      <c r="D20476" s="368"/>
      <c r="E20476" s="368"/>
      <c r="F20476" s="361" t="s">
        <v>14472</v>
      </c>
      <c r="G20476" s="361" t="s">
        <v>14473</v>
      </c>
      <c r="H20476" s="362"/>
      <c r="I20476" s="361" t="s">
        <v>14473</v>
      </c>
      <c r="J20476" s="366"/>
      <c r="K20476" s="366"/>
      <c r="L20476" s="366"/>
    </row>
    <row r="20477" spans="2:12" ht="28.5">
      <c r="B20477" s="358" t="s">
        <v>25058</v>
      </c>
      <c r="C20477" s="358" t="s">
        <v>29694</v>
      </c>
      <c r="D20477" s="358" t="s">
        <v>25059</v>
      </c>
      <c r="E20477" s="358" t="s">
        <v>25060</v>
      </c>
      <c r="F20477" s="358" t="s">
        <v>14382</v>
      </c>
      <c r="G20477" s="358" t="s">
        <v>14483</v>
      </c>
      <c r="H20477" s="358" t="s">
        <v>14378</v>
      </c>
      <c r="I20477" s="358" t="s">
        <v>14483</v>
      </c>
      <c r="J20477" s="358"/>
      <c r="K20477" s="358" t="s">
        <v>14929</v>
      </c>
      <c r="L20477" s="358" t="s">
        <v>27987</v>
      </c>
    </row>
    <row r="20478" spans="2:12">
      <c r="B20478" s="367"/>
      <c r="C20478" s="367"/>
      <c r="D20478" s="367"/>
      <c r="E20478" s="367"/>
      <c r="F20478" s="360"/>
      <c r="G20478" s="360"/>
      <c r="H20478" s="360"/>
      <c r="I20478" s="360"/>
      <c r="J20478" s="365"/>
      <c r="K20478" s="360"/>
      <c r="L20478" s="367"/>
    </row>
    <row r="20479" spans="2:12" ht="42.75">
      <c r="B20479" s="367"/>
      <c r="C20479" s="367"/>
      <c r="D20479" s="367"/>
      <c r="E20479" s="367"/>
      <c r="F20479" s="359" t="s">
        <v>14386</v>
      </c>
      <c r="G20479" s="359" t="s">
        <v>14387</v>
      </c>
      <c r="H20479" s="359" t="s">
        <v>14381</v>
      </c>
      <c r="I20479" s="359" t="s">
        <v>14387</v>
      </c>
      <c r="J20479" s="365"/>
      <c r="K20479" s="359" t="s">
        <v>29695</v>
      </c>
      <c r="L20479" s="367"/>
    </row>
    <row r="20480" spans="2:12">
      <c r="B20480" s="367"/>
      <c r="C20480" s="367"/>
      <c r="D20480" s="367"/>
      <c r="E20480" s="367"/>
      <c r="F20480" s="360"/>
      <c r="G20480" s="360"/>
      <c r="H20480" s="360"/>
      <c r="I20480" s="360"/>
      <c r="J20480" s="365"/>
      <c r="K20480" s="360"/>
      <c r="L20480" s="367"/>
    </row>
    <row r="20481" spans="2:12" ht="42.75">
      <c r="B20481" s="367"/>
      <c r="C20481" s="367"/>
      <c r="D20481" s="367"/>
      <c r="E20481" s="367"/>
      <c r="F20481" s="359" t="s">
        <v>14368</v>
      </c>
      <c r="G20481" s="359" t="s">
        <v>14388</v>
      </c>
      <c r="H20481" s="359" t="s">
        <v>14370</v>
      </c>
      <c r="I20481" s="359" t="s">
        <v>14388</v>
      </c>
      <c r="J20481" s="365"/>
      <c r="K20481" s="359" t="s">
        <v>29696</v>
      </c>
      <c r="L20481" s="367"/>
    </row>
    <row r="20482" spans="2:12">
      <c r="B20482" s="367"/>
      <c r="C20482" s="367"/>
      <c r="D20482" s="367"/>
      <c r="E20482" s="367"/>
      <c r="F20482" s="360"/>
      <c r="G20482" s="360"/>
      <c r="H20482" s="360"/>
      <c r="I20482" s="360"/>
      <c r="J20482" s="365"/>
      <c r="K20482" s="360"/>
      <c r="L20482" s="367"/>
    </row>
    <row r="20483" spans="2:12">
      <c r="B20483" s="367"/>
      <c r="C20483" s="367"/>
      <c r="D20483" s="367"/>
      <c r="E20483" s="367"/>
      <c r="F20483" s="359" t="s">
        <v>14389</v>
      </c>
      <c r="G20483" s="359" t="s">
        <v>14390</v>
      </c>
      <c r="H20483" s="359" t="s">
        <v>14332</v>
      </c>
      <c r="I20483" s="359" t="s">
        <v>14390</v>
      </c>
      <c r="J20483" s="365"/>
      <c r="K20483" s="360"/>
      <c r="L20483" s="367"/>
    </row>
    <row r="20484" spans="2:12">
      <c r="B20484" s="367"/>
      <c r="C20484" s="367"/>
      <c r="D20484" s="367"/>
      <c r="E20484" s="367"/>
      <c r="F20484" s="360"/>
      <c r="G20484" s="360"/>
      <c r="H20484" s="360"/>
      <c r="I20484" s="360"/>
      <c r="J20484" s="365"/>
      <c r="K20484" s="360"/>
      <c r="L20484" s="367"/>
    </row>
    <row r="20485" spans="2:12">
      <c r="B20485" s="367"/>
      <c r="C20485" s="367"/>
      <c r="D20485" s="367"/>
      <c r="E20485" s="367"/>
      <c r="F20485" s="359" t="s">
        <v>14814</v>
      </c>
      <c r="G20485" s="359" t="s">
        <v>14815</v>
      </c>
      <c r="H20485" s="360"/>
      <c r="I20485" s="359" t="s">
        <v>14815</v>
      </c>
      <c r="J20485" s="365"/>
      <c r="K20485" s="360"/>
      <c r="L20485" s="367"/>
    </row>
    <row r="20486" spans="2:12">
      <c r="B20486" s="367"/>
      <c r="C20486" s="367"/>
      <c r="D20486" s="367"/>
      <c r="E20486" s="367"/>
      <c r="F20486" s="360"/>
      <c r="G20486" s="360"/>
      <c r="H20486" s="360"/>
      <c r="I20486" s="360"/>
      <c r="J20486" s="365"/>
      <c r="K20486" s="360"/>
      <c r="L20486" s="367"/>
    </row>
    <row r="20487" spans="2:12">
      <c r="B20487" s="367"/>
      <c r="C20487" s="367"/>
      <c r="D20487" s="367"/>
      <c r="E20487" s="367"/>
      <c r="F20487" s="359" t="s">
        <v>14391</v>
      </c>
      <c r="G20487" s="359" t="s">
        <v>14392</v>
      </c>
      <c r="H20487" s="360"/>
      <c r="I20487" s="359" t="s">
        <v>14392</v>
      </c>
      <c r="J20487" s="365"/>
      <c r="K20487" s="360"/>
      <c r="L20487" s="367"/>
    </row>
    <row r="20488" spans="2:12">
      <c r="B20488" s="367"/>
      <c r="C20488" s="367"/>
      <c r="D20488" s="367"/>
      <c r="E20488" s="367"/>
      <c r="F20488" s="360"/>
      <c r="G20488" s="360"/>
      <c r="H20488" s="360"/>
      <c r="I20488" s="360"/>
      <c r="J20488" s="365"/>
      <c r="K20488" s="360"/>
      <c r="L20488" s="367"/>
    </row>
    <row r="20489" spans="2:12" ht="28.5">
      <c r="B20489" s="368"/>
      <c r="C20489" s="368"/>
      <c r="D20489" s="368"/>
      <c r="E20489" s="368"/>
      <c r="F20489" s="361" t="s">
        <v>14394</v>
      </c>
      <c r="G20489" s="361" t="s">
        <v>14395</v>
      </c>
      <c r="H20489" s="362"/>
      <c r="I20489" s="361" t="s">
        <v>14395</v>
      </c>
      <c r="J20489" s="366"/>
      <c r="K20489" s="362"/>
      <c r="L20489" s="368"/>
    </row>
    <row r="20490" spans="2:12" ht="28.5">
      <c r="B20490" s="358" t="s">
        <v>25061</v>
      </c>
      <c r="C20490" s="358" t="s">
        <v>29697</v>
      </c>
      <c r="D20490" s="358" t="s">
        <v>25062</v>
      </c>
      <c r="E20490" s="358" t="s">
        <v>25063</v>
      </c>
      <c r="F20490" s="358" t="s">
        <v>14382</v>
      </c>
      <c r="G20490" s="358" t="s">
        <v>14483</v>
      </c>
      <c r="H20490" s="358" t="s">
        <v>14378</v>
      </c>
      <c r="I20490" s="358" t="s">
        <v>14483</v>
      </c>
      <c r="J20490" s="358"/>
      <c r="K20490" s="358" t="s">
        <v>14929</v>
      </c>
      <c r="L20490" s="358" t="s">
        <v>27987</v>
      </c>
    </row>
    <row r="20491" spans="2:12">
      <c r="B20491" s="367"/>
      <c r="C20491" s="367"/>
      <c r="D20491" s="367"/>
      <c r="E20491" s="367"/>
      <c r="F20491" s="360"/>
      <c r="G20491" s="360"/>
      <c r="H20491" s="360"/>
      <c r="I20491" s="360"/>
      <c r="J20491" s="365"/>
      <c r="K20491" s="360"/>
      <c r="L20491" s="367"/>
    </row>
    <row r="20492" spans="2:12" ht="42.75">
      <c r="B20492" s="367"/>
      <c r="C20492" s="367"/>
      <c r="D20492" s="367"/>
      <c r="E20492" s="367"/>
      <c r="F20492" s="359" t="s">
        <v>14386</v>
      </c>
      <c r="G20492" s="359" t="s">
        <v>14387</v>
      </c>
      <c r="H20492" s="359" t="s">
        <v>14381</v>
      </c>
      <c r="I20492" s="359" t="s">
        <v>14387</v>
      </c>
      <c r="J20492" s="365"/>
      <c r="K20492" s="359" t="s">
        <v>29695</v>
      </c>
      <c r="L20492" s="367"/>
    </row>
    <row r="20493" spans="2:12">
      <c r="B20493" s="367"/>
      <c r="C20493" s="367"/>
      <c r="D20493" s="367"/>
      <c r="E20493" s="367"/>
      <c r="F20493" s="360"/>
      <c r="G20493" s="360"/>
      <c r="H20493" s="360"/>
      <c r="I20493" s="360"/>
      <c r="J20493" s="365"/>
      <c r="K20493" s="360"/>
      <c r="L20493" s="367"/>
    </row>
    <row r="20494" spans="2:12" ht="42.75">
      <c r="B20494" s="367"/>
      <c r="C20494" s="367"/>
      <c r="D20494" s="367"/>
      <c r="E20494" s="367"/>
      <c r="F20494" s="359" t="s">
        <v>14368</v>
      </c>
      <c r="G20494" s="359" t="s">
        <v>14388</v>
      </c>
      <c r="H20494" s="359" t="s">
        <v>14332</v>
      </c>
      <c r="I20494" s="359" t="s">
        <v>14388</v>
      </c>
      <c r="J20494" s="365"/>
      <c r="K20494" s="359" t="s">
        <v>29698</v>
      </c>
      <c r="L20494" s="367"/>
    </row>
    <row r="20495" spans="2:12">
      <c r="B20495" s="367"/>
      <c r="C20495" s="367"/>
      <c r="D20495" s="367"/>
      <c r="E20495" s="367"/>
      <c r="F20495" s="360"/>
      <c r="G20495" s="360"/>
      <c r="H20495" s="360"/>
      <c r="I20495" s="360"/>
      <c r="J20495" s="365"/>
      <c r="K20495" s="360"/>
      <c r="L20495" s="367"/>
    </row>
    <row r="20496" spans="2:12">
      <c r="B20496" s="367"/>
      <c r="C20496" s="367"/>
      <c r="D20496" s="367"/>
      <c r="E20496" s="367"/>
      <c r="F20496" s="359" t="s">
        <v>14389</v>
      </c>
      <c r="G20496" s="359" t="s">
        <v>14390</v>
      </c>
      <c r="H20496" s="360"/>
      <c r="I20496" s="359" t="s">
        <v>14390</v>
      </c>
      <c r="J20496" s="365"/>
      <c r="K20496" s="360"/>
      <c r="L20496" s="367"/>
    </row>
    <row r="20497" spans="2:12">
      <c r="B20497" s="367"/>
      <c r="C20497" s="367"/>
      <c r="D20497" s="367"/>
      <c r="E20497" s="367"/>
      <c r="F20497" s="360"/>
      <c r="G20497" s="360"/>
      <c r="H20497" s="360"/>
      <c r="I20497" s="360"/>
      <c r="J20497" s="365"/>
      <c r="K20497" s="360"/>
      <c r="L20497" s="367"/>
    </row>
    <row r="20498" spans="2:12">
      <c r="B20498" s="367"/>
      <c r="C20498" s="367"/>
      <c r="D20498" s="367"/>
      <c r="E20498" s="367"/>
      <c r="F20498" s="359" t="s">
        <v>14814</v>
      </c>
      <c r="G20498" s="359" t="s">
        <v>14815</v>
      </c>
      <c r="H20498" s="360"/>
      <c r="I20498" s="359" t="s">
        <v>14815</v>
      </c>
      <c r="J20498" s="365"/>
      <c r="K20498" s="360"/>
      <c r="L20498" s="367"/>
    </row>
    <row r="20499" spans="2:12">
      <c r="B20499" s="367"/>
      <c r="C20499" s="367"/>
      <c r="D20499" s="367"/>
      <c r="E20499" s="367"/>
      <c r="F20499" s="360"/>
      <c r="G20499" s="360"/>
      <c r="H20499" s="360"/>
      <c r="I20499" s="360"/>
      <c r="J20499" s="365"/>
      <c r="K20499" s="360"/>
      <c r="L20499" s="367"/>
    </row>
    <row r="20500" spans="2:12">
      <c r="B20500" s="368"/>
      <c r="C20500" s="368"/>
      <c r="D20500" s="368"/>
      <c r="E20500" s="368"/>
      <c r="F20500" s="361" t="s">
        <v>14391</v>
      </c>
      <c r="G20500" s="361" t="s">
        <v>14392</v>
      </c>
      <c r="H20500" s="362"/>
      <c r="I20500" s="361" t="s">
        <v>14392</v>
      </c>
      <c r="J20500" s="366"/>
      <c r="K20500" s="362"/>
      <c r="L20500" s="368"/>
    </row>
    <row r="20501" spans="2:12" ht="28.5">
      <c r="B20501" s="358" t="s">
        <v>25064</v>
      </c>
      <c r="C20501" s="358" t="s">
        <v>25065</v>
      </c>
      <c r="D20501" s="358" t="s">
        <v>25066</v>
      </c>
      <c r="E20501" s="358" t="s">
        <v>25067</v>
      </c>
      <c r="F20501" s="358" t="s">
        <v>14382</v>
      </c>
      <c r="G20501" s="358" t="s">
        <v>14483</v>
      </c>
      <c r="H20501" s="358" t="s">
        <v>14378</v>
      </c>
      <c r="I20501" s="358" t="s">
        <v>14483</v>
      </c>
      <c r="J20501" s="358"/>
      <c r="K20501" s="358" t="s">
        <v>14929</v>
      </c>
      <c r="L20501" s="358" t="s">
        <v>25035</v>
      </c>
    </row>
    <row r="20502" spans="2:12">
      <c r="B20502" s="367"/>
      <c r="C20502" s="360"/>
      <c r="D20502" s="360"/>
      <c r="E20502" s="360"/>
      <c r="F20502" s="360"/>
      <c r="G20502" s="360"/>
      <c r="H20502" s="360"/>
      <c r="I20502" s="360"/>
      <c r="J20502" s="365"/>
      <c r="K20502" s="360"/>
      <c r="L20502" s="367"/>
    </row>
    <row r="20503" spans="2:12" ht="42.75">
      <c r="B20503" s="367"/>
      <c r="C20503" s="359" t="s">
        <v>25068</v>
      </c>
      <c r="D20503" s="359" t="s">
        <v>25069</v>
      </c>
      <c r="E20503" s="359" t="s">
        <v>25070</v>
      </c>
      <c r="F20503" s="359" t="s">
        <v>14386</v>
      </c>
      <c r="G20503" s="359" t="s">
        <v>14387</v>
      </c>
      <c r="H20503" s="359" t="s">
        <v>14381</v>
      </c>
      <c r="I20503" s="359" t="s">
        <v>14387</v>
      </c>
      <c r="J20503" s="365"/>
      <c r="K20503" s="359" t="s">
        <v>29695</v>
      </c>
      <c r="L20503" s="367"/>
    </row>
    <row r="20504" spans="2:12">
      <c r="B20504" s="367"/>
      <c r="C20504" s="360"/>
      <c r="D20504" s="360"/>
      <c r="E20504" s="360"/>
      <c r="F20504" s="360"/>
      <c r="G20504" s="360"/>
      <c r="H20504" s="360"/>
      <c r="I20504" s="360"/>
      <c r="J20504" s="365"/>
      <c r="K20504" s="360"/>
      <c r="L20504" s="367"/>
    </row>
    <row r="20505" spans="2:12" ht="42.75">
      <c r="B20505" s="367"/>
      <c r="C20505" s="360"/>
      <c r="D20505" s="360"/>
      <c r="E20505" s="360"/>
      <c r="F20505" s="359" t="s">
        <v>14368</v>
      </c>
      <c r="G20505" s="359" t="s">
        <v>14388</v>
      </c>
      <c r="H20505" s="359" t="s">
        <v>14332</v>
      </c>
      <c r="I20505" s="359" t="s">
        <v>14388</v>
      </c>
      <c r="J20505" s="365"/>
      <c r="K20505" s="359" t="s">
        <v>29698</v>
      </c>
      <c r="L20505" s="367"/>
    </row>
    <row r="20506" spans="2:12">
      <c r="B20506" s="367"/>
      <c r="C20506" s="360"/>
      <c r="D20506" s="360"/>
      <c r="E20506" s="360"/>
      <c r="F20506" s="360"/>
      <c r="G20506" s="360"/>
      <c r="H20506" s="360"/>
      <c r="I20506" s="360"/>
      <c r="J20506" s="365"/>
      <c r="K20506" s="360"/>
      <c r="L20506" s="367"/>
    </row>
    <row r="20507" spans="2:12">
      <c r="B20507" s="367"/>
      <c r="C20507" s="360"/>
      <c r="D20507" s="360"/>
      <c r="E20507" s="360"/>
      <c r="F20507" s="359" t="s">
        <v>14389</v>
      </c>
      <c r="G20507" s="359" t="s">
        <v>14390</v>
      </c>
      <c r="H20507" s="360"/>
      <c r="I20507" s="359" t="s">
        <v>14390</v>
      </c>
      <c r="J20507" s="365"/>
      <c r="K20507" s="360"/>
      <c r="L20507" s="367"/>
    </row>
    <row r="20508" spans="2:12">
      <c r="B20508" s="367"/>
      <c r="C20508" s="360"/>
      <c r="D20508" s="360"/>
      <c r="E20508" s="360"/>
      <c r="F20508" s="360"/>
      <c r="G20508" s="360"/>
      <c r="H20508" s="360"/>
      <c r="I20508" s="360"/>
      <c r="J20508" s="365"/>
      <c r="K20508" s="360"/>
      <c r="L20508" s="367"/>
    </row>
    <row r="20509" spans="2:12">
      <c r="B20509" s="368"/>
      <c r="C20509" s="362"/>
      <c r="D20509" s="362"/>
      <c r="E20509" s="362"/>
      <c r="F20509" s="361" t="s">
        <v>14814</v>
      </c>
      <c r="G20509" s="361" t="s">
        <v>14815</v>
      </c>
      <c r="H20509" s="362"/>
      <c r="I20509" s="361" t="s">
        <v>14815</v>
      </c>
      <c r="J20509" s="366"/>
      <c r="K20509" s="362"/>
      <c r="L20509" s="368"/>
    </row>
    <row r="20510" spans="2:12">
      <c r="B20510" s="358" t="s">
        <v>25071</v>
      </c>
      <c r="C20510" s="358" t="s">
        <v>25072</v>
      </c>
      <c r="D20510" s="358" t="s">
        <v>25073</v>
      </c>
      <c r="E20510" s="358" t="s">
        <v>25074</v>
      </c>
      <c r="F20510" s="358" t="s">
        <v>14382</v>
      </c>
      <c r="G20510" s="358" t="s">
        <v>14483</v>
      </c>
      <c r="H20510" s="358" t="s">
        <v>14378</v>
      </c>
      <c r="I20510" s="358" t="s">
        <v>14483</v>
      </c>
      <c r="J20510" s="358"/>
      <c r="K20510" s="358" t="s">
        <v>14929</v>
      </c>
      <c r="L20510" s="358" t="s">
        <v>27987</v>
      </c>
    </row>
    <row r="20511" spans="2:12">
      <c r="B20511" s="367"/>
      <c r="C20511" s="367"/>
      <c r="D20511" s="367"/>
      <c r="E20511" s="367"/>
      <c r="F20511" s="360"/>
      <c r="G20511" s="360"/>
      <c r="H20511" s="360"/>
      <c r="I20511" s="360"/>
      <c r="J20511" s="365"/>
      <c r="K20511" s="360"/>
      <c r="L20511" s="367"/>
    </row>
    <row r="20512" spans="2:12" ht="28.5">
      <c r="B20512" s="367"/>
      <c r="C20512" s="367"/>
      <c r="D20512" s="367"/>
      <c r="E20512" s="367"/>
      <c r="F20512" s="359" t="s">
        <v>14386</v>
      </c>
      <c r="G20512" s="359" t="s">
        <v>14387</v>
      </c>
      <c r="H20512" s="359" t="s">
        <v>14381</v>
      </c>
      <c r="I20512" s="359" t="s">
        <v>14387</v>
      </c>
      <c r="J20512" s="365"/>
      <c r="K20512" s="359" t="s">
        <v>29693</v>
      </c>
      <c r="L20512" s="367"/>
    </row>
    <row r="20513" spans="2:12">
      <c r="B20513" s="367"/>
      <c r="C20513" s="367"/>
      <c r="D20513" s="367"/>
      <c r="E20513" s="367"/>
      <c r="F20513" s="360"/>
      <c r="G20513" s="360"/>
      <c r="H20513" s="360"/>
      <c r="I20513" s="360"/>
      <c r="J20513" s="365"/>
      <c r="K20513" s="360"/>
      <c r="L20513" s="367"/>
    </row>
    <row r="20514" spans="2:12">
      <c r="B20514" s="367"/>
      <c r="C20514" s="367"/>
      <c r="D20514" s="367"/>
      <c r="E20514" s="367"/>
      <c r="F20514" s="359" t="s">
        <v>14368</v>
      </c>
      <c r="G20514" s="359" t="s">
        <v>14388</v>
      </c>
      <c r="H20514" s="359" t="s">
        <v>14332</v>
      </c>
      <c r="I20514" s="359" t="s">
        <v>14388</v>
      </c>
      <c r="J20514" s="365"/>
      <c r="K20514" s="359" t="s">
        <v>29699</v>
      </c>
      <c r="L20514" s="367"/>
    </row>
    <row r="20515" spans="2:12">
      <c r="B20515" s="367"/>
      <c r="C20515" s="367"/>
      <c r="D20515" s="367"/>
      <c r="E20515" s="367"/>
      <c r="F20515" s="360"/>
      <c r="G20515" s="360"/>
      <c r="H20515" s="360"/>
      <c r="I20515" s="360"/>
      <c r="J20515" s="365"/>
      <c r="K20515" s="360"/>
      <c r="L20515" s="367"/>
    </row>
    <row r="20516" spans="2:12" ht="42.75">
      <c r="B20516" s="367"/>
      <c r="C20516" s="367"/>
      <c r="D20516" s="367"/>
      <c r="E20516" s="367"/>
      <c r="F20516" s="359" t="s">
        <v>14389</v>
      </c>
      <c r="G20516" s="359" t="s">
        <v>14390</v>
      </c>
      <c r="H20516" s="360"/>
      <c r="I20516" s="359" t="s">
        <v>14390</v>
      </c>
      <c r="J20516" s="365"/>
      <c r="K20516" s="359" t="s">
        <v>29698</v>
      </c>
      <c r="L20516" s="367"/>
    </row>
    <row r="20517" spans="2:12">
      <c r="B20517" s="367"/>
      <c r="C20517" s="367"/>
      <c r="D20517" s="367"/>
      <c r="E20517" s="367"/>
      <c r="F20517" s="360"/>
      <c r="G20517" s="360"/>
      <c r="H20517" s="360"/>
      <c r="I20517" s="360"/>
      <c r="J20517" s="365"/>
      <c r="K20517" s="360"/>
      <c r="L20517" s="367"/>
    </row>
    <row r="20518" spans="2:12">
      <c r="B20518" s="367"/>
      <c r="C20518" s="367"/>
      <c r="D20518" s="367"/>
      <c r="E20518" s="367"/>
      <c r="F20518" s="359" t="s">
        <v>14814</v>
      </c>
      <c r="G20518" s="359" t="s">
        <v>14815</v>
      </c>
      <c r="H20518" s="360"/>
      <c r="I20518" s="359" t="s">
        <v>14815</v>
      </c>
      <c r="J20518" s="365"/>
      <c r="K20518" s="360"/>
      <c r="L20518" s="367"/>
    </row>
    <row r="20519" spans="2:12">
      <c r="B20519" s="367"/>
      <c r="C20519" s="367"/>
      <c r="D20519" s="367"/>
      <c r="E20519" s="367"/>
      <c r="F20519" s="360"/>
      <c r="G20519" s="360"/>
      <c r="H20519" s="360"/>
      <c r="I20519" s="360"/>
      <c r="J20519" s="365"/>
      <c r="K20519" s="360"/>
      <c r="L20519" s="367"/>
    </row>
    <row r="20520" spans="2:12">
      <c r="B20520" s="368"/>
      <c r="C20520" s="368"/>
      <c r="D20520" s="368"/>
      <c r="E20520" s="368"/>
      <c r="F20520" s="361" t="s">
        <v>14391</v>
      </c>
      <c r="G20520" s="361" t="s">
        <v>14392</v>
      </c>
      <c r="H20520" s="362"/>
      <c r="I20520" s="361" t="s">
        <v>14392</v>
      </c>
      <c r="J20520" s="366"/>
      <c r="K20520" s="362"/>
      <c r="L20520" s="368"/>
    </row>
    <row r="20521" spans="2:12">
      <c r="B20521" s="358" t="s">
        <v>25075</v>
      </c>
      <c r="C20521" s="358" t="s">
        <v>25076</v>
      </c>
      <c r="D20521" s="358" t="s">
        <v>25077</v>
      </c>
      <c r="E20521" s="358" t="s">
        <v>25078</v>
      </c>
      <c r="F20521" s="358" t="s">
        <v>14386</v>
      </c>
      <c r="G20521" s="358" t="s">
        <v>14387</v>
      </c>
      <c r="H20521" s="358" t="s">
        <v>14381</v>
      </c>
      <c r="I20521" s="358" t="s">
        <v>14387</v>
      </c>
      <c r="J20521" s="358" t="s">
        <v>14355</v>
      </c>
      <c r="K20521" s="358" t="s">
        <v>29700</v>
      </c>
      <c r="L20521" s="358"/>
    </row>
    <row r="20522" spans="2:12">
      <c r="B20522" s="367"/>
      <c r="C20522" s="360"/>
      <c r="D20522" s="367"/>
      <c r="E20522" s="367"/>
      <c r="F20522" s="360"/>
      <c r="G20522" s="360"/>
      <c r="H20522" s="360"/>
      <c r="I20522" s="360"/>
      <c r="J20522" s="367"/>
      <c r="K20522" s="360"/>
      <c r="L20522" s="365"/>
    </row>
    <row r="20523" spans="2:12" ht="28.5">
      <c r="B20523" s="367"/>
      <c r="C20523" s="359" t="s">
        <v>25079</v>
      </c>
      <c r="D20523" s="367"/>
      <c r="E20523" s="367"/>
      <c r="F20523" s="359" t="s">
        <v>14368</v>
      </c>
      <c r="G20523" s="359" t="s">
        <v>14388</v>
      </c>
      <c r="H20523" s="359" t="s">
        <v>14367</v>
      </c>
      <c r="I20523" s="359" t="s">
        <v>14388</v>
      </c>
      <c r="J20523" s="367"/>
      <c r="K20523" s="359" t="s">
        <v>29701</v>
      </c>
      <c r="L20523" s="365"/>
    </row>
    <row r="20524" spans="2:12">
      <c r="B20524" s="367"/>
      <c r="C20524" s="360"/>
      <c r="D20524" s="367"/>
      <c r="E20524" s="367"/>
      <c r="F20524" s="360"/>
      <c r="G20524" s="360"/>
      <c r="H20524" s="360"/>
      <c r="I20524" s="360"/>
      <c r="J20524" s="367"/>
      <c r="K20524" s="360"/>
      <c r="L20524" s="365"/>
    </row>
    <row r="20525" spans="2:12" ht="71.25">
      <c r="B20525" s="367"/>
      <c r="C20525" s="360"/>
      <c r="D20525" s="367"/>
      <c r="E20525" s="367"/>
      <c r="F20525" s="359" t="s">
        <v>14389</v>
      </c>
      <c r="G20525" s="359" t="s">
        <v>14390</v>
      </c>
      <c r="H20525" s="359" t="s">
        <v>14332</v>
      </c>
      <c r="I20525" s="359" t="s">
        <v>14390</v>
      </c>
      <c r="J20525" s="367"/>
      <c r="K20525" s="359" t="s">
        <v>29702</v>
      </c>
      <c r="L20525" s="365"/>
    </row>
    <row r="20526" spans="2:12">
      <c r="B20526" s="367"/>
      <c r="C20526" s="360"/>
      <c r="D20526" s="367"/>
      <c r="E20526" s="367"/>
      <c r="F20526" s="360"/>
      <c r="G20526" s="360"/>
      <c r="H20526" s="360"/>
      <c r="I20526" s="360"/>
      <c r="J20526" s="367"/>
      <c r="K20526" s="360"/>
      <c r="L20526" s="365"/>
    </row>
    <row r="20527" spans="2:12">
      <c r="B20527" s="368"/>
      <c r="C20527" s="362"/>
      <c r="D20527" s="368"/>
      <c r="E20527" s="368"/>
      <c r="F20527" s="361" t="s">
        <v>14814</v>
      </c>
      <c r="G20527" s="361" t="s">
        <v>14815</v>
      </c>
      <c r="H20527" s="362"/>
      <c r="I20527" s="361" t="s">
        <v>14815</v>
      </c>
      <c r="J20527" s="368"/>
      <c r="K20527" s="362"/>
      <c r="L20527" s="366"/>
    </row>
    <row r="20528" spans="2:12">
      <c r="B20528" s="354" t="s">
        <v>8444</v>
      </c>
      <c r="C20528" s="369"/>
      <c r="D20528" s="369"/>
      <c r="E20528" s="369"/>
      <c r="F20528" s="369"/>
      <c r="G20528" s="369"/>
      <c r="H20528" s="369"/>
      <c r="I20528" s="369"/>
      <c r="J20528" s="369"/>
      <c r="K20528" s="369"/>
      <c r="L20528" s="370"/>
    </row>
    <row r="20529" spans="2:12">
      <c r="B20529" s="358" t="s">
        <v>25080</v>
      </c>
      <c r="C20529" s="358" t="s">
        <v>25081</v>
      </c>
      <c r="D20529" s="358" t="s">
        <v>25082</v>
      </c>
      <c r="E20529" s="358" t="s">
        <v>25083</v>
      </c>
      <c r="F20529" s="358" t="s">
        <v>14443</v>
      </c>
      <c r="G20529" s="358" t="s">
        <v>14444</v>
      </c>
      <c r="H20529" s="358" t="s">
        <v>14381</v>
      </c>
      <c r="I20529" s="358" t="s">
        <v>14444</v>
      </c>
      <c r="J20529" s="358"/>
      <c r="K20529" s="358"/>
      <c r="L20529" s="358"/>
    </row>
    <row r="20530" spans="2:12">
      <c r="B20530" s="367"/>
      <c r="C20530" s="360"/>
      <c r="D20530" s="367"/>
      <c r="E20530" s="367"/>
      <c r="F20530" s="360"/>
      <c r="G20530" s="360"/>
      <c r="H20530" s="360"/>
      <c r="I20530" s="360"/>
      <c r="J20530" s="365"/>
      <c r="K20530" s="365"/>
      <c r="L20530" s="365"/>
    </row>
    <row r="20531" spans="2:12">
      <c r="B20531" s="367"/>
      <c r="C20531" s="359" t="s">
        <v>25084</v>
      </c>
      <c r="D20531" s="367"/>
      <c r="E20531" s="367"/>
      <c r="F20531" s="359" t="s">
        <v>14507</v>
      </c>
      <c r="G20531" s="359" t="s">
        <v>14508</v>
      </c>
      <c r="H20531" s="359" t="s">
        <v>14378</v>
      </c>
      <c r="I20531" s="359" t="s">
        <v>14508</v>
      </c>
      <c r="J20531" s="365"/>
      <c r="K20531" s="365"/>
      <c r="L20531" s="365"/>
    </row>
    <row r="20532" spans="2:12">
      <c r="B20532" s="367"/>
      <c r="C20532" s="360"/>
      <c r="D20532" s="367"/>
      <c r="E20532" s="367"/>
      <c r="F20532" s="360"/>
      <c r="G20532" s="360"/>
      <c r="H20532" s="360"/>
      <c r="I20532" s="360"/>
      <c r="J20532" s="365"/>
      <c r="K20532" s="365"/>
      <c r="L20532" s="365"/>
    </row>
    <row r="20533" spans="2:12">
      <c r="B20533" s="367"/>
      <c r="C20533" s="360"/>
      <c r="D20533" s="367"/>
      <c r="E20533" s="367"/>
      <c r="F20533" s="359" t="s">
        <v>14656</v>
      </c>
      <c r="G20533" s="359" t="s">
        <v>14579</v>
      </c>
      <c r="H20533" s="359" t="s">
        <v>14341</v>
      </c>
      <c r="I20533" s="359" t="s">
        <v>14579</v>
      </c>
      <c r="J20533" s="365"/>
      <c r="K20533" s="365"/>
      <c r="L20533" s="365"/>
    </row>
    <row r="20534" spans="2:12">
      <c r="B20534" s="367"/>
      <c r="C20534" s="360"/>
      <c r="D20534" s="367"/>
      <c r="E20534" s="367"/>
      <c r="F20534" s="360"/>
      <c r="G20534" s="360"/>
      <c r="H20534" s="360"/>
      <c r="I20534" s="360"/>
      <c r="J20534" s="365"/>
      <c r="K20534" s="365"/>
      <c r="L20534" s="365"/>
    </row>
    <row r="20535" spans="2:12">
      <c r="B20535" s="367"/>
      <c r="C20535" s="360"/>
      <c r="D20535" s="367"/>
      <c r="E20535" s="367"/>
      <c r="F20535" s="359" t="s">
        <v>14656</v>
      </c>
      <c r="G20535" s="359" t="s">
        <v>14383</v>
      </c>
      <c r="H20535" s="359" t="s">
        <v>14332</v>
      </c>
      <c r="I20535" s="359" t="s">
        <v>14383</v>
      </c>
      <c r="J20535" s="365"/>
      <c r="K20535" s="365"/>
      <c r="L20535" s="365"/>
    </row>
    <row r="20536" spans="2:12">
      <c r="B20536" s="367"/>
      <c r="C20536" s="360"/>
      <c r="D20536" s="367"/>
      <c r="E20536" s="367"/>
      <c r="F20536" s="360"/>
      <c r="G20536" s="360"/>
      <c r="H20536" s="360"/>
      <c r="I20536" s="360"/>
      <c r="J20536" s="365"/>
      <c r="K20536" s="365"/>
      <c r="L20536" s="365"/>
    </row>
    <row r="20537" spans="2:12" ht="28.5">
      <c r="B20537" s="367"/>
      <c r="C20537" s="360"/>
      <c r="D20537" s="367"/>
      <c r="E20537" s="367"/>
      <c r="F20537" s="359" t="s">
        <v>16919</v>
      </c>
      <c r="G20537" s="359" t="s">
        <v>25085</v>
      </c>
      <c r="H20537" s="360"/>
      <c r="I20537" s="359" t="s">
        <v>25085</v>
      </c>
      <c r="J20537" s="365"/>
      <c r="K20537" s="365"/>
      <c r="L20537" s="365"/>
    </row>
    <row r="20538" spans="2:12">
      <c r="B20538" s="367"/>
      <c r="C20538" s="360"/>
      <c r="D20538" s="367"/>
      <c r="E20538" s="367"/>
      <c r="F20538" s="360"/>
      <c r="G20538" s="360"/>
      <c r="H20538" s="360"/>
      <c r="I20538" s="360"/>
      <c r="J20538" s="365"/>
      <c r="K20538" s="365"/>
      <c r="L20538" s="365"/>
    </row>
    <row r="20539" spans="2:12">
      <c r="B20539" s="367"/>
      <c r="C20539" s="360"/>
      <c r="D20539" s="367"/>
      <c r="E20539" s="367"/>
      <c r="F20539" s="359" t="s">
        <v>25086</v>
      </c>
      <c r="G20539" s="359" t="s">
        <v>14340</v>
      </c>
      <c r="H20539" s="360"/>
      <c r="I20539" s="359" t="s">
        <v>14340</v>
      </c>
      <c r="J20539" s="365"/>
      <c r="K20539" s="365"/>
      <c r="L20539" s="365"/>
    </row>
    <row r="20540" spans="2:12">
      <c r="B20540" s="367"/>
      <c r="C20540" s="360"/>
      <c r="D20540" s="367"/>
      <c r="E20540" s="367"/>
      <c r="F20540" s="360"/>
      <c r="G20540" s="360"/>
      <c r="H20540" s="360"/>
      <c r="I20540" s="360"/>
      <c r="J20540" s="365"/>
      <c r="K20540" s="365"/>
      <c r="L20540" s="365"/>
    </row>
    <row r="20541" spans="2:12">
      <c r="B20541" s="367"/>
      <c r="C20541" s="360"/>
      <c r="D20541" s="367"/>
      <c r="E20541" s="367"/>
      <c r="F20541" s="359" t="s">
        <v>14391</v>
      </c>
      <c r="G20541" s="359" t="s">
        <v>14392</v>
      </c>
      <c r="H20541" s="360"/>
      <c r="I20541" s="359" t="s">
        <v>14392</v>
      </c>
      <c r="J20541" s="365"/>
      <c r="K20541" s="365"/>
      <c r="L20541" s="365"/>
    </row>
    <row r="20542" spans="2:12">
      <c r="B20542" s="367"/>
      <c r="C20542" s="360"/>
      <c r="D20542" s="367"/>
      <c r="E20542" s="367"/>
      <c r="F20542" s="360"/>
      <c r="G20542" s="360"/>
      <c r="H20542" s="360"/>
      <c r="I20542" s="360"/>
      <c r="J20542" s="365"/>
      <c r="K20542" s="365"/>
      <c r="L20542" s="365"/>
    </row>
    <row r="20543" spans="2:12">
      <c r="B20543" s="367"/>
      <c r="C20543" s="360"/>
      <c r="D20543" s="367"/>
      <c r="E20543" s="367"/>
      <c r="F20543" s="359" t="s">
        <v>14430</v>
      </c>
      <c r="G20543" s="359" t="s">
        <v>14431</v>
      </c>
      <c r="H20543" s="360"/>
      <c r="I20543" s="359" t="s">
        <v>14473</v>
      </c>
      <c r="J20543" s="365"/>
      <c r="K20543" s="365"/>
      <c r="L20543" s="365"/>
    </row>
    <row r="20544" spans="2:12">
      <c r="B20544" s="367"/>
      <c r="C20544" s="360"/>
      <c r="D20544" s="367"/>
      <c r="E20544" s="367"/>
      <c r="F20544" s="360"/>
      <c r="G20544" s="360"/>
      <c r="H20544" s="360"/>
      <c r="I20544" s="360"/>
      <c r="J20544" s="365"/>
      <c r="K20544" s="365"/>
      <c r="L20544" s="365"/>
    </row>
    <row r="20545" spans="2:12" ht="28.5">
      <c r="B20545" s="368"/>
      <c r="C20545" s="362"/>
      <c r="D20545" s="368"/>
      <c r="E20545" s="368"/>
      <c r="F20545" s="361" t="s">
        <v>14472</v>
      </c>
      <c r="G20545" s="361" t="s">
        <v>14473</v>
      </c>
      <c r="H20545" s="362"/>
      <c r="I20545" s="362"/>
      <c r="J20545" s="366"/>
      <c r="K20545" s="366"/>
      <c r="L20545" s="366"/>
    </row>
    <row r="20546" spans="2:12">
      <c r="B20546" s="354" t="s">
        <v>28528</v>
      </c>
      <c r="C20546" s="369"/>
      <c r="D20546" s="369"/>
      <c r="E20546" s="369"/>
      <c r="F20546" s="369"/>
      <c r="G20546" s="369"/>
      <c r="H20546" s="369"/>
      <c r="I20546" s="369"/>
      <c r="J20546" s="369"/>
      <c r="K20546" s="369"/>
      <c r="L20546" s="370"/>
    </row>
    <row r="20547" spans="2:12" ht="28.5">
      <c r="B20547" s="358" t="s">
        <v>25087</v>
      </c>
      <c r="C20547" s="358" t="s">
        <v>25088</v>
      </c>
      <c r="D20547" s="358" t="s">
        <v>8356</v>
      </c>
      <c r="E20547" s="358" t="s">
        <v>25089</v>
      </c>
      <c r="F20547" s="358" t="s">
        <v>14420</v>
      </c>
      <c r="G20547" s="358" t="s">
        <v>14429</v>
      </c>
      <c r="H20547" s="358" t="s">
        <v>14367</v>
      </c>
      <c r="I20547" s="358" t="s">
        <v>14429</v>
      </c>
      <c r="J20547" s="358"/>
      <c r="K20547" s="358"/>
      <c r="L20547" s="358"/>
    </row>
    <row r="20548" spans="2:12">
      <c r="B20548" s="367"/>
      <c r="C20548" s="367"/>
      <c r="D20548" s="367"/>
      <c r="E20548" s="367"/>
      <c r="F20548" s="367"/>
      <c r="G20548" s="367"/>
      <c r="H20548" s="360"/>
      <c r="I20548" s="367"/>
      <c r="J20548" s="365"/>
      <c r="K20548" s="365"/>
      <c r="L20548" s="365"/>
    </row>
    <row r="20549" spans="2:12">
      <c r="B20549" s="368"/>
      <c r="C20549" s="368"/>
      <c r="D20549" s="368"/>
      <c r="E20549" s="368"/>
      <c r="F20549" s="368"/>
      <c r="G20549" s="368"/>
      <c r="H20549" s="361" t="s">
        <v>14422</v>
      </c>
      <c r="I20549" s="368"/>
      <c r="J20549" s="366"/>
      <c r="K20549" s="366"/>
      <c r="L20549" s="366"/>
    </row>
    <row r="20550" spans="2:12" ht="28.5">
      <c r="B20550" s="358" t="s">
        <v>25090</v>
      </c>
      <c r="C20550" s="358" t="s">
        <v>25091</v>
      </c>
      <c r="D20550" s="358" t="s">
        <v>25092</v>
      </c>
      <c r="E20550" s="358" t="s">
        <v>25093</v>
      </c>
      <c r="F20550" s="358" t="s">
        <v>14420</v>
      </c>
      <c r="G20550" s="358" t="s">
        <v>14429</v>
      </c>
      <c r="H20550" s="358" t="s">
        <v>14367</v>
      </c>
      <c r="I20550" s="358" t="s">
        <v>14429</v>
      </c>
      <c r="J20550" s="358"/>
      <c r="K20550" s="358"/>
      <c r="L20550" s="358"/>
    </row>
    <row r="20551" spans="2:12">
      <c r="B20551" s="367"/>
      <c r="C20551" s="360"/>
      <c r="D20551" s="367"/>
      <c r="E20551" s="367"/>
      <c r="F20551" s="360"/>
      <c r="G20551" s="360"/>
      <c r="H20551" s="360"/>
      <c r="I20551" s="360"/>
      <c r="J20551" s="365"/>
      <c r="K20551" s="365"/>
      <c r="L20551" s="365"/>
    </row>
    <row r="20552" spans="2:12">
      <c r="B20552" s="367"/>
      <c r="C20552" s="359" t="s">
        <v>25094</v>
      </c>
      <c r="D20552" s="367"/>
      <c r="E20552" s="367"/>
      <c r="F20552" s="359" t="s">
        <v>14371</v>
      </c>
      <c r="G20552" s="359" t="s">
        <v>14372</v>
      </c>
      <c r="H20552" s="359" t="s">
        <v>14370</v>
      </c>
      <c r="I20552" s="359" t="s">
        <v>14373</v>
      </c>
      <c r="J20552" s="365"/>
      <c r="K20552" s="365"/>
      <c r="L20552" s="365"/>
    </row>
    <row r="20553" spans="2:12">
      <c r="B20553" s="367"/>
      <c r="C20553" s="360"/>
      <c r="D20553" s="367"/>
      <c r="E20553" s="367"/>
      <c r="F20553" s="360"/>
      <c r="G20553" s="360"/>
      <c r="H20553" s="360"/>
      <c r="I20553" s="360"/>
      <c r="J20553" s="365"/>
      <c r="K20553" s="365"/>
      <c r="L20553" s="365"/>
    </row>
    <row r="20554" spans="2:12" ht="28.5">
      <c r="B20554" s="368"/>
      <c r="C20554" s="362"/>
      <c r="D20554" s="368"/>
      <c r="E20554" s="368"/>
      <c r="F20554" s="361" t="s">
        <v>14374</v>
      </c>
      <c r="G20554" s="361" t="s">
        <v>14373</v>
      </c>
      <c r="H20554" s="361" t="s">
        <v>14422</v>
      </c>
      <c r="I20554" s="362"/>
      <c r="J20554" s="366"/>
      <c r="K20554" s="366"/>
      <c r="L20554" s="366"/>
    </row>
    <row r="20555" spans="2:12">
      <c r="B20555" s="358" t="s">
        <v>25095</v>
      </c>
      <c r="C20555" s="358" t="s">
        <v>25096</v>
      </c>
      <c r="D20555" s="358" t="s">
        <v>25097</v>
      </c>
      <c r="E20555" s="358" t="s">
        <v>25098</v>
      </c>
      <c r="F20555" s="358" t="s">
        <v>14420</v>
      </c>
      <c r="G20555" s="358" t="s">
        <v>14429</v>
      </c>
      <c r="H20555" s="358" t="s">
        <v>14367</v>
      </c>
      <c r="I20555" s="358" t="s">
        <v>14429</v>
      </c>
      <c r="J20555" s="358"/>
      <c r="K20555" s="358"/>
      <c r="L20555" s="358"/>
    </row>
    <row r="20556" spans="2:12">
      <c r="B20556" s="367"/>
      <c r="C20556" s="367"/>
      <c r="D20556" s="367"/>
      <c r="E20556" s="367"/>
      <c r="F20556" s="367"/>
      <c r="G20556" s="367"/>
      <c r="H20556" s="360"/>
      <c r="I20556" s="367"/>
      <c r="J20556" s="365"/>
      <c r="K20556" s="365"/>
      <c r="L20556" s="365"/>
    </row>
    <row r="20557" spans="2:12">
      <c r="B20557" s="368"/>
      <c r="C20557" s="368"/>
      <c r="D20557" s="368"/>
      <c r="E20557" s="368"/>
      <c r="F20557" s="368"/>
      <c r="G20557" s="368"/>
      <c r="H20557" s="361" t="s">
        <v>14422</v>
      </c>
      <c r="I20557" s="368"/>
      <c r="J20557" s="366"/>
      <c r="K20557" s="366"/>
      <c r="L20557" s="366"/>
    </row>
    <row r="20558" spans="2:12">
      <c r="B20558" s="358" t="s">
        <v>25099</v>
      </c>
      <c r="C20558" s="358" t="s">
        <v>25100</v>
      </c>
      <c r="D20558" s="358" t="s">
        <v>25101</v>
      </c>
      <c r="E20558" s="358" t="s">
        <v>25102</v>
      </c>
      <c r="F20558" s="358" t="s">
        <v>14420</v>
      </c>
      <c r="G20558" s="358" t="s">
        <v>14429</v>
      </c>
      <c r="H20558" s="358" t="s">
        <v>14341</v>
      </c>
      <c r="I20558" s="358" t="s">
        <v>14429</v>
      </c>
      <c r="J20558" s="358"/>
      <c r="K20558" s="358"/>
      <c r="L20558" s="358"/>
    </row>
    <row r="20559" spans="2:12">
      <c r="B20559" s="367"/>
      <c r="C20559" s="367"/>
      <c r="D20559" s="367"/>
      <c r="E20559" s="367"/>
      <c r="F20559" s="360"/>
      <c r="G20559" s="360"/>
      <c r="H20559" s="360"/>
      <c r="I20559" s="360"/>
      <c r="J20559" s="365"/>
      <c r="K20559" s="365"/>
      <c r="L20559" s="365"/>
    </row>
    <row r="20560" spans="2:12">
      <c r="B20560" s="367"/>
      <c r="C20560" s="367"/>
      <c r="D20560" s="367"/>
      <c r="E20560" s="367"/>
      <c r="F20560" s="359" t="s">
        <v>14368</v>
      </c>
      <c r="G20560" s="359" t="s">
        <v>14388</v>
      </c>
      <c r="H20560" s="359" t="s">
        <v>14367</v>
      </c>
      <c r="I20560" s="359" t="s">
        <v>14388</v>
      </c>
      <c r="J20560" s="365"/>
      <c r="K20560" s="365"/>
      <c r="L20560" s="365"/>
    </row>
    <row r="20561" spans="2:12">
      <c r="B20561" s="367"/>
      <c r="C20561" s="367"/>
      <c r="D20561" s="367"/>
      <c r="E20561" s="367"/>
      <c r="F20561" s="360"/>
      <c r="G20561" s="360"/>
      <c r="H20561" s="360"/>
      <c r="I20561" s="360"/>
      <c r="J20561" s="365"/>
      <c r="K20561" s="365"/>
      <c r="L20561" s="365"/>
    </row>
    <row r="20562" spans="2:12">
      <c r="B20562" s="368"/>
      <c r="C20562" s="368"/>
      <c r="D20562" s="368"/>
      <c r="E20562" s="368"/>
      <c r="F20562" s="361" t="s">
        <v>14430</v>
      </c>
      <c r="G20562" s="361" t="s">
        <v>14431</v>
      </c>
      <c r="H20562" s="361" t="s">
        <v>14332</v>
      </c>
      <c r="I20562" s="361" t="s">
        <v>14431</v>
      </c>
      <c r="J20562" s="366"/>
      <c r="K20562" s="366"/>
      <c r="L20562" s="366"/>
    </row>
    <row r="20563" spans="2:12">
      <c r="B20563" s="358" t="s">
        <v>25103</v>
      </c>
      <c r="C20563" s="358" t="s">
        <v>25104</v>
      </c>
      <c r="D20563" s="358" t="s">
        <v>25105</v>
      </c>
      <c r="E20563" s="358" t="s">
        <v>25106</v>
      </c>
      <c r="F20563" s="358" t="s">
        <v>14418</v>
      </c>
      <c r="G20563" s="358" t="s">
        <v>14419</v>
      </c>
      <c r="H20563" s="358" t="s">
        <v>14328</v>
      </c>
      <c r="I20563" s="358" t="s">
        <v>14419</v>
      </c>
      <c r="J20563" s="358"/>
      <c r="K20563" s="358"/>
      <c r="L20563" s="358"/>
    </row>
    <row r="20564" spans="2:12">
      <c r="B20564" s="367"/>
      <c r="C20564" s="367"/>
      <c r="D20564" s="367"/>
      <c r="E20564" s="367"/>
      <c r="F20564" s="360"/>
      <c r="G20564" s="360"/>
      <c r="H20564" s="360"/>
      <c r="I20564" s="360"/>
      <c r="J20564" s="365"/>
      <c r="K20564" s="365"/>
      <c r="L20564" s="365"/>
    </row>
    <row r="20565" spans="2:12">
      <c r="B20565" s="367"/>
      <c r="C20565" s="367"/>
      <c r="D20565" s="367"/>
      <c r="E20565" s="367"/>
      <c r="F20565" s="359" t="s">
        <v>14382</v>
      </c>
      <c r="G20565" s="359" t="s">
        <v>14579</v>
      </c>
      <c r="H20565" s="359" t="s">
        <v>14378</v>
      </c>
      <c r="I20565" s="359" t="s">
        <v>14579</v>
      </c>
      <c r="J20565" s="365"/>
      <c r="K20565" s="365"/>
      <c r="L20565" s="365"/>
    </row>
    <row r="20566" spans="2:12">
      <c r="B20566" s="367"/>
      <c r="C20566" s="367"/>
      <c r="D20566" s="367"/>
      <c r="E20566" s="367"/>
      <c r="F20566" s="360"/>
      <c r="G20566" s="360"/>
      <c r="H20566" s="360"/>
      <c r="I20566" s="360"/>
      <c r="J20566" s="365"/>
      <c r="K20566" s="365"/>
      <c r="L20566" s="365"/>
    </row>
    <row r="20567" spans="2:12">
      <c r="B20567" s="368"/>
      <c r="C20567" s="368"/>
      <c r="D20567" s="368"/>
      <c r="E20567" s="368"/>
      <c r="F20567" s="361" t="s">
        <v>14382</v>
      </c>
      <c r="G20567" s="361" t="s">
        <v>14383</v>
      </c>
      <c r="H20567" s="361" t="s">
        <v>14332</v>
      </c>
      <c r="I20567" s="361" t="s">
        <v>14383</v>
      </c>
      <c r="J20567" s="366"/>
      <c r="K20567" s="366"/>
      <c r="L20567" s="366"/>
    </row>
    <row r="20568" spans="2:12">
      <c r="B20568" s="358" t="s">
        <v>25107</v>
      </c>
      <c r="C20568" s="358" t="s">
        <v>25108</v>
      </c>
      <c r="D20568" s="358" t="s">
        <v>25109</v>
      </c>
      <c r="E20568" s="358" t="s">
        <v>25110</v>
      </c>
      <c r="F20568" s="358" t="s">
        <v>14382</v>
      </c>
      <c r="G20568" s="358" t="s">
        <v>14579</v>
      </c>
      <c r="H20568" s="358" t="s">
        <v>14378</v>
      </c>
      <c r="I20568" s="358" t="s">
        <v>14579</v>
      </c>
      <c r="J20568" s="358"/>
      <c r="K20568" s="358"/>
      <c r="L20568" s="358"/>
    </row>
    <row r="20569" spans="2:12">
      <c r="B20569" s="367"/>
      <c r="C20569" s="367"/>
      <c r="D20569" s="367"/>
      <c r="E20569" s="367"/>
      <c r="F20569" s="360"/>
      <c r="G20569" s="360"/>
      <c r="H20569" s="360"/>
      <c r="I20569" s="360"/>
      <c r="J20569" s="365"/>
      <c r="K20569" s="365"/>
      <c r="L20569" s="365"/>
    </row>
    <row r="20570" spans="2:12">
      <c r="B20570" s="367"/>
      <c r="C20570" s="367"/>
      <c r="D20570" s="367"/>
      <c r="E20570" s="367"/>
      <c r="F20570" s="359" t="s">
        <v>14420</v>
      </c>
      <c r="G20570" s="359" t="s">
        <v>14429</v>
      </c>
      <c r="H20570" s="359" t="s">
        <v>14341</v>
      </c>
      <c r="I20570" s="359" t="s">
        <v>14429</v>
      </c>
      <c r="J20570" s="365"/>
      <c r="K20570" s="365"/>
      <c r="L20570" s="365"/>
    </row>
    <row r="20571" spans="2:12">
      <c r="B20571" s="367"/>
      <c r="C20571" s="367"/>
      <c r="D20571" s="367"/>
      <c r="E20571" s="367"/>
      <c r="F20571" s="360"/>
      <c r="G20571" s="360"/>
      <c r="H20571" s="360"/>
      <c r="I20571" s="360"/>
      <c r="J20571" s="365"/>
      <c r="K20571" s="365"/>
      <c r="L20571" s="365"/>
    </row>
    <row r="20572" spans="2:12">
      <c r="B20572" s="367"/>
      <c r="C20572" s="367"/>
      <c r="D20572" s="367"/>
      <c r="E20572" s="367"/>
      <c r="F20572" s="359" t="s">
        <v>14430</v>
      </c>
      <c r="G20572" s="359" t="s">
        <v>14431</v>
      </c>
      <c r="H20572" s="359" t="s">
        <v>14332</v>
      </c>
      <c r="I20572" s="359" t="s">
        <v>29703</v>
      </c>
      <c r="J20572" s="365"/>
      <c r="K20572" s="365"/>
      <c r="L20572" s="365"/>
    </row>
    <row r="20573" spans="2:12">
      <c r="B20573" s="367"/>
      <c r="C20573" s="367"/>
      <c r="D20573" s="367"/>
      <c r="E20573" s="367"/>
      <c r="F20573" s="360"/>
      <c r="G20573" s="360"/>
      <c r="H20573" s="360"/>
      <c r="I20573" s="360"/>
      <c r="J20573" s="365"/>
      <c r="K20573" s="365"/>
      <c r="L20573" s="365"/>
    </row>
    <row r="20574" spans="2:12">
      <c r="B20574" s="368"/>
      <c r="C20574" s="368"/>
      <c r="D20574" s="368"/>
      <c r="E20574" s="368"/>
      <c r="F20574" s="361" t="s">
        <v>14391</v>
      </c>
      <c r="G20574" s="361" t="s">
        <v>14392</v>
      </c>
      <c r="H20574" s="362"/>
      <c r="I20574" s="361" t="s">
        <v>14392</v>
      </c>
      <c r="J20574" s="366"/>
      <c r="K20574" s="366"/>
      <c r="L20574" s="366"/>
    </row>
    <row r="20575" spans="2:12">
      <c r="B20575" s="358" t="s">
        <v>25111</v>
      </c>
      <c r="C20575" s="358" t="s">
        <v>25112</v>
      </c>
      <c r="D20575" s="358" t="s">
        <v>25113</v>
      </c>
      <c r="E20575" s="358" t="s">
        <v>25114</v>
      </c>
      <c r="F20575" s="358" t="s">
        <v>14379</v>
      </c>
      <c r="G20575" s="358" t="s">
        <v>14380</v>
      </c>
      <c r="H20575" s="358" t="s">
        <v>14378</v>
      </c>
      <c r="I20575" s="358" t="s">
        <v>14380</v>
      </c>
      <c r="J20575" s="358"/>
      <c r="K20575" s="358"/>
      <c r="L20575" s="358"/>
    </row>
    <row r="20576" spans="2:12">
      <c r="B20576" s="367"/>
      <c r="C20576" s="367"/>
      <c r="D20576" s="367"/>
      <c r="E20576" s="367"/>
      <c r="F20576" s="360"/>
      <c r="G20576" s="360"/>
      <c r="H20576" s="360"/>
      <c r="I20576" s="360"/>
      <c r="J20576" s="365"/>
      <c r="K20576" s="365"/>
      <c r="L20576" s="365"/>
    </row>
    <row r="20577" spans="2:12">
      <c r="B20577" s="367"/>
      <c r="C20577" s="367"/>
      <c r="D20577" s="367"/>
      <c r="E20577" s="367"/>
      <c r="F20577" s="359" t="s">
        <v>14382</v>
      </c>
      <c r="G20577" s="359" t="s">
        <v>14383</v>
      </c>
      <c r="H20577" s="359" t="s">
        <v>14341</v>
      </c>
      <c r="I20577" s="359" t="s">
        <v>14383</v>
      </c>
      <c r="J20577" s="365"/>
      <c r="K20577" s="365"/>
      <c r="L20577" s="365"/>
    </row>
    <row r="20578" spans="2:12">
      <c r="B20578" s="367"/>
      <c r="C20578" s="367"/>
      <c r="D20578" s="367"/>
      <c r="E20578" s="367"/>
      <c r="F20578" s="360"/>
      <c r="G20578" s="360"/>
      <c r="H20578" s="360"/>
      <c r="I20578" s="360"/>
      <c r="J20578" s="365"/>
      <c r="K20578" s="365"/>
      <c r="L20578" s="365"/>
    </row>
    <row r="20579" spans="2:12">
      <c r="B20579" s="367"/>
      <c r="C20579" s="367"/>
      <c r="D20579" s="367"/>
      <c r="E20579" s="367"/>
      <c r="F20579" s="359" t="s">
        <v>14356</v>
      </c>
      <c r="G20579" s="359" t="s">
        <v>14340</v>
      </c>
      <c r="H20579" s="359" t="s">
        <v>14370</v>
      </c>
      <c r="I20579" s="359" t="s">
        <v>14340</v>
      </c>
      <c r="J20579" s="365"/>
      <c r="K20579" s="365"/>
      <c r="L20579" s="365"/>
    </row>
    <row r="20580" spans="2:12">
      <c r="B20580" s="367"/>
      <c r="C20580" s="367"/>
      <c r="D20580" s="367"/>
      <c r="E20580" s="367"/>
      <c r="F20580" s="360"/>
      <c r="G20580" s="360"/>
      <c r="H20580" s="360"/>
      <c r="I20580" s="360"/>
      <c r="J20580" s="365"/>
      <c r="K20580" s="365"/>
      <c r="L20580" s="365"/>
    </row>
    <row r="20581" spans="2:12">
      <c r="B20581" s="367"/>
      <c r="C20581" s="367"/>
      <c r="D20581" s="367"/>
      <c r="E20581" s="367"/>
      <c r="F20581" s="359" t="s">
        <v>14391</v>
      </c>
      <c r="G20581" s="359" t="s">
        <v>14392</v>
      </c>
      <c r="H20581" s="359" t="s">
        <v>14332</v>
      </c>
      <c r="I20581" s="359" t="s">
        <v>14392</v>
      </c>
      <c r="J20581" s="365"/>
      <c r="K20581" s="365"/>
      <c r="L20581" s="365"/>
    </row>
    <row r="20582" spans="2:12">
      <c r="B20582" s="367"/>
      <c r="C20582" s="367"/>
      <c r="D20582" s="367"/>
      <c r="E20582" s="367"/>
      <c r="F20582" s="360"/>
      <c r="G20582" s="360"/>
      <c r="H20582" s="360"/>
      <c r="I20582" s="360"/>
      <c r="J20582" s="365"/>
      <c r="K20582" s="365"/>
      <c r="L20582" s="365"/>
    </row>
    <row r="20583" spans="2:12">
      <c r="B20583" s="368"/>
      <c r="C20583" s="368"/>
      <c r="D20583" s="368"/>
      <c r="E20583" s="368"/>
      <c r="F20583" s="361" t="s">
        <v>14371</v>
      </c>
      <c r="G20583" s="361" t="s">
        <v>14372</v>
      </c>
      <c r="H20583" s="362"/>
      <c r="I20583" s="361" t="s">
        <v>14372</v>
      </c>
      <c r="J20583" s="366"/>
      <c r="K20583" s="366"/>
      <c r="L20583" s="366"/>
    </row>
    <row r="20584" spans="2:12" ht="28.5">
      <c r="B20584" s="358" t="s">
        <v>12646</v>
      </c>
      <c r="C20584" s="358" t="s">
        <v>27988</v>
      </c>
      <c r="D20584" s="358" t="s">
        <v>333</v>
      </c>
      <c r="E20584" s="358" t="s">
        <v>334</v>
      </c>
      <c r="F20584" s="358" t="s">
        <v>14889</v>
      </c>
      <c r="G20584" s="358" t="s">
        <v>14890</v>
      </c>
      <c r="H20584" s="358" t="s">
        <v>14378</v>
      </c>
      <c r="I20584" s="358" t="s">
        <v>14890</v>
      </c>
      <c r="J20584" s="358"/>
      <c r="K20584" s="358"/>
      <c r="L20584" s="358"/>
    </row>
    <row r="20585" spans="2:12">
      <c r="B20585" s="367"/>
      <c r="C20585" s="360"/>
      <c r="D20585" s="367"/>
      <c r="E20585" s="367"/>
      <c r="F20585" s="360"/>
      <c r="G20585" s="360"/>
      <c r="H20585" s="360"/>
      <c r="I20585" s="360"/>
      <c r="J20585" s="365"/>
      <c r="K20585" s="365"/>
      <c r="L20585" s="365"/>
    </row>
    <row r="20586" spans="2:12">
      <c r="B20586" s="367"/>
      <c r="C20586" s="359" t="s">
        <v>25115</v>
      </c>
      <c r="D20586" s="367"/>
      <c r="E20586" s="367"/>
      <c r="F20586" s="359" t="s">
        <v>14382</v>
      </c>
      <c r="G20586" s="359" t="s">
        <v>14483</v>
      </c>
      <c r="H20586" s="359" t="s">
        <v>14381</v>
      </c>
      <c r="I20586" s="359" t="s">
        <v>14483</v>
      </c>
      <c r="J20586" s="365"/>
      <c r="K20586" s="365"/>
      <c r="L20586" s="365"/>
    </row>
    <row r="20587" spans="2:12">
      <c r="B20587" s="367"/>
      <c r="C20587" s="360"/>
      <c r="D20587" s="367"/>
      <c r="E20587" s="367"/>
      <c r="F20587" s="360"/>
      <c r="G20587" s="360"/>
      <c r="H20587" s="360"/>
      <c r="I20587" s="360"/>
      <c r="J20587" s="365"/>
      <c r="K20587" s="365"/>
      <c r="L20587" s="365"/>
    </row>
    <row r="20588" spans="2:12">
      <c r="B20588" s="367"/>
      <c r="C20588" s="360"/>
      <c r="D20588" s="367"/>
      <c r="E20588" s="367"/>
      <c r="F20588" s="359" t="s">
        <v>14382</v>
      </c>
      <c r="G20588" s="359" t="s">
        <v>14383</v>
      </c>
      <c r="H20588" s="359" t="s">
        <v>14341</v>
      </c>
      <c r="I20588" s="359" t="s">
        <v>14383</v>
      </c>
      <c r="J20588" s="365"/>
      <c r="K20588" s="365"/>
      <c r="L20588" s="365"/>
    </row>
    <row r="20589" spans="2:12">
      <c r="B20589" s="367"/>
      <c r="C20589" s="360"/>
      <c r="D20589" s="367"/>
      <c r="E20589" s="367"/>
      <c r="F20589" s="360"/>
      <c r="G20589" s="360"/>
      <c r="H20589" s="360"/>
      <c r="I20589" s="360"/>
      <c r="J20589" s="365"/>
      <c r="K20589" s="365"/>
      <c r="L20589" s="365"/>
    </row>
    <row r="20590" spans="2:12">
      <c r="B20590" s="367"/>
      <c r="C20590" s="360"/>
      <c r="D20590" s="367"/>
      <c r="E20590" s="367"/>
      <c r="F20590" s="359" t="s">
        <v>14460</v>
      </c>
      <c r="G20590" s="359" t="s">
        <v>14519</v>
      </c>
      <c r="H20590" s="359" t="s">
        <v>14332</v>
      </c>
      <c r="I20590" s="359" t="s">
        <v>14519</v>
      </c>
      <c r="J20590" s="365"/>
      <c r="K20590" s="365"/>
      <c r="L20590" s="365"/>
    </row>
    <row r="20591" spans="2:12">
      <c r="B20591" s="367"/>
      <c r="C20591" s="360"/>
      <c r="D20591" s="367"/>
      <c r="E20591" s="367"/>
      <c r="F20591" s="360"/>
      <c r="G20591" s="360"/>
      <c r="H20591" s="360"/>
      <c r="I20591" s="360"/>
      <c r="J20591" s="365"/>
      <c r="K20591" s="365"/>
      <c r="L20591" s="365"/>
    </row>
    <row r="20592" spans="2:12">
      <c r="B20592" s="367"/>
      <c r="C20592" s="360"/>
      <c r="D20592" s="367"/>
      <c r="E20592" s="367"/>
      <c r="F20592" s="359" t="s">
        <v>14430</v>
      </c>
      <c r="G20592" s="359" t="s">
        <v>14431</v>
      </c>
      <c r="H20592" s="360"/>
      <c r="I20592" s="359" t="s">
        <v>14431</v>
      </c>
      <c r="J20592" s="365"/>
      <c r="K20592" s="365"/>
      <c r="L20592" s="365"/>
    </row>
    <row r="20593" spans="2:12">
      <c r="B20593" s="367"/>
      <c r="C20593" s="360"/>
      <c r="D20593" s="367"/>
      <c r="E20593" s="367"/>
      <c r="F20593" s="360"/>
      <c r="G20593" s="360"/>
      <c r="H20593" s="360"/>
      <c r="I20593" s="360"/>
      <c r="J20593" s="365"/>
      <c r="K20593" s="365"/>
      <c r="L20593" s="365"/>
    </row>
    <row r="20594" spans="2:12">
      <c r="B20594" s="367"/>
      <c r="C20594" s="360"/>
      <c r="D20594" s="367"/>
      <c r="E20594" s="367"/>
      <c r="F20594" s="359" t="s">
        <v>14391</v>
      </c>
      <c r="G20594" s="359" t="s">
        <v>14392</v>
      </c>
      <c r="H20594" s="360"/>
      <c r="I20594" s="359" t="s">
        <v>14392</v>
      </c>
      <c r="J20594" s="365"/>
      <c r="K20594" s="365"/>
      <c r="L20594" s="365"/>
    </row>
    <row r="20595" spans="2:12">
      <c r="B20595" s="367"/>
      <c r="C20595" s="360"/>
      <c r="D20595" s="367"/>
      <c r="E20595" s="367"/>
      <c r="F20595" s="360"/>
      <c r="G20595" s="360"/>
      <c r="H20595" s="360"/>
      <c r="I20595" s="360"/>
      <c r="J20595" s="365"/>
      <c r="K20595" s="365"/>
      <c r="L20595" s="365"/>
    </row>
    <row r="20596" spans="2:12" ht="28.5">
      <c r="B20596" s="368"/>
      <c r="C20596" s="362"/>
      <c r="D20596" s="368"/>
      <c r="E20596" s="368"/>
      <c r="F20596" s="361" t="s">
        <v>14472</v>
      </c>
      <c r="G20596" s="361" t="s">
        <v>14473</v>
      </c>
      <c r="H20596" s="362"/>
      <c r="I20596" s="361" t="s">
        <v>14473</v>
      </c>
      <c r="J20596" s="366"/>
      <c r="K20596" s="366"/>
      <c r="L20596" s="366"/>
    </row>
    <row r="20597" spans="2:12">
      <c r="B20597" s="358" t="s">
        <v>25116</v>
      </c>
      <c r="C20597" s="358" t="s">
        <v>25117</v>
      </c>
      <c r="D20597" s="358" t="s">
        <v>25118</v>
      </c>
      <c r="E20597" s="358" t="s">
        <v>25119</v>
      </c>
      <c r="F20597" s="358" t="s">
        <v>14460</v>
      </c>
      <c r="G20597" s="358" t="s">
        <v>14461</v>
      </c>
      <c r="H20597" s="358" t="s">
        <v>14381</v>
      </c>
      <c r="I20597" s="358" t="s">
        <v>14461</v>
      </c>
      <c r="J20597" s="358" t="s">
        <v>14355</v>
      </c>
      <c r="K20597" s="358"/>
      <c r="L20597" s="358"/>
    </row>
    <row r="20598" spans="2:12">
      <c r="B20598" s="367"/>
      <c r="C20598" s="367"/>
      <c r="D20598" s="367"/>
      <c r="E20598" s="367"/>
      <c r="F20598" s="360"/>
      <c r="G20598" s="360"/>
      <c r="H20598" s="360"/>
      <c r="I20598" s="360"/>
      <c r="J20598" s="367"/>
      <c r="K20598" s="365"/>
      <c r="L20598" s="365"/>
    </row>
    <row r="20599" spans="2:12">
      <c r="B20599" s="367"/>
      <c r="C20599" s="367"/>
      <c r="D20599" s="367"/>
      <c r="E20599" s="367"/>
      <c r="F20599" s="359" t="s">
        <v>14814</v>
      </c>
      <c r="G20599" s="359" t="s">
        <v>14815</v>
      </c>
      <c r="H20599" s="359" t="s">
        <v>14332</v>
      </c>
      <c r="I20599" s="359" t="s">
        <v>14815</v>
      </c>
      <c r="J20599" s="367"/>
      <c r="K20599" s="365"/>
      <c r="L20599" s="365"/>
    </row>
    <row r="20600" spans="2:12">
      <c r="B20600" s="367"/>
      <c r="C20600" s="367"/>
      <c r="D20600" s="367"/>
      <c r="E20600" s="367"/>
      <c r="F20600" s="360"/>
      <c r="G20600" s="360"/>
      <c r="H20600" s="360"/>
      <c r="I20600" s="360"/>
      <c r="J20600" s="367"/>
      <c r="K20600" s="365"/>
      <c r="L20600" s="365"/>
    </row>
    <row r="20601" spans="2:12">
      <c r="B20601" s="368"/>
      <c r="C20601" s="368"/>
      <c r="D20601" s="368"/>
      <c r="E20601" s="368"/>
      <c r="F20601" s="361" t="s">
        <v>14391</v>
      </c>
      <c r="G20601" s="361" t="s">
        <v>14392</v>
      </c>
      <c r="H20601" s="362"/>
      <c r="I20601" s="361" t="s">
        <v>14392</v>
      </c>
      <c r="J20601" s="368"/>
      <c r="K20601" s="366"/>
      <c r="L20601" s="366"/>
    </row>
    <row r="20602" spans="2:12" ht="28.5">
      <c r="B20602" s="358" t="s">
        <v>25120</v>
      </c>
      <c r="C20602" s="358" t="s">
        <v>29704</v>
      </c>
      <c r="D20602" s="358" t="s">
        <v>25121</v>
      </c>
      <c r="E20602" s="358" t="s">
        <v>25122</v>
      </c>
      <c r="F20602" s="358" t="s">
        <v>14418</v>
      </c>
      <c r="G20602" s="358" t="s">
        <v>14419</v>
      </c>
      <c r="H20602" s="358" t="s">
        <v>14328</v>
      </c>
      <c r="I20602" s="358" t="s">
        <v>14419</v>
      </c>
      <c r="J20602" s="358" t="s">
        <v>14355</v>
      </c>
      <c r="K20602" s="358"/>
      <c r="L20602" s="358"/>
    </row>
    <row r="20603" spans="2:12">
      <c r="B20603" s="367"/>
      <c r="C20603" s="367"/>
      <c r="D20603" s="367"/>
      <c r="E20603" s="367"/>
      <c r="F20603" s="360"/>
      <c r="G20603" s="360"/>
      <c r="H20603" s="360"/>
      <c r="I20603" s="360"/>
      <c r="J20603" s="367"/>
      <c r="K20603" s="365"/>
      <c r="L20603" s="365"/>
    </row>
    <row r="20604" spans="2:12">
      <c r="B20604" s="367"/>
      <c r="C20604" s="367"/>
      <c r="D20604" s="367"/>
      <c r="E20604" s="367"/>
      <c r="F20604" s="359" t="s">
        <v>14426</v>
      </c>
      <c r="G20604" s="359" t="s">
        <v>14427</v>
      </c>
      <c r="H20604" s="359" t="s">
        <v>14381</v>
      </c>
      <c r="I20604" s="359" t="s">
        <v>14427</v>
      </c>
      <c r="J20604" s="367"/>
      <c r="K20604" s="365"/>
      <c r="L20604" s="365"/>
    </row>
    <row r="20605" spans="2:12">
      <c r="B20605" s="367"/>
      <c r="C20605" s="367"/>
      <c r="D20605" s="367"/>
      <c r="E20605" s="367"/>
      <c r="F20605" s="360"/>
      <c r="G20605" s="360"/>
      <c r="H20605" s="360"/>
      <c r="I20605" s="360"/>
      <c r="J20605" s="367"/>
      <c r="K20605" s="365"/>
      <c r="L20605" s="365"/>
    </row>
    <row r="20606" spans="2:12">
      <c r="B20606" s="367"/>
      <c r="C20606" s="367"/>
      <c r="D20606" s="367"/>
      <c r="E20606" s="367"/>
      <c r="F20606" s="359" t="s">
        <v>14420</v>
      </c>
      <c r="G20606" s="359" t="s">
        <v>14459</v>
      </c>
      <c r="H20606" s="359" t="s">
        <v>14341</v>
      </c>
      <c r="I20606" s="359" t="s">
        <v>14459</v>
      </c>
      <c r="J20606" s="367"/>
      <c r="K20606" s="365"/>
      <c r="L20606" s="365"/>
    </row>
    <row r="20607" spans="2:12">
      <c r="B20607" s="367"/>
      <c r="C20607" s="367"/>
      <c r="D20607" s="367"/>
      <c r="E20607" s="367"/>
      <c r="F20607" s="360"/>
      <c r="G20607" s="360"/>
      <c r="H20607" s="360"/>
      <c r="I20607" s="360"/>
      <c r="J20607" s="367"/>
      <c r="K20607" s="365"/>
      <c r="L20607" s="365"/>
    </row>
    <row r="20608" spans="2:12">
      <c r="B20608" s="367"/>
      <c r="C20608" s="367"/>
      <c r="D20608" s="367"/>
      <c r="E20608" s="367"/>
      <c r="F20608" s="359" t="s">
        <v>14460</v>
      </c>
      <c r="G20608" s="359" t="s">
        <v>14519</v>
      </c>
      <c r="H20608" s="359" t="s">
        <v>14367</v>
      </c>
      <c r="I20608" s="359" t="s">
        <v>14519</v>
      </c>
      <c r="J20608" s="367"/>
      <c r="K20608" s="365"/>
      <c r="L20608" s="365"/>
    </row>
    <row r="20609" spans="2:12">
      <c r="B20609" s="367"/>
      <c r="C20609" s="367"/>
      <c r="D20609" s="367"/>
      <c r="E20609" s="367"/>
      <c r="F20609" s="360"/>
      <c r="G20609" s="360"/>
      <c r="H20609" s="360"/>
      <c r="I20609" s="360"/>
      <c r="J20609" s="367"/>
      <c r="K20609" s="365"/>
      <c r="L20609" s="365"/>
    </row>
    <row r="20610" spans="2:12">
      <c r="B20610" s="367"/>
      <c r="C20610" s="367"/>
      <c r="D20610" s="367"/>
      <c r="E20610" s="367"/>
      <c r="F20610" s="359" t="s">
        <v>14430</v>
      </c>
      <c r="G20610" s="359" t="s">
        <v>14431</v>
      </c>
      <c r="H20610" s="359" t="s">
        <v>14332</v>
      </c>
      <c r="I20610" s="359" t="s">
        <v>14431</v>
      </c>
      <c r="J20610" s="367"/>
      <c r="K20610" s="365"/>
      <c r="L20610" s="365"/>
    </row>
    <row r="20611" spans="2:12">
      <c r="B20611" s="367"/>
      <c r="C20611" s="367"/>
      <c r="D20611" s="367"/>
      <c r="E20611" s="367"/>
      <c r="F20611" s="360"/>
      <c r="G20611" s="360"/>
      <c r="H20611" s="360"/>
      <c r="I20611" s="360"/>
      <c r="J20611" s="367"/>
      <c r="K20611" s="365"/>
      <c r="L20611" s="365"/>
    </row>
    <row r="20612" spans="2:12">
      <c r="B20612" s="368"/>
      <c r="C20612" s="368"/>
      <c r="D20612" s="368"/>
      <c r="E20612" s="368"/>
      <c r="F20612" s="361" t="s">
        <v>14814</v>
      </c>
      <c r="G20612" s="361" t="s">
        <v>14815</v>
      </c>
      <c r="H20612" s="362"/>
      <c r="I20612" s="361" t="s">
        <v>14815</v>
      </c>
      <c r="J20612" s="368"/>
      <c r="K20612" s="366"/>
      <c r="L20612" s="366"/>
    </row>
    <row r="20613" spans="2:12">
      <c r="B20613" s="358" t="s">
        <v>25123</v>
      </c>
      <c r="C20613" s="358" t="s">
        <v>25124</v>
      </c>
      <c r="D20613" s="358" t="s">
        <v>25125</v>
      </c>
      <c r="E20613" s="358" t="s">
        <v>25126</v>
      </c>
      <c r="F20613" s="358" t="s">
        <v>14382</v>
      </c>
      <c r="G20613" s="358" t="s">
        <v>14483</v>
      </c>
      <c r="H20613" s="358" t="s">
        <v>14378</v>
      </c>
      <c r="I20613" s="358" t="s">
        <v>14483</v>
      </c>
      <c r="J20613" s="358"/>
      <c r="K20613" s="358"/>
      <c r="L20613" s="358"/>
    </row>
    <row r="20614" spans="2:12">
      <c r="B20614" s="367"/>
      <c r="C20614" s="367"/>
      <c r="D20614" s="367"/>
      <c r="E20614" s="367"/>
      <c r="F20614" s="360"/>
      <c r="G20614" s="360"/>
      <c r="H20614" s="360"/>
      <c r="I20614" s="360"/>
      <c r="J20614" s="365"/>
      <c r="K20614" s="365"/>
      <c r="L20614" s="365"/>
    </row>
    <row r="20615" spans="2:12">
      <c r="B20615" s="367"/>
      <c r="C20615" s="367"/>
      <c r="D20615" s="367"/>
      <c r="E20615" s="367"/>
      <c r="F20615" s="359" t="s">
        <v>14420</v>
      </c>
      <c r="G20615" s="359" t="s">
        <v>14429</v>
      </c>
      <c r="H20615" s="359" t="s">
        <v>14381</v>
      </c>
      <c r="I20615" s="359" t="s">
        <v>14429</v>
      </c>
      <c r="J20615" s="365"/>
      <c r="K20615" s="365"/>
      <c r="L20615" s="365"/>
    </row>
    <row r="20616" spans="2:12">
      <c r="B20616" s="367"/>
      <c r="C20616" s="367"/>
      <c r="D20616" s="367"/>
      <c r="E20616" s="367"/>
      <c r="F20616" s="360"/>
      <c r="G20616" s="360"/>
      <c r="H20616" s="360"/>
      <c r="I20616" s="360"/>
      <c r="J20616" s="365"/>
      <c r="K20616" s="365"/>
      <c r="L20616" s="365"/>
    </row>
    <row r="20617" spans="2:12">
      <c r="B20617" s="367"/>
      <c r="C20617" s="367"/>
      <c r="D20617" s="367"/>
      <c r="E20617" s="367"/>
      <c r="F20617" s="359" t="s">
        <v>14339</v>
      </c>
      <c r="G20617" s="359" t="s">
        <v>14340</v>
      </c>
      <c r="H20617" s="359" t="s">
        <v>14341</v>
      </c>
      <c r="I20617" s="359" t="s">
        <v>14340</v>
      </c>
      <c r="J20617" s="365"/>
      <c r="K20617" s="365"/>
      <c r="L20617" s="365"/>
    </row>
    <row r="20618" spans="2:12">
      <c r="B20618" s="367"/>
      <c r="C20618" s="367"/>
      <c r="D20618" s="367"/>
      <c r="E20618" s="367"/>
      <c r="F20618" s="360"/>
      <c r="G20618" s="360"/>
      <c r="H20618" s="360"/>
      <c r="I20618" s="360"/>
      <c r="J20618" s="365"/>
      <c r="K20618" s="365"/>
      <c r="L20618" s="365"/>
    </row>
    <row r="20619" spans="2:12">
      <c r="B20619" s="367"/>
      <c r="C20619" s="367"/>
      <c r="D20619" s="367"/>
      <c r="E20619" s="367"/>
      <c r="F20619" s="359" t="s">
        <v>14814</v>
      </c>
      <c r="G20619" s="359" t="s">
        <v>14815</v>
      </c>
      <c r="H20619" s="359" t="s">
        <v>14370</v>
      </c>
      <c r="I20619" s="359" t="s">
        <v>14815</v>
      </c>
      <c r="J20619" s="365"/>
      <c r="K20619" s="365"/>
      <c r="L20619" s="365"/>
    </row>
    <row r="20620" spans="2:12">
      <c r="B20620" s="367"/>
      <c r="C20620" s="367"/>
      <c r="D20620" s="367"/>
      <c r="E20620" s="367"/>
      <c r="F20620" s="360"/>
      <c r="G20620" s="360"/>
      <c r="H20620" s="360"/>
      <c r="I20620" s="360"/>
      <c r="J20620" s="365"/>
      <c r="K20620" s="365"/>
      <c r="L20620" s="365"/>
    </row>
    <row r="20621" spans="2:12">
      <c r="B20621" s="367"/>
      <c r="C20621" s="367"/>
      <c r="D20621" s="367"/>
      <c r="E20621" s="367"/>
      <c r="F20621" s="359" t="s">
        <v>14391</v>
      </c>
      <c r="G20621" s="359" t="s">
        <v>14392</v>
      </c>
      <c r="H20621" s="359" t="s">
        <v>14332</v>
      </c>
      <c r="I20621" s="359" t="s">
        <v>14392</v>
      </c>
      <c r="J20621" s="365"/>
      <c r="K20621" s="365"/>
      <c r="L20621" s="365"/>
    </row>
    <row r="20622" spans="2:12">
      <c r="B20622" s="367"/>
      <c r="C20622" s="367"/>
      <c r="D20622" s="367"/>
      <c r="E20622" s="367"/>
      <c r="F20622" s="360"/>
      <c r="G20622" s="360"/>
      <c r="H20622" s="360"/>
      <c r="I20622" s="360"/>
      <c r="J20622" s="365"/>
      <c r="K20622" s="365"/>
      <c r="L20622" s="365"/>
    </row>
    <row r="20623" spans="2:12" ht="28.5">
      <c r="B20623" s="368"/>
      <c r="C20623" s="368"/>
      <c r="D20623" s="368"/>
      <c r="E20623" s="368"/>
      <c r="F20623" s="361" t="s">
        <v>14394</v>
      </c>
      <c r="G20623" s="361" t="s">
        <v>14395</v>
      </c>
      <c r="H20623" s="362"/>
      <c r="I20623" s="361" t="s">
        <v>14395</v>
      </c>
      <c r="J20623" s="366"/>
      <c r="K20623" s="366"/>
      <c r="L20623" s="366"/>
    </row>
    <row r="20624" spans="2:12">
      <c r="B20624" s="358" t="s">
        <v>25127</v>
      </c>
      <c r="C20624" s="358" t="s">
        <v>25128</v>
      </c>
      <c r="D20624" s="358" t="s">
        <v>25129</v>
      </c>
      <c r="E20624" s="358" t="s">
        <v>25130</v>
      </c>
      <c r="F20624" s="358" t="s">
        <v>14420</v>
      </c>
      <c r="G20624" s="358" t="s">
        <v>14459</v>
      </c>
      <c r="H20624" s="358" t="s">
        <v>14381</v>
      </c>
      <c r="I20624" s="358" t="s">
        <v>14459</v>
      </c>
      <c r="J20624" s="358"/>
      <c r="K20624" s="358"/>
      <c r="L20624" s="358"/>
    </row>
    <row r="20625" spans="2:12">
      <c r="B20625" s="367"/>
      <c r="C20625" s="367"/>
      <c r="D20625" s="367"/>
      <c r="E20625" s="367"/>
      <c r="F20625" s="360"/>
      <c r="G20625" s="360"/>
      <c r="H20625" s="360"/>
      <c r="I20625" s="360"/>
      <c r="J20625" s="365"/>
      <c r="K20625" s="365"/>
      <c r="L20625" s="365"/>
    </row>
    <row r="20626" spans="2:12">
      <c r="B20626" s="367"/>
      <c r="C20626" s="367"/>
      <c r="D20626" s="367"/>
      <c r="E20626" s="367"/>
      <c r="F20626" s="359" t="s">
        <v>14420</v>
      </c>
      <c r="G20626" s="359" t="s">
        <v>14429</v>
      </c>
      <c r="H20626" s="359" t="s">
        <v>14341</v>
      </c>
      <c r="I20626" s="359" t="s">
        <v>14429</v>
      </c>
      <c r="J20626" s="365"/>
      <c r="K20626" s="365"/>
      <c r="L20626" s="365"/>
    </row>
    <row r="20627" spans="2:12">
      <c r="B20627" s="367"/>
      <c r="C20627" s="367"/>
      <c r="D20627" s="367"/>
      <c r="E20627" s="367"/>
      <c r="F20627" s="360"/>
      <c r="G20627" s="360"/>
      <c r="H20627" s="360"/>
      <c r="I20627" s="360"/>
      <c r="J20627" s="365"/>
      <c r="K20627" s="365"/>
      <c r="L20627" s="365"/>
    </row>
    <row r="20628" spans="2:12">
      <c r="B20628" s="367"/>
      <c r="C20628" s="367"/>
      <c r="D20628" s="367"/>
      <c r="E20628" s="367"/>
      <c r="F20628" s="359" t="s">
        <v>14460</v>
      </c>
      <c r="G20628" s="359" t="s">
        <v>14519</v>
      </c>
      <c r="H20628" s="359" t="s">
        <v>14367</v>
      </c>
      <c r="I20628" s="359" t="s">
        <v>14519</v>
      </c>
      <c r="J20628" s="365"/>
      <c r="K20628" s="365"/>
      <c r="L20628" s="365"/>
    </row>
    <row r="20629" spans="2:12">
      <c r="B20629" s="367"/>
      <c r="C20629" s="367"/>
      <c r="D20629" s="367"/>
      <c r="E20629" s="367"/>
      <c r="F20629" s="360"/>
      <c r="G20629" s="360"/>
      <c r="H20629" s="360"/>
      <c r="I20629" s="360"/>
      <c r="J20629" s="365"/>
      <c r="K20629" s="365"/>
      <c r="L20629" s="365"/>
    </row>
    <row r="20630" spans="2:12">
      <c r="B20630" s="367"/>
      <c r="C20630" s="367"/>
      <c r="D20630" s="367"/>
      <c r="E20630" s="367"/>
      <c r="F20630" s="359" t="s">
        <v>14430</v>
      </c>
      <c r="G20630" s="359" t="s">
        <v>14431</v>
      </c>
      <c r="H20630" s="359" t="s">
        <v>14370</v>
      </c>
      <c r="I20630" s="359" t="s">
        <v>14431</v>
      </c>
      <c r="J20630" s="365"/>
      <c r="K20630" s="365"/>
      <c r="L20630" s="365"/>
    </row>
    <row r="20631" spans="2:12">
      <c r="B20631" s="367"/>
      <c r="C20631" s="367"/>
      <c r="D20631" s="367"/>
      <c r="E20631" s="367"/>
      <c r="F20631" s="360"/>
      <c r="G20631" s="360"/>
      <c r="H20631" s="360"/>
      <c r="I20631" s="360"/>
      <c r="J20631" s="365"/>
      <c r="K20631" s="365"/>
      <c r="L20631" s="365"/>
    </row>
    <row r="20632" spans="2:12">
      <c r="B20632" s="367"/>
      <c r="C20632" s="367"/>
      <c r="D20632" s="367"/>
      <c r="E20632" s="367"/>
      <c r="F20632" s="359" t="s">
        <v>14371</v>
      </c>
      <c r="G20632" s="359" t="s">
        <v>14372</v>
      </c>
      <c r="H20632" s="359" t="s">
        <v>14332</v>
      </c>
      <c r="I20632" s="359" t="s">
        <v>14373</v>
      </c>
      <c r="J20632" s="365"/>
      <c r="K20632" s="365"/>
      <c r="L20632" s="365"/>
    </row>
    <row r="20633" spans="2:12">
      <c r="B20633" s="367"/>
      <c r="C20633" s="367"/>
      <c r="D20633" s="367"/>
      <c r="E20633" s="367"/>
      <c r="F20633" s="360"/>
      <c r="G20633" s="360"/>
      <c r="H20633" s="360"/>
      <c r="I20633" s="360"/>
      <c r="J20633" s="365"/>
      <c r="K20633" s="365"/>
      <c r="L20633" s="365"/>
    </row>
    <row r="20634" spans="2:12" ht="28.5">
      <c r="B20634" s="368"/>
      <c r="C20634" s="368"/>
      <c r="D20634" s="368"/>
      <c r="E20634" s="368"/>
      <c r="F20634" s="361" t="s">
        <v>14374</v>
      </c>
      <c r="G20634" s="361" t="s">
        <v>14373</v>
      </c>
      <c r="H20634" s="362"/>
      <c r="I20634" s="362"/>
      <c r="J20634" s="366"/>
      <c r="K20634" s="366"/>
      <c r="L20634" s="366"/>
    </row>
    <row r="20635" spans="2:12">
      <c r="B20635" s="358" t="s">
        <v>25131</v>
      </c>
      <c r="C20635" s="358" t="s">
        <v>25132</v>
      </c>
      <c r="D20635" s="358" t="s">
        <v>25133</v>
      </c>
      <c r="E20635" s="358" t="s">
        <v>25134</v>
      </c>
      <c r="F20635" s="358" t="s">
        <v>14391</v>
      </c>
      <c r="G20635" s="358" t="s">
        <v>14392</v>
      </c>
      <c r="H20635" s="358" t="s">
        <v>14367</v>
      </c>
      <c r="I20635" s="358" t="s">
        <v>14392</v>
      </c>
      <c r="J20635" s="358"/>
      <c r="K20635" s="358"/>
      <c r="L20635" s="358"/>
    </row>
    <row r="20636" spans="2:12">
      <c r="B20636" s="367"/>
      <c r="C20636" s="367"/>
      <c r="D20636" s="367"/>
      <c r="E20636" s="367"/>
      <c r="F20636" s="360"/>
      <c r="G20636" s="360"/>
      <c r="H20636" s="360"/>
      <c r="I20636" s="360"/>
      <c r="J20636" s="365"/>
      <c r="K20636" s="365"/>
      <c r="L20636" s="365"/>
    </row>
    <row r="20637" spans="2:12" ht="28.5">
      <c r="B20637" s="368"/>
      <c r="C20637" s="368"/>
      <c r="D20637" s="368"/>
      <c r="E20637" s="368"/>
      <c r="F20637" s="361" t="s">
        <v>14472</v>
      </c>
      <c r="G20637" s="361" t="s">
        <v>14473</v>
      </c>
      <c r="H20637" s="361" t="s">
        <v>14422</v>
      </c>
      <c r="I20637" s="361" t="s">
        <v>14473</v>
      </c>
      <c r="J20637" s="366"/>
      <c r="K20637" s="366"/>
      <c r="L20637" s="366"/>
    </row>
    <row r="20638" spans="2:12">
      <c r="B20638" s="358" t="s">
        <v>25135</v>
      </c>
      <c r="C20638" s="358" t="s">
        <v>25136</v>
      </c>
      <c r="D20638" s="358" t="s">
        <v>25137</v>
      </c>
      <c r="E20638" s="358" t="s">
        <v>25138</v>
      </c>
      <c r="F20638" s="358" t="s">
        <v>14420</v>
      </c>
      <c r="G20638" s="358" t="s">
        <v>14429</v>
      </c>
      <c r="H20638" s="358" t="s">
        <v>14341</v>
      </c>
      <c r="I20638" s="358" t="s">
        <v>14429</v>
      </c>
      <c r="J20638" s="358" t="s">
        <v>14355</v>
      </c>
      <c r="K20638" s="358"/>
      <c r="L20638" s="358"/>
    </row>
    <row r="20639" spans="2:12">
      <c r="B20639" s="367"/>
      <c r="C20639" s="367"/>
      <c r="D20639" s="367"/>
      <c r="E20639" s="367"/>
      <c r="F20639" s="360"/>
      <c r="G20639" s="360"/>
      <c r="H20639" s="360"/>
      <c r="I20639" s="360"/>
      <c r="J20639" s="367"/>
      <c r="K20639" s="365"/>
      <c r="L20639" s="365"/>
    </row>
    <row r="20640" spans="2:12">
      <c r="B20640" s="367"/>
      <c r="C20640" s="367"/>
      <c r="D20640" s="367"/>
      <c r="E20640" s="367"/>
      <c r="F20640" s="359" t="s">
        <v>14460</v>
      </c>
      <c r="G20640" s="359" t="s">
        <v>14461</v>
      </c>
      <c r="H20640" s="359" t="s">
        <v>14381</v>
      </c>
      <c r="I20640" s="359" t="s">
        <v>14461</v>
      </c>
      <c r="J20640" s="367"/>
      <c r="K20640" s="365"/>
      <c r="L20640" s="365"/>
    </row>
    <row r="20641" spans="2:12">
      <c r="B20641" s="367"/>
      <c r="C20641" s="367"/>
      <c r="D20641" s="367"/>
      <c r="E20641" s="367"/>
      <c r="F20641" s="360"/>
      <c r="G20641" s="360"/>
      <c r="H20641" s="360"/>
      <c r="I20641" s="360"/>
      <c r="J20641" s="367"/>
      <c r="K20641" s="365"/>
      <c r="L20641" s="365"/>
    </row>
    <row r="20642" spans="2:12">
      <c r="B20642" s="367"/>
      <c r="C20642" s="367"/>
      <c r="D20642" s="367"/>
      <c r="E20642" s="367"/>
      <c r="F20642" s="359" t="s">
        <v>14430</v>
      </c>
      <c r="G20642" s="359" t="s">
        <v>14431</v>
      </c>
      <c r="H20642" s="359" t="s">
        <v>14367</v>
      </c>
      <c r="I20642" s="359" t="s">
        <v>14431</v>
      </c>
      <c r="J20642" s="367"/>
      <c r="K20642" s="365"/>
      <c r="L20642" s="365"/>
    </row>
    <row r="20643" spans="2:12">
      <c r="B20643" s="367"/>
      <c r="C20643" s="367"/>
      <c r="D20643" s="367"/>
      <c r="E20643" s="367"/>
      <c r="F20643" s="360"/>
      <c r="G20643" s="360"/>
      <c r="H20643" s="360"/>
      <c r="I20643" s="360"/>
      <c r="J20643" s="367"/>
      <c r="K20643" s="365"/>
      <c r="L20643" s="365"/>
    </row>
    <row r="20644" spans="2:12">
      <c r="B20644" s="367"/>
      <c r="C20644" s="367"/>
      <c r="D20644" s="367"/>
      <c r="E20644" s="367"/>
      <c r="F20644" s="359" t="s">
        <v>14814</v>
      </c>
      <c r="G20644" s="359" t="s">
        <v>14815</v>
      </c>
      <c r="H20644" s="359" t="s">
        <v>14332</v>
      </c>
      <c r="I20644" s="359" t="s">
        <v>14815</v>
      </c>
      <c r="J20644" s="367"/>
      <c r="K20644" s="365"/>
      <c r="L20644" s="365"/>
    </row>
    <row r="20645" spans="2:12">
      <c r="B20645" s="367"/>
      <c r="C20645" s="367"/>
      <c r="D20645" s="367"/>
      <c r="E20645" s="367"/>
      <c r="F20645" s="360"/>
      <c r="G20645" s="360"/>
      <c r="H20645" s="360"/>
      <c r="I20645" s="360"/>
      <c r="J20645" s="367"/>
      <c r="K20645" s="365"/>
      <c r="L20645" s="365"/>
    </row>
    <row r="20646" spans="2:12">
      <c r="B20646" s="368"/>
      <c r="C20646" s="368"/>
      <c r="D20646" s="368"/>
      <c r="E20646" s="368"/>
      <c r="F20646" s="361" t="s">
        <v>14391</v>
      </c>
      <c r="G20646" s="361" t="s">
        <v>14392</v>
      </c>
      <c r="H20646" s="362"/>
      <c r="I20646" s="361" t="s">
        <v>14392</v>
      </c>
      <c r="J20646" s="368"/>
      <c r="K20646" s="366"/>
      <c r="L20646" s="366"/>
    </row>
    <row r="20647" spans="2:12">
      <c r="B20647" s="358" t="s">
        <v>25139</v>
      </c>
      <c r="C20647" s="358" t="s">
        <v>25140</v>
      </c>
      <c r="D20647" s="358" t="s">
        <v>25141</v>
      </c>
      <c r="E20647" s="358" t="s">
        <v>8356</v>
      </c>
      <c r="F20647" s="358" t="s">
        <v>14379</v>
      </c>
      <c r="G20647" s="358" t="s">
        <v>14380</v>
      </c>
      <c r="H20647" s="358" t="s">
        <v>14378</v>
      </c>
      <c r="I20647" s="358" t="s">
        <v>14380</v>
      </c>
      <c r="J20647" s="358"/>
      <c r="K20647" s="358"/>
      <c r="L20647" s="358"/>
    </row>
    <row r="20648" spans="2:12">
      <c r="B20648" s="367"/>
      <c r="C20648" s="367"/>
      <c r="D20648" s="367"/>
      <c r="E20648" s="367"/>
      <c r="F20648" s="360"/>
      <c r="G20648" s="360"/>
      <c r="H20648" s="360"/>
      <c r="I20648" s="360"/>
      <c r="J20648" s="365"/>
      <c r="K20648" s="365"/>
      <c r="L20648" s="365"/>
    </row>
    <row r="20649" spans="2:12">
      <c r="B20649" s="367"/>
      <c r="C20649" s="367"/>
      <c r="D20649" s="367"/>
      <c r="E20649" s="367"/>
      <c r="F20649" s="359" t="s">
        <v>14420</v>
      </c>
      <c r="G20649" s="359" t="s">
        <v>14429</v>
      </c>
      <c r="H20649" s="359" t="s">
        <v>14381</v>
      </c>
      <c r="I20649" s="359" t="s">
        <v>14429</v>
      </c>
      <c r="J20649" s="365"/>
      <c r="K20649" s="365"/>
      <c r="L20649" s="365"/>
    </row>
    <row r="20650" spans="2:12">
      <c r="B20650" s="367"/>
      <c r="C20650" s="367"/>
      <c r="D20650" s="367"/>
      <c r="E20650" s="367"/>
      <c r="F20650" s="360"/>
      <c r="G20650" s="360"/>
      <c r="H20650" s="360"/>
      <c r="I20650" s="360"/>
      <c r="J20650" s="365"/>
      <c r="K20650" s="365"/>
      <c r="L20650" s="365"/>
    </row>
    <row r="20651" spans="2:12">
      <c r="B20651" s="367"/>
      <c r="C20651" s="367"/>
      <c r="D20651" s="367"/>
      <c r="E20651" s="367"/>
      <c r="F20651" s="359" t="s">
        <v>14356</v>
      </c>
      <c r="G20651" s="359" t="s">
        <v>14340</v>
      </c>
      <c r="H20651" s="359" t="s">
        <v>14341</v>
      </c>
      <c r="I20651" s="359" t="s">
        <v>14340</v>
      </c>
      <c r="J20651" s="365"/>
      <c r="K20651" s="365"/>
      <c r="L20651" s="365"/>
    </row>
    <row r="20652" spans="2:12">
      <c r="B20652" s="367"/>
      <c r="C20652" s="367"/>
      <c r="D20652" s="367"/>
      <c r="E20652" s="367"/>
      <c r="F20652" s="360"/>
      <c r="G20652" s="360"/>
      <c r="H20652" s="360"/>
      <c r="I20652" s="360"/>
      <c r="J20652" s="365"/>
      <c r="K20652" s="365"/>
      <c r="L20652" s="365"/>
    </row>
    <row r="20653" spans="2:12">
      <c r="B20653" s="367"/>
      <c r="C20653" s="367"/>
      <c r="D20653" s="367"/>
      <c r="E20653" s="367"/>
      <c r="F20653" s="359" t="s">
        <v>14814</v>
      </c>
      <c r="G20653" s="359" t="s">
        <v>14815</v>
      </c>
      <c r="H20653" s="359" t="s">
        <v>14332</v>
      </c>
      <c r="I20653" s="359" t="s">
        <v>14815</v>
      </c>
      <c r="J20653" s="365"/>
      <c r="K20653" s="365"/>
      <c r="L20653" s="365"/>
    </row>
    <row r="20654" spans="2:12">
      <c r="B20654" s="367"/>
      <c r="C20654" s="367"/>
      <c r="D20654" s="367"/>
      <c r="E20654" s="367"/>
      <c r="F20654" s="360"/>
      <c r="G20654" s="360"/>
      <c r="H20654" s="360"/>
      <c r="I20654" s="360"/>
      <c r="J20654" s="365"/>
      <c r="K20654" s="365"/>
      <c r="L20654" s="365"/>
    </row>
    <row r="20655" spans="2:12">
      <c r="B20655" s="367"/>
      <c r="C20655" s="367"/>
      <c r="D20655" s="367"/>
      <c r="E20655" s="367"/>
      <c r="F20655" s="359" t="s">
        <v>14391</v>
      </c>
      <c r="G20655" s="359" t="s">
        <v>14392</v>
      </c>
      <c r="H20655" s="360"/>
      <c r="I20655" s="359" t="s">
        <v>14392</v>
      </c>
      <c r="J20655" s="365"/>
      <c r="K20655" s="365"/>
      <c r="L20655" s="365"/>
    </row>
    <row r="20656" spans="2:12">
      <c r="B20656" s="367"/>
      <c r="C20656" s="367"/>
      <c r="D20656" s="367"/>
      <c r="E20656" s="367"/>
      <c r="F20656" s="360"/>
      <c r="G20656" s="360"/>
      <c r="H20656" s="360"/>
      <c r="I20656" s="360"/>
      <c r="J20656" s="365"/>
      <c r="K20656" s="365"/>
      <c r="L20656" s="365"/>
    </row>
    <row r="20657" spans="2:12" ht="28.5">
      <c r="B20657" s="368"/>
      <c r="C20657" s="368"/>
      <c r="D20657" s="368"/>
      <c r="E20657" s="368"/>
      <c r="F20657" s="361" t="s">
        <v>14472</v>
      </c>
      <c r="G20657" s="361" t="s">
        <v>14473</v>
      </c>
      <c r="H20657" s="362"/>
      <c r="I20657" s="361" t="s">
        <v>14473</v>
      </c>
      <c r="J20657" s="366"/>
      <c r="K20657" s="366"/>
      <c r="L20657" s="366"/>
    </row>
    <row r="20658" spans="2:12" ht="28.5">
      <c r="B20658" s="358" t="s">
        <v>25142</v>
      </c>
      <c r="C20658" s="358" t="s">
        <v>25143</v>
      </c>
      <c r="D20658" s="358" t="s">
        <v>8356</v>
      </c>
      <c r="E20658" s="358" t="s">
        <v>8356</v>
      </c>
      <c r="F20658" s="358" t="s">
        <v>14420</v>
      </c>
      <c r="G20658" s="358" t="s">
        <v>14459</v>
      </c>
      <c r="H20658" s="358" t="s">
        <v>14367</v>
      </c>
      <c r="I20658" s="358" t="s">
        <v>14459</v>
      </c>
      <c r="J20658" s="358"/>
      <c r="K20658" s="358"/>
      <c r="L20658" s="358" t="s">
        <v>9491</v>
      </c>
    </row>
    <row r="20659" spans="2:12">
      <c r="B20659" s="367"/>
      <c r="C20659" s="367"/>
      <c r="D20659" s="367"/>
      <c r="E20659" s="367"/>
      <c r="F20659" s="360"/>
      <c r="G20659" s="360"/>
      <c r="H20659" s="360"/>
      <c r="I20659" s="360"/>
      <c r="J20659" s="365"/>
      <c r="K20659" s="365"/>
      <c r="L20659" s="367"/>
    </row>
    <row r="20660" spans="2:12">
      <c r="B20660" s="367"/>
      <c r="C20660" s="367"/>
      <c r="D20660" s="367"/>
      <c r="E20660" s="367"/>
      <c r="F20660" s="359" t="s">
        <v>14420</v>
      </c>
      <c r="G20660" s="359" t="s">
        <v>14421</v>
      </c>
      <c r="H20660" s="359" t="s">
        <v>14422</v>
      </c>
      <c r="I20660" s="359" t="s">
        <v>14421</v>
      </c>
      <c r="J20660" s="365"/>
      <c r="K20660" s="365"/>
      <c r="L20660" s="367"/>
    </row>
    <row r="20661" spans="2:12">
      <c r="B20661" s="367"/>
      <c r="C20661" s="367"/>
      <c r="D20661" s="367"/>
      <c r="E20661" s="367"/>
      <c r="F20661" s="360"/>
      <c r="G20661" s="360"/>
      <c r="H20661" s="360"/>
      <c r="I20661" s="360"/>
      <c r="J20661" s="365"/>
      <c r="K20661" s="365"/>
      <c r="L20661" s="367"/>
    </row>
    <row r="20662" spans="2:12">
      <c r="B20662" s="367"/>
      <c r="C20662" s="367"/>
      <c r="D20662" s="367"/>
      <c r="E20662" s="367"/>
      <c r="F20662" s="359" t="s">
        <v>14420</v>
      </c>
      <c r="G20662" s="359" t="s">
        <v>14429</v>
      </c>
      <c r="H20662" s="360"/>
      <c r="I20662" s="359" t="s">
        <v>14429</v>
      </c>
      <c r="J20662" s="365"/>
      <c r="K20662" s="365"/>
      <c r="L20662" s="367"/>
    </row>
    <row r="20663" spans="2:12">
      <c r="B20663" s="367"/>
      <c r="C20663" s="367"/>
      <c r="D20663" s="367"/>
      <c r="E20663" s="367"/>
      <c r="F20663" s="360"/>
      <c r="G20663" s="360"/>
      <c r="H20663" s="360"/>
      <c r="I20663" s="360"/>
      <c r="J20663" s="365"/>
      <c r="K20663" s="365"/>
      <c r="L20663" s="367"/>
    </row>
    <row r="20664" spans="2:12" ht="28.5">
      <c r="B20664" s="368"/>
      <c r="C20664" s="368"/>
      <c r="D20664" s="368"/>
      <c r="E20664" s="368"/>
      <c r="F20664" s="361" t="s">
        <v>14472</v>
      </c>
      <c r="G20664" s="361" t="s">
        <v>14473</v>
      </c>
      <c r="H20664" s="362"/>
      <c r="I20664" s="361" t="s">
        <v>14473</v>
      </c>
      <c r="J20664" s="366"/>
      <c r="K20664" s="366"/>
      <c r="L20664" s="368"/>
    </row>
    <row r="20665" spans="2:12">
      <c r="B20665" s="358" t="s">
        <v>25144</v>
      </c>
      <c r="C20665" s="358" t="s">
        <v>25145</v>
      </c>
      <c r="D20665" s="358" t="s">
        <v>25146</v>
      </c>
      <c r="E20665" s="358" t="s">
        <v>25147</v>
      </c>
      <c r="F20665" s="358" t="s">
        <v>14379</v>
      </c>
      <c r="G20665" s="358" t="s">
        <v>14380</v>
      </c>
      <c r="H20665" s="358" t="s">
        <v>14378</v>
      </c>
      <c r="I20665" s="358" t="s">
        <v>14380</v>
      </c>
      <c r="J20665" s="358"/>
      <c r="K20665" s="358"/>
      <c r="L20665" s="358"/>
    </row>
    <row r="20666" spans="2:12">
      <c r="B20666" s="367"/>
      <c r="C20666" s="367"/>
      <c r="D20666" s="367"/>
      <c r="E20666" s="367"/>
      <c r="F20666" s="360"/>
      <c r="G20666" s="360"/>
      <c r="H20666" s="360"/>
      <c r="I20666" s="360"/>
      <c r="J20666" s="365"/>
      <c r="K20666" s="365"/>
      <c r="L20666" s="365"/>
    </row>
    <row r="20667" spans="2:12">
      <c r="B20667" s="367"/>
      <c r="C20667" s="367"/>
      <c r="D20667" s="367"/>
      <c r="E20667" s="367"/>
      <c r="F20667" s="359" t="s">
        <v>14379</v>
      </c>
      <c r="G20667" s="359" t="s">
        <v>14405</v>
      </c>
      <c r="H20667" s="359" t="s">
        <v>14381</v>
      </c>
      <c r="I20667" s="359" t="s">
        <v>14405</v>
      </c>
      <c r="J20667" s="365"/>
      <c r="K20667" s="365"/>
      <c r="L20667" s="365"/>
    </row>
    <row r="20668" spans="2:12">
      <c r="B20668" s="367"/>
      <c r="C20668" s="367"/>
      <c r="D20668" s="367"/>
      <c r="E20668" s="367"/>
      <c r="F20668" s="360"/>
      <c r="G20668" s="360"/>
      <c r="H20668" s="360"/>
      <c r="I20668" s="360"/>
      <c r="J20668" s="365"/>
      <c r="K20668" s="365"/>
      <c r="L20668" s="365"/>
    </row>
    <row r="20669" spans="2:12">
      <c r="B20669" s="367"/>
      <c r="C20669" s="367"/>
      <c r="D20669" s="367"/>
      <c r="E20669" s="367"/>
      <c r="F20669" s="359" t="s">
        <v>14420</v>
      </c>
      <c r="G20669" s="359" t="s">
        <v>14421</v>
      </c>
      <c r="H20669" s="359" t="s">
        <v>14370</v>
      </c>
      <c r="I20669" s="359" t="s">
        <v>14421</v>
      </c>
      <c r="J20669" s="365"/>
      <c r="K20669" s="365"/>
      <c r="L20669" s="365"/>
    </row>
    <row r="20670" spans="2:12">
      <c r="B20670" s="367"/>
      <c r="C20670" s="367"/>
      <c r="D20670" s="367"/>
      <c r="E20670" s="367"/>
      <c r="F20670" s="360"/>
      <c r="G20670" s="360"/>
      <c r="H20670" s="360"/>
      <c r="I20670" s="360"/>
      <c r="J20670" s="365"/>
      <c r="K20670" s="365"/>
      <c r="L20670" s="365"/>
    </row>
    <row r="20671" spans="2:12">
      <c r="B20671" s="367"/>
      <c r="C20671" s="367"/>
      <c r="D20671" s="367"/>
      <c r="E20671" s="367"/>
      <c r="F20671" s="359" t="s">
        <v>16919</v>
      </c>
      <c r="G20671" s="359" t="s">
        <v>14461</v>
      </c>
      <c r="H20671" s="359" t="s">
        <v>14332</v>
      </c>
      <c r="I20671" s="359" t="s">
        <v>14461</v>
      </c>
      <c r="J20671" s="365"/>
      <c r="K20671" s="365"/>
      <c r="L20671" s="365"/>
    </row>
    <row r="20672" spans="2:12">
      <c r="B20672" s="367"/>
      <c r="C20672" s="367"/>
      <c r="D20672" s="367"/>
      <c r="E20672" s="367"/>
      <c r="F20672" s="360"/>
      <c r="G20672" s="360"/>
      <c r="H20672" s="360"/>
      <c r="I20672" s="360"/>
      <c r="J20672" s="365"/>
      <c r="K20672" s="365"/>
      <c r="L20672" s="365"/>
    </row>
    <row r="20673" spans="2:12" ht="28.5">
      <c r="B20673" s="368"/>
      <c r="C20673" s="368"/>
      <c r="D20673" s="368"/>
      <c r="E20673" s="368"/>
      <c r="F20673" s="361" t="s">
        <v>14394</v>
      </c>
      <c r="G20673" s="361" t="s">
        <v>14395</v>
      </c>
      <c r="H20673" s="362"/>
      <c r="I20673" s="361" t="s">
        <v>14395</v>
      </c>
      <c r="J20673" s="366"/>
      <c r="K20673" s="366"/>
      <c r="L20673" s="366"/>
    </row>
    <row r="20674" spans="2:12" ht="28.5">
      <c r="B20674" s="358" t="s">
        <v>25148</v>
      </c>
      <c r="C20674" s="358" t="s">
        <v>25149</v>
      </c>
      <c r="D20674" s="358" t="s">
        <v>8356</v>
      </c>
      <c r="E20674" s="358" t="s">
        <v>8356</v>
      </c>
      <c r="F20674" s="358" t="s">
        <v>14420</v>
      </c>
      <c r="G20674" s="358" t="s">
        <v>14459</v>
      </c>
      <c r="H20674" s="358" t="s">
        <v>14367</v>
      </c>
      <c r="I20674" s="358" t="s">
        <v>14459</v>
      </c>
      <c r="J20674" s="358"/>
      <c r="K20674" s="358"/>
      <c r="L20674" s="358" t="s">
        <v>9491</v>
      </c>
    </row>
    <row r="20675" spans="2:12">
      <c r="B20675" s="367"/>
      <c r="C20675" s="367"/>
      <c r="D20675" s="367"/>
      <c r="E20675" s="367"/>
      <c r="F20675" s="360"/>
      <c r="G20675" s="360"/>
      <c r="H20675" s="360"/>
      <c r="I20675" s="360"/>
      <c r="J20675" s="365"/>
      <c r="K20675" s="365"/>
      <c r="L20675" s="367"/>
    </row>
    <row r="20676" spans="2:12">
      <c r="B20676" s="367"/>
      <c r="C20676" s="367"/>
      <c r="D20676" s="367"/>
      <c r="E20676" s="367"/>
      <c r="F20676" s="359" t="s">
        <v>14420</v>
      </c>
      <c r="G20676" s="359" t="s">
        <v>14421</v>
      </c>
      <c r="H20676" s="359" t="s">
        <v>14370</v>
      </c>
      <c r="I20676" s="359" t="s">
        <v>14421</v>
      </c>
      <c r="J20676" s="365"/>
      <c r="K20676" s="365"/>
      <c r="L20676" s="367"/>
    </row>
    <row r="20677" spans="2:12">
      <c r="B20677" s="367"/>
      <c r="C20677" s="367"/>
      <c r="D20677" s="367"/>
      <c r="E20677" s="367"/>
      <c r="F20677" s="360"/>
      <c r="G20677" s="360"/>
      <c r="H20677" s="360"/>
      <c r="I20677" s="360"/>
      <c r="J20677" s="365"/>
      <c r="K20677" s="365"/>
      <c r="L20677" s="367"/>
    </row>
    <row r="20678" spans="2:12">
      <c r="B20678" s="367"/>
      <c r="C20678" s="367"/>
      <c r="D20678" s="367"/>
      <c r="E20678" s="367"/>
      <c r="F20678" s="359" t="s">
        <v>14420</v>
      </c>
      <c r="G20678" s="359" t="s">
        <v>14429</v>
      </c>
      <c r="H20678" s="359" t="s">
        <v>14422</v>
      </c>
      <c r="I20678" s="359" t="s">
        <v>14429</v>
      </c>
      <c r="J20678" s="365"/>
      <c r="K20678" s="365"/>
      <c r="L20678" s="367"/>
    </row>
    <row r="20679" spans="2:12">
      <c r="B20679" s="367"/>
      <c r="C20679" s="367"/>
      <c r="D20679" s="367"/>
      <c r="E20679" s="367"/>
      <c r="F20679" s="360"/>
      <c r="G20679" s="360"/>
      <c r="H20679" s="360"/>
      <c r="I20679" s="360"/>
      <c r="J20679" s="365"/>
      <c r="K20679" s="365"/>
      <c r="L20679" s="367"/>
    </row>
    <row r="20680" spans="2:12">
      <c r="B20680" s="367"/>
      <c r="C20680" s="367"/>
      <c r="D20680" s="367"/>
      <c r="E20680" s="367"/>
      <c r="F20680" s="359" t="s">
        <v>14371</v>
      </c>
      <c r="G20680" s="359" t="s">
        <v>14372</v>
      </c>
      <c r="H20680" s="360"/>
      <c r="I20680" s="359" t="s">
        <v>14373</v>
      </c>
      <c r="J20680" s="365"/>
      <c r="K20680" s="365"/>
      <c r="L20680" s="367"/>
    </row>
    <row r="20681" spans="2:12">
      <c r="B20681" s="367"/>
      <c r="C20681" s="367"/>
      <c r="D20681" s="367"/>
      <c r="E20681" s="367"/>
      <c r="F20681" s="360"/>
      <c r="G20681" s="360"/>
      <c r="H20681" s="360"/>
      <c r="I20681" s="360"/>
      <c r="J20681" s="365"/>
      <c r="K20681" s="365"/>
      <c r="L20681" s="367"/>
    </row>
    <row r="20682" spans="2:12" ht="28.5">
      <c r="B20682" s="368"/>
      <c r="C20682" s="368"/>
      <c r="D20682" s="368"/>
      <c r="E20682" s="368"/>
      <c r="F20682" s="361" t="s">
        <v>14374</v>
      </c>
      <c r="G20682" s="361" t="s">
        <v>14373</v>
      </c>
      <c r="H20682" s="362"/>
      <c r="I20682" s="362"/>
      <c r="J20682" s="366"/>
      <c r="K20682" s="366"/>
      <c r="L20682" s="368"/>
    </row>
    <row r="20683" spans="2:12" ht="42.75">
      <c r="B20683" s="358" t="s">
        <v>25150</v>
      </c>
      <c r="C20683" s="358" t="s">
        <v>25151</v>
      </c>
      <c r="D20683" s="358" t="s">
        <v>25152</v>
      </c>
      <c r="E20683" s="358" t="s">
        <v>8356</v>
      </c>
      <c r="F20683" s="358" t="s">
        <v>14462</v>
      </c>
      <c r="G20683" s="358" t="s">
        <v>14463</v>
      </c>
      <c r="H20683" s="358" t="s">
        <v>8356</v>
      </c>
      <c r="I20683" s="358" t="s">
        <v>14463</v>
      </c>
      <c r="J20683" s="358"/>
      <c r="K20683" s="358"/>
      <c r="L20683" s="358"/>
    </row>
    <row r="20684" spans="2:12">
      <c r="B20684" s="368"/>
      <c r="C20684" s="368"/>
      <c r="D20684" s="368"/>
      <c r="E20684" s="368"/>
      <c r="F20684" s="368"/>
      <c r="G20684" s="368"/>
      <c r="H20684" s="368"/>
      <c r="I20684" s="368"/>
      <c r="J20684" s="366"/>
      <c r="K20684" s="366"/>
      <c r="L20684" s="366"/>
    </row>
    <row r="20685" spans="2:12" ht="28.5">
      <c r="B20685" s="358" t="s">
        <v>25153</v>
      </c>
      <c r="C20685" s="358" t="s">
        <v>29705</v>
      </c>
      <c r="D20685" s="358" t="s">
        <v>25154</v>
      </c>
      <c r="E20685" s="358" t="s">
        <v>8356</v>
      </c>
      <c r="F20685" s="358" t="s">
        <v>14462</v>
      </c>
      <c r="G20685" s="358" t="s">
        <v>14463</v>
      </c>
      <c r="H20685" s="358" t="s">
        <v>8356</v>
      </c>
      <c r="I20685" s="358" t="s">
        <v>14463</v>
      </c>
      <c r="J20685" s="358"/>
      <c r="K20685" s="358"/>
      <c r="L20685" s="358"/>
    </row>
    <row r="20686" spans="2:12">
      <c r="B20686" s="367"/>
      <c r="C20686" s="360"/>
      <c r="D20686" s="367"/>
      <c r="E20686" s="367"/>
      <c r="F20686" s="367"/>
      <c r="G20686" s="367"/>
      <c r="H20686" s="367"/>
      <c r="I20686" s="367"/>
      <c r="J20686" s="365"/>
      <c r="K20686" s="365"/>
      <c r="L20686" s="365"/>
    </row>
    <row r="20687" spans="2:12" ht="28.5">
      <c r="B20687" s="368"/>
      <c r="C20687" s="361" t="s">
        <v>29706</v>
      </c>
      <c r="D20687" s="368"/>
      <c r="E20687" s="368"/>
      <c r="F20687" s="368"/>
      <c r="G20687" s="368"/>
      <c r="H20687" s="368"/>
      <c r="I20687" s="368"/>
      <c r="J20687" s="366"/>
      <c r="K20687" s="366"/>
      <c r="L20687" s="366"/>
    </row>
    <row r="20688" spans="2:12" ht="28.5">
      <c r="B20688" s="358" t="s">
        <v>25155</v>
      </c>
      <c r="C20688" s="358" t="s">
        <v>29707</v>
      </c>
      <c r="D20688" s="358" t="s">
        <v>25156</v>
      </c>
      <c r="E20688" s="358" t="s">
        <v>25157</v>
      </c>
      <c r="F20688" s="358" t="s">
        <v>14462</v>
      </c>
      <c r="G20688" s="358" t="s">
        <v>14463</v>
      </c>
      <c r="H20688" s="358" t="s">
        <v>8356</v>
      </c>
      <c r="I20688" s="358" t="s">
        <v>14463</v>
      </c>
      <c r="J20688" s="358"/>
      <c r="K20688" s="358"/>
      <c r="L20688" s="358"/>
    </row>
    <row r="20689" spans="2:12">
      <c r="B20689" s="367"/>
      <c r="C20689" s="360"/>
      <c r="D20689" s="367"/>
      <c r="E20689" s="367"/>
      <c r="F20689" s="367"/>
      <c r="G20689" s="367"/>
      <c r="H20689" s="367"/>
      <c r="I20689" s="367"/>
      <c r="J20689" s="365"/>
      <c r="K20689" s="365"/>
      <c r="L20689" s="365"/>
    </row>
    <row r="20690" spans="2:12">
      <c r="B20690" s="368"/>
      <c r="C20690" s="361" t="s">
        <v>29708</v>
      </c>
      <c r="D20690" s="368"/>
      <c r="E20690" s="368"/>
      <c r="F20690" s="368"/>
      <c r="G20690" s="368"/>
      <c r="H20690" s="368"/>
      <c r="I20690" s="368"/>
      <c r="J20690" s="366"/>
      <c r="K20690" s="366"/>
      <c r="L20690" s="366"/>
    </row>
    <row r="20691" spans="2:12" ht="28.5">
      <c r="B20691" s="358" t="s">
        <v>25158</v>
      </c>
      <c r="C20691" s="358" t="s">
        <v>29709</v>
      </c>
      <c r="D20691" s="358" t="s">
        <v>25159</v>
      </c>
      <c r="E20691" s="358" t="s">
        <v>8356</v>
      </c>
      <c r="F20691" s="358" t="s">
        <v>14462</v>
      </c>
      <c r="G20691" s="358" t="s">
        <v>14463</v>
      </c>
      <c r="H20691" s="358" t="s">
        <v>8356</v>
      </c>
      <c r="I20691" s="358" t="s">
        <v>14463</v>
      </c>
      <c r="J20691" s="358"/>
      <c r="K20691" s="358"/>
      <c r="L20691" s="358"/>
    </row>
    <row r="20692" spans="2:12">
      <c r="B20692" s="367"/>
      <c r="C20692" s="360"/>
      <c r="D20692" s="367"/>
      <c r="E20692" s="367"/>
      <c r="F20692" s="367"/>
      <c r="G20692" s="367"/>
      <c r="H20692" s="367"/>
      <c r="I20692" s="367"/>
      <c r="J20692" s="365"/>
      <c r="K20692" s="365"/>
      <c r="L20692" s="365"/>
    </row>
    <row r="20693" spans="2:12" ht="28.5">
      <c r="B20693" s="368"/>
      <c r="C20693" s="361" t="s">
        <v>29710</v>
      </c>
      <c r="D20693" s="368"/>
      <c r="E20693" s="368"/>
      <c r="F20693" s="368"/>
      <c r="G20693" s="368"/>
      <c r="H20693" s="368"/>
      <c r="I20693" s="368"/>
      <c r="J20693" s="366"/>
      <c r="K20693" s="366"/>
      <c r="L20693" s="366"/>
    </row>
    <row r="20694" spans="2:12" ht="57">
      <c r="B20694" s="358" t="s">
        <v>25160</v>
      </c>
      <c r="C20694" s="358" t="s">
        <v>29711</v>
      </c>
      <c r="D20694" s="358" t="s">
        <v>25161</v>
      </c>
      <c r="E20694" s="358" t="s">
        <v>8356</v>
      </c>
      <c r="F20694" s="358" t="s">
        <v>14462</v>
      </c>
      <c r="G20694" s="358" t="s">
        <v>14463</v>
      </c>
      <c r="H20694" s="358" t="s">
        <v>8356</v>
      </c>
      <c r="I20694" s="358" t="s">
        <v>14463</v>
      </c>
      <c r="J20694" s="358"/>
      <c r="K20694" s="358"/>
      <c r="L20694" s="358"/>
    </row>
    <row r="20695" spans="2:12">
      <c r="B20695" s="368"/>
      <c r="C20695" s="368"/>
      <c r="D20695" s="368"/>
      <c r="E20695" s="368"/>
      <c r="F20695" s="368"/>
      <c r="G20695" s="368"/>
      <c r="H20695" s="368"/>
      <c r="I20695" s="368"/>
      <c r="J20695" s="366"/>
      <c r="K20695" s="366"/>
      <c r="L20695" s="366"/>
    </row>
    <row r="20696" spans="2:12" ht="42.75">
      <c r="B20696" s="358" t="s">
        <v>25162</v>
      </c>
      <c r="C20696" s="358" t="s">
        <v>29712</v>
      </c>
      <c r="D20696" s="358" t="s">
        <v>25163</v>
      </c>
      <c r="E20696" s="358" t="s">
        <v>8356</v>
      </c>
      <c r="F20696" s="358" t="s">
        <v>14462</v>
      </c>
      <c r="G20696" s="358" t="s">
        <v>14463</v>
      </c>
      <c r="H20696" s="358" t="s">
        <v>8356</v>
      </c>
      <c r="I20696" s="358" t="s">
        <v>14463</v>
      </c>
      <c r="J20696" s="358"/>
      <c r="K20696" s="358"/>
      <c r="L20696" s="358"/>
    </row>
    <row r="20697" spans="2:12">
      <c r="B20697" s="367"/>
      <c r="C20697" s="360"/>
      <c r="D20697" s="367"/>
      <c r="E20697" s="367"/>
      <c r="F20697" s="367"/>
      <c r="G20697" s="367"/>
      <c r="H20697" s="367"/>
      <c r="I20697" s="367"/>
      <c r="J20697" s="365"/>
      <c r="K20697" s="365"/>
      <c r="L20697" s="365"/>
    </row>
    <row r="20698" spans="2:12">
      <c r="B20698" s="368"/>
      <c r="C20698" s="361" t="s">
        <v>29713</v>
      </c>
      <c r="D20698" s="368"/>
      <c r="E20698" s="368"/>
      <c r="F20698" s="368"/>
      <c r="G20698" s="368"/>
      <c r="H20698" s="368"/>
      <c r="I20698" s="368"/>
      <c r="J20698" s="366"/>
      <c r="K20698" s="366"/>
      <c r="L20698" s="366"/>
    </row>
    <row r="20699" spans="2:12" ht="71.25">
      <c r="B20699" s="358" t="s">
        <v>25164</v>
      </c>
      <c r="C20699" s="358" t="s">
        <v>29714</v>
      </c>
      <c r="D20699" s="358" t="s">
        <v>25165</v>
      </c>
      <c r="E20699" s="358" t="s">
        <v>8356</v>
      </c>
      <c r="F20699" s="358" t="s">
        <v>14462</v>
      </c>
      <c r="G20699" s="358" t="s">
        <v>14463</v>
      </c>
      <c r="H20699" s="358" t="s">
        <v>8356</v>
      </c>
      <c r="I20699" s="358" t="s">
        <v>14463</v>
      </c>
      <c r="J20699" s="358"/>
      <c r="K20699" s="358"/>
      <c r="L20699" s="358"/>
    </row>
    <row r="20700" spans="2:12">
      <c r="B20700" s="368"/>
      <c r="C20700" s="368"/>
      <c r="D20700" s="368"/>
      <c r="E20700" s="368"/>
      <c r="F20700" s="368"/>
      <c r="G20700" s="368"/>
      <c r="H20700" s="368"/>
      <c r="I20700" s="368"/>
      <c r="J20700" s="366"/>
      <c r="K20700" s="366"/>
      <c r="L20700" s="366"/>
    </row>
    <row r="20701" spans="2:12">
      <c r="B20701" s="358" t="s">
        <v>25166</v>
      </c>
      <c r="C20701" s="358" t="s">
        <v>25167</v>
      </c>
      <c r="D20701" s="358" t="s">
        <v>25168</v>
      </c>
      <c r="E20701" s="358" t="s">
        <v>25169</v>
      </c>
      <c r="F20701" s="358" t="s">
        <v>14379</v>
      </c>
      <c r="G20701" s="358" t="s">
        <v>14380</v>
      </c>
      <c r="H20701" s="358" t="s">
        <v>14378</v>
      </c>
      <c r="I20701" s="358" t="s">
        <v>14380</v>
      </c>
      <c r="J20701" s="358"/>
      <c r="K20701" s="358"/>
      <c r="L20701" s="358"/>
    </row>
    <row r="20702" spans="2:12">
      <c r="B20702" s="367"/>
      <c r="C20702" s="367"/>
      <c r="D20702" s="367"/>
      <c r="E20702" s="367"/>
      <c r="F20702" s="360"/>
      <c r="G20702" s="360"/>
      <c r="H20702" s="360"/>
      <c r="I20702" s="360"/>
      <c r="J20702" s="365"/>
      <c r="K20702" s="365"/>
      <c r="L20702" s="365"/>
    </row>
    <row r="20703" spans="2:12">
      <c r="B20703" s="367"/>
      <c r="C20703" s="367"/>
      <c r="D20703" s="367"/>
      <c r="E20703" s="367"/>
      <c r="F20703" s="359" t="s">
        <v>14420</v>
      </c>
      <c r="G20703" s="359" t="s">
        <v>14429</v>
      </c>
      <c r="H20703" s="359" t="s">
        <v>14341</v>
      </c>
      <c r="I20703" s="359" t="s">
        <v>14429</v>
      </c>
      <c r="J20703" s="365"/>
      <c r="K20703" s="365"/>
      <c r="L20703" s="365"/>
    </row>
    <row r="20704" spans="2:12">
      <c r="B20704" s="367"/>
      <c r="C20704" s="367"/>
      <c r="D20704" s="367"/>
      <c r="E20704" s="367"/>
      <c r="F20704" s="360"/>
      <c r="G20704" s="360"/>
      <c r="H20704" s="360"/>
      <c r="I20704" s="360"/>
      <c r="J20704" s="365"/>
      <c r="K20704" s="365"/>
      <c r="L20704" s="365"/>
    </row>
    <row r="20705" spans="2:12">
      <c r="B20705" s="367"/>
      <c r="C20705" s="367"/>
      <c r="D20705" s="367"/>
      <c r="E20705" s="367"/>
      <c r="F20705" s="359" t="s">
        <v>14368</v>
      </c>
      <c r="G20705" s="359" t="s">
        <v>14388</v>
      </c>
      <c r="H20705" s="359" t="s">
        <v>14381</v>
      </c>
      <c r="I20705" s="359" t="s">
        <v>14388</v>
      </c>
      <c r="J20705" s="365"/>
      <c r="K20705" s="365"/>
      <c r="L20705" s="365"/>
    </row>
    <row r="20706" spans="2:12">
      <c r="B20706" s="367"/>
      <c r="C20706" s="367"/>
      <c r="D20706" s="367"/>
      <c r="E20706" s="367"/>
      <c r="F20706" s="360"/>
      <c r="G20706" s="360"/>
      <c r="H20706" s="360"/>
      <c r="I20706" s="360"/>
      <c r="J20706" s="365"/>
      <c r="K20706" s="365"/>
      <c r="L20706" s="365"/>
    </row>
    <row r="20707" spans="2:12">
      <c r="B20707" s="367"/>
      <c r="C20707" s="367"/>
      <c r="D20707" s="367"/>
      <c r="E20707" s="367"/>
      <c r="F20707" s="359" t="s">
        <v>14389</v>
      </c>
      <c r="G20707" s="359" t="s">
        <v>14390</v>
      </c>
      <c r="H20707" s="359" t="s">
        <v>14370</v>
      </c>
      <c r="I20707" s="359" t="s">
        <v>14390</v>
      </c>
      <c r="J20707" s="365"/>
      <c r="K20707" s="365"/>
      <c r="L20707" s="365"/>
    </row>
    <row r="20708" spans="2:12">
      <c r="B20708" s="367"/>
      <c r="C20708" s="367"/>
      <c r="D20708" s="367"/>
      <c r="E20708" s="367"/>
      <c r="F20708" s="360"/>
      <c r="G20708" s="360"/>
      <c r="H20708" s="360"/>
      <c r="I20708" s="360"/>
      <c r="J20708" s="365"/>
      <c r="K20708" s="365"/>
      <c r="L20708" s="365"/>
    </row>
    <row r="20709" spans="2:12">
      <c r="B20709" s="367"/>
      <c r="C20709" s="367"/>
      <c r="D20709" s="367"/>
      <c r="E20709" s="367"/>
      <c r="F20709" s="359" t="s">
        <v>14430</v>
      </c>
      <c r="G20709" s="359" t="s">
        <v>14431</v>
      </c>
      <c r="H20709" s="359" t="s">
        <v>14332</v>
      </c>
      <c r="I20709" s="359" t="s">
        <v>14431</v>
      </c>
      <c r="J20709" s="365"/>
      <c r="K20709" s="365"/>
      <c r="L20709" s="365"/>
    </row>
    <row r="20710" spans="2:12">
      <c r="B20710" s="367"/>
      <c r="C20710" s="367"/>
      <c r="D20710" s="367"/>
      <c r="E20710" s="367"/>
      <c r="F20710" s="360"/>
      <c r="G20710" s="360"/>
      <c r="H20710" s="360"/>
      <c r="I20710" s="360"/>
      <c r="J20710" s="365"/>
      <c r="K20710" s="365"/>
      <c r="L20710" s="365"/>
    </row>
    <row r="20711" spans="2:12">
      <c r="B20711" s="367"/>
      <c r="C20711" s="367"/>
      <c r="D20711" s="367"/>
      <c r="E20711" s="367"/>
      <c r="F20711" s="359" t="s">
        <v>14814</v>
      </c>
      <c r="G20711" s="359" t="s">
        <v>14815</v>
      </c>
      <c r="H20711" s="360"/>
      <c r="I20711" s="359" t="s">
        <v>14815</v>
      </c>
      <c r="J20711" s="365"/>
      <c r="K20711" s="365"/>
      <c r="L20711" s="365"/>
    </row>
    <row r="20712" spans="2:12">
      <c r="B20712" s="367"/>
      <c r="C20712" s="367"/>
      <c r="D20712" s="367"/>
      <c r="E20712" s="367"/>
      <c r="F20712" s="360"/>
      <c r="G20712" s="360"/>
      <c r="H20712" s="360"/>
      <c r="I20712" s="360"/>
      <c r="J20712" s="365"/>
      <c r="K20712" s="365"/>
      <c r="L20712" s="365"/>
    </row>
    <row r="20713" spans="2:12">
      <c r="B20713" s="367"/>
      <c r="C20713" s="367"/>
      <c r="D20713" s="367"/>
      <c r="E20713" s="367"/>
      <c r="F20713" s="359" t="s">
        <v>14371</v>
      </c>
      <c r="G20713" s="359" t="s">
        <v>14372</v>
      </c>
      <c r="H20713" s="360"/>
      <c r="I20713" s="359" t="s">
        <v>14373</v>
      </c>
      <c r="J20713" s="365"/>
      <c r="K20713" s="365"/>
      <c r="L20713" s="365"/>
    </row>
    <row r="20714" spans="2:12">
      <c r="B20714" s="367"/>
      <c r="C20714" s="367"/>
      <c r="D20714" s="367"/>
      <c r="E20714" s="367"/>
      <c r="F20714" s="360"/>
      <c r="G20714" s="360"/>
      <c r="H20714" s="360"/>
      <c r="I20714" s="360"/>
      <c r="J20714" s="365"/>
      <c r="K20714" s="365"/>
      <c r="L20714" s="365"/>
    </row>
    <row r="20715" spans="2:12" ht="28.5">
      <c r="B20715" s="368"/>
      <c r="C20715" s="368"/>
      <c r="D20715" s="368"/>
      <c r="E20715" s="368"/>
      <c r="F20715" s="361" t="s">
        <v>14374</v>
      </c>
      <c r="G20715" s="361" t="s">
        <v>14373</v>
      </c>
      <c r="H20715" s="362"/>
      <c r="I20715" s="362"/>
      <c r="J20715" s="366"/>
      <c r="K20715" s="366"/>
      <c r="L20715" s="366"/>
    </row>
    <row r="20716" spans="2:12" ht="28.5">
      <c r="B20716" s="358" t="s">
        <v>25170</v>
      </c>
      <c r="C20716" s="358" t="s">
        <v>25171</v>
      </c>
      <c r="D20716" s="358" t="s">
        <v>25172</v>
      </c>
      <c r="E20716" s="358" t="s">
        <v>8356</v>
      </c>
      <c r="F20716" s="358" t="s">
        <v>14814</v>
      </c>
      <c r="G20716" s="358" t="s">
        <v>14815</v>
      </c>
      <c r="H20716" s="358" t="s">
        <v>14381</v>
      </c>
      <c r="I20716" s="358" t="s">
        <v>14815</v>
      </c>
      <c r="J20716" s="358"/>
      <c r="K20716" s="358"/>
      <c r="L20716" s="358"/>
    </row>
    <row r="20717" spans="2:12">
      <c r="B20717" s="367"/>
      <c r="C20717" s="367"/>
      <c r="D20717" s="367"/>
      <c r="E20717" s="367"/>
      <c r="F20717" s="360"/>
      <c r="G20717" s="360"/>
      <c r="H20717" s="360"/>
      <c r="I20717" s="360"/>
      <c r="J20717" s="365"/>
      <c r="K20717" s="365"/>
      <c r="L20717" s="365"/>
    </row>
    <row r="20718" spans="2:12">
      <c r="B20718" s="367"/>
      <c r="C20718" s="367"/>
      <c r="D20718" s="367"/>
      <c r="E20718" s="367"/>
      <c r="F20718" s="359" t="s">
        <v>14391</v>
      </c>
      <c r="G20718" s="359" t="s">
        <v>14392</v>
      </c>
      <c r="H20718" s="359" t="s">
        <v>14332</v>
      </c>
      <c r="I20718" s="359" t="s">
        <v>14392</v>
      </c>
      <c r="J20718" s="365"/>
      <c r="K20718" s="365"/>
      <c r="L20718" s="365"/>
    </row>
    <row r="20719" spans="2:12">
      <c r="B20719" s="367"/>
      <c r="C20719" s="367"/>
      <c r="D20719" s="367"/>
      <c r="E20719" s="367"/>
      <c r="F20719" s="360"/>
      <c r="G20719" s="360"/>
      <c r="H20719" s="360"/>
      <c r="I20719" s="360"/>
      <c r="J20719" s="365"/>
      <c r="K20719" s="365"/>
      <c r="L20719" s="365"/>
    </row>
    <row r="20720" spans="2:12" ht="28.5">
      <c r="B20720" s="368"/>
      <c r="C20720" s="368"/>
      <c r="D20720" s="368"/>
      <c r="E20720" s="368"/>
      <c r="F20720" s="361" t="s">
        <v>14462</v>
      </c>
      <c r="G20720" s="361" t="s">
        <v>14463</v>
      </c>
      <c r="H20720" s="362"/>
      <c r="I20720" s="361" t="s">
        <v>14463</v>
      </c>
      <c r="J20720" s="366"/>
      <c r="K20720" s="366"/>
      <c r="L20720" s="366"/>
    </row>
    <row r="20721" spans="2:12" ht="28.5">
      <c r="B20721" s="358" t="s">
        <v>13240</v>
      </c>
      <c r="C20721" s="358" t="s">
        <v>30455</v>
      </c>
      <c r="D20721" s="358" t="s">
        <v>278</v>
      </c>
      <c r="E20721" s="358" t="s">
        <v>575</v>
      </c>
      <c r="F20721" s="358" t="s">
        <v>14424</v>
      </c>
      <c r="G20721" s="358" t="s">
        <v>29586</v>
      </c>
      <c r="H20721" s="358" t="s">
        <v>14381</v>
      </c>
      <c r="I20721" s="358" t="s">
        <v>29586</v>
      </c>
      <c r="J20721" s="358"/>
      <c r="K20721" s="358"/>
      <c r="L20721" s="358"/>
    </row>
    <row r="20722" spans="2:12">
      <c r="B20722" s="367"/>
      <c r="C20722" s="360"/>
      <c r="D20722" s="367"/>
      <c r="E20722" s="367"/>
      <c r="F20722" s="360"/>
      <c r="G20722" s="360"/>
      <c r="H20722" s="360"/>
      <c r="I20722" s="360"/>
      <c r="J20722" s="365"/>
      <c r="K20722" s="365"/>
      <c r="L20722" s="365"/>
    </row>
    <row r="20723" spans="2:12">
      <c r="B20723" s="367"/>
      <c r="C20723" s="359" t="s">
        <v>25173</v>
      </c>
      <c r="D20723" s="367"/>
      <c r="E20723" s="367"/>
      <c r="F20723" s="359" t="s">
        <v>14420</v>
      </c>
      <c r="G20723" s="359" t="s">
        <v>14421</v>
      </c>
      <c r="H20723" s="359" t="s">
        <v>14367</v>
      </c>
      <c r="I20723" s="359" t="s">
        <v>14421</v>
      </c>
      <c r="J20723" s="365"/>
      <c r="K20723" s="365"/>
      <c r="L20723" s="365"/>
    </row>
    <row r="20724" spans="2:12">
      <c r="B20724" s="367"/>
      <c r="C20724" s="360"/>
      <c r="D20724" s="367"/>
      <c r="E20724" s="367"/>
      <c r="F20724" s="360"/>
      <c r="G20724" s="360"/>
      <c r="H20724" s="360"/>
      <c r="I20724" s="360"/>
      <c r="J20724" s="365"/>
      <c r="K20724" s="365"/>
      <c r="L20724" s="365"/>
    </row>
    <row r="20725" spans="2:12">
      <c r="B20725" s="367"/>
      <c r="C20725" s="360"/>
      <c r="D20725" s="367"/>
      <c r="E20725" s="367"/>
      <c r="F20725" s="359" t="s">
        <v>14420</v>
      </c>
      <c r="G20725" s="359" t="s">
        <v>14387</v>
      </c>
      <c r="H20725" s="359" t="s">
        <v>14332</v>
      </c>
      <c r="I20725" s="359" t="s">
        <v>14387</v>
      </c>
      <c r="J20725" s="365"/>
      <c r="K20725" s="365"/>
      <c r="L20725" s="365"/>
    </row>
    <row r="20726" spans="2:12">
      <c r="B20726" s="367"/>
      <c r="C20726" s="360"/>
      <c r="D20726" s="367"/>
      <c r="E20726" s="367"/>
      <c r="F20726" s="360"/>
      <c r="G20726" s="360"/>
      <c r="H20726" s="360"/>
      <c r="I20726" s="360"/>
      <c r="J20726" s="365"/>
      <c r="K20726" s="365"/>
      <c r="L20726" s="365"/>
    </row>
    <row r="20727" spans="2:12">
      <c r="B20727" s="368"/>
      <c r="C20727" s="362"/>
      <c r="D20727" s="368"/>
      <c r="E20727" s="368"/>
      <c r="F20727" s="361" t="s">
        <v>14386</v>
      </c>
      <c r="G20727" s="362"/>
      <c r="H20727" s="362"/>
      <c r="I20727" s="362"/>
      <c r="J20727" s="366"/>
      <c r="K20727" s="366"/>
      <c r="L20727" s="366"/>
    </row>
    <row r="20728" spans="2:12">
      <c r="B20728" s="358" t="s">
        <v>25174</v>
      </c>
      <c r="C20728" s="358" t="s">
        <v>25175</v>
      </c>
      <c r="D20728" s="358" t="s">
        <v>25176</v>
      </c>
      <c r="E20728" s="358" t="s">
        <v>25177</v>
      </c>
      <c r="F20728" s="358" t="s">
        <v>14379</v>
      </c>
      <c r="G20728" s="358" t="s">
        <v>14405</v>
      </c>
      <c r="H20728" s="358" t="s">
        <v>14378</v>
      </c>
      <c r="I20728" s="358" t="s">
        <v>14405</v>
      </c>
      <c r="J20728" s="358"/>
      <c r="K20728" s="358"/>
      <c r="L20728" s="358"/>
    </row>
    <row r="20729" spans="2:12">
      <c r="B20729" s="367"/>
      <c r="C20729" s="367"/>
      <c r="D20729" s="367"/>
      <c r="E20729" s="367"/>
      <c r="F20729" s="360"/>
      <c r="G20729" s="360"/>
      <c r="H20729" s="360"/>
      <c r="I20729" s="360"/>
      <c r="J20729" s="365"/>
      <c r="K20729" s="365"/>
      <c r="L20729" s="365"/>
    </row>
    <row r="20730" spans="2:12">
      <c r="B20730" s="368"/>
      <c r="C20730" s="368"/>
      <c r="D20730" s="368"/>
      <c r="E20730" s="368"/>
      <c r="F20730" s="361" t="s">
        <v>14382</v>
      </c>
      <c r="G20730" s="361" t="s">
        <v>14579</v>
      </c>
      <c r="H20730" s="361" t="s">
        <v>14332</v>
      </c>
      <c r="I20730" s="361" t="s">
        <v>14579</v>
      </c>
      <c r="J20730" s="366"/>
      <c r="K20730" s="366"/>
      <c r="L20730" s="366"/>
    </row>
    <row r="20731" spans="2:12">
      <c r="B20731" s="358" t="s">
        <v>10651</v>
      </c>
      <c r="C20731" s="358" t="s">
        <v>25178</v>
      </c>
      <c r="D20731" s="358" t="s">
        <v>488</v>
      </c>
      <c r="E20731" s="358" t="s">
        <v>606</v>
      </c>
      <c r="F20731" s="358" t="s">
        <v>14376</v>
      </c>
      <c r="G20731" s="358" t="s">
        <v>14669</v>
      </c>
      <c r="H20731" s="358" t="s">
        <v>14378</v>
      </c>
      <c r="I20731" s="358" t="s">
        <v>14669</v>
      </c>
      <c r="J20731" s="358"/>
      <c r="K20731" s="358"/>
      <c r="L20731" s="358" t="s">
        <v>595</v>
      </c>
    </row>
    <row r="20732" spans="2:12">
      <c r="B20732" s="367"/>
      <c r="C20732" s="360"/>
      <c r="D20732" s="367"/>
      <c r="E20732" s="367"/>
      <c r="F20732" s="360"/>
      <c r="G20732" s="360"/>
      <c r="H20732" s="360"/>
      <c r="I20732" s="360"/>
      <c r="J20732" s="365"/>
      <c r="K20732" s="365"/>
      <c r="L20732" s="367"/>
    </row>
    <row r="20733" spans="2:12" ht="28.5">
      <c r="B20733" s="367"/>
      <c r="C20733" s="359" t="s">
        <v>25179</v>
      </c>
      <c r="D20733" s="367"/>
      <c r="E20733" s="367"/>
      <c r="F20733" s="359" t="s">
        <v>28705</v>
      </c>
      <c r="G20733" s="359" t="s">
        <v>14890</v>
      </c>
      <c r="H20733" s="359" t="s">
        <v>14381</v>
      </c>
      <c r="I20733" s="359" t="s">
        <v>14890</v>
      </c>
      <c r="J20733" s="365"/>
      <c r="K20733" s="365"/>
      <c r="L20733" s="367"/>
    </row>
    <row r="20734" spans="2:12">
      <c r="B20734" s="367"/>
      <c r="C20734" s="360"/>
      <c r="D20734" s="367"/>
      <c r="E20734" s="367"/>
      <c r="F20734" s="360"/>
      <c r="G20734" s="360"/>
      <c r="H20734" s="360"/>
      <c r="I20734" s="360"/>
      <c r="J20734" s="365"/>
      <c r="K20734" s="365"/>
      <c r="L20734" s="367"/>
    </row>
    <row r="20735" spans="2:12" ht="28.5">
      <c r="B20735" s="367"/>
      <c r="C20735" s="360"/>
      <c r="D20735" s="367"/>
      <c r="E20735" s="367"/>
      <c r="F20735" s="359" t="s">
        <v>14382</v>
      </c>
      <c r="G20735" s="359" t="s">
        <v>29715</v>
      </c>
      <c r="H20735" s="359" t="s">
        <v>14332</v>
      </c>
      <c r="I20735" s="359" t="s">
        <v>29715</v>
      </c>
      <c r="J20735" s="365"/>
      <c r="K20735" s="365"/>
      <c r="L20735" s="367"/>
    </row>
    <row r="20736" spans="2:12">
      <c r="B20736" s="367"/>
      <c r="C20736" s="360"/>
      <c r="D20736" s="367"/>
      <c r="E20736" s="367"/>
      <c r="F20736" s="360"/>
      <c r="G20736" s="360"/>
      <c r="H20736" s="360"/>
      <c r="I20736" s="360"/>
      <c r="J20736" s="365"/>
      <c r="K20736" s="365"/>
      <c r="L20736" s="367"/>
    </row>
    <row r="20737" spans="2:12">
      <c r="B20737" s="367"/>
      <c r="C20737" s="360"/>
      <c r="D20737" s="367"/>
      <c r="E20737" s="367"/>
      <c r="F20737" s="359" t="s">
        <v>14384</v>
      </c>
      <c r="G20737" s="359" t="s">
        <v>14385</v>
      </c>
      <c r="H20737" s="360"/>
      <c r="I20737" s="359" t="s">
        <v>14385</v>
      </c>
      <c r="J20737" s="365"/>
      <c r="K20737" s="365"/>
      <c r="L20737" s="367"/>
    </row>
    <row r="20738" spans="2:12">
      <c r="B20738" s="367"/>
      <c r="C20738" s="360"/>
      <c r="D20738" s="367"/>
      <c r="E20738" s="367"/>
      <c r="F20738" s="360"/>
      <c r="G20738" s="360"/>
      <c r="H20738" s="360"/>
      <c r="I20738" s="360"/>
      <c r="J20738" s="365"/>
      <c r="K20738" s="365"/>
      <c r="L20738" s="367"/>
    </row>
    <row r="20739" spans="2:12">
      <c r="B20739" s="367"/>
      <c r="C20739" s="360"/>
      <c r="D20739" s="367"/>
      <c r="E20739" s="367"/>
      <c r="F20739" s="359" t="s">
        <v>14420</v>
      </c>
      <c r="G20739" s="359" t="s">
        <v>14459</v>
      </c>
      <c r="H20739" s="360"/>
      <c r="I20739" s="359" t="s">
        <v>14459</v>
      </c>
      <c r="J20739" s="365"/>
      <c r="K20739" s="365"/>
      <c r="L20739" s="367"/>
    </row>
    <row r="20740" spans="2:12">
      <c r="B20740" s="367"/>
      <c r="C20740" s="360"/>
      <c r="D20740" s="367"/>
      <c r="E20740" s="367"/>
      <c r="F20740" s="360"/>
      <c r="G20740" s="360"/>
      <c r="H20740" s="360"/>
      <c r="I20740" s="360"/>
      <c r="J20740" s="365"/>
      <c r="K20740" s="365"/>
      <c r="L20740" s="367"/>
    </row>
    <row r="20741" spans="2:12">
      <c r="B20741" s="367"/>
      <c r="C20741" s="360"/>
      <c r="D20741" s="367"/>
      <c r="E20741" s="367"/>
      <c r="F20741" s="359" t="s">
        <v>14420</v>
      </c>
      <c r="G20741" s="359" t="s">
        <v>14421</v>
      </c>
      <c r="H20741" s="360"/>
      <c r="I20741" s="359" t="s">
        <v>14421</v>
      </c>
      <c r="J20741" s="365"/>
      <c r="K20741" s="365"/>
      <c r="L20741" s="367"/>
    </row>
    <row r="20742" spans="2:12">
      <c r="B20742" s="367"/>
      <c r="C20742" s="360"/>
      <c r="D20742" s="367"/>
      <c r="E20742" s="367"/>
      <c r="F20742" s="360"/>
      <c r="G20742" s="360"/>
      <c r="H20742" s="360"/>
      <c r="I20742" s="360"/>
      <c r="J20742" s="365"/>
      <c r="K20742" s="365"/>
      <c r="L20742" s="367"/>
    </row>
    <row r="20743" spans="2:12">
      <c r="B20743" s="367"/>
      <c r="C20743" s="360"/>
      <c r="D20743" s="367"/>
      <c r="E20743" s="367"/>
      <c r="F20743" s="359" t="s">
        <v>14386</v>
      </c>
      <c r="G20743" s="359" t="s">
        <v>14387</v>
      </c>
      <c r="H20743" s="360"/>
      <c r="I20743" s="359" t="s">
        <v>14387</v>
      </c>
      <c r="J20743" s="365"/>
      <c r="K20743" s="365"/>
      <c r="L20743" s="367"/>
    </row>
    <row r="20744" spans="2:12">
      <c r="B20744" s="367"/>
      <c r="C20744" s="360"/>
      <c r="D20744" s="367"/>
      <c r="E20744" s="367"/>
      <c r="F20744" s="360"/>
      <c r="G20744" s="360"/>
      <c r="H20744" s="360"/>
      <c r="I20744" s="360"/>
      <c r="J20744" s="365"/>
      <c r="K20744" s="365"/>
      <c r="L20744" s="367"/>
    </row>
    <row r="20745" spans="2:12">
      <c r="B20745" s="367"/>
      <c r="C20745" s="360"/>
      <c r="D20745" s="367"/>
      <c r="E20745" s="367"/>
      <c r="F20745" s="359" t="s">
        <v>14389</v>
      </c>
      <c r="G20745" s="359" t="s">
        <v>14390</v>
      </c>
      <c r="H20745" s="360"/>
      <c r="I20745" s="359" t="s">
        <v>14390</v>
      </c>
      <c r="J20745" s="365"/>
      <c r="K20745" s="365"/>
      <c r="L20745" s="367"/>
    </row>
    <row r="20746" spans="2:12">
      <c r="B20746" s="367"/>
      <c r="C20746" s="360"/>
      <c r="D20746" s="367"/>
      <c r="E20746" s="367"/>
      <c r="F20746" s="360"/>
      <c r="G20746" s="360"/>
      <c r="H20746" s="360"/>
      <c r="I20746" s="360"/>
      <c r="J20746" s="365"/>
      <c r="K20746" s="365"/>
      <c r="L20746" s="367"/>
    </row>
    <row r="20747" spans="2:12">
      <c r="B20747" s="368"/>
      <c r="C20747" s="362"/>
      <c r="D20747" s="368"/>
      <c r="E20747" s="368"/>
      <c r="F20747" s="361" t="s">
        <v>14391</v>
      </c>
      <c r="G20747" s="361" t="s">
        <v>14392</v>
      </c>
      <c r="H20747" s="362"/>
      <c r="I20747" s="361" t="s">
        <v>14392</v>
      </c>
      <c r="J20747" s="366"/>
      <c r="K20747" s="366"/>
      <c r="L20747" s="368"/>
    </row>
    <row r="20748" spans="2:12">
      <c r="B20748" s="358" t="s">
        <v>25180</v>
      </c>
      <c r="C20748" s="358" t="s">
        <v>25181</v>
      </c>
      <c r="D20748" s="358" t="s">
        <v>25182</v>
      </c>
      <c r="E20748" s="358" t="s">
        <v>25183</v>
      </c>
      <c r="F20748" s="358" t="s">
        <v>14420</v>
      </c>
      <c r="G20748" s="358" t="s">
        <v>14421</v>
      </c>
      <c r="H20748" s="358" t="s">
        <v>14367</v>
      </c>
      <c r="I20748" s="358" t="s">
        <v>14421</v>
      </c>
      <c r="J20748" s="358"/>
      <c r="K20748" s="358"/>
      <c r="L20748" s="358"/>
    </row>
    <row r="20749" spans="2:12">
      <c r="B20749" s="367"/>
      <c r="C20749" s="360"/>
      <c r="D20749" s="367"/>
      <c r="E20749" s="367"/>
      <c r="F20749" s="360"/>
      <c r="G20749" s="360"/>
      <c r="H20749" s="360"/>
      <c r="I20749" s="360"/>
      <c r="J20749" s="365"/>
      <c r="K20749" s="365"/>
      <c r="L20749" s="365"/>
    </row>
    <row r="20750" spans="2:12">
      <c r="B20750" s="367"/>
      <c r="C20750" s="359" t="s">
        <v>27989</v>
      </c>
      <c r="D20750" s="367"/>
      <c r="E20750" s="367"/>
      <c r="F20750" s="359" t="s">
        <v>14420</v>
      </c>
      <c r="G20750" s="359" t="s">
        <v>14429</v>
      </c>
      <c r="H20750" s="359" t="s">
        <v>14370</v>
      </c>
      <c r="I20750" s="359" t="s">
        <v>14429</v>
      </c>
      <c r="J20750" s="365"/>
      <c r="K20750" s="365"/>
      <c r="L20750" s="365"/>
    </row>
    <row r="20751" spans="2:12">
      <c r="B20751" s="367"/>
      <c r="C20751" s="360"/>
      <c r="D20751" s="367"/>
      <c r="E20751" s="367"/>
      <c r="F20751" s="360"/>
      <c r="G20751" s="360"/>
      <c r="H20751" s="360"/>
      <c r="I20751" s="360"/>
      <c r="J20751" s="365"/>
      <c r="K20751" s="365"/>
      <c r="L20751" s="365"/>
    </row>
    <row r="20752" spans="2:12">
      <c r="B20752" s="367"/>
      <c r="C20752" s="360"/>
      <c r="D20752" s="367"/>
      <c r="E20752" s="367"/>
      <c r="F20752" s="359" t="s">
        <v>14386</v>
      </c>
      <c r="G20752" s="359" t="s">
        <v>14387</v>
      </c>
      <c r="H20752" s="359" t="s">
        <v>14422</v>
      </c>
      <c r="I20752" s="359" t="s">
        <v>14387</v>
      </c>
      <c r="J20752" s="365"/>
      <c r="K20752" s="365"/>
      <c r="L20752" s="365"/>
    </row>
    <row r="20753" spans="2:12">
      <c r="B20753" s="367"/>
      <c r="C20753" s="360"/>
      <c r="D20753" s="367"/>
      <c r="E20753" s="367"/>
      <c r="F20753" s="360"/>
      <c r="G20753" s="360"/>
      <c r="H20753" s="360"/>
      <c r="I20753" s="360"/>
      <c r="J20753" s="365"/>
      <c r="K20753" s="365"/>
      <c r="L20753" s="365"/>
    </row>
    <row r="20754" spans="2:12">
      <c r="B20754" s="367"/>
      <c r="C20754" s="360"/>
      <c r="D20754" s="367"/>
      <c r="E20754" s="367"/>
      <c r="F20754" s="359" t="s">
        <v>14389</v>
      </c>
      <c r="G20754" s="359" t="s">
        <v>14390</v>
      </c>
      <c r="H20754" s="360"/>
      <c r="I20754" s="359" t="s">
        <v>14390</v>
      </c>
      <c r="J20754" s="365"/>
      <c r="K20754" s="365"/>
      <c r="L20754" s="365"/>
    </row>
    <row r="20755" spans="2:12">
      <c r="B20755" s="367"/>
      <c r="C20755" s="360"/>
      <c r="D20755" s="367"/>
      <c r="E20755" s="367"/>
      <c r="F20755" s="360"/>
      <c r="G20755" s="360"/>
      <c r="H20755" s="360"/>
      <c r="I20755" s="360"/>
      <c r="J20755" s="365"/>
      <c r="K20755" s="365"/>
      <c r="L20755" s="365"/>
    </row>
    <row r="20756" spans="2:12" ht="28.5">
      <c r="B20756" s="368"/>
      <c r="C20756" s="362"/>
      <c r="D20756" s="368"/>
      <c r="E20756" s="368"/>
      <c r="F20756" s="361" t="s">
        <v>14394</v>
      </c>
      <c r="G20756" s="361" t="s">
        <v>14395</v>
      </c>
      <c r="H20756" s="362"/>
      <c r="I20756" s="361" t="s">
        <v>14395</v>
      </c>
      <c r="J20756" s="366"/>
      <c r="K20756" s="366"/>
      <c r="L20756" s="366"/>
    </row>
    <row r="20757" spans="2:12">
      <c r="B20757" s="358" t="s">
        <v>25184</v>
      </c>
      <c r="C20757" s="358" t="s">
        <v>25185</v>
      </c>
      <c r="D20757" s="358" t="s">
        <v>25186</v>
      </c>
      <c r="E20757" s="358" t="s">
        <v>25187</v>
      </c>
      <c r="F20757" s="358" t="s">
        <v>14420</v>
      </c>
      <c r="G20757" s="358" t="s">
        <v>14429</v>
      </c>
      <c r="H20757" s="358" t="s">
        <v>14367</v>
      </c>
      <c r="I20757" s="358" t="s">
        <v>14429</v>
      </c>
      <c r="J20757" s="358"/>
      <c r="K20757" s="358"/>
      <c r="L20757" s="358"/>
    </row>
    <row r="20758" spans="2:12">
      <c r="B20758" s="367"/>
      <c r="C20758" s="360"/>
      <c r="D20758" s="367"/>
      <c r="E20758" s="367"/>
      <c r="F20758" s="367"/>
      <c r="G20758" s="367"/>
      <c r="H20758" s="360"/>
      <c r="I20758" s="367"/>
      <c r="J20758" s="365"/>
      <c r="K20758" s="365"/>
      <c r="L20758" s="365"/>
    </row>
    <row r="20759" spans="2:12">
      <c r="B20759" s="368"/>
      <c r="C20759" s="361" t="s">
        <v>25188</v>
      </c>
      <c r="D20759" s="368"/>
      <c r="E20759" s="368"/>
      <c r="F20759" s="368"/>
      <c r="G20759" s="368"/>
      <c r="H20759" s="361" t="s">
        <v>14422</v>
      </c>
      <c r="I20759" s="368"/>
      <c r="J20759" s="366"/>
      <c r="K20759" s="366"/>
      <c r="L20759" s="366"/>
    </row>
    <row r="20760" spans="2:12">
      <c r="B20760" s="354" t="s">
        <v>8444</v>
      </c>
      <c r="C20760" s="369"/>
      <c r="D20760" s="369"/>
      <c r="E20760" s="369"/>
      <c r="F20760" s="369"/>
      <c r="G20760" s="369"/>
      <c r="H20760" s="369"/>
      <c r="I20760" s="369"/>
      <c r="J20760" s="369"/>
      <c r="K20760" s="369"/>
      <c r="L20760" s="370"/>
    </row>
    <row r="20761" spans="2:12">
      <c r="B20761" s="358" t="s">
        <v>25189</v>
      </c>
      <c r="C20761" s="358" t="s">
        <v>25190</v>
      </c>
      <c r="D20761" s="358" t="s">
        <v>25191</v>
      </c>
      <c r="E20761" s="358" t="s">
        <v>1739</v>
      </c>
      <c r="F20761" s="358" t="s">
        <v>15089</v>
      </c>
      <c r="G20761" s="358" t="s">
        <v>14459</v>
      </c>
      <c r="H20761" s="358" t="s">
        <v>14367</v>
      </c>
      <c r="I20761" s="358" t="s">
        <v>14459</v>
      </c>
      <c r="J20761" s="358"/>
      <c r="K20761" s="358" t="s">
        <v>14655</v>
      </c>
      <c r="L20761" s="358"/>
    </row>
    <row r="20762" spans="2:12">
      <c r="B20762" s="367"/>
      <c r="C20762" s="360"/>
      <c r="D20762" s="367"/>
      <c r="E20762" s="367"/>
      <c r="F20762" s="360"/>
      <c r="G20762" s="360"/>
      <c r="H20762" s="360"/>
      <c r="I20762" s="360"/>
      <c r="J20762" s="365"/>
      <c r="K20762" s="367"/>
      <c r="L20762" s="365"/>
    </row>
    <row r="20763" spans="2:12" ht="28.5">
      <c r="B20763" s="367"/>
      <c r="C20763" s="359" t="s">
        <v>25192</v>
      </c>
      <c r="D20763" s="367"/>
      <c r="E20763" s="367"/>
      <c r="F20763" s="359" t="s">
        <v>14386</v>
      </c>
      <c r="G20763" s="359" t="s">
        <v>14387</v>
      </c>
      <c r="H20763" s="359" t="s">
        <v>14370</v>
      </c>
      <c r="I20763" s="359" t="s">
        <v>14387</v>
      </c>
      <c r="J20763" s="365"/>
      <c r="K20763" s="367"/>
      <c r="L20763" s="365"/>
    </row>
    <row r="20764" spans="2:12">
      <c r="B20764" s="367"/>
      <c r="C20764" s="360"/>
      <c r="D20764" s="367"/>
      <c r="E20764" s="367"/>
      <c r="F20764" s="360"/>
      <c r="G20764" s="360"/>
      <c r="H20764" s="360"/>
      <c r="I20764" s="360"/>
      <c r="J20764" s="365"/>
      <c r="K20764" s="367"/>
      <c r="L20764" s="365"/>
    </row>
    <row r="20765" spans="2:12">
      <c r="B20765" s="367"/>
      <c r="C20765" s="360"/>
      <c r="D20765" s="367"/>
      <c r="E20765" s="367"/>
      <c r="F20765" s="359" t="s">
        <v>14391</v>
      </c>
      <c r="G20765" s="359" t="s">
        <v>14392</v>
      </c>
      <c r="H20765" s="359" t="s">
        <v>14422</v>
      </c>
      <c r="I20765" s="359" t="s">
        <v>14392</v>
      </c>
      <c r="J20765" s="365"/>
      <c r="K20765" s="367"/>
      <c r="L20765" s="365"/>
    </row>
    <row r="20766" spans="2:12">
      <c r="B20766" s="367"/>
      <c r="C20766" s="360"/>
      <c r="D20766" s="367"/>
      <c r="E20766" s="367"/>
      <c r="F20766" s="360"/>
      <c r="G20766" s="360"/>
      <c r="H20766" s="360"/>
      <c r="I20766" s="360"/>
      <c r="J20766" s="365"/>
      <c r="K20766" s="367"/>
      <c r="L20766" s="365"/>
    </row>
    <row r="20767" spans="2:12">
      <c r="B20767" s="368"/>
      <c r="C20767" s="362"/>
      <c r="D20767" s="368"/>
      <c r="E20767" s="368"/>
      <c r="F20767" s="361" t="s">
        <v>14371</v>
      </c>
      <c r="G20767" s="361" t="s">
        <v>14372</v>
      </c>
      <c r="H20767" s="362"/>
      <c r="I20767" s="361" t="s">
        <v>14372</v>
      </c>
      <c r="J20767" s="366"/>
      <c r="K20767" s="368"/>
      <c r="L20767" s="366"/>
    </row>
    <row r="20768" spans="2:12">
      <c r="B20768" s="354" t="s">
        <v>28528</v>
      </c>
      <c r="C20768" s="369"/>
      <c r="D20768" s="369"/>
      <c r="E20768" s="369"/>
      <c r="F20768" s="369"/>
      <c r="G20768" s="369"/>
      <c r="H20768" s="369"/>
      <c r="I20768" s="369"/>
      <c r="J20768" s="369"/>
      <c r="K20768" s="369"/>
      <c r="L20768" s="370"/>
    </row>
    <row r="20769" spans="2:12">
      <c r="B20769" s="358" t="s">
        <v>25193</v>
      </c>
      <c r="C20769" s="358" t="s">
        <v>25194</v>
      </c>
      <c r="D20769" s="358" t="s">
        <v>25195</v>
      </c>
      <c r="E20769" s="358" t="s">
        <v>25196</v>
      </c>
      <c r="F20769" s="358" t="s">
        <v>14420</v>
      </c>
      <c r="G20769" s="358" t="s">
        <v>14429</v>
      </c>
      <c r="H20769" s="358" t="s">
        <v>14367</v>
      </c>
      <c r="I20769" s="358" t="s">
        <v>14429</v>
      </c>
      <c r="J20769" s="358"/>
      <c r="K20769" s="358"/>
      <c r="L20769" s="358"/>
    </row>
    <row r="20770" spans="2:12">
      <c r="B20770" s="367"/>
      <c r="C20770" s="360"/>
      <c r="D20770" s="367"/>
      <c r="E20770" s="367"/>
      <c r="F20770" s="360"/>
      <c r="G20770" s="360"/>
      <c r="H20770" s="360"/>
      <c r="I20770" s="360"/>
      <c r="J20770" s="365"/>
      <c r="K20770" s="365"/>
      <c r="L20770" s="365"/>
    </row>
    <row r="20771" spans="2:12" ht="28.5">
      <c r="B20771" s="368"/>
      <c r="C20771" s="361" t="s">
        <v>30456</v>
      </c>
      <c r="D20771" s="368"/>
      <c r="E20771" s="368"/>
      <c r="F20771" s="361" t="s">
        <v>14472</v>
      </c>
      <c r="G20771" s="361" t="s">
        <v>14473</v>
      </c>
      <c r="H20771" s="361" t="s">
        <v>14422</v>
      </c>
      <c r="I20771" s="361" t="s">
        <v>14473</v>
      </c>
      <c r="J20771" s="366"/>
      <c r="K20771" s="366"/>
      <c r="L20771" s="366"/>
    </row>
    <row r="20772" spans="2:12">
      <c r="B20772" s="358" t="s">
        <v>25197</v>
      </c>
      <c r="C20772" s="358" t="s">
        <v>25198</v>
      </c>
      <c r="D20772" s="358" t="s">
        <v>25199</v>
      </c>
      <c r="E20772" s="358" t="s">
        <v>25200</v>
      </c>
      <c r="F20772" s="358" t="s">
        <v>14420</v>
      </c>
      <c r="G20772" s="358" t="s">
        <v>14429</v>
      </c>
      <c r="H20772" s="358" t="s">
        <v>14367</v>
      </c>
      <c r="I20772" s="358" t="s">
        <v>14429</v>
      </c>
      <c r="J20772" s="358"/>
      <c r="K20772" s="358"/>
      <c r="L20772" s="358"/>
    </row>
    <row r="20773" spans="2:12">
      <c r="B20773" s="367"/>
      <c r="C20773" s="360"/>
      <c r="D20773" s="367"/>
      <c r="E20773" s="367"/>
      <c r="F20773" s="360"/>
      <c r="G20773" s="360"/>
      <c r="H20773" s="360"/>
      <c r="I20773" s="360"/>
      <c r="J20773" s="365"/>
      <c r="K20773" s="365"/>
      <c r="L20773" s="365"/>
    </row>
    <row r="20774" spans="2:12">
      <c r="B20774" s="367"/>
      <c r="C20774" s="359" t="s">
        <v>27990</v>
      </c>
      <c r="D20774" s="367"/>
      <c r="E20774" s="367"/>
      <c r="F20774" s="359" t="s">
        <v>14386</v>
      </c>
      <c r="G20774" s="359" t="s">
        <v>14387</v>
      </c>
      <c r="H20774" s="359" t="s">
        <v>14370</v>
      </c>
      <c r="I20774" s="359" t="s">
        <v>14387</v>
      </c>
      <c r="J20774" s="365"/>
      <c r="K20774" s="365"/>
      <c r="L20774" s="365"/>
    </row>
    <row r="20775" spans="2:12">
      <c r="B20775" s="367"/>
      <c r="C20775" s="360"/>
      <c r="D20775" s="367"/>
      <c r="E20775" s="367"/>
      <c r="F20775" s="360"/>
      <c r="G20775" s="360"/>
      <c r="H20775" s="360"/>
      <c r="I20775" s="360"/>
      <c r="J20775" s="365"/>
      <c r="K20775" s="365"/>
      <c r="L20775" s="365"/>
    </row>
    <row r="20776" spans="2:12">
      <c r="B20776" s="367"/>
      <c r="C20776" s="359" t="s">
        <v>27991</v>
      </c>
      <c r="D20776" s="367"/>
      <c r="E20776" s="367"/>
      <c r="F20776" s="359" t="s">
        <v>14391</v>
      </c>
      <c r="G20776" s="359" t="s">
        <v>14392</v>
      </c>
      <c r="H20776" s="359" t="s">
        <v>14422</v>
      </c>
      <c r="I20776" s="359" t="s">
        <v>14392</v>
      </c>
      <c r="J20776" s="365"/>
      <c r="K20776" s="365"/>
      <c r="L20776" s="365"/>
    </row>
    <row r="20777" spans="2:12">
      <c r="B20777" s="367"/>
      <c r="C20777" s="360"/>
      <c r="D20777" s="367"/>
      <c r="E20777" s="367"/>
      <c r="F20777" s="360"/>
      <c r="G20777" s="360"/>
      <c r="H20777" s="360"/>
      <c r="I20777" s="360"/>
      <c r="J20777" s="365"/>
      <c r="K20777" s="365"/>
      <c r="L20777" s="365"/>
    </row>
    <row r="20778" spans="2:12">
      <c r="B20778" s="367"/>
      <c r="C20778" s="360"/>
      <c r="D20778" s="367"/>
      <c r="E20778" s="367"/>
      <c r="F20778" s="359" t="s">
        <v>14371</v>
      </c>
      <c r="G20778" s="359" t="s">
        <v>14372</v>
      </c>
      <c r="H20778" s="360"/>
      <c r="I20778" s="359" t="s">
        <v>14373</v>
      </c>
      <c r="J20778" s="365"/>
      <c r="K20778" s="365"/>
      <c r="L20778" s="365"/>
    </row>
    <row r="20779" spans="2:12">
      <c r="B20779" s="367"/>
      <c r="C20779" s="360"/>
      <c r="D20779" s="367"/>
      <c r="E20779" s="367"/>
      <c r="F20779" s="360"/>
      <c r="G20779" s="360"/>
      <c r="H20779" s="360"/>
      <c r="I20779" s="360"/>
      <c r="J20779" s="365"/>
      <c r="K20779" s="365"/>
      <c r="L20779" s="365"/>
    </row>
    <row r="20780" spans="2:12" ht="28.5">
      <c r="B20780" s="368"/>
      <c r="C20780" s="362"/>
      <c r="D20780" s="368"/>
      <c r="E20780" s="368"/>
      <c r="F20780" s="361" t="s">
        <v>14374</v>
      </c>
      <c r="G20780" s="361" t="s">
        <v>14373</v>
      </c>
      <c r="H20780" s="362"/>
      <c r="I20780" s="362"/>
      <c r="J20780" s="366"/>
      <c r="K20780" s="366"/>
      <c r="L20780" s="366"/>
    </row>
    <row r="20781" spans="2:12">
      <c r="B20781" s="358" t="s">
        <v>25201</v>
      </c>
      <c r="C20781" s="358" t="s">
        <v>25202</v>
      </c>
      <c r="D20781" s="358" t="s">
        <v>25203</v>
      </c>
      <c r="E20781" s="358" t="s">
        <v>25204</v>
      </c>
      <c r="F20781" s="358" t="s">
        <v>14420</v>
      </c>
      <c r="G20781" s="358" t="s">
        <v>14429</v>
      </c>
      <c r="H20781" s="358" t="s">
        <v>14367</v>
      </c>
      <c r="I20781" s="358" t="s">
        <v>14429</v>
      </c>
      <c r="J20781" s="358"/>
      <c r="K20781" s="358" t="s">
        <v>14820</v>
      </c>
      <c r="L20781" s="358"/>
    </row>
    <row r="20782" spans="2:12">
      <c r="B20782" s="367"/>
      <c r="C20782" s="360"/>
      <c r="D20782" s="367"/>
      <c r="E20782" s="367"/>
      <c r="F20782" s="360"/>
      <c r="G20782" s="360"/>
      <c r="H20782" s="360"/>
      <c r="I20782" s="360"/>
      <c r="J20782" s="365"/>
      <c r="K20782" s="367"/>
      <c r="L20782" s="365"/>
    </row>
    <row r="20783" spans="2:12">
      <c r="B20783" s="367"/>
      <c r="C20783" s="359" t="s">
        <v>29716</v>
      </c>
      <c r="D20783" s="367"/>
      <c r="E20783" s="367"/>
      <c r="F20783" s="359" t="s">
        <v>14371</v>
      </c>
      <c r="G20783" s="359" t="s">
        <v>14372</v>
      </c>
      <c r="H20783" s="359" t="s">
        <v>14370</v>
      </c>
      <c r="I20783" s="359" t="s">
        <v>14372</v>
      </c>
      <c r="J20783" s="365"/>
      <c r="K20783" s="367"/>
      <c r="L20783" s="365"/>
    </row>
    <row r="20784" spans="2:12">
      <c r="B20784" s="367"/>
      <c r="C20784" s="360"/>
      <c r="D20784" s="367"/>
      <c r="E20784" s="367"/>
      <c r="F20784" s="360"/>
      <c r="G20784" s="360"/>
      <c r="H20784" s="360"/>
      <c r="I20784" s="360"/>
      <c r="J20784" s="365"/>
      <c r="K20784" s="367"/>
      <c r="L20784" s="365"/>
    </row>
    <row r="20785" spans="2:12">
      <c r="B20785" s="368"/>
      <c r="C20785" s="362"/>
      <c r="D20785" s="368"/>
      <c r="E20785" s="368"/>
      <c r="F20785" s="362"/>
      <c r="G20785" s="362"/>
      <c r="H20785" s="361" t="s">
        <v>14422</v>
      </c>
      <c r="I20785" s="362"/>
      <c r="J20785" s="366"/>
      <c r="K20785" s="368"/>
      <c r="L20785" s="366"/>
    </row>
    <row r="20786" spans="2:12">
      <c r="B20786" s="358" t="s">
        <v>25205</v>
      </c>
      <c r="C20786" s="358" t="s">
        <v>25206</v>
      </c>
      <c r="D20786" s="358" t="s">
        <v>25207</v>
      </c>
      <c r="E20786" s="358" t="s">
        <v>2003</v>
      </c>
      <c r="F20786" s="358" t="s">
        <v>14420</v>
      </c>
      <c r="G20786" s="358" t="s">
        <v>14429</v>
      </c>
      <c r="H20786" s="358" t="s">
        <v>14381</v>
      </c>
      <c r="I20786" s="358" t="s">
        <v>14429</v>
      </c>
      <c r="J20786" s="358" t="s">
        <v>14561</v>
      </c>
      <c r="K20786" s="358"/>
      <c r="L20786" s="358"/>
    </row>
    <row r="20787" spans="2:12">
      <c r="B20787" s="367"/>
      <c r="C20787" s="367"/>
      <c r="D20787" s="367"/>
      <c r="E20787" s="367"/>
      <c r="F20787" s="360"/>
      <c r="G20787" s="360"/>
      <c r="H20787" s="360"/>
      <c r="I20787" s="360"/>
      <c r="J20787" s="367"/>
      <c r="K20787" s="365"/>
      <c r="L20787" s="365"/>
    </row>
    <row r="20788" spans="2:12">
      <c r="B20788" s="367"/>
      <c r="C20788" s="367"/>
      <c r="D20788" s="367"/>
      <c r="E20788" s="367"/>
      <c r="F20788" s="359" t="s">
        <v>14356</v>
      </c>
      <c r="G20788" s="359" t="s">
        <v>14340</v>
      </c>
      <c r="H20788" s="359" t="s">
        <v>14341</v>
      </c>
      <c r="I20788" s="359" t="s">
        <v>14340</v>
      </c>
      <c r="J20788" s="367"/>
      <c r="K20788" s="365"/>
      <c r="L20788" s="365"/>
    </row>
    <row r="20789" spans="2:12">
      <c r="B20789" s="367"/>
      <c r="C20789" s="367"/>
      <c r="D20789" s="367"/>
      <c r="E20789" s="367"/>
      <c r="F20789" s="360"/>
      <c r="G20789" s="360"/>
      <c r="H20789" s="360"/>
      <c r="I20789" s="360"/>
      <c r="J20789" s="367"/>
      <c r="K20789" s="365"/>
      <c r="L20789" s="365"/>
    </row>
    <row r="20790" spans="2:12">
      <c r="B20790" s="367"/>
      <c r="C20790" s="367"/>
      <c r="D20790" s="367"/>
      <c r="E20790" s="367"/>
      <c r="F20790" s="359" t="s">
        <v>14814</v>
      </c>
      <c r="G20790" s="359" t="s">
        <v>14815</v>
      </c>
      <c r="H20790" s="359" t="s">
        <v>14367</v>
      </c>
      <c r="I20790" s="359" t="s">
        <v>14815</v>
      </c>
      <c r="J20790" s="367"/>
      <c r="K20790" s="365"/>
      <c r="L20790" s="365"/>
    </row>
    <row r="20791" spans="2:12">
      <c r="B20791" s="367"/>
      <c r="C20791" s="367"/>
      <c r="D20791" s="367"/>
      <c r="E20791" s="367"/>
      <c r="F20791" s="360"/>
      <c r="G20791" s="360"/>
      <c r="H20791" s="360"/>
      <c r="I20791" s="360"/>
      <c r="J20791" s="367"/>
      <c r="K20791" s="365"/>
      <c r="L20791" s="365"/>
    </row>
    <row r="20792" spans="2:12">
      <c r="B20792" s="368"/>
      <c r="C20792" s="368"/>
      <c r="D20792" s="368"/>
      <c r="E20792" s="368"/>
      <c r="F20792" s="362"/>
      <c r="G20792" s="362"/>
      <c r="H20792" s="361" t="s">
        <v>22500</v>
      </c>
      <c r="I20792" s="362"/>
      <c r="J20792" s="368"/>
      <c r="K20792" s="366"/>
      <c r="L20792" s="366"/>
    </row>
    <row r="20793" spans="2:12">
      <c r="B20793" s="354" t="s">
        <v>14492</v>
      </c>
      <c r="C20793" s="369"/>
      <c r="D20793" s="369"/>
      <c r="E20793" s="369"/>
      <c r="F20793" s="369"/>
      <c r="G20793" s="369"/>
      <c r="H20793" s="369"/>
      <c r="I20793" s="369"/>
      <c r="J20793" s="369"/>
      <c r="K20793" s="369"/>
      <c r="L20793" s="370"/>
    </row>
    <row r="20794" spans="2:12">
      <c r="B20794" s="358" t="s">
        <v>13242</v>
      </c>
      <c r="C20794" s="358" t="s">
        <v>406</v>
      </c>
      <c r="D20794" s="358" t="s">
        <v>407</v>
      </c>
      <c r="E20794" s="358" t="s">
        <v>408</v>
      </c>
      <c r="F20794" s="358" t="s">
        <v>14424</v>
      </c>
      <c r="G20794" s="358" t="s">
        <v>16648</v>
      </c>
      <c r="H20794" s="358" t="s">
        <v>14381</v>
      </c>
      <c r="I20794" s="358" t="s">
        <v>16648</v>
      </c>
      <c r="J20794" s="358"/>
      <c r="K20794" s="358"/>
      <c r="L20794" s="358"/>
    </row>
    <row r="20795" spans="2:12">
      <c r="B20795" s="367"/>
      <c r="C20795" s="367"/>
      <c r="D20795" s="367"/>
      <c r="E20795" s="367"/>
      <c r="F20795" s="360"/>
      <c r="G20795" s="360"/>
      <c r="H20795" s="360"/>
      <c r="I20795" s="360"/>
      <c r="J20795" s="365"/>
      <c r="K20795" s="365"/>
      <c r="L20795" s="365"/>
    </row>
    <row r="20796" spans="2:12">
      <c r="B20796" s="367"/>
      <c r="C20796" s="367"/>
      <c r="D20796" s="367"/>
      <c r="E20796" s="367"/>
      <c r="F20796" s="359" t="s">
        <v>17028</v>
      </c>
      <c r="G20796" s="359" t="s">
        <v>14459</v>
      </c>
      <c r="H20796" s="359" t="s">
        <v>14367</v>
      </c>
      <c r="I20796" s="359" t="s">
        <v>14459</v>
      </c>
      <c r="J20796" s="365"/>
      <c r="K20796" s="365"/>
      <c r="L20796" s="365"/>
    </row>
    <row r="20797" spans="2:12">
      <c r="B20797" s="367"/>
      <c r="C20797" s="367"/>
      <c r="D20797" s="367"/>
      <c r="E20797" s="367"/>
      <c r="F20797" s="360"/>
      <c r="G20797" s="360"/>
      <c r="H20797" s="360"/>
      <c r="I20797" s="360"/>
      <c r="J20797" s="365"/>
      <c r="K20797" s="365"/>
      <c r="L20797" s="365"/>
    </row>
    <row r="20798" spans="2:12">
      <c r="B20798" s="368"/>
      <c r="C20798" s="368"/>
      <c r="D20798" s="368"/>
      <c r="E20798" s="368"/>
      <c r="F20798" s="361" t="s">
        <v>17028</v>
      </c>
      <c r="G20798" s="361" t="s">
        <v>14421</v>
      </c>
      <c r="H20798" s="361" t="s">
        <v>14332</v>
      </c>
      <c r="I20798" s="361" t="s">
        <v>14421</v>
      </c>
      <c r="J20798" s="366"/>
      <c r="K20798" s="366"/>
      <c r="L20798" s="366"/>
    </row>
    <row r="20799" spans="2:12">
      <c r="B20799" s="354" t="s">
        <v>28528</v>
      </c>
      <c r="C20799" s="369"/>
      <c r="D20799" s="369"/>
      <c r="E20799" s="369"/>
      <c r="F20799" s="369"/>
      <c r="G20799" s="369"/>
      <c r="H20799" s="369"/>
      <c r="I20799" s="369"/>
      <c r="J20799" s="369"/>
      <c r="K20799" s="369"/>
      <c r="L20799" s="370"/>
    </row>
    <row r="20800" spans="2:12">
      <c r="B20800" s="358" t="s">
        <v>25208</v>
      </c>
      <c r="C20800" s="358" t="s">
        <v>27992</v>
      </c>
      <c r="D20800" s="358" t="s">
        <v>25209</v>
      </c>
      <c r="E20800" s="358" t="s">
        <v>25210</v>
      </c>
      <c r="F20800" s="358" t="s">
        <v>14389</v>
      </c>
      <c r="G20800" s="358" t="s">
        <v>14390</v>
      </c>
      <c r="H20800" s="358" t="s">
        <v>14367</v>
      </c>
      <c r="I20800" s="358" t="s">
        <v>14390</v>
      </c>
      <c r="J20800" s="358"/>
      <c r="K20800" s="358"/>
      <c r="L20800" s="358"/>
    </row>
    <row r="20801" spans="2:12">
      <c r="B20801" s="367"/>
      <c r="C20801" s="360"/>
      <c r="D20801" s="367"/>
      <c r="E20801" s="367"/>
      <c r="F20801" s="367"/>
      <c r="G20801" s="367"/>
      <c r="H20801" s="360"/>
      <c r="I20801" s="367"/>
      <c r="J20801" s="365"/>
      <c r="K20801" s="365"/>
      <c r="L20801" s="365"/>
    </row>
    <row r="20802" spans="2:12">
      <c r="B20802" s="368"/>
      <c r="C20802" s="361" t="s">
        <v>27993</v>
      </c>
      <c r="D20802" s="368"/>
      <c r="E20802" s="368"/>
      <c r="F20802" s="368"/>
      <c r="G20802" s="368"/>
      <c r="H20802" s="361" t="s">
        <v>14422</v>
      </c>
      <c r="I20802" s="368"/>
      <c r="J20802" s="366"/>
      <c r="K20802" s="366"/>
      <c r="L20802" s="366"/>
    </row>
    <row r="20803" spans="2:12">
      <c r="B20803" s="358" t="s">
        <v>25211</v>
      </c>
      <c r="C20803" s="358" t="s">
        <v>25212</v>
      </c>
      <c r="D20803" s="358" t="s">
        <v>25213</v>
      </c>
      <c r="E20803" s="358" t="s">
        <v>25214</v>
      </c>
      <c r="F20803" s="358" t="s">
        <v>14382</v>
      </c>
      <c r="G20803" s="358" t="s">
        <v>14579</v>
      </c>
      <c r="H20803" s="358" t="s">
        <v>14378</v>
      </c>
      <c r="I20803" s="358" t="s">
        <v>14579</v>
      </c>
      <c r="J20803" s="358"/>
      <c r="K20803" s="358"/>
      <c r="L20803" s="358"/>
    </row>
    <row r="20804" spans="2:12">
      <c r="B20804" s="367"/>
      <c r="C20804" s="367"/>
      <c r="D20804" s="367"/>
      <c r="E20804" s="367"/>
      <c r="F20804" s="360"/>
      <c r="G20804" s="360"/>
      <c r="H20804" s="360"/>
      <c r="I20804" s="360"/>
      <c r="J20804" s="365"/>
      <c r="K20804" s="365"/>
      <c r="L20804" s="365"/>
    </row>
    <row r="20805" spans="2:12">
      <c r="B20805" s="367"/>
      <c r="C20805" s="367"/>
      <c r="D20805" s="367"/>
      <c r="E20805" s="367"/>
      <c r="F20805" s="359" t="s">
        <v>14420</v>
      </c>
      <c r="G20805" s="359" t="s">
        <v>14429</v>
      </c>
      <c r="H20805" s="359" t="s">
        <v>14332</v>
      </c>
      <c r="I20805" s="359" t="s">
        <v>14429</v>
      </c>
      <c r="J20805" s="365"/>
      <c r="K20805" s="365"/>
      <c r="L20805" s="365"/>
    </row>
    <row r="20806" spans="2:12">
      <c r="B20806" s="367"/>
      <c r="C20806" s="367"/>
      <c r="D20806" s="367"/>
      <c r="E20806" s="367"/>
      <c r="F20806" s="360"/>
      <c r="G20806" s="360"/>
      <c r="H20806" s="360"/>
      <c r="I20806" s="360"/>
      <c r="J20806" s="365"/>
      <c r="K20806" s="365"/>
      <c r="L20806" s="365"/>
    </row>
    <row r="20807" spans="2:12">
      <c r="B20807" s="368"/>
      <c r="C20807" s="368"/>
      <c r="D20807" s="368"/>
      <c r="E20807" s="368"/>
      <c r="F20807" s="361" t="s">
        <v>14386</v>
      </c>
      <c r="G20807" s="361" t="s">
        <v>14387</v>
      </c>
      <c r="H20807" s="362"/>
      <c r="I20807" s="361" t="s">
        <v>14387</v>
      </c>
      <c r="J20807" s="366"/>
      <c r="K20807" s="366"/>
      <c r="L20807" s="366"/>
    </row>
    <row r="20808" spans="2:12">
      <c r="B20808" s="358" t="s">
        <v>25215</v>
      </c>
      <c r="C20808" s="358" t="s">
        <v>25216</v>
      </c>
      <c r="D20808" s="358" t="s">
        <v>25217</v>
      </c>
      <c r="E20808" s="358" t="s">
        <v>25218</v>
      </c>
      <c r="F20808" s="358" t="s">
        <v>14443</v>
      </c>
      <c r="G20808" s="358" t="s">
        <v>14444</v>
      </c>
      <c r="H20808" s="358" t="s">
        <v>14381</v>
      </c>
      <c r="I20808" s="358" t="s">
        <v>14444</v>
      </c>
      <c r="J20808" s="358"/>
      <c r="K20808" s="358"/>
      <c r="L20808" s="358"/>
    </row>
    <row r="20809" spans="2:12">
      <c r="B20809" s="367"/>
      <c r="C20809" s="360"/>
      <c r="D20809" s="367"/>
      <c r="E20809" s="367"/>
      <c r="F20809" s="360"/>
      <c r="G20809" s="360"/>
      <c r="H20809" s="360"/>
      <c r="I20809" s="360"/>
      <c r="J20809" s="365"/>
      <c r="K20809" s="365"/>
      <c r="L20809" s="365"/>
    </row>
    <row r="20810" spans="2:12">
      <c r="B20810" s="367"/>
      <c r="C20810" s="359" t="s">
        <v>25219</v>
      </c>
      <c r="D20810" s="367"/>
      <c r="E20810" s="367"/>
      <c r="F20810" s="359" t="s">
        <v>14420</v>
      </c>
      <c r="G20810" s="359" t="s">
        <v>14421</v>
      </c>
      <c r="H20810" s="359" t="s">
        <v>14341</v>
      </c>
      <c r="I20810" s="359" t="s">
        <v>14421</v>
      </c>
      <c r="J20810" s="365"/>
      <c r="K20810" s="365"/>
      <c r="L20810" s="365"/>
    </row>
    <row r="20811" spans="2:12">
      <c r="B20811" s="367"/>
      <c r="C20811" s="360"/>
      <c r="D20811" s="367"/>
      <c r="E20811" s="367"/>
      <c r="F20811" s="360"/>
      <c r="G20811" s="360"/>
      <c r="H20811" s="360"/>
      <c r="I20811" s="360"/>
      <c r="J20811" s="365"/>
      <c r="K20811" s="365"/>
      <c r="L20811" s="365"/>
    </row>
    <row r="20812" spans="2:12">
      <c r="B20812" s="367"/>
      <c r="C20812" s="359" t="s">
        <v>25220</v>
      </c>
      <c r="D20812" s="367"/>
      <c r="E20812" s="367"/>
      <c r="F20812" s="359" t="s">
        <v>14430</v>
      </c>
      <c r="G20812" s="359" t="s">
        <v>14431</v>
      </c>
      <c r="H20812" s="359" t="s">
        <v>14367</v>
      </c>
      <c r="I20812" s="359" t="s">
        <v>14431</v>
      </c>
      <c r="J20812" s="365"/>
      <c r="K20812" s="365"/>
      <c r="L20812" s="365"/>
    </row>
    <row r="20813" spans="2:12">
      <c r="B20813" s="367"/>
      <c r="C20813" s="360"/>
      <c r="D20813" s="367"/>
      <c r="E20813" s="367"/>
      <c r="F20813" s="360"/>
      <c r="G20813" s="360"/>
      <c r="H20813" s="360"/>
      <c r="I20813" s="360"/>
      <c r="J20813" s="365"/>
      <c r="K20813" s="365"/>
      <c r="L20813" s="365"/>
    </row>
    <row r="20814" spans="2:12">
      <c r="B20814" s="368"/>
      <c r="C20814" s="362"/>
      <c r="D20814" s="368"/>
      <c r="E20814" s="368"/>
      <c r="F20814" s="361" t="s">
        <v>14391</v>
      </c>
      <c r="G20814" s="361" t="s">
        <v>14392</v>
      </c>
      <c r="H20814" s="361" t="s">
        <v>14332</v>
      </c>
      <c r="I20814" s="361" t="s">
        <v>14392</v>
      </c>
      <c r="J20814" s="366"/>
      <c r="K20814" s="366"/>
      <c r="L20814" s="366"/>
    </row>
    <row r="20815" spans="2:12">
      <c r="B20815" s="358" t="s">
        <v>25221</v>
      </c>
      <c r="C20815" s="358" t="s">
        <v>25222</v>
      </c>
      <c r="D20815" s="358" t="s">
        <v>25223</v>
      </c>
      <c r="E20815" s="358" t="s">
        <v>25224</v>
      </c>
      <c r="F20815" s="358" t="s">
        <v>14443</v>
      </c>
      <c r="G20815" s="358" t="s">
        <v>14444</v>
      </c>
      <c r="H20815" s="358" t="s">
        <v>14381</v>
      </c>
      <c r="I20815" s="358" t="s">
        <v>14444</v>
      </c>
      <c r="J20815" s="358"/>
      <c r="K20815" s="358" t="s">
        <v>14820</v>
      </c>
      <c r="L20815" s="358"/>
    </row>
    <row r="20816" spans="2:12">
      <c r="B20816" s="367"/>
      <c r="C20816" s="360"/>
      <c r="D20816" s="367"/>
      <c r="E20816" s="367"/>
      <c r="F20816" s="360"/>
      <c r="G20816" s="360"/>
      <c r="H20816" s="360"/>
      <c r="I20816" s="360"/>
      <c r="J20816" s="365"/>
      <c r="K20816" s="367"/>
      <c r="L20816" s="365"/>
    </row>
    <row r="20817" spans="2:12">
      <c r="B20817" s="367"/>
      <c r="C20817" s="359" t="s">
        <v>27994</v>
      </c>
      <c r="D20817" s="367"/>
      <c r="E20817" s="367"/>
      <c r="F20817" s="359" t="s">
        <v>14420</v>
      </c>
      <c r="G20817" s="359" t="s">
        <v>14429</v>
      </c>
      <c r="H20817" s="359" t="s">
        <v>14367</v>
      </c>
      <c r="I20817" s="359" t="s">
        <v>14429</v>
      </c>
      <c r="J20817" s="365"/>
      <c r="K20817" s="367"/>
      <c r="L20817" s="365"/>
    </row>
    <row r="20818" spans="2:12">
      <c r="B20818" s="367"/>
      <c r="C20818" s="360"/>
      <c r="D20818" s="367"/>
      <c r="E20818" s="367"/>
      <c r="F20818" s="360"/>
      <c r="G20818" s="360"/>
      <c r="H20818" s="360"/>
      <c r="I20818" s="360"/>
      <c r="J20818" s="365"/>
      <c r="K20818" s="367"/>
      <c r="L20818" s="365"/>
    </row>
    <row r="20819" spans="2:12">
      <c r="B20819" s="367"/>
      <c r="C20819" s="360"/>
      <c r="D20819" s="367"/>
      <c r="E20819" s="367"/>
      <c r="F20819" s="359" t="s">
        <v>14391</v>
      </c>
      <c r="G20819" s="359" t="s">
        <v>14392</v>
      </c>
      <c r="H20819" s="359" t="s">
        <v>14370</v>
      </c>
      <c r="I20819" s="359" t="s">
        <v>14392</v>
      </c>
      <c r="J20819" s="365"/>
      <c r="K20819" s="367"/>
      <c r="L20819" s="365"/>
    </row>
    <row r="20820" spans="2:12">
      <c r="B20820" s="367"/>
      <c r="C20820" s="360"/>
      <c r="D20820" s="367"/>
      <c r="E20820" s="367"/>
      <c r="F20820" s="360"/>
      <c r="G20820" s="360"/>
      <c r="H20820" s="360"/>
      <c r="I20820" s="360"/>
      <c r="J20820" s="365"/>
      <c r="K20820" s="367"/>
      <c r="L20820" s="365"/>
    </row>
    <row r="20821" spans="2:12">
      <c r="B20821" s="367"/>
      <c r="C20821" s="360"/>
      <c r="D20821" s="367"/>
      <c r="E20821" s="367"/>
      <c r="F20821" s="359" t="s">
        <v>14371</v>
      </c>
      <c r="G20821" s="359" t="s">
        <v>14372</v>
      </c>
      <c r="H20821" s="359" t="s">
        <v>14422</v>
      </c>
      <c r="I20821" s="359" t="s">
        <v>14373</v>
      </c>
      <c r="J20821" s="365"/>
      <c r="K20821" s="367"/>
      <c r="L20821" s="365"/>
    </row>
    <row r="20822" spans="2:12">
      <c r="B20822" s="367"/>
      <c r="C20822" s="360"/>
      <c r="D20822" s="367"/>
      <c r="E20822" s="367"/>
      <c r="F20822" s="360"/>
      <c r="G20822" s="360"/>
      <c r="H20822" s="360"/>
      <c r="I20822" s="360"/>
      <c r="J20822" s="365"/>
      <c r="K20822" s="367"/>
      <c r="L20822" s="365"/>
    </row>
    <row r="20823" spans="2:12" ht="28.5">
      <c r="B20823" s="368"/>
      <c r="C20823" s="362"/>
      <c r="D20823" s="368"/>
      <c r="E20823" s="368"/>
      <c r="F20823" s="361" t="s">
        <v>14374</v>
      </c>
      <c r="G20823" s="361" t="s">
        <v>14373</v>
      </c>
      <c r="H20823" s="362"/>
      <c r="I20823" s="362"/>
      <c r="J20823" s="366"/>
      <c r="K20823" s="368"/>
      <c r="L20823" s="366"/>
    </row>
    <row r="20824" spans="2:12">
      <c r="B20824" s="358" t="s">
        <v>25225</v>
      </c>
      <c r="C20824" s="358" t="s">
        <v>29717</v>
      </c>
      <c r="D20824" s="358" t="s">
        <v>8356</v>
      </c>
      <c r="E20824" s="358" t="s">
        <v>25226</v>
      </c>
      <c r="F20824" s="358" t="s">
        <v>14379</v>
      </c>
      <c r="G20824" s="358" t="s">
        <v>14405</v>
      </c>
      <c r="H20824" s="358" t="s">
        <v>14378</v>
      </c>
      <c r="I20824" s="358" t="s">
        <v>14405</v>
      </c>
      <c r="J20824" s="358"/>
      <c r="K20824" s="358"/>
      <c r="L20824" s="358"/>
    </row>
    <row r="20825" spans="2:12">
      <c r="B20825" s="367"/>
      <c r="C20825" s="360"/>
      <c r="D20825" s="367"/>
      <c r="E20825" s="367"/>
      <c r="F20825" s="367"/>
      <c r="G20825" s="367"/>
      <c r="H20825" s="360"/>
      <c r="I20825" s="367"/>
      <c r="J20825" s="365"/>
      <c r="K20825" s="365"/>
      <c r="L20825" s="365"/>
    </row>
    <row r="20826" spans="2:12">
      <c r="B20826" s="368"/>
      <c r="C20826" s="361" t="s">
        <v>29718</v>
      </c>
      <c r="D20826" s="368"/>
      <c r="E20826" s="368"/>
      <c r="F20826" s="368"/>
      <c r="G20826" s="368"/>
      <c r="H20826" s="361" t="s">
        <v>14332</v>
      </c>
      <c r="I20826" s="368"/>
      <c r="J20826" s="366"/>
      <c r="K20826" s="366"/>
      <c r="L20826" s="366"/>
    </row>
    <row r="20827" spans="2:12">
      <c r="B20827" s="358" t="s">
        <v>25227</v>
      </c>
      <c r="C20827" s="358" t="s">
        <v>25228</v>
      </c>
      <c r="D20827" s="358" t="s">
        <v>25229</v>
      </c>
      <c r="E20827" s="358" t="s">
        <v>25230</v>
      </c>
      <c r="F20827" s="358" t="s">
        <v>14420</v>
      </c>
      <c r="G20827" s="358" t="s">
        <v>14421</v>
      </c>
      <c r="H20827" s="358" t="s">
        <v>14367</v>
      </c>
      <c r="I20827" s="358" t="s">
        <v>14421</v>
      </c>
      <c r="J20827" s="358"/>
      <c r="K20827" s="358"/>
      <c r="L20827" s="358"/>
    </row>
    <row r="20828" spans="2:12">
      <c r="B20828" s="367"/>
      <c r="C20828" s="367"/>
      <c r="D20828" s="367"/>
      <c r="E20828" s="367"/>
      <c r="F20828" s="360"/>
      <c r="G20828" s="360"/>
      <c r="H20828" s="360"/>
      <c r="I20828" s="360"/>
      <c r="J20828" s="365"/>
      <c r="K20828" s="365"/>
      <c r="L20828" s="365"/>
    </row>
    <row r="20829" spans="2:12">
      <c r="B20829" s="367"/>
      <c r="C20829" s="367"/>
      <c r="D20829" s="367"/>
      <c r="E20829" s="367"/>
      <c r="F20829" s="359" t="s">
        <v>14420</v>
      </c>
      <c r="G20829" s="359" t="s">
        <v>14429</v>
      </c>
      <c r="H20829" s="359" t="s">
        <v>14370</v>
      </c>
      <c r="I20829" s="359" t="s">
        <v>14429</v>
      </c>
      <c r="J20829" s="365"/>
      <c r="K20829" s="365"/>
      <c r="L20829" s="365"/>
    </row>
    <row r="20830" spans="2:12">
      <c r="B20830" s="367"/>
      <c r="C20830" s="367"/>
      <c r="D20830" s="367"/>
      <c r="E20830" s="367"/>
      <c r="F20830" s="360"/>
      <c r="G20830" s="360"/>
      <c r="H20830" s="360"/>
      <c r="I20830" s="360"/>
      <c r="J20830" s="365"/>
      <c r="K20830" s="365"/>
      <c r="L20830" s="365"/>
    </row>
    <row r="20831" spans="2:12">
      <c r="B20831" s="367"/>
      <c r="C20831" s="367"/>
      <c r="D20831" s="367"/>
      <c r="E20831" s="367"/>
      <c r="F20831" s="359" t="s">
        <v>14371</v>
      </c>
      <c r="G20831" s="359" t="s">
        <v>14372</v>
      </c>
      <c r="H20831" s="359" t="s">
        <v>14422</v>
      </c>
      <c r="I20831" s="359" t="s">
        <v>14373</v>
      </c>
      <c r="J20831" s="365"/>
      <c r="K20831" s="365"/>
      <c r="L20831" s="365"/>
    </row>
    <row r="20832" spans="2:12">
      <c r="B20832" s="367"/>
      <c r="C20832" s="367"/>
      <c r="D20832" s="367"/>
      <c r="E20832" s="367"/>
      <c r="F20832" s="360"/>
      <c r="G20832" s="360"/>
      <c r="H20832" s="360"/>
      <c r="I20832" s="360"/>
      <c r="J20832" s="365"/>
      <c r="K20832" s="365"/>
      <c r="L20832" s="365"/>
    </row>
    <row r="20833" spans="2:12" ht="28.5">
      <c r="B20833" s="368"/>
      <c r="C20833" s="368"/>
      <c r="D20833" s="368"/>
      <c r="E20833" s="368"/>
      <c r="F20833" s="361" t="s">
        <v>14374</v>
      </c>
      <c r="G20833" s="361" t="s">
        <v>14373</v>
      </c>
      <c r="H20833" s="362"/>
      <c r="I20833" s="362"/>
      <c r="J20833" s="366"/>
      <c r="K20833" s="366"/>
      <c r="L20833" s="366"/>
    </row>
    <row r="20834" spans="2:12">
      <c r="B20834" s="358" t="s">
        <v>25231</v>
      </c>
      <c r="C20834" s="358" t="s">
        <v>27995</v>
      </c>
      <c r="D20834" s="358" t="s">
        <v>25232</v>
      </c>
      <c r="E20834" s="358" t="s">
        <v>25233</v>
      </c>
      <c r="F20834" s="358" t="s">
        <v>14420</v>
      </c>
      <c r="G20834" s="358" t="s">
        <v>14429</v>
      </c>
      <c r="H20834" s="358" t="s">
        <v>14367</v>
      </c>
      <c r="I20834" s="358" t="s">
        <v>14429</v>
      </c>
      <c r="J20834" s="358"/>
      <c r="K20834" s="358"/>
      <c r="L20834" s="358"/>
    </row>
    <row r="20835" spans="2:12">
      <c r="B20835" s="367"/>
      <c r="C20835" s="360"/>
      <c r="D20835" s="367"/>
      <c r="E20835" s="367"/>
      <c r="F20835" s="360"/>
      <c r="G20835" s="360"/>
      <c r="H20835" s="360"/>
      <c r="I20835" s="360"/>
      <c r="J20835" s="365"/>
      <c r="K20835" s="365"/>
      <c r="L20835" s="365"/>
    </row>
    <row r="20836" spans="2:12">
      <c r="B20836" s="367"/>
      <c r="C20836" s="359" t="s">
        <v>25234</v>
      </c>
      <c r="D20836" s="367"/>
      <c r="E20836" s="367"/>
      <c r="F20836" s="359" t="s">
        <v>14386</v>
      </c>
      <c r="G20836" s="359" t="s">
        <v>14387</v>
      </c>
      <c r="H20836" s="359" t="s">
        <v>14422</v>
      </c>
      <c r="I20836" s="359" t="s">
        <v>14387</v>
      </c>
      <c r="J20836" s="365"/>
      <c r="K20836" s="365"/>
      <c r="L20836" s="365"/>
    </row>
    <row r="20837" spans="2:12">
      <c r="B20837" s="367"/>
      <c r="C20837" s="360"/>
      <c r="D20837" s="367"/>
      <c r="E20837" s="367"/>
      <c r="F20837" s="360"/>
      <c r="G20837" s="360"/>
      <c r="H20837" s="360"/>
      <c r="I20837" s="360"/>
      <c r="J20837" s="365"/>
      <c r="K20837" s="365"/>
      <c r="L20837" s="365"/>
    </row>
    <row r="20838" spans="2:12">
      <c r="B20838" s="367"/>
      <c r="C20838" s="360"/>
      <c r="D20838" s="367"/>
      <c r="E20838" s="367"/>
      <c r="F20838" s="359" t="s">
        <v>14389</v>
      </c>
      <c r="G20838" s="359" t="s">
        <v>14390</v>
      </c>
      <c r="H20838" s="360"/>
      <c r="I20838" s="359" t="s">
        <v>14390</v>
      </c>
      <c r="J20838" s="365"/>
      <c r="K20838" s="365"/>
      <c r="L20838" s="365"/>
    </row>
    <row r="20839" spans="2:12">
      <c r="B20839" s="367"/>
      <c r="C20839" s="360"/>
      <c r="D20839" s="367"/>
      <c r="E20839" s="367"/>
      <c r="F20839" s="360"/>
      <c r="G20839" s="360"/>
      <c r="H20839" s="360"/>
      <c r="I20839" s="360"/>
      <c r="J20839" s="365"/>
      <c r="K20839" s="365"/>
      <c r="L20839" s="365"/>
    </row>
    <row r="20840" spans="2:12" ht="28.5">
      <c r="B20840" s="368"/>
      <c r="C20840" s="362"/>
      <c r="D20840" s="368"/>
      <c r="E20840" s="368"/>
      <c r="F20840" s="361" t="s">
        <v>14472</v>
      </c>
      <c r="G20840" s="361" t="s">
        <v>14473</v>
      </c>
      <c r="H20840" s="362"/>
      <c r="I20840" s="361" t="s">
        <v>14473</v>
      </c>
      <c r="J20840" s="366"/>
      <c r="K20840" s="366"/>
      <c r="L20840" s="366"/>
    </row>
    <row r="20841" spans="2:12">
      <c r="B20841" s="358" t="s">
        <v>25235</v>
      </c>
      <c r="C20841" s="358" t="s">
        <v>25236</v>
      </c>
      <c r="D20841" s="358" t="s">
        <v>25237</v>
      </c>
      <c r="E20841" s="358" t="s">
        <v>25238</v>
      </c>
      <c r="F20841" s="358" t="s">
        <v>14420</v>
      </c>
      <c r="G20841" s="358" t="s">
        <v>14429</v>
      </c>
      <c r="H20841" s="358" t="s">
        <v>14367</v>
      </c>
      <c r="I20841" s="358" t="s">
        <v>14429</v>
      </c>
      <c r="J20841" s="358"/>
      <c r="K20841" s="358"/>
      <c r="L20841" s="358"/>
    </row>
    <row r="20842" spans="2:12">
      <c r="B20842" s="367"/>
      <c r="C20842" s="360"/>
      <c r="D20842" s="367"/>
      <c r="E20842" s="367"/>
      <c r="F20842" s="360"/>
      <c r="G20842" s="360"/>
      <c r="H20842" s="360"/>
      <c r="I20842" s="360"/>
      <c r="J20842" s="365"/>
      <c r="K20842" s="365"/>
      <c r="L20842" s="365"/>
    </row>
    <row r="20843" spans="2:12" ht="28.5">
      <c r="B20843" s="368"/>
      <c r="C20843" s="361" t="s">
        <v>27996</v>
      </c>
      <c r="D20843" s="368"/>
      <c r="E20843" s="368"/>
      <c r="F20843" s="361" t="s">
        <v>14386</v>
      </c>
      <c r="G20843" s="361" t="s">
        <v>14387</v>
      </c>
      <c r="H20843" s="361" t="s">
        <v>14422</v>
      </c>
      <c r="I20843" s="361" t="s">
        <v>14387</v>
      </c>
      <c r="J20843" s="366"/>
      <c r="K20843" s="366"/>
      <c r="L20843" s="366"/>
    </row>
    <row r="20844" spans="2:12">
      <c r="B20844" s="358" t="s">
        <v>25239</v>
      </c>
      <c r="C20844" s="358" t="s">
        <v>25240</v>
      </c>
      <c r="D20844" s="358" t="s">
        <v>25241</v>
      </c>
      <c r="E20844" s="358" t="s">
        <v>25242</v>
      </c>
      <c r="F20844" s="358" t="s">
        <v>14420</v>
      </c>
      <c r="G20844" s="358" t="s">
        <v>14429</v>
      </c>
      <c r="H20844" s="358" t="s">
        <v>14367</v>
      </c>
      <c r="I20844" s="358" t="s">
        <v>14429</v>
      </c>
      <c r="J20844" s="358"/>
      <c r="K20844" s="358"/>
      <c r="L20844" s="358"/>
    </row>
    <row r="20845" spans="2:12">
      <c r="B20845" s="367"/>
      <c r="C20845" s="360"/>
      <c r="D20845" s="367"/>
      <c r="E20845" s="367"/>
      <c r="F20845" s="360"/>
      <c r="G20845" s="360"/>
      <c r="H20845" s="360"/>
      <c r="I20845" s="360"/>
      <c r="J20845" s="365"/>
      <c r="K20845" s="365"/>
      <c r="L20845" s="365"/>
    </row>
    <row r="20846" spans="2:12">
      <c r="B20846" s="367"/>
      <c r="C20846" s="359" t="s">
        <v>27997</v>
      </c>
      <c r="D20846" s="367"/>
      <c r="E20846" s="367"/>
      <c r="F20846" s="359" t="s">
        <v>14371</v>
      </c>
      <c r="G20846" s="359" t="s">
        <v>14372</v>
      </c>
      <c r="H20846" s="359" t="s">
        <v>14370</v>
      </c>
      <c r="I20846" s="359" t="s">
        <v>14373</v>
      </c>
      <c r="J20846" s="365"/>
      <c r="K20846" s="365"/>
      <c r="L20846" s="365"/>
    </row>
    <row r="20847" spans="2:12">
      <c r="B20847" s="367"/>
      <c r="C20847" s="360"/>
      <c r="D20847" s="367"/>
      <c r="E20847" s="367"/>
      <c r="F20847" s="360"/>
      <c r="G20847" s="360"/>
      <c r="H20847" s="360"/>
      <c r="I20847" s="360"/>
      <c r="J20847" s="365"/>
      <c r="K20847" s="365"/>
      <c r="L20847" s="365"/>
    </row>
    <row r="20848" spans="2:12" ht="28.5">
      <c r="B20848" s="368"/>
      <c r="C20848" s="362"/>
      <c r="D20848" s="368"/>
      <c r="E20848" s="368"/>
      <c r="F20848" s="361" t="s">
        <v>14374</v>
      </c>
      <c r="G20848" s="361" t="s">
        <v>14373</v>
      </c>
      <c r="H20848" s="361" t="s">
        <v>14422</v>
      </c>
      <c r="I20848" s="362"/>
      <c r="J20848" s="366"/>
      <c r="K20848" s="366"/>
      <c r="L20848" s="366"/>
    </row>
    <row r="20849" spans="2:12">
      <c r="B20849" s="358" t="s">
        <v>25243</v>
      </c>
      <c r="C20849" s="358" t="s">
        <v>25244</v>
      </c>
      <c r="D20849" s="358" t="s">
        <v>25245</v>
      </c>
      <c r="E20849" s="358" t="s">
        <v>25246</v>
      </c>
      <c r="F20849" s="358" t="s">
        <v>14420</v>
      </c>
      <c r="G20849" s="358" t="s">
        <v>14429</v>
      </c>
      <c r="H20849" s="358" t="s">
        <v>14367</v>
      </c>
      <c r="I20849" s="358" t="s">
        <v>14429</v>
      </c>
      <c r="J20849" s="358"/>
      <c r="K20849" s="358"/>
      <c r="L20849" s="358"/>
    </row>
    <row r="20850" spans="2:12">
      <c r="B20850" s="367"/>
      <c r="C20850" s="360"/>
      <c r="D20850" s="367"/>
      <c r="E20850" s="367"/>
      <c r="F20850" s="360"/>
      <c r="G20850" s="360"/>
      <c r="H20850" s="360"/>
      <c r="I20850" s="360"/>
      <c r="J20850" s="365"/>
      <c r="K20850" s="365"/>
      <c r="L20850" s="365"/>
    </row>
    <row r="20851" spans="2:12" ht="28.5">
      <c r="B20851" s="367"/>
      <c r="C20851" s="359" t="s">
        <v>25247</v>
      </c>
      <c r="D20851" s="367"/>
      <c r="E20851" s="367"/>
      <c r="F20851" s="359" t="s">
        <v>14371</v>
      </c>
      <c r="G20851" s="359" t="s">
        <v>14372</v>
      </c>
      <c r="H20851" s="359" t="s">
        <v>14370</v>
      </c>
      <c r="I20851" s="359" t="s">
        <v>14373</v>
      </c>
      <c r="J20851" s="365"/>
      <c r="K20851" s="365"/>
      <c r="L20851" s="365"/>
    </row>
    <row r="20852" spans="2:12">
      <c r="B20852" s="367"/>
      <c r="C20852" s="360"/>
      <c r="D20852" s="367"/>
      <c r="E20852" s="367"/>
      <c r="F20852" s="360"/>
      <c r="G20852" s="360"/>
      <c r="H20852" s="360"/>
      <c r="I20852" s="360"/>
      <c r="J20852" s="365"/>
      <c r="K20852" s="365"/>
      <c r="L20852" s="365"/>
    </row>
    <row r="20853" spans="2:12" ht="28.5">
      <c r="B20853" s="368"/>
      <c r="C20853" s="362"/>
      <c r="D20853" s="368"/>
      <c r="E20853" s="368"/>
      <c r="F20853" s="361" t="s">
        <v>14374</v>
      </c>
      <c r="G20853" s="361" t="s">
        <v>14373</v>
      </c>
      <c r="H20853" s="361" t="s">
        <v>14422</v>
      </c>
      <c r="I20853" s="362"/>
      <c r="J20853" s="366"/>
      <c r="K20853" s="366"/>
      <c r="L20853" s="366"/>
    </row>
    <row r="20854" spans="2:12">
      <c r="B20854" s="358" t="s">
        <v>25248</v>
      </c>
      <c r="C20854" s="358" t="s">
        <v>25249</v>
      </c>
      <c r="D20854" s="358" t="s">
        <v>25250</v>
      </c>
      <c r="E20854" s="358" t="s">
        <v>25251</v>
      </c>
      <c r="F20854" s="358" t="s">
        <v>14443</v>
      </c>
      <c r="G20854" s="358" t="s">
        <v>14444</v>
      </c>
      <c r="H20854" s="358" t="s">
        <v>14381</v>
      </c>
      <c r="I20854" s="358" t="s">
        <v>14444</v>
      </c>
      <c r="J20854" s="358"/>
      <c r="K20854" s="358"/>
      <c r="L20854" s="358"/>
    </row>
    <row r="20855" spans="2:12">
      <c r="B20855" s="367"/>
      <c r="C20855" s="367"/>
      <c r="D20855" s="367"/>
      <c r="E20855" s="367"/>
      <c r="F20855" s="367"/>
      <c r="G20855" s="367"/>
      <c r="H20855" s="360"/>
      <c r="I20855" s="367"/>
      <c r="J20855" s="365"/>
      <c r="K20855" s="365"/>
      <c r="L20855" s="365"/>
    </row>
    <row r="20856" spans="2:12">
      <c r="B20856" s="368"/>
      <c r="C20856" s="368"/>
      <c r="D20856" s="368"/>
      <c r="E20856" s="368"/>
      <c r="F20856" s="368"/>
      <c r="G20856" s="368"/>
      <c r="H20856" s="361" t="s">
        <v>14422</v>
      </c>
      <c r="I20856" s="368"/>
      <c r="J20856" s="366"/>
      <c r="K20856" s="366"/>
      <c r="L20856" s="366"/>
    </row>
    <row r="20857" spans="2:12" ht="28.5">
      <c r="B20857" s="358" t="s">
        <v>25252</v>
      </c>
      <c r="C20857" s="358" t="s">
        <v>30457</v>
      </c>
      <c r="D20857" s="358" t="s">
        <v>25253</v>
      </c>
      <c r="E20857" s="358" t="s">
        <v>8356</v>
      </c>
      <c r="F20857" s="358" t="s">
        <v>14389</v>
      </c>
      <c r="G20857" s="358" t="s">
        <v>14390</v>
      </c>
      <c r="H20857" s="358" t="s">
        <v>14367</v>
      </c>
      <c r="I20857" s="358" t="s">
        <v>14390</v>
      </c>
      <c r="J20857" s="358"/>
      <c r="K20857" s="358"/>
      <c r="L20857" s="358"/>
    </row>
    <row r="20858" spans="2:12">
      <c r="B20858" s="367"/>
      <c r="C20858" s="367"/>
      <c r="D20858" s="367"/>
      <c r="E20858" s="367"/>
      <c r="F20858" s="360"/>
      <c r="G20858" s="360"/>
      <c r="H20858" s="360"/>
      <c r="I20858" s="360"/>
      <c r="J20858" s="365"/>
      <c r="K20858" s="365"/>
      <c r="L20858" s="365"/>
    </row>
    <row r="20859" spans="2:12">
      <c r="B20859" s="368"/>
      <c r="C20859" s="368"/>
      <c r="D20859" s="368"/>
      <c r="E20859" s="368"/>
      <c r="F20859" s="361" t="s">
        <v>14391</v>
      </c>
      <c r="G20859" s="361" t="s">
        <v>14392</v>
      </c>
      <c r="H20859" s="361" t="s">
        <v>14422</v>
      </c>
      <c r="I20859" s="361" t="s">
        <v>14392</v>
      </c>
      <c r="J20859" s="366"/>
      <c r="K20859" s="366"/>
      <c r="L20859" s="366"/>
    </row>
    <row r="20860" spans="2:12" ht="42.75">
      <c r="B20860" s="358" t="s">
        <v>25254</v>
      </c>
      <c r="C20860" s="358" t="s">
        <v>27998</v>
      </c>
      <c r="D20860" s="358" t="s">
        <v>25255</v>
      </c>
      <c r="E20860" s="358" t="s">
        <v>25256</v>
      </c>
      <c r="F20860" s="358" t="s">
        <v>14462</v>
      </c>
      <c r="G20860" s="358" t="s">
        <v>14463</v>
      </c>
      <c r="H20860" s="358" t="s">
        <v>8356</v>
      </c>
      <c r="I20860" s="358" t="s">
        <v>14463</v>
      </c>
      <c r="J20860" s="358"/>
      <c r="K20860" s="358"/>
      <c r="L20860" s="358"/>
    </row>
    <row r="20861" spans="2:12">
      <c r="B20861" s="368"/>
      <c r="C20861" s="368"/>
      <c r="D20861" s="368"/>
      <c r="E20861" s="368"/>
      <c r="F20861" s="368"/>
      <c r="G20861" s="368"/>
      <c r="H20861" s="368"/>
      <c r="I20861" s="368"/>
      <c r="J20861" s="366"/>
      <c r="K20861" s="366"/>
      <c r="L20861" s="366"/>
    </row>
    <row r="20862" spans="2:12" ht="28.5">
      <c r="B20862" s="358" t="s">
        <v>25257</v>
      </c>
      <c r="C20862" s="358" t="s">
        <v>25258</v>
      </c>
      <c r="D20862" s="358" t="s">
        <v>25259</v>
      </c>
      <c r="E20862" s="358" t="s">
        <v>25260</v>
      </c>
      <c r="F20862" s="358" t="s">
        <v>14507</v>
      </c>
      <c r="G20862" s="358" t="s">
        <v>29719</v>
      </c>
      <c r="H20862" s="358" t="s">
        <v>14381</v>
      </c>
      <c r="I20862" s="358" t="s">
        <v>29719</v>
      </c>
      <c r="J20862" s="358"/>
      <c r="K20862" s="358"/>
      <c r="L20862" s="358"/>
    </row>
    <row r="20863" spans="2:12">
      <c r="B20863" s="367"/>
      <c r="C20863" s="367"/>
      <c r="D20863" s="367"/>
      <c r="E20863" s="367"/>
      <c r="F20863" s="360"/>
      <c r="G20863" s="360"/>
      <c r="H20863" s="360"/>
      <c r="I20863" s="360"/>
      <c r="J20863" s="365"/>
      <c r="K20863" s="365"/>
      <c r="L20863" s="365"/>
    </row>
    <row r="20864" spans="2:12">
      <c r="B20864" s="367"/>
      <c r="C20864" s="367"/>
      <c r="D20864" s="367"/>
      <c r="E20864" s="367"/>
      <c r="F20864" s="359" t="s">
        <v>14386</v>
      </c>
      <c r="G20864" s="359" t="s">
        <v>14392</v>
      </c>
      <c r="H20864" s="359" t="s">
        <v>14422</v>
      </c>
      <c r="I20864" s="359" t="s">
        <v>14392</v>
      </c>
      <c r="J20864" s="365"/>
      <c r="K20864" s="365"/>
      <c r="L20864" s="365"/>
    </row>
    <row r="20865" spans="2:12">
      <c r="B20865" s="367"/>
      <c r="C20865" s="367"/>
      <c r="D20865" s="367"/>
      <c r="E20865" s="367"/>
      <c r="F20865" s="360"/>
      <c r="G20865" s="360"/>
      <c r="H20865" s="360"/>
      <c r="I20865" s="360"/>
      <c r="J20865" s="365"/>
      <c r="K20865" s="365"/>
      <c r="L20865" s="365"/>
    </row>
    <row r="20866" spans="2:12">
      <c r="B20866" s="368"/>
      <c r="C20866" s="368"/>
      <c r="D20866" s="368"/>
      <c r="E20866" s="368"/>
      <c r="F20866" s="361" t="s">
        <v>14391</v>
      </c>
      <c r="G20866" s="362"/>
      <c r="H20866" s="362"/>
      <c r="I20866" s="362"/>
      <c r="J20866" s="366"/>
      <c r="K20866" s="366"/>
      <c r="L20866" s="366"/>
    </row>
    <row r="20867" spans="2:12">
      <c r="B20867" s="358" t="s">
        <v>10653</v>
      </c>
      <c r="C20867" s="358" t="s">
        <v>25261</v>
      </c>
      <c r="D20867" s="358" t="s">
        <v>10654</v>
      </c>
      <c r="E20867" s="358" t="s">
        <v>10655</v>
      </c>
      <c r="F20867" s="358" t="s">
        <v>14376</v>
      </c>
      <c r="G20867" s="358" t="s">
        <v>14669</v>
      </c>
      <c r="H20867" s="358" t="s">
        <v>14381</v>
      </c>
      <c r="I20867" s="358" t="s">
        <v>14669</v>
      </c>
      <c r="J20867" s="358"/>
      <c r="K20867" s="358"/>
      <c r="L20867" s="358"/>
    </row>
    <row r="20868" spans="2:12">
      <c r="B20868" s="367"/>
      <c r="C20868" s="367"/>
      <c r="D20868" s="367"/>
      <c r="E20868" s="367"/>
      <c r="F20868" s="360"/>
      <c r="G20868" s="360"/>
      <c r="H20868" s="360"/>
      <c r="I20868" s="360"/>
      <c r="J20868" s="365"/>
      <c r="K20868" s="365"/>
      <c r="L20868" s="365"/>
    </row>
    <row r="20869" spans="2:12">
      <c r="B20869" s="367"/>
      <c r="C20869" s="367"/>
      <c r="D20869" s="367"/>
      <c r="E20869" s="367"/>
      <c r="F20869" s="359" t="s">
        <v>14420</v>
      </c>
      <c r="G20869" s="359" t="s">
        <v>14429</v>
      </c>
      <c r="H20869" s="359" t="s">
        <v>14367</v>
      </c>
      <c r="I20869" s="359" t="s">
        <v>14429</v>
      </c>
      <c r="J20869" s="365"/>
      <c r="K20869" s="365"/>
      <c r="L20869" s="365"/>
    </row>
    <row r="20870" spans="2:12">
      <c r="B20870" s="367"/>
      <c r="C20870" s="367"/>
      <c r="D20870" s="367"/>
      <c r="E20870" s="367"/>
      <c r="F20870" s="360"/>
      <c r="G20870" s="360"/>
      <c r="H20870" s="360"/>
      <c r="I20870" s="360"/>
      <c r="J20870" s="365"/>
      <c r="K20870" s="365"/>
      <c r="L20870" s="365"/>
    </row>
    <row r="20871" spans="2:12">
      <c r="B20871" s="367"/>
      <c r="C20871" s="367"/>
      <c r="D20871" s="367"/>
      <c r="E20871" s="367"/>
      <c r="F20871" s="359" t="s">
        <v>14386</v>
      </c>
      <c r="G20871" s="359" t="s">
        <v>14387</v>
      </c>
      <c r="H20871" s="359" t="s">
        <v>14332</v>
      </c>
      <c r="I20871" s="359" t="s">
        <v>14387</v>
      </c>
      <c r="J20871" s="365"/>
      <c r="K20871" s="365"/>
      <c r="L20871" s="365"/>
    </row>
    <row r="20872" spans="2:12">
      <c r="B20872" s="367"/>
      <c r="C20872" s="367"/>
      <c r="D20872" s="367"/>
      <c r="E20872" s="367"/>
      <c r="F20872" s="360"/>
      <c r="G20872" s="360"/>
      <c r="H20872" s="360"/>
      <c r="I20872" s="360"/>
      <c r="J20872" s="365"/>
      <c r="K20872" s="365"/>
      <c r="L20872" s="365"/>
    </row>
    <row r="20873" spans="2:12">
      <c r="B20873" s="367"/>
      <c r="C20873" s="367"/>
      <c r="D20873" s="367"/>
      <c r="E20873" s="367"/>
      <c r="F20873" s="359" t="s">
        <v>14389</v>
      </c>
      <c r="G20873" s="359" t="s">
        <v>14390</v>
      </c>
      <c r="H20873" s="360"/>
      <c r="I20873" s="359" t="s">
        <v>14390</v>
      </c>
      <c r="J20873" s="365"/>
      <c r="K20873" s="365"/>
      <c r="L20873" s="365"/>
    </row>
    <row r="20874" spans="2:12">
      <c r="B20874" s="367"/>
      <c r="C20874" s="367"/>
      <c r="D20874" s="367"/>
      <c r="E20874" s="367"/>
      <c r="F20874" s="360"/>
      <c r="G20874" s="360"/>
      <c r="H20874" s="360"/>
      <c r="I20874" s="360"/>
      <c r="J20874" s="365"/>
      <c r="K20874" s="365"/>
      <c r="L20874" s="365"/>
    </row>
    <row r="20875" spans="2:12" ht="28.5">
      <c r="B20875" s="368"/>
      <c r="C20875" s="368"/>
      <c r="D20875" s="368"/>
      <c r="E20875" s="368"/>
      <c r="F20875" s="361" t="s">
        <v>14472</v>
      </c>
      <c r="G20875" s="361" t="s">
        <v>14473</v>
      </c>
      <c r="H20875" s="362"/>
      <c r="I20875" s="361" t="s">
        <v>14473</v>
      </c>
      <c r="J20875" s="366"/>
      <c r="K20875" s="366"/>
      <c r="L20875" s="366"/>
    </row>
    <row r="20876" spans="2:12" ht="28.5">
      <c r="B20876" s="358" t="s">
        <v>25262</v>
      </c>
      <c r="C20876" s="358" t="s">
        <v>25263</v>
      </c>
      <c r="D20876" s="358" t="s">
        <v>25264</v>
      </c>
      <c r="E20876" s="358" t="s">
        <v>8356</v>
      </c>
      <c r="F20876" s="358" t="s">
        <v>14391</v>
      </c>
      <c r="G20876" s="358" t="s">
        <v>14392</v>
      </c>
      <c r="H20876" s="358" t="s">
        <v>14367</v>
      </c>
      <c r="I20876" s="358" t="s">
        <v>14392</v>
      </c>
      <c r="J20876" s="358"/>
      <c r="K20876" s="358"/>
      <c r="L20876" s="358"/>
    </row>
    <row r="20877" spans="2:12">
      <c r="B20877" s="367"/>
      <c r="C20877" s="367"/>
      <c r="D20877" s="367"/>
      <c r="E20877" s="367"/>
      <c r="F20877" s="367"/>
      <c r="G20877" s="367"/>
      <c r="H20877" s="360"/>
      <c r="I20877" s="367"/>
      <c r="J20877" s="365"/>
      <c r="K20877" s="365"/>
      <c r="L20877" s="365"/>
    </row>
    <row r="20878" spans="2:12">
      <c r="B20878" s="368"/>
      <c r="C20878" s="368"/>
      <c r="D20878" s="368"/>
      <c r="E20878" s="368"/>
      <c r="F20878" s="368"/>
      <c r="G20878" s="368"/>
      <c r="H20878" s="361" t="s">
        <v>14422</v>
      </c>
      <c r="I20878" s="368"/>
      <c r="J20878" s="366"/>
      <c r="K20878" s="366"/>
      <c r="L20878" s="366"/>
    </row>
    <row r="20879" spans="2:12" ht="28.5">
      <c r="B20879" s="358" t="s">
        <v>25265</v>
      </c>
      <c r="C20879" s="358" t="s">
        <v>27999</v>
      </c>
      <c r="D20879" s="358" t="s">
        <v>25266</v>
      </c>
      <c r="E20879" s="358" t="s">
        <v>25267</v>
      </c>
      <c r="F20879" s="358" t="s">
        <v>14391</v>
      </c>
      <c r="G20879" s="358" t="s">
        <v>14392</v>
      </c>
      <c r="H20879" s="358" t="s">
        <v>14367</v>
      </c>
      <c r="I20879" s="358" t="s">
        <v>14392</v>
      </c>
      <c r="J20879" s="358"/>
      <c r="K20879" s="358"/>
      <c r="L20879" s="358"/>
    </row>
    <row r="20880" spans="2:12">
      <c r="B20880" s="367"/>
      <c r="C20880" s="367"/>
      <c r="D20880" s="367"/>
      <c r="E20880" s="367"/>
      <c r="F20880" s="360"/>
      <c r="G20880" s="360"/>
      <c r="H20880" s="360"/>
      <c r="I20880" s="360"/>
      <c r="J20880" s="365"/>
      <c r="K20880" s="365"/>
      <c r="L20880" s="365"/>
    </row>
    <row r="20881" spans="2:12" ht="28.5">
      <c r="B20881" s="368"/>
      <c r="C20881" s="368"/>
      <c r="D20881" s="368"/>
      <c r="E20881" s="368"/>
      <c r="F20881" s="361" t="s">
        <v>14462</v>
      </c>
      <c r="G20881" s="361" t="s">
        <v>14463</v>
      </c>
      <c r="H20881" s="361" t="s">
        <v>14422</v>
      </c>
      <c r="I20881" s="361" t="s">
        <v>14463</v>
      </c>
      <c r="J20881" s="366"/>
      <c r="K20881" s="366"/>
      <c r="L20881" s="366"/>
    </row>
    <row r="20882" spans="2:12">
      <c r="B20882" s="358" t="s">
        <v>25268</v>
      </c>
      <c r="C20882" s="358" t="s">
        <v>30458</v>
      </c>
      <c r="D20882" s="358" t="s">
        <v>25269</v>
      </c>
      <c r="E20882" s="358" t="s">
        <v>25270</v>
      </c>
      <c r="F20882" s="358" t="s">
        <v>14430</v>
      </c>
      <c r="G20882" s="358" t="s">
        <v>14431</v>
      </c>
      <c r="H20882" s="358" t="s">
        <v>14341</v>
      </c>
      <c r="I20882" s="358" t="s">
        <v>14431</v>
      </c>
      <c r="J20882" s="358"/>
      <c r="K20882" s="358"/>
      <c r="L20882" s="358"/>
    </row>
    <row r="20883" spans="2:12">
      <c r="B20883" s="367"/>
      <c r="C20883" s="367"/>
      <c r="D20883" s="367"/>
      <c r="E20883" s="367"/>
      <c r="F20883" s="360"/>
      <c r="G20883" s="360"/>
      <c r="H20883" s="360"/>
      <c r="I20883" s="360"/>
      <c r="J20883" s="365"/>
      <c r="K20883" s="365"/>
      <c r="L20883" s="365"/>
    </row>
    <row r="20884" spans="2:12">
      <c r="B20884" s="367"/>
      <c r="C20884" s="367"/>
      <c r="D20884" s="367"/>
      <c r="E20884" s="367"/>
      <c r="F20884" s="359" t="s">
        <v>14391</v>
      </c>
      <c r="G20884" s="359" t="s">
        <v>14392</v>
      </c>
      <c r="H20884" s="359" t="s">
        <v>14367</v>
      </c>
      <c r="I20884" s="359" t="s">
        <v>14392</v>
      </c>
      <c r="J20884" s="365"/>
      <c r="K20884" s="365"/>
      <c r="L20884" s="365"/>
    </row>
    <row r="20885" spans="2:12">
      <c r="B20885" s="367"/>
      <c r="C20885" s="367"/>
      <c r="D20885" s="367"/>
      <c r="E20885" s="367"/>
      <c r="F20885" s="360"/>
      <c r="G20885" s="360"/>
      <c r="H20885" s="360"/>
      <c r="I20885" s="360"/>
      <c r="J20885" s="365"/>
      <c r="K20885" s="365"/>
      <c r="L20885" s="365"/>
    </row>
    <row r="20886" spans="2:12">
      <c r="B20886" s="368"/>
      <c r="C20886" s="368"/>
      <c r="D20886" s="368"/>
      <c r="E20886" s="368"/>
      <c r="F20886" s="362"/>
      <c r="G20886" s="362"/>
      <c r="H20886" s="361" t="s">
        <v>14332</v>
      </c>
      <c r="I20886" s="362"/>
      <c r="J20886" s="366"/>
      <c r="K20886" s="366"/>
      <c r="L20886" s="366"/>
    </row>
    <row r="20887" spans="2:12">
      <c r="B20887" s="358" t="s">
        <v>25271</v>
      </c>
      <c r="C20887" s="358" t="s">
        <v>25272</v>
      </c>
      <c r="D20887" s="358" t="s">
        <v>25273</v>
      </c>
      <c r="E20887" s="358" t="s">
        <v>25274</v>
      </c>
      <c r="F20887" s="358" t="s">
        <v>14391</v>
      </c>
      <c r="G20887" s="358" t="s">
        <v>14392</v>
      </c>
      <c r="H20887" s="358" t="s">
        <v>14367</v>
      </c>
      <c r="I20887" s="358" t="s">
        <v>14392</v>
      </c>
      <c r="J20887" s="358"/>
      <c r="K20887" s="358"/>
      <c r="L20887" s="358"/>
    </row>
    <row r="20888" spans="2:12">
      <c r="B20888" s="367"/>
      <c r="C20888" s="360"/>
      <c r="D20888" s="367"/>
      <c r="E20888" s="367"/>
      <c r="F20888" s="360"/>
      <c r="G20888" s="360"/>
      <c r="H20888" s="360"/>
      <c r="I20888" s="360"/>
      <c r="J20888" s="365"/>
      <c r="K20888" s="365"/>
      <c r="L20888" s="365"/>
    </row>
    <row r="20889" spans="2:12" ht="28.5">
      <c r="B20889" s="367"/>
      <c r="C20889" s="359" t="s">
        <v>25275</v>
      </c>
      <c r="D20889" s="367"/>
      <c r="E20889" s="367"/>
      <c r="F20889" s="359" t="s">
        <v>14371</v>
      </c>
      <c r="G20889" s="359" t="s">
        <v>14372</v>
      </c>
      <c r="H20889" s="359" t="s">
        <v>14370</v>
      </c>
      <c r="I20889" s="359" t="s">
        <v>14373</v>
      </c>
      <c r="J20889" s="365"/>
      <c r="K20889" s="365"/>
      <c r="L20889" s="365"/>
    </row>
    <row r="20890" spans="2:12">
      <c r="B20890" s="367"/>
      <c r="C20890" s="360"/>
      <c r="D20890" s="367"/>
      <c r="E20890" s="367"/>
      <c r="F20890" s="360"/>
      <c r="G20890" s="360"/>
      <c r="H20890" s="360"/>
      <c r="I20890" s="360"/>
      <c r="J20890" s="365"/>
      <c r="K20890" s="365"/>
      <c r="L20890" s="365"/>
    </row>
    <row r="20891" spans="2:12" ht="28.5">
      <c r="B20891" s="368"/>
      <c r="C20891" s="362"/>
      <c r="D20891" s="368"/>
      <c r="E20891" s="368"/>
      <c r="F20891" s="361" t="s">
        <v>14374</v>
      </c>
      <c r="G20891" s="361" t="s">
        <v>14373</v>
      </c>
      <c r="H20891" s="361" t="s">
        <v>14422</v>
      </c>
      <c r="I20891" s="362"/>
      <c r="J20891" s="366"/>
      <c r="K20891" s="366"/>
      <c r="L20891" s="366"/>
    </row>
    <row r="20892" spans="2:12">
      <c r="B20892" s="358" t="s">
        <v>25276</v>
      </c>
      <c r="C20892" s="358" t="s">
        <v>25277</v>
      </c>
      <c r="D20892" s="358" t="s">
        <v>25278</v>
      </c>
      <c r="E20892" s="358" t="s">
        <v>25279</v>
      </c>
      <c r="F20892" s="358" t="s">
        <v>14420</v>
      </c>
      <c r="G20892" s="358" t="s">
        <v>14429</v>
      </c>
      <c r="H20892" s="358" t="s">
        <v>14367</v>
      </c>
      <c r="I20892" s="358" t="s">
        <v>14429</v>
      </c>
      <c r="J20892" s="358"/>
      <c r="K20892" s="358"/>
      <c r="L20892" s="358"/>
    </row>
    <row r="20893" spans="2:12">
      <c r="B20893" s="367"/>
      <c r="C20893" s="360"/>
      <c r="D20893" s="367"/>
      <c r="E20893" s="367"/>
      <c r="F20893" s="360"/>
      <c r="G20893" s="360"/>
      <c r="H20893" s="360"/>
      <c r="I20893" s="360"/>
      <c r="J20893" s="365"/>
      <c r="K20893" s="365"/>
      <c r="L20893" s="365"/>
    </row>
    <row r="20894" spans="2:12" ht="28.5">
      <c r="B20894" s="367"/>
      <c r="C20894" s="359" t="s">
        <v>28000</v>
      </c>
      <c r="D20894" s="367"/>
      <c r="E20894" s="367"/>
      <c r="F20894" s="359" t="s">
        <v>14391</v>
      </c>
      <c r="G20894" s="359" t="s">
        <v>14392</v>
      </c>
      <c r="H20894" s="359" t="s">
        <v>14370</v>
      </c>
      <c r="I20894" s="359" t="s">
        <v>14392</v>
      </c>
      <c r="J20894" s="365"/>
      <c r="K20894" s="365"/>
      <c r="L20894" s="365"/>
    </row>
    <row r="20895" spans="2:12">
      <c r="B20895" s="367"/>
      <c r="C20895" s="360"/>
      <c r="D20895" s="367"/>
      <c r="E20895" s="367"/>
      <c r="F20895" s="360"/>
      <c r="G20895" s="360"/>
      <c r="H20895" s="360"/>
      <c r="I20895" s="360"/>
      <c r="J20895" s="365"/>
      <c r="K20895" s="365"/>
      <c r="L20895" s="365"/>
    </row>
    <row r="20896" spans="2:12">
      <c r="B20896" s="367"/>
      <c r="C20896" s="360"/>
      <c r="D20896" s="367"/>
      <c r="E20896" s="367"/>
      <c r="F20896" s="359" t="s">
        <v>14371</v>
      </c>
      <c r="G20896" s="359" t="s">
        <v>14372</v>
      </c>
      <c r="H20896" s="359" t="s">
        <v>14422</v>
      </c>
      <c r="I20896" s="359" t="s">
        <v>14373</v>
      </c>
      <c r="J20896" s="365"/>
      <c r="K20896" s="365"/>
      <c r="L20896" s="365"/>
    </row>
    <row r="20897" spans="2:12">
      <c r="B20897" s="367"/>
      <c r="C20897" s="360"/>
      <c r="D20897" s="367"/>
      <c r="E20897" s="367"/>
      <c r="F20897" s="360"/>
      <c r="G20897" s="360"/>
      <c r="H20897" s="360"/>
      <c r="I20897" s="360"/>
      <c r="J20897" s="365"/>
      <c r="K20897" s="365"/>
      <c r="L20897" s="365"/>
    </row>
    <row r="20898" spans="2:12" ht="28.5">
      <c r="B20898" s="368"/>
      <c r="C20898" s="362"/>
      <c r="D20898" s="368"/>
      <c r="E20898" s="368"/>
      <c r="F20898" s="361" t="s">
        <v>14374</v>
      </c>
      <c r="G20898" s="361" t="s">
        <v>14373</v>
      </c>
      <c r="H20898" s="362"/>
      <c r="I20898" s="362"/>
      <c r="J20898" s="366"/>
      <c r="K20898" s="366"/>
      <c r="L20898" s="366"/>
    </row>
    <row r="20899" spans="2:12" ht="28.5">
      <c r="B20899" s="358" t="s">
        <v>25280</v>
      </c>
      <c r="C20899" s="358" t="s">
        <v>25281</v>
      </c>
      <c r="D20899" s="358" t="s">
        <v>8356</v>
      </c>
      <c r="E20899" s="358" t="s">
        <v>25282</v>
      </c>
      <c r="F20899" s="358" t="s">
        <v>14472</v>
      </c>
      <c r="G20899" s="358" t="s">
        <v>14473</v>
      </c>
      <c r="H20899" s="358" t="s">
        <v>8356</v>
      </c>
      <c r="I20899" s="358" t="s">
        <v>14473</v>
      </c>
      <c r="J20899" s="358"/>
      <c r="K20899" s="358"/>
      <c r="L20899" s="358"/>
    </row>
    <row r="20900" spans="2:12">
      <c r="B20900" s="367"/>
      <c r="C20900" s="360"/>
      <c r="D20900" s="367"/>
      <c r="E20900" s="367"/>
      <c r="F20900" s="367"/>
      <c r="G20900" s="367"/>
      <c r="H20900" s="367"/>
      <c r="I20900" s="367"/>
      <c r="J20900" s="365"/>
      <c r="K20900" s="365"/>
      <c r="L20900" s="365"/>
    </row>
    <row r="20901" spans="2:12" ht="28.5">
      <c r="B20901" s="368"/>
      <c r="C20901" s="361" t="s">
        <v>28001</v>
      </c>
      <c r="D20901" s="368"/>
      <c r="E20901" s="368"/>
      <c r="F20901" s="368"/>
      <c r="G20901" s="368"/>
      <c r="H20901" s="368"/>
      <c r="I20901" s="368"/>
      <c r="J20901" s="366"/>
      <c r="K20901" s="366"/>
      <c r="L20901" s="366"/>
    </row>
    <row r="20902" spans="2:12">
      <c r="B20902" s="358" t="s">
        <v>25283</v>
      </c>
      <c r="C20902" s="358" t="s">
        <v>25284</v>
      </c>
      <c r="D20902" s="358" t="s">
        <v>25285</v>
      </c>
      <c r="E20902" s="358" t="s">
        <v>25286</v>
      </c>
      <c r="F20902" s="358" t="s">
        <v>14382</v>
      </c>
      <c r="G20902" s="358" t="s">
        <v>14383</v>
      </c>
      <c r="H20902" s="358" t="s">
        <v>14378</v>
      </c>
      <c r="I20902" s="358" t="s">
        <v>14383</v>
      </c>
      <c r="J20902" s="358"/>
      <c r="K20902" s="358"/>
      <c r="L20902" s="358"/>
    </row>
    <row r="20903" spans="2:12">
      <c r="B20903" s="367"/>
      <c r="C20903" s="360"/>
      <c r="D20903" s="367"/>
      <c r="E20903" s="367"/>
      <c r="F20903" s="360"/>
      <c r="G20903" s="360"/>
      <c r="H20903" s="360"/>
      <c r="I20903" s="360"/>
      <c r="J20903" s="365"/>
      <c r="K20903" s="365"/>
      <c r="L20903" s="365"/>
    </row>
    <row r="20904" spans="2:12" ht="28.5">
      <c r="B20904" s="367"/>
      <c r="C20904" s="359" t="s">
        <v>28002</v>
      </c>
      <c r="D20904" s="367"/>
      <c r="E20904" s="367"/>
      <c r="F20904" s="359" t="s">
        <v>14420</v>
      </c>
      <c r="G20904" s="359" t="s">
        <v>14421</v>
      </c>
      <c r="H20904" s="359" t="s">
        <v>14370</v>
      </c>
      <c r="I20904" s="359" t="s">
        <v>14421</v>
      </c>
      <c r="J20904" s="365"/>
      <c r="K20904" s="365"/>
      <c r="L20904" s="365"/>
    </row>
    <row r="20905" spans="2:12">
      <c r="B20905" s="367"/>
      <c r="C20905" s="360"/>
      <c r="D20905" s="367"/>
      <c r="E20905" s="367"/>
      <c r="F20905" s="360"/>
      <c r="G20905" s="360"/>
      <c r="H20905" s="360"/>
      <c r="I20905" s="360"/>
      <c r="J20905" s="365"/>
      <c r="K20905" s="365"/>
      <c r="L20905" s="365"/>
    </row>
    <row r="20906" spans="2:12">
      <c r="B20906" s="367"/>
      <c r="C20906" s="360"/>
      <c r="D20906" s="367"/>
      <c r="E20906" s="367"/>
      <c r="F20906" s="359" t="s">
        <v>14371</v>
      </c>
      <c r="G20906" s="359" t="s">
        <v>14372</v>
      </c>
      <c r="H20906" s="359" t="s">
        <v>14332</v>
      </c>
      <c r="I20906" s="359" t="s">
        <v>14373</v>
      </c>
      <c r="J20906" s="365"/>
      <c r="K20906" s="365"/>
      <c r="L20906" s="365"/>
    </row>
    <row r="20907" spans="2:12">
      <c r="B20907" s="367"/>
      <c r="C20907" s="360"/>
      <c r="D20907" s="367"/>
      <c r="E20907" s="367"/>
      <c r="F20907" s="360"/>
      <c r="G20907" s="360"/>
      <c r="H20907" s="360"/>
      <c r="I20907" s="360"/>
      <c r="J20907" s="365"/>
      <c r="K20907" s="365"/>
      <c r="L20907" s="365"/>
    </row>
    <row r="20908" spans="2:12" ht="28.5">
      <c r="B20908" s="368"/>
      <c r="C20908" s="362"/>
      <c r="D20908" s="368"/>
      <c r="E20908" s="368"/>
      <c r="F20908" s="361" t="s">
        <v>14374</v>
      </c>
      <c r="G20908" s="361" t="s">
        <v>14373</v>
      </c>
      <c r="H20908" s="362"/>
      <c r="I20908" s="362"/>
      <c r="J20908" s="366"/>
      <c r="K20908" s="366"/>
      <c r="L20908" s="366"/>
    </row>
    <row r="20909" spans="2:12" ht="28.5">
      <c r="B20909" s="358" t="s">
        <v>25287</v>
      </c>
      <c r="C20909" s="358" t="s">
        <v>25288</v>
      </c>
      <c r="D20909" s="358" t="s">
        <v>25289</v>
      </c>
      <c r="E20909" s="358" t="s">
        <v>25290</v>
      </c>
      <c r="F20909" s="358" t="s">
        <v>14472</v>
      </c>
      <c r="G20909" s="358" t="s">
        <v>14473</v>
      </c>
      <c r="H20909" s="358" t="s">
        <v>8356</v>
      </c>
      <c r="I20909" s="358" t="s">
        <v>14473</v>
      </c>
      <c r="J20909" s="358"/>
      <c r="K20909" s="358"/>
      <c r="L20909" s="358"/>
    </row>
    <row r="20910" spans="2:12">
      <c r="B20910" s="367"/>
      <c r="C20910" s="360"/>
      <c r="D20910" s="367"/>
      <c r="E20910" s="367"/>
      <c r="F20910" s="367"/>
      <c r="G20910" s="367"/>
      <c r="H20910" s="367"/>
      <c r="I20910" s="367"/>
      <c r="J20910" s="365"/>
      <c r="K20910" s="365"/>
      <c r="L20910" s="365"/>
    </row>
    <row r="20911" spans="2:12">
      <c r="B20911" s="368"/>
      <c r="C20911" s="361" t="s">
        <v>28003</v>
      </c>
      <c r="D20911" s="368"/>
      <c r="E20911" s="368"/>
      <c r="F20911" s="368"/>
      <c r="G20911" s="368"/>
      <c r="H20911" s="368"/>
      <c r="I20911" s="368"/>
      <c r="J20911" s="366"/>
      <c r="K20911" s="366"/>
      <c r="L20911" s="366"/>
    </row>
    <row r="20912" spans="2:12">
      <c r="B20912" s="358" t="s">
        <v>25291</v>
      </c>
      <c r="C20912" s="358" t="s">
        <v>25292</v>
      </c>
      <c r="D20912" s="358" t="s">
        <v>25293</v>
      </c>
      <c r="E20912" s="358" t="s">
        <v>25294</v>
      </c>
      <c r="F20912" s="358" t="s">
        <v>14507</v>
      </c>
      <c r="G20912" s="358" t="s">
        <v>14508</v>
      </c>
      <c r="H20912" s="358" t="s">
        <v>14381</v>
      </c>
      <c r="I20912" s="358" t="s">
        <v>14508</v>
      </c>
      <c r="J20912" s="358"/>
      <c r="K20912" s="358" t="s">
        <v>14863</v>
      </c>
      <c r="L20912" s="358"/>
    </row>
    <row r="20913" spans="2:12">
      <c r="B20913" s="367"/>
      <c r="C20913" s="360"/>
      <c r="D20913" s="367"/>
      <c r="E20913" s="367"/>
      <c r="F20913" s="360"/>
      <c r="G20913" s="360"/>
      <c r="H20913" s="360"/>
      <c r="I20913" s="360"/>
      <c r="J20913" s="365"/>
      <c r="K20913" s="360"/>
      <c r="L20913" s="365"/>
    </row>
    <row r="20914" spans="2:12" ht="28.5">
      <c r="B20914" s="367"/>
      <c r="C20914" s="359" t="s">
        <v>28004</v>
      </c>
      <c r="D20914" s="367"/>
      <c r="E20914" s="367"/>
      <c r="F20914" s="359" t="s">
        <v>15089</v>
      </c>
      <c r="G20914" s="359" t="s">
        <v>14429</v>
      </c>
      <c r="H20914" s="359" t="s">
        <v>14367</v>
      </c>
      <c r="I20914" s="359" t="s">
        <v>14429</v>
      </c>
      <c r="J20914" s="365"/>
      <c r="K20914" s="359" t="s">
        <v>14863</v>
      </c>
      <c r="L20914" s="365"/>
    </row>
    <row r="20915" spans="2:12">
      <c r="B20915" s="367"/>
      <c r="C20915" s="360"/>
      <c r="D20915" s="367"/>
      <c r="E20915" s="367"/>
      <c r="F20915" s="360"/>
      <c r="G20915" s="360"/>
      <c r="H20915" s="360"/>
      <c r="I20915" s="360"/>
      <c r="J20915" s="365"/>
      <c r="K20915" s="360"/>
      <c r="L20915" s="365"/>
    </row>
    <row r="20916" spans="2:12" ht="42.75">
      <c r="B20916" s="367"/>
      <c r="C20916" s="360"/>
      <c r="D20916" s="367"/>
      <c r="E20916" s="367"/>
      <c r="F20916" s="359" t="s">
        <v>16919</v>
      </c>
      <c r="G20916" s="359" t="s">
        <v>25295</v>
      </c>
      <c r="H20916" s="359" t="s">
        <v>14370</v>
      </c>
      <c r="I20916" s="359" t="s">
        <v>25295</v>
      </c>
      <c r="J20916" s="365"/>
      <c r="K20916" s="360"/>
      <c r="L20916" s="365"/>
    </row>
    <row r="20917" spans="2:12">
      <c r="B20917" s="367"/>
      <c r="C20917" s="360"/>
      <c r="D20917" s="367"/>
      <c r="E20917" s="367"/>
      <c r="F20917" s="360"/>
      <c r="G20917" s="360"/>
      <c r="H20917" s="360"/>
      <c r="I20917" s="360"/>
      <c r="J20917" s="365"/>
      <c r="K20917" s="360"/>
      <c r="L20917" s="365"/>
    </row>
    <row r="20918" spans="2:12">
      <c r="B20918" s="367"/>
      <c r="C20918" s="360"/>
      <c r="D20918" s="367"/>
      <c r="E20918" s="367"/>
      <c r="F20918" s="359" t="s">
        <v>14391</v>
      </c>
      <c r="G20918" s="359" t="s">
        <v>14392</v>
      </c>
      <c r="H20918" s="359" t="s">
        <v>14422</v>
      </c>
      <c r="I20918" s="359" t="s">
        <v>14392</v>
      </c>
      <c r="J20918" s="365"/>
      <c r="K20918" s="360"/>
      <c r="L20918" s="365"/>
    </row>
    <row r="20919" spans="2:12">
      <c r="B20919" s="367"/>
      <c r="C20919" s="360"/>
      <c r="D20919" s="367"/>
      <c r="E20919" s="367"/>
      <c r="F20919" s="360"/>
      <c r="G20919" s="360"/>
      <c r="H20919" s="360"/>
      <c r="I20919" s="360"/>
      <c r="J20919" s="365"/>
      <c r="K20919" s="360"/>
      <c r="L20919" s="365"/>
    </row>
    <row r="20920" spans="2:12">
      <c r="B20920" s="367"/>
      <c r="C20920" s="360"/>
      <c r="D20920" s="367"/>
      <c r="E20920" s="367"/>
      <c r="F20920" s="359" t="s">
        <v>14371</v>
      </c>
      <c r="G20920" s="359" t="s">
        <v>14372</v>
      </c>
      <c r="H20920" s="360"/>
      <c r="I20920" s="359" t="s">
        <v>14373</v>
      </c>
      <c r="J20920" s="365"/>
      <c r="K20920" s="360"/>
      <c r="L20920" s="365"/>
    </row>
    <row r="20921" spans="2:12">
      <c r="B20921" s="367"/>
      <c r="C20921" s="360"/>
      <c r="D20921" s="367"/>
      <c r="E20921" s="367"/>
      <c r="F20921" s="360"/>
      <c r="G20921" s="360"/>
      <c r="H20921" s="360"/>
      <c r="I20921" s="360"/>
      <c r="J20921" s="365"/>
      <c r="K20921" s="360"/>
      <c r="L20921" s="365"/>
    </row>
    <row r="20922" spans="2:12" ht="28.5">
      <c r="B20922" s="368"/>
      <c r="C20922" s="362"/>
      <c r="D20922" s="368"/>
      <c r="E20922" s="368"/>
      <c r="F20922" s="361" t="s">
        <v>14374</v>
      </c>
      <c r="G20922" s="361" t="s">
        <v>14373</v>
      </c>
      <c r="H20922" s="362"/>
      <c r="I20922" s="362"/>
      <c r="J20922" s="366"/>
      <c r="K20922" s="362"/>
      <c r="L20922" s="366"/>
    </row>
    <row r="20923" spans="2:12" ht="42.75">
      <c r="B20923" s="358" t="s">
        <v>25296</v>
      </c>
      <c r="C20923" s="358" t="s">
        <v>25297</v>
      </c>
      <c r="D20923" s="358" t="s">
        <v>25298</v>
      </c>
      <c r="E20923" s="358" t="s">
        <v>1599</v>
      </c>
      <c r="F20923" s="358" t="s">
        <v>14507</v>
      </c>
      <c r="G20923" s="358" t="s">
        <v>29715</v>
      </c>
      <c r="H20923" s="358" t="s">
        <v>14378</v>
      </c>
      <c r="I20923" s="358" t="s">
        <v>29715</v>
      </c>
      <c r="J20923" s="358"/>
      <c r="K20923" s="358" t="s">
        <v>29720</v>
      </c>
      <c r="L20923" s="358"/>
    </row>
    <row r="20924" spans="2:12">
      <c r="B20924" s="367"/>
      <c r="C20924" s="367"/>
      <c r="D20924" s="367"/>
      <c r="E20924" s="367"/>
      <c r="F20924" s="360"/>
      <c r="G20924" s="360"/>
      <c r="H20924" s="360"/>
      <c r="I20924" s="360"/>
      <c r="J20924" s="365"/>
      <c r="K20924" s="367"/>
      <c r="L20924" s="365"/>
    </row>
    <row r="20925" spans="2:12">
      <c r="B20925" s="367"/>
      <c r="C20925" s="367"/>
      <c r="D20925" s="367"/>
      <c r="E20925" s="367"/>
      <c r="F20925" s="359" t="s">
        <v>14382</v>
      </c>
      <c r="G20925" s="359" t="s">
        <v>14392</v>
      </c>
      <c r="H20925" s="359" t="s">
        <v>14381</v>
      </c>
      <c r="I20925" s="359" t="s">
        <v>14392</v>
      </c>
      <c r="J20925" s="365"/>
      <c r="K20925" s="367"/>
      <c r="L20925" s="365"/>
    </row>
    <row r="20926" spans="2:12">
      <c r="B20926" s="367"/>
      <c r="C20926" s="367"/>
      <c r="D20926" s="367"/>
      <c r="E20926" s="367"/>
      <c r="F20926" s="360"/>
      <c r="G20926" s="360"/>
      <c r="H20926" s="360"/>
      <c r="I20926" s="360"/>
      <c r="J20926" s="365"/>
      <c r="K20926" s="367"/>
      <c r="L20926" s="365"/>
    </row>
    <row r="20927" spans="2:12">
      <c r="B20927" s="368"/>
      <c r="C20927" s="368"/>
      <c r="D20927" s="368"/>
      <c r="E20927" s="368"/>
      <c r="F20927" s="361" t="s">
        <v>14391</v>
      </c>
      <c r="G20927" s="362"/>
      <c r="H20927" s="361" t="s">
        <v>14332</v>
      </c>
      <c r="I20927" s="362"/>
      <c r="J20927" s="366"/>
      <c r="K20927" s="368"/>
      <c r="L20927" s="366"/>
    </row>
    <row r="20928" spans="2:12">
      <c r="B20928" s="354" t="s">
        <v>14492</v>
      </c>
      <c r="C20928" s="369"/>
      <c r="D20928" s="369"/>
      <c r="E20928" s="369"/>
      <c r="F20928" s="369"/>
      <c r="G20928" s="369"/>
      <c r="H20928" s="369"/>
      <c r="I20928" s="369"/>
      <c r="J20928" s="369"/>
      <c r="K20928" s="369"/>
      <c r="L20928" s="370"/>
    </row>
    <row r="20929" spans="2:12" ht="28.5">
      <c r="B20929" s="358" t="s">
        <v>25299</v>
      </c>
      <c r="C20929" s="358" t="s">
        <v>25300</v>
      </c>
      <c r="D20929" s="358" t="s">
        <v>25301</v>
      </c>
      <c r="E20929" s="358" t="s">
        <v>25302</v>
      </c>
      <c r="F20929" s="358" t="s">
        <v>14443</v>
      </c>
      <c r="G20929" s="358" t="s">
        <v>14444</v>
      </c>
      <c r="H20929" s="358" t="s">
        <v>14381</v>
      </c>
      <c r="I20929" s="358" t="s">
        <v>14444</v>
      </c>
      <c r="J20929" s="358"/>
      <c r="K20929" s="358" t="s">
        <v>22182</v>
      </c>
      <c r="L20929" s="358"/>
    </row>
    <row r="20930" spans="2:12">
      <c r="B20930" s="367"/>
      <c r="C20930" s="367"/>
      <c r="D20930" s="367"/>
      <c r="E20930" s="367"/>
      <c r="F20930" s="360"/>
      <c r="G20930" s="360"/>
      <c r="H20930" s="360"/>
      <c r="I20930" s="360"/>
      <c r="J20930" s="365"/>
      <c r="K20930" s="360"/>
      <c r="L20930" s="365"/>
    </row>
    <row r="20931" spans="2:12">
      <c r="B20931" s="367"/>
      <c r="C20931" s="367"/>
      <c r="D20931" s="367"/>
      <c r="E20931" s="367"/>
      <c r="F20931" s="359" t="s">
        <v>14507</v>
      </c>
      <c r="G20931" s="359" t="s">
        <v>16042</v>
      </c>
      <c r="H20931" s="359" t="s">
        <v>14367</v>
      </c>
      <c r="I20931" s="359" t="s">
        <v>16042</v>
      </c>
      <c r="J20931" s="365"/>
      <c r="K20931" s="359" t="s">
        <v>14657</v>
      </c>
      <c r="L20931" s="365"/>
    </row>
    <row r="20932" spans="2:12">
      <c r="B20932" s="367"/>
      <c r="C20932" s="367"/>
      <c r="D20932" s="367"/>
      <c r="E20932" s="367"/>
      <c r="F20932" s="360"/>
      <c r="G20932" s="360"/>
      <c r="H20932" s="360"/>
      <c r="I20932" s="360"/>
      <c r="J20932" s="365"/>
      <c r="K20932" s="360"/>
      <c r="L20932" s="365"/>
    </row>
    <row r="20933" spans="2:12">
      <c r="B20933" s="367"/>
      <c r="C20933" s="367"/>
      <c r="D20933" s="367"/>
      <c r="E20933" s="367"/>
      <c r="F20933" s="359" t="s">
        <v>15089</v>
      </c>
      <c r="G20933" s="359" t="s">
        <v>14459</v>
      </c>
      <c r="H20933" s="359" t="s">
        <v>14370</v>
      </c>
      <c r="I20933" s="359" t="s">
        <v>14459</v>
      </c>
      <c r="J20933" s="365"/>
      <c r="K20933" s="360"/>
      <c r="L20933" s="365"/>
    </row>
    <row r="20934" spans="2:12">
      <c r="B20934" s="367"/>
      <c r="C20934" s="367"/>
      <c r="D20934" s="367"/>
      <c r="E20934" s="367"/>
      <c r="F20934" s="360"/>
      <c r="G20934" s="360"/>
      <c r="H20934" s="360"/>
      <c r="I20934" s="360"/>
      <c r="J20934" s="365"/>
      <c r="K20934" s="360"/>
      <c r="L20934" s="365"/>
    </row>
    <row r="20935" spans="2:12">
      <c r="B20935" s="367"/>
      <c r="C20935" s="367"/>
      <c r="D20935" s="367"/>
      <c r="E20935" s="367"/>
      <c r="F20935" s="359" t="s">
        <v>14368</v>
      </c>
      <c r="G20935" s="359" t="s">
        <v>14388</v>
      </c>
      <c r="H20935" s="359" t="s">
        <v>14422</v>
      </c>
      <c r="I20935" s="359" t="s">
        <v>14388</v>
      </c>
      <c r="J20935" s="365"/>
      <c r="K20935" s="360"/>
      <c r="L20935" s="365"/>
    </row>
    <row r="20936" spans="2:12">
      <c r="B20936" s="367"/>
      <c r="C20936" s="367"/>
      <c r="D20936" s="367"/>
      <c r="E20936" s="367"/>
      <c r="F20936" s="360"/>
      <c r="G20936" s="360"/>
      <c r="H20936" s="360"/>
      <c r="I20936" s="360"/>
      <c r="J20936" s="365"/>
      <c r="K20936" s="360"/>
      <c r="L20936" s="365"/>
    </row>
    <row r="20937" spans="2:12" ht="28.5">
      <c r="B20937" s="367"/>
      <c r="C20937" s="367"/>
      <c r="D20937" s="367"/>
      <c r="E20937" s="367"/>
      <c r="F20937" s="359" t="s">
        <v>16919</v>
      </c>
      <c r="G20937" s="359" t="s">
        <v>19147</v>
      </c>
      <c r="H20937" s="360"/>
      <c r="I20937" s="359" t="s">
        <v>19147</v>
      </c>
      <c r="J20937" s="365"/>
      <c r="K20937" s="360"/>
      <c r="L20937" s="365"/>
    </row>
    <row r="20938" spans="2:12">
      <c r="B20938" s="367"/>
      <c r="C20938" s="367"/>
      <c r="D20938" s="367"/>
      <c r="E20938" s="367"/>
      <c r="F20938" s="360"/>
      <c r="G20938" s="360"/>
      <c r="H20938" s="360"/>
      <c r="I20938" s="360"/>
      <c r="J20938" s="365"/>
      <c r="K20938" s="360"/>
      <c r="L20938" s="365"/>
    </row>
    <row r="20939" spans="2:12">
      <c r="B20939" s="367"/>
      <c r="C20939" s="367"/>
      <c r="D20939" s="367"/>
      <c r="E20939" s="367"/>
      <c r="F20939" s="359" t="s">
        <v>14389</v>
      </c>
      <c r="G20939" s="359" t="s">
        <v>14390</v>
      </c>
      <c r="H20939" s="360"/>
      <c r="I20939" s="359" t="s">
        <v>14390</v>
      </c>
      <c r="J20939" s="365"/>
      <c r="K20939" s="360"/>
      <c r="L20939" s="365"/>
    </row>
    <row r="20940" spans="2:12">
      <c r="B20940" s="367"/>
      <c r="C20940" s="367"/>
      <c r="D20940" s="367"/>
      <c r="E20940" s="367"/>
      <c r="F20940" s="360"/>
      <c r="G20940" s="360"/>
      <c r="H20940" s="360"/>
      <c r="I20940" s="360"/>
      <c r="J20940" s="365"/>
      <c r="K20940" s="360"/>
      <c r="L20940" s="365"/>
    </row>
    <row r="20941" spans="2:12">
      <c r="B20941" s="367"/>
      <c r="C20941" s="367"/>
      <c r="D20941" s="367"/>
      <c r="E20941" s="367"/>
      <c r="F20941" s="359" t="s">
        <v>14391</v>
      </c>
      <c r="G20941" s="359" t="s">
        <v>14392</v>
      </c>
      <c r="H20941" s="360"/>
      <c r="I20941" s="359" t="s">
        <v>14392</v>
      </c>
      <c r="J20941" s="365"/>
      <c r="K20941" s="360"/>
      <c r="L20941" s="365"/>
    </row>
    <row r="20942" spans="2:12">
      <c r="B20942" s="367"/>
      <c r="C20942" s="367"/>
      <c r="D20942" s="367"/>
      <c r="E20942" s="367"/>
      <c r="F20942" s="360"/>
      <c r="G20942" s="360"/>
      <c r="H20942" s="360"/>
      <c r="I20942" s="360"/>
      <c r="J20942" s="365"/>
      <c r="K20942" s="360"/>
      <c r="L20942" s="365"/>
    </row>
    <row r="20943" spans="2:12">
      <c r="B20943" s="367"/>
      <c r="C20943" s="367"/>
      <c r="D20943" s="367"/>
      <c r="E20943" s="367"/>
      <c r="F20943" s="359" t="s">
        <v>14371</v>
      </c>
      <c r="G20943" s="359" t="s">
        <v>14372</v>
      </c>
      <c r="H20943" s="360"/>
      <c r="I20943" s="359" t="s">
        <v>14373</v>
      </c>
      <c r="J20943" s="365"/>
      <c r="K20943" s="360"/>
      <c r="L20943" s="365"/>
    </row>
    <row r="20944" spans="2:12">
      <c r="B20944" s="367"/>
      <c r="C20944" s="367"/>
      <c r="D20944" s="367"/>
      <c r="E20944" s="367"/>
      <c r="F20944" s="360"/>
      <c r="G20944" s="360"/>
      <c r="H20944" s="360"/>
      <c r="I20944" s="360"/>
      <c r="J20944" s="365"/>
      <c r="K20944" s="360"/>
      <c r="L20944" s="365"/>
    </row>
    <row r="20945" spans="2:12" ht="28.5">
      <c r="B20945" s="368"/>
      <c r="C20945" s="368"/>
      <c r="D20945" s="368"/>
      <c r="E20945" s="368"/>
      <c r="F20945" s="361" t="s">
        <v>14374</v>
      </c>
      <c r="G20945" s="361" t="s">
        <v>14373</v>
      </c>
      <c r="H20945" s="362"/>
      <c r="I20945" s="362"/>
      <c r="J20945" s="366"/>
      <c r="K20945" s="362"/>
      <c r="L20945" s="366"/>
    </row>
    <row r="20946" spans="2:12">
      <c r="B20946" s="354" t="s">
        <v>28528</v>
      </c>
      <c r="C20946" s="369"/>
      <c r="D20946" s="369"/>
      <c r="E20946" s="369"/>
      <c r="F20946" s="369"/>
      <c r="G20946" s="369"/>
      <c r="H20946" s="369"/>
      <c r="I20946" s="369"/>
      <c r="J20946" s="369"/>
      <c r="K20946" s="369"/>
      <c r="L20946" s="370"/>
    </row>
    <row r="20947" spans="2:12" ht="28.5">
      <c r="B20947" s="358" t="s">
        <v>25303</v>
      </c>
      <c r="C20947" s="358" t="s">
        <v>28005</v>
      </c>
      <c r="D20947" s="358" t="s">
        <v>25304</v>
      </c>
      <c r="E20947" s="358" t="s">
        <v>25305</v>
      </c>
      <c r="F20947" s="358" t="s">
        <v>14430</v>
      </c>
      <c r="G20947" s="358" t="s">
        <v>14431</v>
      </c>
      <c r="H20947" s="358" t="s">
        <v>14341</v>
      </c>
      <c r="I20947" s="358" t="s">
        <v>14431</v>
      </c>
      <c r="J20947" s="358"/>
      <c r="K20947" s="358"/>
      <c r="L20947" s="358"/>
    </row>
    <row r="20948" spans="2:12">
      <c r="B20948" s="367"/>
      <c r="C20948" s="367"/>
      <c r="D20948" s="367"/>
      <c r="E20948" s="367"/>
      <c r="F20948" s="360"/>
      <c r="G20948" s="360"/>
      <c r="H20948" s="360"/>
      <c r="I20948" s="360"/>
      <c r="J20948" s="365"/>
      <c r="K20948" s="365"/>
      <c r="L20948" s="365"/>
    </row>
    <row r="20949" spans="2:12">
      <c r="B20949" s="367"/>
      <c r="C20949" s="367"/>
      <c r="D20949" s="367"/>
      <c r="E20949" s="367"/>
      <c r="F20949" s="359" t="s">
        <v>14391</v>
      </c>
      <c r="G20949" s="359" t="s">
        <v>14392</v>
      </c>
      <c r="H20949" s="359" t="s">
        <v>14367</v>
      </c>
      <c r="I20949" s="359" t="s">
        <v>14392</v>
      </c>
      <c r="J20949" s="365"/>
      <c r="K20949" s="365"/>
      <c r="L20949" s="365"/>
    </row>
    <row r="20950" spans="2:12">
      <c r="B20950" s="367"/>
      <c r="C20950" s="367"/>
      <c r="D20950" s="367"/>
      <c r="E20950" s="367"/>
      <c r="F20950" s="360"/>
      <c r="G20950" s="360"/>
      <c r="H20950" s="360"/>
      <c r="I20950" s="360"/>
      <c r="J20950" s="365"/>
      <c r="K20950" s="365"/>
      <c r="L20950" s="365"/>
    </row>
    <row r="20951" spans="2:12" ht="28.5">
      <c r="B20951" s="367"/>
      <c r="C20951" s="367"/>
      <c r="D20951" s="367"/>
      <c r="E20951" s="367"/>
      <c r="F20951" s="359" t="s">
        <v>14394</v>
      </c>
      <c r="G20951" s="359" t="s">
        <v>14395</v>
      </c>
      <c r="H20951" s="359" t="s">
        <v>14370</v>
      </c>
      <c r="I20951" s="359" t="s">
        <v>14395</v>
      </c>
      <c r="J20951" s="365"/>
      <c r="K20951" s="365"/>
      <c r="L20951" s="365"/>
    </row>
    <row r="20952" spans="2:12">
      <c r="B20952" s="367"/>
      <c r="C20952" s="367"/>
      <c r="D20952" s="367"/>
      <c r="E20952" s="367"/>
      <c r="F20952" s="360"/>
      <c r="G20952" s="360"/>
      <c r="H20952" s="360"/>
      <c r="I20952" s="360"/>
      <c r="J20952" s="365"/>
      <c r="K20952" s="365"/>
      <c r="L20952" s="365"/>
    </row>
    <row r="20953" spans="2:12">
      <c r="B20953" s="368"/>
      <c r="C20953" s="368"/>
      <c r="D20953" s="368"/>
      <c r="E20953" s="368"/>
      <c r="F20953" s="362"/>
      <c r="G20953" s="362"/>
      <c r="H20953" s="361" t="s">
        <v>14332</v>
      </c>
      <c r="I20953" s="362"/>
      <c r="J20953" s="366"/>
      <c r="K20953" s="366"/>
      <c r="L20953" s="366"/>
    </row>
    <row r="20954" spans="2:12">
      <c r="B20954" s="358" t="s">
        <v>25306</v>
      </c>
      <c r="C20954" s="358" t="s">
        <v>25307</v>
      </c>
      <c r="D20954" s="358" t="s">
        <v>25308</v>
      </c>
      <c r="E20954" s="358" t="s">
        <v>25309</v>
      </c>
      <c r="F20954" s="358" t="s">
        <v>14391</v>
      </c>
      <c r="G20954" s="358" t="s">
        <v>14392</v>
      </c>
      <c r="H20954" s="358" t="s">
        <v>14367</v>
      </c>
      <c r="I20954" s="358" t="s">
        <v>14392</v>
      </c>
      <c r="J20954" s="358"/>
      <c r="K20954" s="358"/>
      <c r="L20954" s="358"/>
    </row>
    <row r="20955" spans="2:12">
      <c r="B20955" s="367"/>
      <c r="C20955" s="367"/>
      <c r="D20955" s="367"/>
      <c r="E20955" s="367"/>
      <c r="F20955" s="367"/>
      <c r="G20955" s="367"/>
      <c r="H20955" s="360"/>
      <c r="I20955" s="367"/>
      <c r="J20955" s="365"/>
      <c r="K20955" s="365"/>
      <c r="L20955" s="365"/>
    </row>
    <row r="20956" spans="2:12">
      <c r="B20956" s="368"/>
      <c r="C20956" s="368"/>
      <c r="D20956" s="368"/>
      <c r="E20956" s="368"/>
      <c r="F20956" s="368"/>
      <c r="G20956" s="368"/>
      <c r="H20956" s="361" t="s">
        <v>14422</v>
      </c>
      <c r="I20956" s="368"/>
      <c r="J20956" s="366"/>
      <c r="K20956" s="366"/>
      <c r="L20956" s="366"/>
    </row>
    <row r="20957" spans="2:12">
      <c r="B20957" s="358" t="s">
        <v>25310</v>
      </c>
      <c r="C20957" s="358" t="s">
        <v>28006</v>
      </c>
      <c r="D20957" s="358" t="s">
        <v>25311</v>
      </c>
      <c r="E20957" s="358" t="s">
        <v>25312</v>
      </c>
      <c r="F20957" s="358" t="s">
        <v>14430</v>
      </c>
      <c r="G20957" s="358" t="s">
        <v>14431</v>
      </c>
      <c r="H20957" s="358" t="s">
        <v>14341</v>
      </c>
      <c r="I20957" s="358" t="s">
        <v>14431</v>
      </c>
      <c r="J20957" s="358"/>
      <c r="K20957" s="358"/>
      <c r="L20957" s="358"/>
    </row>
    <row r="20958" spans="2:12">
      <c r="B20958" s="367"/>
      <c r="C20958" s="367"/>
      <c r="D20958" s="367"/>
      <c r="E20958" s="367"/>
      <c r="F20958" s="367"/>
      <c r="G20958" s="367"/>
      <c r="H20958" s="360"/>
      <c r="I20958" s="367"/>
      <c r="J20958" s="365"/>
      <c r="K20958" s="365"/>
      <c r="L20958" s="365"/>
    </row>
    <row r="20959" spans="2:12">
      <c r="B20959" s="368"/>
      <c r="C20959" s="368"/>
      <c r="D20959" s="368"/>
      <c r="E20959" s="368"/>
      <c r="F20959" s="368"/>
      <c r="G20959" s="368"/>
      <c r="H20959" s="361" t="s">
        <v>14332</v>
      </c>
      <c r="I20959" s="368"/>
      <c r="J20959" s="366"/>
      <c r="K20959" s="366"/>
      <c r="L20959" s="366"/>
    </row>
    <row r="20960" spans="2:12" ht="28.5">
      <c r="B20960" s="358" t="s">
        <v>25313</v>
      </c>
      <c r="C20960" s="358" t="s">
        <v>28007</v>
      </c>
      <c r="D20960" s="358" t="s">
        <v>25314</v>
      </c>
      <c r="E20960" s="358" t="s">
        <v>25315</v>
      </c>
      <c r="F20960" s="358" t="s">
        <v>14462</v>
      </c>
      <c r="G20960" s="358" t="s">
        <v>14463</v>
      </c>
      <c r="H20960" s="358" t="s">
        <v>8356</v>
      </c>
      <c r="I20960" s="358" t="s">
        <v>14463</v>
      </c>
      <c r="J20960" s="358"/>
      <c r="K20960" s="358"/>
      <c r="L20960" s="358"/>
    </row>
    <row r="20961" spans="2:12">
      <c r="B20961" s="368"/>
      <c r="C20961" s="368"/>
      <c r="D20961" s="368"/>
      <c r="E20961" s="368"/>
      <c r="F20961" s="368"/>
      <c r="G20961" s="368"/>
      <c r="H20961" s="368"/>
      <c r="I20961" s="368"/>
      <c r="J20961" s="366"/>
      <c r="K20961" s="366"/>
      <c r="L20961" s="366"/>
    </row>
    <row r="20962" spans="2:12" ht="28.5">
      <c r="B20962" s="358" t="s">
        <v>25316</v>
      </c>
      <c r="C20962" s="358" t="s">
        <v>28008</v>
      </c>
      <c r="D20962" s="358" t="s">
        <v>25317</v>
      </c>
      <c r="E20962" s="358" t="s">
        <v>25318</v>
      </c>
      <c r="F20962" s="358" t="s">
        <v>14391</v>
      </c>
      <c r="G20962" s="358" t="s">
        <v>14392</v>
      </c>
      <c r="H20962" s="358" t="s">
        <v>14367</v>
      </c>
      <c r="I20962" s="358" t="s">
        <v>14392</v>
      </c>
      <c r="J20962" s="358"/>
      <c r="K20962" s="358"/>
      <c r="L20962" s="358"/>
    </row>
    <row r="20963" spans="2:12">
      <c r="B20963" s="367"/>
      <c r="C20963" s="367"/>
      <c r="D20963" s="367"/>
      <c r="E20963" s="367"/>
      <c r="F20963" s="360"/>
      <c r="G20963" s="360"/>
      <c r="H20963" s="360"/>
      <c r="I20963" s="360"/>
      <c r="J20963" s="365"/>
      <c r="K20963" s="365"/>
      <c r="L20963" s="365"/>
    </row>
    <row r="20964" spans="2:12" ht="28.5">
      <c r="B20964" s="368"/>
      <c r="C20964" s="368"/>
      <c r="D20964" s="368"/>
      <c r="E20964" s="368"/>
      <c r="F20964" s="361" t="s">
        <v>14462</v>
      </c>
      <c r="G20964" s="361" t="s">
        <v>14463</v>
      </c>
      <c r="H20964" s="361" t="s">
        <v>14422</v>
      </c>
      <c r="I20964" s="361" t="s">
        <v>14463</v>
      </c>
      <c r="J20964" s="366"/>
      <c r="K20964" s="366"/>
      <c r="L20964" s="366"/>
    </row>
    <row r="20965" spans="2:12" ht="28.5">
      <c r="B20965" s="358" t="s">
        <v>25319</v>
      </c>
      <c r="C20965" s="358" t="s">
        <v>25320</v>
      </c>
      <c r="D20965" s="358" t="s">
        <v>25321</v>
      </c>
      <c r="E20965" s="358" t="s">
        <v>25322</v>
      </c>
      <c r="F20965" s="358" t="s">
        <v>14462</v>
      </c>
      <c r="G20965" s="358" t="s">
        <v>14463</v>
      </c>
      <c r="H20965" s="358" t="s">
        <v>8356</v>
      </c>
      <c r="I20965" s="358" t="s">
        <v>14463</v>
      </c>
      <c r="J20965" s="358"/>
      <c r="K20965" s="358"/>
      <c r="L20965" s="358"/>
    </row>
    <row r="20966" spans="2:12">
      <c r="B20966" s="367"/>
      <c r="C20966" s="360"/>
      <c r="D20966" s="367"/>
      <c r="E20966" s="367"/>
      <c r="F20966" s="367"/>
      <c r="G20966" s="367"/>
      <c r="H20966" s="367"/>
      <c r="I20966" s="367"/>
      <c r="J20966" s="365"/>
      <c r="K20966" s="365"/>
      <c r="L20966" s="365"/>
    </row>
    <row r="20967" spans="2:12" ht="28.5">
      <c r="B20967" s="368"/>
      <c r="C20967" s="361" t="s">
        <v>28009</v>
      </c>
      <c r="D20967" s="368"/>
      <c r="E20967" s="368"/>
      <c r="F20967" s="368"/>
      <c r="G20967" s="368"/>
      <c r="H20967" s="368"/>
      <c r="I20967" s="368"/>
      <c r="J20967" s="366"/>
      <c r="K20967" s="366"/>
      <c r="L20967" s="366"/>
    </row>
    <row r="20968" spans="2:12" ht="28.5">
      <c r="B20968" s="358" t="s">
        <v>25323</v>
      </c>
      <c r="C20968" s="358" t="s">
        <v>28010</v>
      </c>
      <c r="D20968" s="358" t="s">
        <v>25324</v>
      </c>
      <c r="E20968" s="358" t="s">
        <v>8356</v>
      </c>
      <c r="F20968" s="358" t="s">
        <v>14394</v>
      </c>
      <c r="G20968" s="358" t="s">
        <v>14395</v>
      </c>
      <c r="H20968" s="358" t="s">
        <v>14370</v>
      </c>
      <c r="I20968" s="358" t="s">
        <v>14395</v>
      </c>
      <c r="J20968" s="358"/>
      <c r="K20968" s="358"/>
      <c r="L20968" s="358"/>
    </row>
    <row r="20969" spans="2:12">
      <c r="B20969" s="368"/>
      <c r="C20969" s="368"/>
      <c r="D20969" s="368"/>
      <c r="E20969" s="368"/>
      <c r="F20969" s="368"/>
      <c r="G20969" s="368"/>
      <c r="H20969" s="368"/>
      <c r="I20969" s="368"/>
      <c r="J20969" s="366"/>
      <c r="K20969" s="366"/>
      <c r="L20969" s="366"/>
    </row>
    <row r="20970" spans="2:12" ht="28.5">
      <c r="B20970" s="358" t="s">
        <v>25325</v>
      </c>
      <c r="C20970" s="358" t="s">
        <v>25326</v>
      </c>
      <c r="D20970" s="358" t="s">
        <v>25327</v>
      </c>
      <c r="E20970" s="358" t="s">
        <v>25328</v>
      </c>
      <c r="F20970" s="358" t="s">
        <v>14391</v>
      </c>
      <c r="G20970" s="358" t="s">
        <v>14392</v>
      </c>
      <c r="H20970" s="358" t="s">
        <v>14367</v>
      </c>
      <c r="I20970" s="358" t="s">
        <v>14392</v>
      </c>
      <c r="J20970" s="358"/>
      <c r="K20970" s="358"/>
      <c r="L20970" s="358"/>
    </row>
    <row r="20971" spans="2:12">
      <c r="B20971" s="367"/>
      <c r="C20971" s="367"/>
      <c r="D20971" s="367"/>
      <c r="E20971" s="367"/>
      <c r="F20971" s="360"/>
      <c r="G20971" s="360"/>
      <c r="H20971" s="360"/>
      <c r="I20971" s="360"/>
      <c r="J20971" s="365"/>
      <c r="K20971" s="365"/>
      <c r="L20971" s="365"/>
    </row>
    <row r="20972" spans="2:12" ht="28.5">
      <c r="B20972" s="368"/>
      <c r="C20972" s="368"/>
      <c r="D20972" s="368"/>
      <c r="E20972" s="368"/>
      <c r="F20972" s="361" t="s">
        <v>14462</v>
      </c>
      <c r="G20972" s="361" t="s">
        <v>14463</v>
      </c>
      <c r="H20972" s="361" t="s">
        <v>14422</v>
      </c>
      <c r="I20972" s="361" t="s">
        <v>14463</v>
      </c>
      <c r="J20972" s="366"/>
      <c r="K20972" s="366"/>
      <c r="L20972" s="366"/>
    </row>
    <row r="20973" spans="2:12" ht="28.5">
      <c r="B20973" s="358" t="s">
        <v>25329</v>
      </c>
      <c r="C20973" s="358" t="s">
        <v>28011</v>
      </c>
      <c r="D20973" s="358" t="s">
        <v>25330</v>
      </c>
      <c r="E20973" s="358" t="s">
        <v>8356</v>
      </c>
      <c r="F20973" s="358" t="s">
        <v>14371</v>
      </c>
      <c r="G20973" s="358" t="s">
        <v>14372</v>
      </c>
      <c r="H20973" s="358" t="s">
        <v>14370</v>
      </c>
      <c r="I20973" s="358" t="s">
        <v>14373</v>
      </c>
      <c r="J20973" s="358"/>
      <c r="K20973" s="358"/>
      <c r="L20973" s="358"/>
    </row>
    <row r="20974" spans="2:12">
      <c r="B20974" s="367"/>
      <c r="C20974" s="367"/>
      <c r="D20974" s="367"/>
      <c r="E20974" s="367"/>
      <c r="F20974" s="360"/>
      <c r="G20974" s="360"/>
      <c r="H20974" s="360"/>
      <c r="I20974" s="367"/>
      <c r="J20974" s="365"/>
      <c r="K20974" s="365"/>
      <c r="L20974" s="365"/>
    </row>
    <row r="20975" spans="2:12" ht="28.5">
      <c r="B20975" s="368"/>
      <c r="C20975" s="368"/>
      <c r="D20975" s="368"/>
      <c r="E20975" s="368"/>
      <c r="F20975" s="361" t="s">
        <v>14374</v>
      </c>
      <c r="G20975" s="361" t="s">
        <v>14373</v>
      </c>
      <c r="H20975" s="361" t="s">
        <v>14422</v>
      </c>
      <c r="I20975" s="368"/>
      <c r="J20975" s="366"/>
      <c r="K20975" s="366"/>
      <c r="L20975" s="366"/>
    </row>
    <row r="20976" spans="2:12" ht="28.5">
      <c r="B20976" s="358" t="s">
        <v>25331</v>
      </c>
      <c r="C20976" s="358" t="s">
        <v>30459</v>
      </c>
      <c r="D20976" s="358" t="s">
        <v>25332</v>
      </c>
      <c r="E20976" s="358" t="s">
        <v>8356</v>
      </c>
      <c r="F20976" s="358" t="s">
        <v>14391</v>
      </c>
      <c r="G20976" s="358" t="s">
        <v>14392</v>
      </c>
      <c r="H20976" s="358" t="s">
        <v>14367</v>
      </c>
      <c r="I20976" s="358" t="s">
        <v>14392</v>
      </c>
      <c r="J20976" s="358"/>
      <c r="K20976" s="358"/>
      <c r="L20976" s="358"/>
    </row>
    <row r="20977" spans="2:12">
      <c r="B20977" s="367"/>
      <c r="C20977" s="360"/>
      <c r="D20977" s="367"/>
      <c r="E20977" s="367"/>
      <c r="F20977" s="367"/>
      <c r="G20977" s="367"/>
      <c r="H20977" s="360"/>
      <c r="I20977" s="367"/>
      <c r="J20977" s="365"/>
      <c r="K20977" s="365"/>
      <c r="L20977" s="365"/>
    </row>
    <row r="20978" spans="2:12" ht="28.5">
      <c r="B20978" s="368"/>
      <c r="C20978" s="361" t="s">
        <v>30460</v>
      </c>
      <c r="D20978" s="368"/>
      <c r="E20978" s="368"/>
      <c r="F20978" s="368"/>
      <c r="G20978" s="368"/>
      <c r="H20978" s="361" t="s">
        <v>14422</v>
      </c>
      <c r="I20978" s="368"/>
      <c r="J20978" s="366"/>
      <c r="K20978" s="366"/>
      <c r="L20978" s="366"/>
    </row>
    <row r="20979" spans="2:12">
      <c r="B20979" s="358" t="s">
        <v>25333</v>
      </c>
      <c r="C20979" s="358" t="s">
        <v>25334</v>
      </c>
      <c r="D20979" s="358" t="s">
        <v>25335</v>
      </c>
      <c r="E20979" s="358" t="s">
        <v>25336</v>
      </c>
      <c r="F20979" s="358" t="s">
        <v>14460</v>
      </c>
      <c r="G20979" s="358" t="s">
        <v>14519</v>
      </c>
      <c r="H20979" s="358" t="s">
        <v>14381</v>
      </c>
      <c r="I20979" s="358" t="s">
        <v>14519</v>
      </c>
      <c r="J20979" s="358"/>
      <c r="K20979" s="358"/>
      <c r="L20979" s="358"/>
    </row>
    <row r="20980" spans="2:12">
      <c r="B20980" s="367"/>
      <c r="C20980" s="367"/>
      <c r="D20980" s="367"/>
      <c r="E20980" s="367"/>
      <c r="F20980" s="360"/>
      <c r="G20980" s="360"/>
      <c r="H20980" s="360"/>
      <c r="I20980" s="360"/>
      <c r="J20980" s="365"/>
      <c r="K20980" s="365"/>
      <c r="L20980" s="365"/>
    </row>
    <row r="20981" spans="2:12" ht="28.5">
      <c r="B20981" s="367"/>
      <c r="C20981" s="367"/>
      <c r="D20981" s="367"/>
      <c r="E20981" s="367"/>
      <c r="F20981" s="359" t="s">
        <v>14394</v>
      </c>
      <c r="G20981" s="359" t="s">
        <v>14395</v>
      </c>
      <c r="H20981" s="359" t="s">
        <v>14370</v>
      </c>
      <c r="I20981" s="359" t="s">
        <v>14395</v>
      </c>
      <c r="J20981" s="365"/>
      <c r="K20981" s="365"/>
      <c r="L20981" s="365"/>
    </row>
    <row r="20982" spans="2:12">
      <c r="B20982" s="367"/>
      <c r="C20982" s="367"/>
      <c r="D20982" s="367"/>
      <c r="E20982" s="367"/>
      <c r="F20982" s="360"/>
      <c r="G20982" s="360"/>
      <c r="H20982" s="360"/>
      <c r="I20982" s="360"/>
      <c r="J20982" s="365"/>
      <c r="K20982" s="365"/>
      <c r="L20982" s="365"/>
    </row>
    <row r="20983" spans="2:12">
      <c r="B20983" s="368"/>
      <c r="C20983" s="368"/>
      <c r="D20983" s="368"/>
      <c r="E20983" s="368"/>
      <c r="F20983" s="362"/>
      <c r="G20983" s="362"/>
      <c r="H20983" s="361" t="s">
        <v>14422</v>
      </c>
      <c r="I20983" s="362"/>
      <c r="J20983" s="366"/>
      <c r="K20983" s="366"/>
      <c r="L20983" s="366"/>
    </row>
    <row r="20984" spans="2:12" ht="28.5">
      <c r="B20984" s="358" t="s">
        <v>25337</v>
      </c>
      <c r="C20984" s="358" t="s">
        <v>28012</v>
      </c>
      <c r="D20984" s="358" t="s">
        <v>25338</v>
      </c>
      <c r="E20984" s="358" t="s">
        <v>25339</v>
      </c>
      <c r="F20984" s="358" t="s">
        <v>14462</v>
      </c>
      <c r="G20984" s="358" t="s">
        <v>14463</v>
      </c>
      <c r="H20984" s="358" t="s">
        <v>8356</v>
      </c>
      <c r="I20984" s="358" t="s">
        <v>14463</v>
      </c>
      <c r="J20984" s="358"/>
      <c r="K20984" s="358"/>
      <c r="L20984" s="358"/>
    </row>
    <row r="20985" spans="2:12">
      <c r="B20985" s="368"/>
      <c r="C20985" s="368"/>
      <c r="D20985" s="368"/>
      <c r="E20985" s="368"/>
      <c r="F20985" s="368"/>
      <c r="G20985" s="368"/>
      <c r="H20985" s="368"/>
      <c r="I20985" s="368"/>
      <c r="J20985" s="366"/>
      <c r="K20985" s="366"/>
      <c r="L20985" s="366"/>
    </row>
    <row r="20986" spans="2:12">
      <c r="B20986" s="358" t="s">
        <v>25340</v>
      </c>
      <c r="C20986" s="358" t="s">
        <v>25341</v>
      </c>
      <c r="D20986" s="358" t="s">
        <v>25342</v>
      </c>
      <c r="E20986" s="358" t="s">
        <v>25343</v>
      </c>
      <c r="F20986" s="358" t="s">
        <v>14391</v>
      </c>
      <c r="G20986" s="358" t="s">
        <v>14392</v>
      </c>
      <c r="H20986" s="358" t="s">
        <v>14367</v>
      </c>
      <c r="I20986" s="358" t="s">
        <v>14392</v>
      </c>
      <c r="J20986" s="358"/>
      <c r="K20986" s="358"/>
      <c r="L20986" s="358"/>
    </row>
    <row r="20987" spans="2:12">
      <c r="B20987" s="367"/>
      <c r="C20987" s="360"/>
      <c r="D20987" s="367"/>
      <c r="E20987" s="367"/>
      <c r="F20987" s="360"/>
      <c r="G20987" s="360"/>
      <c r="H20987" s="360"/>
      <c r="I20987" s="360"/>
      <c r="J20987" s="365"/>
      <c r="K20987" s="365"/>
      <c r="L20987" s="365"/>
    </row>
    <row r="20988" spans="2:12" ht="28.5">
      <c r="B20988" s="367"/>
      <c r="C20988" s="359" t="s">
        <v>28013</v>
      </c>
      <c r="D20988" s="367"/>
      <c r="E20988" s="367"/>
      <c r="F20988" s="359" t="s">
        <v>14371</v>
      </c>
      <c r="G20988" s="359" t="s">
        <v>14372</v>
      </c>
      <c r="H20988" s="359" t="s">
        <v>14370</v>
      </c>
      <c r="I20988" s="359" t="s">
        <v>14373</v>
      </c>
      <c r="J20988" s="365"/>
      <c r="K20988" s="365"/>
      <c r="L20988" s="365"/>
    </row>
    <row r="20989" spans="2:12">
      <c r="B20989" s="367"/>
      <c r="C20989" s="360"/>
      <c r="D20989" s="367"/>
      <c r="E20989" s="367"/>
      <c r="F20989" s="360"/>
      <c r="G20989" s="360"/>
      <c r="H20989" s="360"/>
      <c r="I20989" s="360"/>
      <c r="J20989" s="365"/>
      <c r="K20989" s="365"/>
      <c r="L20989" s="365"/>
    </row>
    <row r="20990" spans="2:12" ht="28.5">
      <c r="B20990" s="368"/>
      <c r="C20990" s="362"/>
      <c r="D20990" s="368"/>
      <c r="E20990" s="368"/>
      <c r="F20990" s="361" t="s">
        <v>14374</v>
      </c>
      <c r="G20990" s="361" t="s">
        <v>14373</v>
      </c>
      <c r="H20990" s="361" t="s">
        <v>14422</v>
      </c>
      <c r="I20990" s="362"/>
      <c r="J20990" s="366"/>
      <c r="K20990" s="366"/>
      <c r="L20990" s="366"/>
    </row>
    <row r="20991" spans="2:12" ht="28.5">
      <c r="B20991" s="358" t="s">
        <v>25344</v>
      </c>
      <c r="C20991" s="358" t="s">
        <v>28014</v>
      </c>
      <c r="D20991" s="358" t="s">
        <v>25345</v>
      </c>
      <c r="E20991" s="358" t="s">
        <v>8356</v>
      </c>
      <c r="F20991" s="358" t="s">
        <v>14462</v>
      </c>
      <c r="G20991" s="358" t="s">
        <v>14463</v>
      </c>
      <c r="H20991" s="358" t="s">
        <v>8356</v>
      </c>
      <c r="I20991" s="358" t="s">
        <v>14463</v>
      </c>
      <c r="J20991" s="358"/>
      <c r="K20991" s="358"/>
      <c r="L20991" s="358"/>
    </row>
    <row r="20992" spans="2:12">
      <c r="B20992" s="367"/>
      <c r="C20992" s="360"/>
      <c r="D20992" s="367"/>
      <c r="E20992" s="367"/>
      <c r="F20992" s="367"/>
      <c r="G20992" s="367"/>
      <c r="H20992" s="367"/>
      <c r="I20992" s="367"/>
      <c r="J20992" s="365"/>
      <c r="K20992" s="365"/>
      <c r="L20992" s="365"/>
    </row>
    <row r="20993" spans="2:12">
      <c r="B20993" s="368"/>
      <c r="C20993" s="361" t="s">
        <v>28015</v>
      </c>
      <c r="D20993" s="368"/>
      <c r="E20993" s="368"/>
      <c r="F20993" s="368"/>
      <c r="G20993" s="368"/>
      <c r="H20993" s="368"/>
      <c r="I20993" s="368"/>
      <c r="J20993" s="366"/>
      <c r="K20993" s="366"/>
      <c r="L20993" s="366"/>
    </row>
    <row r="20994" spans="2:12">
      <c r="B20994" s="358" t="s">
        <v>13243</v>
      </c>
      <c r="C20994" s="358" t="s">
        <v>25346</v>
      </c>
      <c r="D20994" s="358" t="s">
        <v>354</v>
      </c>
      <c r="E20994" s="358" t="s">
        <v>13397</v>
      </c>
      <c r="F20994" s="358" t="s">
        <v>14424</v>
      </c>
      <c r="G20994" s="358" t="s">
        <v>14496</v>
      </c>
      <c r="H20994" s="358" t="s">
        <v>14381</v>
      </c>
      <c r="I20994" s="358" t="s">
        <v>14496</v>
      </c>
      <c r="J20994" s="358"/>
      <c r="K20994" s="358"/>
      <c r="L20994" s="358"/>
    </row>
    <row r="20995" spans="2:12">
      <c r="B20995" s="367"/>
      <c r="C20995" s="367"/>
      <c r="D20995" s="367"/>
      <c r="E20995" s="367"/>
      <c r="F20995" s="367"/>
      <c r="G20995" s="367"/>
      <c r="H20995" s="360"/>
      <c r="I20995" s="367"/>
      <c r="J20995" s="365"/>
      <c r="K20995" s="365"/>
      <c r="L20995" s="365"/>
    </row>
    <row r="20996" spans="2:12">
      <c r="B20996" s="368"/>
      <c r="C20996" s="368"/>
      <c r="D20996" s="368"/>
      <c r="E20996" s="368"/>
      <c r="F20996" s="368"/>
      <c r="G20996" s="368"/>
      <c r="H20996" s="361" t="s">
        <v>14332</v>
      </c>
      <c r="I20996" s="368"/>
      <c r="J20996" s="366"/>
      <c r="K20996" s="366"/>
      <c r="L20996" s="366"/>
    </row>
    <row r="20997" spans="2:12">
      <c r="B20997" s="358" t="s">
        <v>13244</v>
      </c>
      <c r="C20997" s="358" t="s">
        <v>279</v>
      </c>
      <c r="D20997" s="358" t="s">
        <v>280</v>
      </c>
      <c r="E20997" s="358" t="s">
        <v>281</v>
      </c>
      <c r="F20997" s="358" t="s">
        <v>14424</v>
      </c>
      <c r="G20997" s="358" t="s">
        <v>14496</v>
      </c>
      <c r="H20997" s="358" t="s">
        <v>14381</v>
      </c>
      <c r="I20997" s="358" t="s">
        <v>14496</v>
      </c>
      <c r="J20997" s="358"/>
      <c r="K20997" s="358"/>
      <c r="L20997" s="358"/>
    </row>
    <row r="20998" spans="2:12">
      <c r="B20998" s="367"/>
      <c r="C20998" s="367"/>
      <c r="D20998" s="367"/>
      <c r="E20998" s="367"/>
      <c r="F20998" s="367"/>
      <c r="G20998" s="367"/>
      <c r="H20998" s="360"/>
      <c r="I20998" s="367"/>
      <c r="J20998" s="365"/>
      <c r="K20998" s="365"/>
      <c r="L20998" s="365"/>
    </row>
    <row r="20999" spans="2:12">
      <c r="B20999" s="368"/>
      <c r="C20999" s="368"/>
      <c r="D20999" s="368"/>
      <c r="E20999" s="368"/>
      <c r="F20999" s="368"/>
      <c r="G20999" s="368"/>
      <c r="H20999" s="361" t="s">
        <v>14332</v>
      </c>
      <c r="I20999" s="368"/>
      <c r="J20999" s="366"/>
      <c r="K20999" s="366"/>
      <c r="L20999" s="366"/>
    </row>
    <row r="21000" spans="2:12">
      <c r="B21000" s="358" t="s">
        <v>25347</v>
      </c>
      <c r="C21000" s="358" t="s">
        <v>25348</v>
      </c>
      <c r="D21000" s="358" t="s">
        <v>25349</v>
      </c>
      <c r="E21000" s="358" t="s">
        <v>25350</v>
      </c>
      <c r="F21000" s="358" t="s">
        <v>14443</v>
      </c>
      <c r="G21000" s="358" t="s">
        <v>14444</v>
      </c>
      <c r="H21000" s="358" t="s">
        <v>14381</v>
      </c>
      <c r="I21000" s="358" t="s">
        <v>14444</v>
      </c>
      <c r="J21000" s="358"/>
      <c r="K21000" s="358"/>
      <c r="L21000" s="358"/>
    </row>
    <row r="21001" spans="2:12">
      <c r="B21001" s="367"/>
      <c r="C21001" s="360"/>
      <c r="D21001" s="367"/>
      <c r="E21001" s="367"/>
      <c r="F21001" s="360"/>
      <c r="G21001" s="360"/>
      <c r="H21001" s="360"/>
      <c r="I21001" s="360"/>
      <c r="J21001" s="365"/>
      <c r="K21001" s="365"/>
      <c r="L21001" s="365"/>
    </row>
    <row r="21002" spans="2:12" ht="28.5">
      <c r="B21002" s="367"/>
      <c r="C21002" s="359" t="s">
        <v>28016</v>
      </c>
      <c r="D21002" s="367"/>
      <c r="E21002" s="367"/>
      <c r="F21002" s="359" t="s">
        <v>14371</v>
      </c>
      <c r="G21002" s="359" t="s">
        <v>14372</v>
      </c>
      <c r="H21002" s="359" t="s">
        <v>14370</v>
      </c>
      <c r="I21002" s="359" t="s">
        <v>14373</v>
      </c>
      <c r="J21002" s="365"/>
      <c r="K21002" s="365"/>
      <c r="L21002" s="365"/>
    </row>
    <row r="21003" spans="2:12">
      <c r="B21003" s="367"/>
      <c r="C21003" s="360"/>
      <c r="D21003" s="367"/>
      <c r="E21003" s="367"/>
      <c r="F21003" s="360"/>
      <c r="G21003" s="360"/>
      <c r="H21003" s="360"/>
      <c r="I21003" s="360"/>
      <c r="J21003" s="365"/>
      <c r="K21003" s="365"/>
      <c r="L21003" s="365"/>
    </row>
    <row r="21004" spans="2:12" ht="28.5">
      <c r="B21004" s="368"/>
      <c r="C21004" s="362"/>
      <c r="D21004" s="368"/>
      <c r="E21004" s="368"/>
      <c r="F21004" s="361" t="s">
        <v>14374</v>
      </c>
      <c r="G21004" s="361" t="s">
        <v>14373</v>
      </c>
      <c r="H21004" s="361" t="s">
        <v>14422</v>
      </c>
      <c r="I21004" s="362"/>
      <c r="J21004" s="366"/>
      <c r="K21004" s="366"/>
      <c r="L21004" s="366"/>
    </row>
    <row r="21005" spans="2:12">
      <c r="B21005" s="358" t="s">
        <v>25351</v>
      </c>
      <c r="C21005" s="358" t="s">
        <v>25352</v>
      </c>
      <c r="D21005" s="358" t="s">
        <v>25353</v>
      </c>
      <c r="E21005" s="358" t="s">
        <v>25354</v>
      </c>
      <c r="F21005" s="358" t="s">
        <v>14443</v>
      </c>
      <c r="G21005" s="358" t="s">
        <v>14444</v>
      </c>
      <c r="H21005" s="358" t="s">
        <v>14381</v>
      </c>
      <c r="I21005" s="358" t="s">
        <v>14444</v>
      </c>
      <c r="J21005" s="358"/>
      <c r="K21005" s="358"/>
      <c r="L21005" s="358"/>
    </row>
    <row r="21006" spans="2:12">
      <c r="B21006" s="367"/>
      <c r="C21006" s="360"/>
      <c r="D21006" s="367"/>
      <c r="E21006" s="367"/>
      <c r="F21006" s="360"/>
      <c r="G21006" s="360"/>
      <c r="H21006" s="360"/>
      <c r="I21006" s="360"/>
      <c r="J21006" s="365"/>
      <c r="K21006" s="365"/>
      <c r="L21006" s="365"/>
    </row>
    <row r="21007" spans="2:12">
      <c r="B21007" s="367"/>
      <c r="C21007" s="359" t="s">
        <v>28017</v>
      </c>
      <c r="D21007" s="367"/>
      <c r="E21007" s="367"/>
      <c r="F21007" s="359" t="s">
        <v>14371</v>
      </c>
      <c r="G21007" s="359" t="s">
        <v>14372</v>
      </c>
      <c r="H21007" s="359" t="s">
        <v>14370</v>
      </c>
      <c r="I21007" s="359" t="s">
        <v>14373</v>
      </c>
      <c r="J21007" s="365"/>
      <c r="K21007" s="365"/>
      <c r="L21007" s="365"/>
    </row>
    <row r="21008" spans="2:12">
      <c r="B21008" s="367"/>
      <c r="C21008" s="360"/>
      <c r="D21008" s="367"/>
      <c r="E21008" s="367"/>
      <c r="F21008" s="360"/>
      <c r="G21008" s="360"/>
      <c r="H21008" s="360"/>
      <c r="I21008" s="360"/>
      <c r="J21008" s="365"/>
      <c r="K21008" s="365"/>
      <c r="L21008" s="365"/>
    </row>
    <row r="21009" spans="2:12" ht="28.5">
      <c r="B21009" s="368"/>
      <c r="C21009" s="362"/>
      <c r="D21009" s="368"/>
      <c r="E21009" s="368"/>
      <c r="F21009" s="361" t="s">
        <v>14374</v>
      </c>
      <c r="G21009" s="361" t="s">
        <v>14373</v>
      </c>
      <c r="H21009" s="361" t="s">
        <v>14422</v>
      </c>
      <c r="I21009" s="362"/>
      <c r="J21009" s="366"/>
      <c r="K21009" s="366"/>
      <c r="L21009" s="366"/>
    </row>
    <row r="21010" spans="2:12" ht="28.5">
      <c r="B21010" s="358" t="s">
        <v>13246</v>
      </c>
      <c r="C21010" s="358" t="s">
        <v>13245</v>
      </c>
      <c r="D21010" s="358" t="s">
        <v>13247</v>
      </c>
      <c r="E21010" s="358" t="s">
        <v>13248</v>
      </c>
      <c r="F21010" s="358" t="s">
        <v>14424</v>
      </c>
      <c r="G21010" s="358" t="s">
        <v>29417</v>
      </c>
      <c r="H21010" s="358" t="s">
        <v>14381</v>
      </c>
      <c r="I21010" s="358" t="s">
        <v>29417</v>
      </c>
      <c r="J21010" s="358"/>
      <c r="K21010" s="358"/>
      <c r="L21010" s="358"/>
    </row>
    <row r="21011" spans="2:12">
      <c r="B21011" s="367"/>
      <c r="C21011" s="367"/>
      <c r="D21011" s="367"/>
      <c r="E21011" s="367"/>
      <c r="F21011" s="360"/>
      <c r="G21011" s="367"/>
      <c r="H21011" s="360"/>
      <c r="I21011" s="367"/>
      <c r="J21011" s="365"/>
      <c r="K21011" s="365"/>
      <c r="L21011" s="365"/>
    </row>
    <row r="21012" spans="2:12">
      <c r="B21012" s="367"/>
      <c r="C21012" s="367"/>
      <c r="D21012" s="367"/>
      <c r="E21012" s="367"/>
      <c r="F21012" s="359" t="s">
        <v>14420</v>
      </c>
      <c r="G21012" s="367"/>
      <c r="H21012" s="359" t="s">
        <v>14367</v>
      </c>
      <c r="I21012" s="367"/>
      <c r="J21012" s="365"/>
      <c r="K21012" s="365"/>
      <c r="L21012" s="365"/>
    </row>
    <row r="21013" spans="2:12">
      <c r="B21013" s="367"/>
      <c r="C21013" s="367"/>
      <c r="D21013" s="367"/>
      <c r="E21013" s="367"/>
      <c r="F21013" s="360"/>
      <c r="G21013" s="367"/>
      <c r="H21013" s="360"/>
      <c r="I21013" s="367"/>
      <c r="J21013" s="365"/>
      <c r="K21013" s="365"/>
      <c r="L21013" s="365"/>
    </row>
    <row r="21014" spans="2:12">
      <c r="B21014" s="368"/>
      <c r="C21014" s="368"/>
      <c r="D21014" s="368"/>
      <c r="E21014" s="368"/>
      <c r="F21014" s="362"/>
      <c r="G21014" s="368"/>
      <c r="H21014" s="361" t="s">
        <v>22500</v>
      </c>
      <c r="I21014" s="368"/>
      <c r="J21014" s="366"/>
      <c r="K21014" s="366"/>
      <c r="L21014" s="366"/>
    </row>
    <row r="21015" spans="2:12" ht="42.75">
      <c r="B21015" s="358" t="s">
        <v>10657</v>
      </c>
      <c r="C21015" s="358" t="s">
        <v>28018</v>
      </c>
      <c r="D21015" s="358" t="s">
        <v>12</v>
      </c>
      <c r="E21015" s="358" t="s">
        <v>8356</v>
      </c>
      <c r="F21015" s="358" t="s">
        <v>14376</v>
      </c>
      <c r="G21015" s="358" t="s">
        <v>14669</v>
      </c>
      <c r="H21015" s="358" t="s">
        <v>14381</v>
      </c>
      <c r="I21015" s="358" t="s">
        <v>14669</v>
      </c>
      <c r="J21015" s="358"/>
      <c r="K21015" s="358"/>
      <c r="L21015" s="358"/>
    </row>
    <row r="21016" spans="2:12">
      <c r="B21016" s="367"/>
      <c r="C21016" s="360"/>
      <c r="D21016" s="367"/>
      <c r="E21016" s="367"/>
      <c r="F21016" s="360"/>
      <c r="G21016" s="360"/>
      <c r="H21016" s="360"/>
      <c r="I21016" s="360"/>
      <c r="J21016" s="365"/>
      <c r="K21016" s="365"/>
      <c r="L21016" s="365"/>
    </row>
    <row r="21017" spans="2:12" ht="42.75">
      <c r="B21017" s="367"/>
      <c r="C21017" s="359" t="s">
        <v>30461</v>
      </c>
      <c r="D21017" s="367"/>
      <c r="E21017" s="367"/>
      <c r="F21017" s="359" t="s">
        <v>14426</v>
      </c>
      <c r="G21017" s="359" t="s">
        <v>14427</v>
      </c>
      <c r="H21017" s="359" t="s">
        <v>14332</v>
      </c>
      <c r="I21017" s="359" t="s">
        <v>14427</v>
      </c>
      <c r="J21017" s="365"/>
      <c r="K21017" s="365"/>
      <c r="L21017" s="365"/>
    </row>
    <row r="21018" spans="2:12">
      <c r="B21018" s="367"/>
      <c r="C21018" s="360"/>
      <c r="D21018" s="367"/>
      <c r="E21018" s="367"/>
      <c r="F21018" s="360"/>
      <c r="G21018" s="360"/>
      <c r="H21018" s="360"/>
      <c r="I21018" s="360"/>
      <c r="J21018" s="365"/>
      <c r="K21018" s="365"/>
      <c r="L21018" s="365"/>
    </row>
    <row r="21019" spans="2:12" ht="28.5">
      <c r="B21019" s="367"/>
      <c r="C21019" s="359" t="s">
        <v>28019</v>
      </c>
      <c r="D21019" s="367"/>
      <c r="E21019" s="367"/>
      <c r="F21019" s="359" t="s">
        <v>14460</v>
      </c>
      <c r="G21019" s="359" t="s">
        <v>14519</v>
      </c>
      <c r="H21019" s="360"/>
      <c r="I21019" s="359" t="s">
        <v>14519</v>
      </c>
      <c r="J21019" s="365"/>
      <c r="K21019" s="365"/>
      <c r="L21019" s="365"/>
    </row>
    <row r="21020" spans="2:12">
      <c r="B21020" s="367"/>
      <c r="C21020" s="360"/>
      <c r="D21020" s="367"/>
      <c r="E21020" s="367"/>
      <c r="F21020" s="360"/>
      <c r="G21020" s="360"/>
      <c r="H21020" s="360"/>
      <c r="I21020" s="360"/>
      <c r="J21020" s="365"/>
      <c r="K21020" s="365"/>
      <c r="L21020" s="365"/>
    </row>
    <row r="21021" spans="2:12">
      <c r="B21021" s="368"/>
      <c r="C21021" s="361" t="s">
        <v>28020</v>
      </c>
      <c r="D21021" s="368"/>
      <c r="E21021" s="368"/>
      <c r="F21021" s="362"/>
      <c r="G21021" s="362"/>
      <c r="H21021" s="362"/>
      <c r="I21021" s="362"/>
      <c r="J21021" s="366"/>
      <c r="K21021" s="366"/>
      <c r="L21021" s="366"/>
    </row>
    <row r="21022" spans="2:12" ht="28.5">
      <c r="B21022" s="358" t="s">
        <v>25355</v>
      </c>
      <c r="C21022" s="358" t="s">
        <v>28021</v>
      </c>
      <c r="D21022" s="358" t="s">
        <v>25356</v>
      </c>
      <c r="E21022" s="358" t="s">
        <v>25357</v>
      </c>
      <c r="F21022" s="358" t="s">
        <v>14460</v>
      </c>
      <c r="G21022" s="358" t="s">
        <v>14519</v>
      </c>
      <c r="H21022" s="358" t="s">
        <v>14381</v>
      </c>
      <c r="I21022" s="358" t="s">
        <v>14519</v>
      </c>
      <c r="J21022" s="358"/>
      <c r="K21022" s="358"/>
      <c r="L21022" s="358"/>
    </row>
    <row r="21023" spans="2:12">
      <c r="B21023" s="367"/>
      <c r="C21023" s="367"/>
      <c r="D21023" s="367"/>
      <c r="E21023" s="367"/>
      <c r="F21023" s="360"/>
      <c r="G21023" s="360"/>
      <c r="H21023" s="360"/>
      <c r="I21023" s="360"/>
      <c r="J21023" s="365"/>
      <c r="K21023" s="365"/>
      <c r="L21023" s="365"/>
    </row>
    <row r="21024" spans="2:12">
      <c r="B21024" s="367"/>
      <c r="C21024" s="367"/>
      <c r="D21024" s="367"/>
      <c r="E21024" s="367"/>
      <c r="F21024" s="359" t="s">
        <v>14430</v>
      </c>
      <c r="G21024" s="359" t="s">
        <v>14431</v>
      </c>
      <c r="H21024" s="359" t="s">
        <v>14341</v>
      </c>
      <c r="I21024" s="359" t="s">
        <v>14431</v>
      </c>
      <c r="J21024" s="365"/>
      <c r="K21024" s="365"/>
      <c r="L21024" s="365"/>
    </row>
    <row r="21025" spans="2:12">
      <c r="B21025" s="367"/>
      <c r="C21025" s="367"/>
      <c r="D21025" s="367"/>
      <c r="E21025" s="367"/>
      <c r="F21025" s="360"/>
      <c r="G21025" s="360"/>
      <c r="H21025" s="360"/>
      <c r="I21025" s="360"/>
      <c r="J21025" s="365"/>
      <c r="K21025" s="365"/>
      <c r="L21025" s="365"/>
    </row>
    <row r="21026" spans="2:12">
      <c r="B21026" s="367"/>
      <c r="C21026" s="367"/>
      <c r="D21026" s="367"/>
      <c r="E21026" s="367"/>
      <c r="F21026" s="359" t="s">
        <v>14391</v>
      </c>
      <c r="G21026" s="359" t="s">
        <v>14392</v>
      </c>
      <c r="H21026" s="359" t="s">
        <v>14367</v>
      </c>
      <c r="I21026" s="359" t="s">
        <v>14392</v>
      </c>
      <c r="J21026" s="365"/>
      <c r="K21026" s="365"/>
      <c r="L21026" s="365"/>
    </row>
    <row r="21027" spans="2:12">
      <c r="B21027" s="367"/>
      <c r="C21027" s="367"/>
      <c r="D21027" s="367"/>
      <c r="E21027" s="367"/>
      <c r="F21027" s="360"/>
      <c r="G21027" s="360"/>
      <c r="H21027" s="360"/>
      <c r="I21027" s="360"/>
      <c r="J21027" s="365"/>
      <c r="K21027" s="365"/>
      <c r="L21027" s="365"/>
    </row>
    <row r="21028" spans="2:12">
      <c r="B21028" s="367"/>
      <c r="C21028" s="367"/>
      <c r="D21028" s="367"/>
      <c r="E21028" s="367"/>
      <c r="F21028" s="359" t="s">
        <v>14371</v>
      </c>
      <c r="G21028" s="359" t="s">
        <v>14372</v>
      </c>
      <c r="H21028" s="359" t="s">
        <v>14370</v>
      </c>
      <c r="I21028" s="359" t="s">
        <v>14373</v>
      </c>
      <c r="J21028" s="365"/>
      <c r="K21028" s="365"/>
      <c r="L21028" s="365"/>
    </row>
    <row r="21029" spans="2:12">
      <c r="B21029" s="367"/>
      <c r="C21029" s="367"/>
      <c r="D21029" s="367"/>
      <c r="E21029" s="367"/>
      <c r="F21029" s="360"/>
      <c r="G21029" s="360"/>
      <c r="H21029" s="360"/>
      <c r="I21029" s="360"/>
      <c r="J21029" s="365"/>
      <c r="K21029" s="365"/>
      <c r="L21029" s="365"/>
    </row>
    <row r="21030" spans="2:12" ht="28.5">
      <c r="B21030" s="368"/>
      <c r="C21030" s="368"/>
      <c r="D21030" s="368"/>
      <c r="E21030" s="368"/>
      <c r="F21030" s="361" t="s">
        <v>14374</v>
      </c>
      <c r="G21030" s="361" t="s">
        <v>14373</v>
      </c>
      <c r="H21030" s="361" t="s">
        <v>14332</v>
      </c>
      <c r="I21030" s="362"/>
      <c r="J21030" s="366"/>
      <c r="K21030" s="366"/>
      <c r="L21030" s="366"/>
    </row>
    <row r="21031" spans="2:12" ht="28.5">
      <c r="B21031" s="358" t="s">
        <v>25358</v>
      </c>
      <c r="C21031" s="358" t="s">
        <v>28022</v>
      </c>
      <c r="D21031" s="358" t="s">
        <v>25359</v>
      </c>
      <c r="E21031" s="358" t="s">
        <v>25360</v>
      </c>
      <c r="F21031" s="358" t="s">
        <v>14462</v>
      </c>
      <c r="G21031" s="358" t="s">
        <v>14463</v>
      </c>
      <c r="H21031" s="358" t="s">
        <v>8356</v>
      </c>
      <c r="I21031" s="358" t="s">
        <v>14463</v>
      </c>
      <c r="J21031" s="358"/>
      <c r="K21031" s="358"/>
      <c r="L21031" s="358"/>
    </row>
    <row r="21032" spans="2:12">
      <c r="B21032" s="368"/>
      <c r="C21032" s="368"/>
      <c r="D21032" s="368"/>
      <c r="E21032" s="368"/>
      <c r="F21032" s="368"/>
      <c r="G21032" s="368"/>
      <c r="H21032" s="368"/>
      <c r="I21032" s="368"/>
      <c r="J21032" s="366"/>
      <c r="K21032" s="366"/>
      <c r="L21032" s="366"/>
    </row>
    <row r="21033" spans="2:12" ht="42.75">
      <c r="B21033" s="358" t="s">
        <v>25361</v>
      </c>
      <c r="C21033" s="358" t="s">
        <v>29721</v>
      </c>
      <c r="D21033" s="358" t="s">
        <v>25362</v>
      </c>
      <c r="E21033" s="358" t="s">
        <v>8356</v>
      </c>
      <c r="F21033" s="358" t="s">
        <v>14420</v>
      </c>
      <c r="G21033" s="358" t="s">
        <v>14429</v>
      </c>
      <c r="H21033" s="358" t="s">
        <v>14341</v>
      </c>
      <c r="I21033" s="358" t="s">
        <v>14429</v>
      </c>
      <c r="J21033" s="358"/>
      <c r="K21033" s="358"/>
      <c r="L21033" s="358"/>
    </row>
    <row r="21034" spans="2:12">
      <c r="B21034" s="367"/>
      <c r="C21034" s="360"/>
      <c r="D21034" s="367"/>
      <c r="E21034" s="367"/>
      <c r="F21034" s="360"/>
      <c r="G21034" s="360"/>
      <c r="H21034" s="360"/>
      <c r="I21034" s="360"/>
      <c r="J21034" s="365"/>
      <c r="K21034" s="365"/>
      <c r="L21034" s="365"/>
    </row>
    <row r="21035" spans="2:12">
      <c r="B21035" s="367"/>
      <c r="C21035" s="359" t="s">
        <v>29722</v>
      </c>
      <c r="D21035" s="367"/>
      <c r="E21035" s="367"/>
      <c r="F21035" s="359" t="s">
        <v>14356</v>
      </c>
      <c r="G21035" s="359" t="s">
        <v>14340</v>
      </c>
      <c r="H21035" s="359" t="s">
        <v>14367</v>
      </c>
      <c r="I21035" s="359" t="s">
        <v>14340</v>
      </c>
      <c r="J21035" s="365"/>
      <c r="K21035" s="365"/>
      <c r="L21035" s="365"/>
    </row>
    <row r="21036" spans="2:12">
      <c r="B21036" s="367"/>
      <c r="C21036" s="360"/>
      <c r="D21036" s="367"/>
      <c r="E21036" s="367"/>
      <c r="F21036" s="360"/>
      <c r="G21036" s="360"/>
      <c r="H21036" s="360"/>
      <c r="I21036" s="360"/>
      <c r="J21036" s="365"/>
      <c r="K21036" s="365"/>
      <c r="L21036" s="365"/>
    </row>
    <row r="21037" spans="2:12">
      <c r="B21037" s="367"/>
      <c r="C21037" s="360"/>
      <c r="D21037" s="367"/>
      <c r="E21037" s="367"/>
      <c r="F21037" s="359" t="s">
        <v>14391</v>
      </c>
      <c r="G21037" s="359" t="s">
        <v>14392</v>
      </c>
      <c r="H21037" s="359" t="s">
        <v>14370</v>
      </c>
      <c r="I21037" s="359" t="s">
        <v>14392</v>
      </c>
      <c r="J21037" s="365"/>
      <c r="K21037" s="365"/>
      <c r="L21037" s="365"/>
    </row>
    <row r="21038" spans="2:12">
      <c r="B21038" s="367"/>
      <c r="C21038" s="360"/>
      <c r="D21038" s="367"/>
      <c r="E21038" s="367"/>
      <c r="F21038" s="360"/>
      <c r="G21038" s="360"/>
      <c r="H21038" s="360"/>
      <c r="I21038" s="360"/>
      <c r="J21038" s="365"/>
      <c r="K21038" s="365"/>
      <c r="L21038" s="365"/>
    </row>
    <row r="21039" spans="2:12">
      <c r="B21039" s="367"/>
      <c r="C21039" s="360"/>
      <c r="D21039" s="367"/>
      <c r="E21039" s="367"/>
      <c r="F21039" s="359" t="s">
        <v>14371</v>
      </c>
      <c r="G21039" s="359" t="s">
        <v>14372</v>
      </c>
      <c r="H21039" s="359" t="s">
        <v>14332</v>
      </c>
      <c r="I21039" s="359" t="s">
        <v>14373</v>
      </c>
      <c r="J21039" s="365"/>
      <c r="K21039" s="365"/>
      <c r="L21039" s="365"/>
    </row>
    <row r="21040" spans="2:12">
      <c r="B21040" s="367"/>
      <c r="C21040" s="360"/>
      <c r="D21040" s="367"/>
      <c r="E21040" s="367"/>
      <c r="F21040" s="360"/>
      <c r="G21040" s="360"/>
      <c r="H21040" s="360"/>
      <c r="I21040" s="360"/>
      <c r="J21040" s="365"/>
      <c r="K21040" s="365"/>
      <c r="L21040" s="365"/>
    </row>
    <row r="21041" spans="2:12" ht="28.5">
      <c r="B21041" s="368"/>
      <c r="C21041" s="362"/>
      <c r="D21041" s="368"/>
      <c r="E21041" s="368"/>
      <c r="F21041" s="361" t="s">
        <v>14374</v>
      </c>
      <c r="G21041" s="361" t="s">
        <v>14373</v>
      </c>
      <c r="H21041" s="362"/>
      <c r="I21041" s="362"/>
      <c r="J21041" s="366"/>
      <c r="K21041" s="366"/>
      <c r="L21041" s="366"/>
    </row>
    <row r="21042" spans="2:12" ht="28.5">
      <c r="B21042" s="358" t="s">
        <v>25363</v>
      </c>
      <c r="C21042" s="358" t="s">
        <v>28023</v>
      </c>
      <c r="D21042" s="358" t="s">
        <v>25364</v>
      </c>
      <c r="E21042" s="358" t="s">
        <v>25365</v>
      </c>
      <c r="F21042" s="358" t="s">
        <v>14386</v>
      </c>
      <c r="G21042" s="358" t="s">
        <v>14387</v>
      </c>
      <c r="H21042" s="358" t="s">
        <v>14367</v>
      </c>
      <c r="I21042" s="358" t="s">
        <v>14387</v>
      </c>
      <c r="J21042" s="358"/>
      <c r="K21042" s="358"/>
      <c r="L21042" s="358"/>
    </row>
    <row r="21043" spans="2:12">
      <c r="B21043" s="367"/>
      <c r="C21043" s="367"/>
      <c r="D21043" s="367"/>
      <c r="E21043" s="367"/>
      <c r="F21043" s="360"/>
      <c r="G21043" s="360"/>
      <c r="H21043" s="360"/>
      <c r="I21043" s="360"/>
      <c r="J21043" s="365"/>
      <c r="K21043" s="365"/>
      <c r="L21043" s="365"/>
    </row>
    <row r="21044" spans="2:12" ht="28.5">
      <c r="B21044" s="368"/>
      <c r="C21044" s="368"/>
      <c r="D21044" s="368"/>
      <c r="E21044" s="368"/>
      <c r="F21044" s="361" t="s">
        <v>14472</v>
      </c>
      <c r="G21044" s="361" t="s">
        <v>14473</v>
      </c>
      <c r="H21044" s="361" t="s">
        <v>14422</v>
      </c>
      <c r="I21044" s="361" t="s">
        <v>14473</v>
      </c>
      <c r="J21044" s="366"/>
      <c r="K21044" s="366"/>
      <c r="L21044" s="366"/>
    </row>
    <row r="21045" spans="2:12" ht="28.5">
      <c r="B21045" s="358" t="s">
        <v>25366</v>
      </c>
      <c r="C21045" s="358" t="s">
        <v>28024</v>
      </c>
      <c r="D21045" s="358" t="s">
        <v>25367</v>
      </c>
      <c r="E21045" s="358" t="s">
        <v>25368</v>
      </c>
      <c r="F21045" s="358" t="s">
        <v>14356</v>
      </c>
      <c r="G21045" s="358" t="s">
        <v>14340</v>
      </c>
      <c r="H21045" s="358" t="s">
        <v>14341</v>
      </c>
      <c r="I21045" s="358" t="s">
        <v>14340</v>
      </c>
      <c r="J21045" s="358"/>
      <c r="K21045" s="358"/>
      <c r="L21045" s="358"/>
    </row>
    <row r="21046" spans="2:12">
      <c r="B21046" s="367"/>
      <c r="C21046" s="367"/>
      <c r="D21046" s="367"/>
      <c r="E21046" s="367"/>
      <c r="F21046" s="360"/>
      <c r="G21046" s="360"/>
      <c r="H21046" s="360"/>
      <c r="I21046" s="360"/>
      <c r="J21046" s="365"/>
      <c r="K21046" s="365"/>
      <c r="L21046" s="365"/>
    </row>
    <row r="21047" spans="2:12" ht="28.5">
      <c r="B21047" s="368"/>
      <c r="C21047" s="368"/>
      <c r="D21047" s="368"/>
      <c r="E21047" s="368"/>
      <c r="F21047" s="361" t="s">
        <v>14472</v>
      </c>
      <c r="G21047" s="361" t="s">
        <v>14473</v>
      </c>
      <c r="H21047" s="361" t="s">
        <v>14332</v>
      </c>
      <c r="I21047" s="361" t="s">
        <v>14473</v>
      </c>
      <c r="J21047" s="366"/>
      <c r="K21047" s="366"/>
      <c r="L21047" s="366"/>
    </row>
    <row r="21048" spans="2:12" ht="28.5">
      <c r="B21048" s="358" t="s">
        <v>25369</v>
      </c>
      <c r="C21048" s="358" t="s">
        <v>25370</v>
      </c>
      <c r="D21048" s="358" t="s">
        <v>25371</v>
      </c>
      <c r="E21048" s="358" t="s">
        <v>25372</v>
      </c>
      <c r="F21048" s="358" t="s">
        <v>14382</v>
      </c>
      <c r="G21048" s="358" t="s">
        <v>14483</v>
      </c>
      <c r="H21048" s="358" t="s">
        <v>14378</v>
      </c>
      <c r="I21048" s="358" t="s">
        <v>14483</v>
      </c>
      <c r="J21048" s="358"/>
      <c r="K21048" s="358"/>
      <c r="L21048" s="358"/>
    </row>
    <row r="21049" spans="2:12">
      <c r="B21049" s="367"/>
      <c r="C21049" s="367"/>
      <c r="D21049" s="367"/>
      <c r="E21049" s="367"/>
      <c r="F21049" s="360"/>
      <c r="G21049" s="360"/>
      <c r="H21049" s="360"/>
      <c r="I21049" s="360"/>
      <c r="J21049" s="365"/>
      <c r="K21049" s="365"/>
      <c r="L21049" s="365"/>
    </row>
    <row r="21050" spans="2:12">
      <c r="B21050" s="367"/>
      <c r="C21050" s="367"/>
      <c r="D21050" s="367"/>
      <c r="E21050" s="367"/>
      <c r="F21050" s="359" t="s">
        <v>14420</v>
      </c>
      <c r="G21050" s="359" t="s">
        <v>14429</v>
      </c>
      <c r="H21050" s="359" t="s">
        <v>14381</v>
      </c>
      <c r="I21050" s="359" t="s">
        <v>14429</v>
      </c>
      <c r="J21050" s="365"/>
      <c r="K21050" s="365"/>
      <c r="L21050" s="365"/>
    </row>
    <row r="21051" spans="2:12">
      <c r="B21051" s="367"/>
      <c r="C21051" s="367"/>
      <c r="D21051" s="367"/>
      <c r="E21051" s="367"/>
      <c r="F21051" s="360"/>
      <c r="G21051" s="360"/>
      <c r="H21051" s="360"/>
      <c r="I21051" s="360"/>
      <c r="J21051" s="365"/>
      <c r="K21051" s="365"/>
      <c r="L21051" s="365"/>
    </row>
    <row r="21052" spans="2:12">
      <c r="B21052" s="367"/>
      <c r="C21052" s="367"/>
      <c r="D21052" s="367"/>
      <c r="E21052" s="367"/>
      <c r="F21052" s="359" t="s">
        <v>14460</v>
      </c>
      <c r="G21052" s="359" t="s">
        <v>14519</v>
      </c>
      <c r="H21052" s="359" t="s">
        <v>14341</v>
      </c>
      <c r="I21052" s="359" t="s">
        <v>14519</v>
      </c>
      <c r="J21052" s="365"/>
      <c r="K21052" s="365"/>
      <c r="L21052" s="365"/>
    </row>
    <row r="21053" spans="2:12">
      <c r="B21053" s="367"/>
      <c r="C21053" s="367"/>
      <c r="D21053" s="367"/>
      <c r="E21053" s="367"/>
      <c r="F21053" s="360"/>
      <c r="G21053" s="360"/>
      <c r="H21053" s="360"/>
      <c r="I21053" s="360"/>
      <c r="J21053" s="365"/>
      <c r="K21053" s="365"/>
      <c r="L21053" s="365"/>
    </row>
    <row r="21054" spans="2:12">
      <c r="B21054" s="367"/>
      <c r="C21054" s="367"/>
      <c r="D21054" s="367"/>
      <c r="E21054" s="367"/>
      <c r="F21054" s="359" t="s">
        <v>14339</v>
      </c>
      <c r="G21054" s="359" t="s">
        <v>14340</v>
      </c>
      <c r="H21054" s="359" t="s">
        <v>14370</v>
      </c>
      <c r="I21054" s="359" t="s">
        <v>14340</v>
      </c>
      <c r="J21054" s="365"/>
      <c r="K21054" s="365"/>
      <c r="L21054" s="365"/>
    </row>
    <row r="21055" spans="2:12">
      <c r="B21055" s="367"/>
      <c r="C21055" s="367"/>
      <c r="D21055" s="367"/>
      <c r="E21055" s="367"/>
      <c r="F21055" s="360"/>
      <c r="G21055" s="360"/>
      <c r="H21055" s="360"/>
      <c r="I21055" s="360"/>
      <c r="J21055" s="365"/>
      <c r="K21055" s="365"/>
      <c r="L21055" s="365"/>
    </row>
    <row r="21056" spans="2:12">
      <c r="B21056" s="367"/>
      <c r="C21056" s="367"/>
      <c r="D21056" s="367"/>
      <c r="E21056" s="367"/>
      <c r="F21056" s="359" t="s">
        <v>14371</v>
      </c>
      <c r="G21056" s="359" t="s">
        <v>14372</v>
      </c>
      <c r="H21056" s="359" t="s">
        <v>14332</v>
      </c>
      <c r="I21056" s="359" t="s">
        <v>14373</v>
      </c>
      <c r="J21056" s="365"/>
      <c r="K21056" s="365"/>
      <c r="L21056" s="365"/>
    </row>
    <row r="21057" spans="2:12">
      <c r="B21057" s="367"/>
      <c r="C21057" s="367"/>
      <c r="D21057" s="367"/>
      <c r="E21057" s="367"/>
      <c r="F21057" s="360"/>
      <c r="G21057" s="360"/>
      <c r="H21057" s="360"/>
      <c r="I21057" s="360"/>
      <c r="J21057" s="365"/>
      <c r="K21057" s="365"/>
      <c r="L21057" s="365"/>
    </row>
    <row r="21058" spans="2:12" ht="28.5">
      <c r="B21058" s="368"/>
      <c r="C21058" s="368"/>
      <c r="D21058" s="368"/>
      <c r="E21058" s="368"/>
      <c r="F21058" s="361" t="s">
        <v>14374</v>
      </c>
      <c r="G21058" s="361" t="s">
        <v>14373</v>
      </c>
      <c r="H21058" s="362"/>
      <c r="I21058" s="362"/>
      <c r="J21058" s="366"/>
      <c r="K21058" s="366"/>
      <c r="L21058" s="366"/>
    </row>
    <row r="21059" spans="2:12" ht="28.5">
      <c r="B21059" s="358" t="s">
        <v>25373</v>
      </c>
      <c r="C21059" s="358" t="s">
        <v>28025</v>
      </c>
      <c r="D21059" s="358" t="s">
        <v>25374</v>
      </c>
      <c r="E21059" s="358" t="s">
        <v>25375</v>
      </c>
      <c r="F21059" s="358" t="s">
        <v>14472</v>
      </c>
      <c r="G21059" s="358" t="s">
        <v>14473</v>
      </c>
      <c r="H21059" s="358" t="s">
        <v>8356</v>
      </c>
      <c r="I21059" s="358" t="s">
        <v>14473</v>
      </c>
      <c r="J21059" s="358"/>
      <c r="K21059" s="358"/>
      <c r="L21059" s="358"/>
    </row>
    <row r="21060" spans="2:12">
      <c r="B21060" s="368"/>
      <c r="C21060" s="368"/>
      <c r="D21060" s="368"/>
      <c r="E21060" s="368"/>
      <c r="F21060" s="368"/>
      <c r="G21060" s="368"/>
      <c r="H21060" s="368"/>
      <c r="I21060" s="368"/>
      <c r="J21060" s="366"/>
      <c r="K21060" s="366"/>
      <c r="L21060" s="366"/>
    </row>
    <row r="21061" spans="2:12">
      <c r="B21061" s="358" t="s">
        <v>25376</v>
      </c>
      <c r="C21061" s="358" t="s">
        <v>25377</v>
      </c>
      <c r="D21061" s="358" t="s">
        <v>25378</v>
      </c>
      <c r="E21061" s="358" t="s">
        <v>25379</v>
      </c>
      <c r="F21061" s="358" t="s">
        <v>14420</v>
      </c>
      <c r="G21061" s="358" t="s">
        <v>14429</v>
      </c>
      <c r="H21061" s="358" t="s">
        <v>14381</v>
      </c>
      <c r="I21061" s="358" t="s">
        <v>14429</v>
      </c>
      <c r="J21061" s="358"/>
      <c r="K21061" s="358"/>
      <c r="L21061" s="358"/>
    </row>
    <row r="21062" spans="2:12">
      <c r="B21062" s="367"/>
      <c r="C21062" s="367"/>
      <c r="D21062" s="367"/>
      <c r="E21062" s="367"/>
      <c r="F21062" s="360"/>
      <c r="G21062" s="360"/>
      <c r="H21062" s="360"/>
      <c r="I21062" s="360"/>
      <c r="J21062" s="365"/>
      <c r="K21062" s="365"/>
      <c r="L21062" s="365"/>
    </row>
    <row r="21063" spans="2:12">
      <c r="B21063" s="367"/>
      <c r="C21063" s="367"/>
      <c r="D21063" s="367"/>
      <c r="E21063" s="367"/>
      <c r="F21063" s="359" t="s">
        <v>14460</v>
      </c>
      <c r="G21063" s="359" t="s">
        <v>14519</v>
      </c>
      <c r="H21063" s="359" t="s">
        <v>14367</v>
      </c>
      <c r="I21063" s="359" t="s">
        <v>14519</v>
      </c>
      <c r="J21063" s="365"/>
      <c r="K21063" s="365"/>
      <c r="L21063" s="365"/>
    </row>
    <row r="21064" spans="2:12">
      <c r="B21064" s="367"/>
      <c r="C21064" s="367"/>
      <c r="D21064" s="367"/>
      <c r="E21064" s="367"/>
      <c r="F21064" s="360"/>
      <c r="G21064" s="360"/>
      <c r="H21064" s="360"/>
      <c r="I21064" s="360"/>
      <c r="J21064" s="365"/>
      <c r="K21064" s="365"/>
      <c r="L21064" s="365"/>
    </row>
    <row r="21065" spans="2:12">
      <c r="B21065" s="368"/>
      <c r="C21065" s="368"/>
      <c r="D21065" s="368"/>
      <c r="E21065" s="368"/>
      <c r="F21065" s="362"/>
      <c r="G21065" s="362"/>
      <c r="H21065" s="361" t="s">
        <v>14422</v>
      </c>
      <c r="I21065" s="362"/>
      <c r="J21065" s="366"/>
      <c r="K21065" s="366"/>
      <c r="L21065" s="366"/>
    </row>
    <row r="21066" spans="2:12" ht="28.5">
      <c r="B21066" s="358" t="s">
        <v>25380</v>
      </c>
      <c r="C21066" s="358" t="s">
        <v>28026</v>
      </c>
      <c r="D21066" s="358" t="s">
        <v>25381</v>
      </c>
      <c r="E21066" s="358" t="s">
        <v>25382</v>
      </c>
      <c r="F21066" s="358" t="s">
        <v>14507</v>
      </c>
      <c r="G21066" s="358" t="s">
        <v>15234</v>
      </c>
      <c r="H21066" s="358" t="s">
        <v>14381</v>
      </c>
      <c r="I21066" s="358" t="s">
        <v>15234</v>
      </c>
      <c r="J21066" s="358"/>
      <c r="K21066" s="358"/>
      <c r="L21066" s="358"/>
    </row>
    <row r="21067" spans="2:12">
      <c r="B21067" s="367"/>
      <c r="C21067" s="367"/>
      <c r="D21067" s="367"/>
      <c r="E21067" s="367"/>
      <c r="F21067" s="367"/>
      <c r="G21067" s="367"/>
      <c r="H21067" s="360"/>
      <c r="I21067" s="367"/>
      <c r="J21067" s="365"/>
      <c r="K21067" s="365"/>
      <c r="L21067" s="365"/>
    </row>
    <row r="21068" spans="2:12">
      <c r="B21068" s="368"/>
      <c r="C21068" s="368"/>
      <c r="D21068" s="368"/>
      <c r="E21068" s="368"/>
      <c r="F21068" s="368"/>
      <c r="G21068" s="368"/>
      <c r="H21068" s="361" t="s">
        <v>14422</v>
      </c>
      <c r="I21068" s="368"/>
      <c r="J21068" s="366"/>
      <c r="K21068" s="366"/>
      <c r="L21068" s="366"/>
    </row>
    <row r="21069" spans="2:12" ht="42.75">
      <c r="B21069" s="358" t="s">
        <v>25383</v>
      </c>
      <c r="C21069" s="358" t="s">
        <v>25384</v>
      </c>
      <c r="D21069" s="358" t="s">
        <v>25385</v>
      </c>
      <c r="E21069" s="358" t="s">
        <v>25386</v>
      </c>
      <c r="F21069" s="358" t="s">
        <v>14462</v>
      </c>
      <c r="G21069" s="358" t="s">
        <v>14463</v>
      </c>
      <c r="H21069" s="358" t="s">
        <v>8356</v>
      </c>
      <c r="I21069" s="358" t="s">
        <v>14463</v>
      </c>
      <c r="J21069" s="358"/>
      <c r="K21069" s="358"/>
      <c r="L21069" s="358"/>
    </row>
    <row r="21070" spans="2:12">
      <c r="B21070" s="368"/>
      <c r="C21070" s="368"/>
      <c r="D21070" s="368"/>
      <c r="E21070" s="368"/>
      <c r="F21070" s="368"/>
      <c r="G21070" s="368"/>
      <c r="H21070" s="368"/>
      <c r="I21070" s="368"/>
      <c r="J21070" s="366"/>
      <c r="K21070" s="366"/>
      <c r="L21070" s="366"/>
    </row>
    <row r="21071" spans="2:12" ht="28.5">
      <c r="B21071" s="358" t="s">
        <v>25387</v>
      </c>
      <c r="C21071" s="358" t="s">
        <v>25388</v>
      </c>
      <c r="D21071" s="358" t="s">
        <v>25389</v>
      </c>
      <c r="E21071" s="358" t="s">
        <v>25390</v>
      </c>
      <c r="F21071" s="358" t="s">
        <v>14391</v>
      </c>
      <c r="G21071" s="358" t="s">
        <v>14392</v>
      </c>
      <c r="H21071" s="358" t="s">
        <v>14367</v>
      </c>
      <c r="I21071" s="358" t="s">
        <v>14392</v>
      </c>
      <c r="J21071" s="358"/>
      <c r="K21071" s="358"/>
      <c r="L21071" s="358"/>
    </row>
    <row r="21072" spans="2:12">
      <c r="B21072" s="367"/>
      <c r="C21072" s="367"/>
      <c r="D21072" s="367"/>
      <c r="E21072" s="367"/>
      <c r="F21072" s="367"/>
      <c r="G21072" s="367"/>
      <c r="H21072" s="360"/>
      <c r="I21072" s="367"/>
      <c r="J21072" s="365"/>
      <c r="K21072" s="365"/>
      <c r="L21072" s="365"/>
    </row>
    <row r="21073" spans="2:12">
      <c r="B21073" s="368"/>
      <c r="C21073" s="368"/>
      <c r="D21073" s="368"/>
      <c r="E21073" s="368"/>
      <c r="F21073" s="368"/>
      <c r="G21073" s="368"/>
      <c r="H21073" s="361" t="s">
        <v>14422</v>
      </c>
      <c r="I21073" s="368"/>
      <c r="J21073" s="366"/>
      <c r="K21073" s="366"/>
      <c r="L21073" s="366"/>
    </row>
    <row r="21074" spans="2:12" ht="28.5">
      <c r="B21074" s="358" t="s">
        <v>25391</v>
      </c>
      <c r="C21074" s="358" t="s">
        <v>28027</v>
      </c>
      <c r="D21074" s="358" t="s">
        <v>25392</v>
      </c>
      <c r="E21074" s="358" t="s">
        <v>25393</v>
      </c>
      <c r="F21074" s="358" t="s">
        <v>14462</v>
      </c>
      <c r="G21074" s="358" t="s">
        <v>14463</v>
      </c>
      <c r="H21074" s="358" t="s">
        <v>8356</v>
      </c>
      <c r="I21074" s="358" t="s">
        <v>14463</v>
      </c>
      <c r="J21074" s="358"/>
      <c r="K21074" s="358"/>
      <c r="L21074" s="358"/>
    </row>
    <row r="21075" spans="2:12">
      <c r="B21075" s="368"/>
      <c r="C21075" s="368"/>
      <c r="D21075" s="368"/>
      <c r="E21075" s="368"/>
      <c r="F21075" s="368"/>
      <c r="G21075" s="368"/>
      <c r="H21075" s="368"/>
      <c r="I21075" s="368"/>
      <c r="J21075" s="366"/>
      <c r="K21075" s="366"/>
      <c r="L21075" s="366"/>
    </row>
    <row r="21076" spans="2:12" ht="28.5">
      <c r="B21076" s="358" t="s">
        <v>25394</v>
      </c>
      <c r="C21076" s="358" t="s">
        <v>25395</v>
      </c>
      <c r="D21076" s="358" t="s">
        <v>25396</v>
      </c>
      <c r="E21076" s="358" t="s">
        <v>8356</v>
      </c>
      <c r="F21076" s="358" t="s">
        <v>14462</v>
      </c>
      <c r="G21076" s="358" t="s">
        <v>14463</v>
      </c>
      <c r="H21076" s="358" t="s">
        <v>8356</v>
      </c>
      <c r="I21076" s="358" t="s">
        <v>14463</v>
      </c>
      <c r="J21076" s="358"/>
      <c r="K21076" s="358"/>
      <c r="L21076" s="358"/>
    </row>
    <row r="21077" spans="2:12">
      <c r="B21077" s="367"/>
      <c r="C21077" s="360"/>
      <c r="D21077" s="367"/>
      <c r="E21077" s="367"/>
      <c r="F21077" s="367"/>
      <c r="G21077" s="367"/>
      <c r="H21077" s="367"/>
      <c r="I21077" s="367"/>
      <c r="J21077" s="365"/>
      <c r="K21077" s="365"/>
      <c r="L21077" s="365"/>
    </row>
    <row r="21078" spans="2:12" ht="28.5">
      <c r="B21078" s="367"/>
      <c r="C21078" s="359" t="s">
        <v>25397</v>
      </c>
      <c r="D21078" s="367"/>
      <c r="E21078" s="367"/>
      <c r="F21078" s="367"/>
      <c r="G21078" s="367"/>
      <c r="H21078" s="367"/>
      <c r="I21078" s="367"/>
      <c r="J21078" s="365"/>
      <c r="K21078" s="365"/>
      <c r="L21078" s="365"/>
    </row>
    <row r="21079" spans="2:12">
      <c r="B21079" s="367"/>
      <c r="C21079" s="360"/>
      <c r="D21079" s="367"/>
      <c r="E21079" s="367"/>
      <c r="F21079" s="367"/>
      <c r="G21079" s="367"/>
      <c r="H21079" s="367"/>
      <c r="I21079" s="367"/>
      <c r="J21079" s="365"/>
      <c r="K21079" s="365"/>
      <c r="L21079" s="365"/>
    </row>
    <row r="21080" spans="2:12" ht="28.5">
      <c r="B21080" s="368"/>
      <c r="C21080" s="361" t="s">
        <v>25398</v>
      </c>
      <c r="D21080" s="368"/>
      <c r="E21080" s="368"/>
      <c r="F21080" s="368"/>
      <c r="G21080" s="368"/>
      <c r="H21080" s="368"/>
      <c r="I21080" s="368"/>
      <c r="J21080" s="366"/>
      <c r="K21080" s="366"/>
      <c r="L21080" s="366"/>
    </row>
    <row r="21081" spans="2:12" ht="28.5">
      <c r="B21081" s="358" t="s">
        <v>25399</v>
      </c>
      <c r="C21081" s="358" t="s">
        <v>28028</v>
      </c>
      <c r="D21081" s="358" t="s">
        <v>25400</v>
      </c>
      <c r="E21081" s="358" t="s">
        <v>8356</v>
      </c>
      <c r="F21081" s="358" t="s">
        <v>14391</v>
      </c>
      <c r="G21081" s="358" t="s">
        <v>14392</v>
      </c>
      <c r="H21081" s="358" t="s">
        <v>14367</v>
      </c>
      <c r="I21081" s="358" t="s">
        <v>14392</v>
      </c>
      <c r="J21081" s="358"/>
      <c r="K21081" s="358"/>
      <c r="L21081" s="358"/>
    </row>
    <row r="21082" spans="2:12">
      <c r="B21082" s="367"/>
      <c r="C21082" s="360"/>
      <c r="D21082" s="367"/>
      <c r="E21082" s="367"/>
      <c r="F21082" s="360"/>
      <c r="G21082" s="360"/>
      <c r="H21082" s="360"/>
      <c r="I21082" s="360"/>
      <c r="J21082" s="365"/>
      <c r="K21082" s="365"/>
      <c r="L21082" s="365"/>
    </row>
    <row r="21083" spans="2:12" ht="28.5">
      <c r="B21083" s="367"/>
      <c r="C21083" s="359" t="s">
        <v>28029</v>
      </c>
      <c r="D21083" s="367"/>
      <c r="E21083" s="367"/>
      <c r="F21083" s="359" t="s">
        <v>14462</v>
      </c>
      <c r="G21083" s="359" t="s">
        <v>14463</v>
      </c>
      <c r="H21083" s="359" t="s">
        <v>14422</v>
      </c>
      <c r="I21083" s="359" t="s">
        <v>14463</v>
      </c>
      <c r="J21083" s="365"/>
      <c r="K21083" s="365"/>
      <c r="L21083" s="365"/>
    </row>
    <row r="21084" spans="2:12">
      <c r="B21084" s="367"/>
      <c r="C21084" s="360"/>
      <c r="D21084" s="367"/>
      <c r="E21084" s="367"/>
      <c r="F21084" s="360"/>
      <c r="G21084" s="360"/>
      <c r="H21084" s="360"/>
      <c r="I21084" s="360"/>
      <c r="J21084" s="365"/>
      <c r="K21084" s="365"/>
      <c r="L21084" s="365"/>
    </row>
    <row r="21085" spans="2:12" ht="28.5">
      <c r="B21085" s="368"/>
      <c r="C21085" s="361" t="s">
        <v>28030</v>
      </c>
      <c r="D21085" s="368"/>
      <c r="E21085" s="368"/>
      <c r="F21085" s="362"/>
      <c r="G21085" s="362"/>
      <c r="H21085" s="362"/>
      <c r="I21085" s="362"/>
      <c r="J21085" s="366"/>
      <c r="K21085" s="366"/>
      <c r="L21085" s="366"/>
    </row>
    <row r="21086" spans="2:12" ht="28.5">
      <c r="B21086" s="358" t="s">
        <v>25401</v>
      </c>
      <c r="C21086" s="358" t="s">
        <v>28031</v>
      </c>
      <c r="D21086" s="358" t="s">
        <v>25402</v>
      </c>
      <c r="E21086" s="358" t="s">
        <v>25403</v>
      </c>
      <c r="F21086" s="358" t="s">
        <v>14462</v>
      </c>
      <c r="G21086" s="358" t="s">
        <v>14463</v>
      </c>
      <c r="H21086" s="358" t="s">
        <v>8356</v>
      </c>
      <c r="I21086" s="358" t="s">
        <v>14463</v>
      </c>
      <c r="J21086" s="358"/>
      <c r="K21086" s="358"/>
      <c r="L21086" s="358"/>
    </row>
    <row r="21087" spans="2:12">
      <c r="B21087" s="368"/>
      <c r="C21087" s="368"/>
      <c r="D21087" s="368"/>
      <c r="E21087" s="368"/>
      <c r="F21087" s="368"/>
      <c r="G21087" s="368"/>
      <c r="H21087" s="368"/>
      <c r="I21087" s="368"/>
      <c r="J21087" s="366"/>
      <c r="K21087" s="366"/>
      <c r="L21087" s="366"/>
    </row>
    <row r="21088" spans="2:12">
      <c r="B21088" s="358" t="s">
        <v>25404</v>
      </c>
      <c r="C21088" s="358" t="s">
        <v>25405</v>
      </c>
      <c r="D21088" s="358" t="s">
        <v>25406</v>
      </c>
      <c r="E21088" s="358" t="s">
        <v>25407</v>
      </c>
      <c r="F21088" s="358" t="s">
        <v>14426</v>
      </c>
      <c r="G21088" s="358" t="s">
        <v>14427</v>
      </c>
      <c r="H21088" s="358" t="s">
        <v>14381</v>
      </c>
      <c r="I21088" s="358" t="s">
        <v>14427</v>
      </c>
      <c r="J21088" s="358"/>
      <c r="K21088" s="358"/>
      <c r="L21088" s="358"/>
    </row>
    <row r="21089" spans="2:12">
      <c r="B21089" s="367"/>
      <c r="C21089" s="367"/>
      <c r="D21089" s="367"/>
      <c r="E21089" s="367"/>
      <c r="F21089" s="360"/>
      <c r="G21089" s="360"/>
      <c r="H21089" s="360"/>
      <c r="I21089" s="360"/>
      <c r="J21089" s="365"/>
      <c r="K21089" s="365"/>
      <c r="L21089" s="365"/>
    </row>
    <row r="21090" spans="2:12" ht="28.5">
      <c r="B21090" s="368"/>
      <c r="C21090" s="368"/>
      <c r="D21090" s="368"/>
      <c r="E21090" s="368"/>
      <c r="F21090" s="361" t="s">
        <v>14462</v>
      </c>
      <c r="G21090" s="361" t="s">
        <v>14463</v>
      </c>
      <c r="H21090" s="361" t="s">
        <v>14422</v>
      </c>
      <c r="I21090" s="361" t="s">
        <v>14463</v>
      </c>
      <c r="J21090" s="366"/>
      <c r="K21090" s="366"/>
      <c r="L21090" s="366"/>
    </row>
    <row r="21091" spans="2:12">
      <c r="B21091" s="358" t="s">
        <v>25408</v>
      </c>
      <c r="C21091" s="358" t="s">
        <v>28032</v>
      </c>
      <c r="D21091" s="358" t="s">
        <v>25409</v>
      </c>
      <c r="E21091" s="358" t="s">
        <v>25410</v>
      </c>
      <c r="F21091" s="358" t="s">
        <v>14386</v>
      </c>
      <c r="G21091" s="358" t="s">
        <v>14387</v>
      </c>
      <c r="H21091" s="358" t="s">
        <v>14367</v>
      </c>
      <c r="I21091" s="358" t="s">
        <v>14387</v>
      </c>
      <c r="J21091" s="358"/>
      <c r="K21091" s="358"/>
      <c r="L21091" s="358"/>
    </row>
    <row r="21092" spans="2:12">
      <c r="B21092" s="367"/>
      <c r="C21092" s="367"/>
      <c r="D21092" s="367"/>
      <c r="E21092" s="367"/>
      <c r="F21092" s="360"/>
      <c r="G21092" s="360"/>
      <c r="H21092" s="360"/>
      <c r="I21092" s="360"/>
      <c r="J21092" s="365"/>
      <c r="K21092" s="365"/>
      <c r="L21092" s="365"/>
    </row>
    <row r="21093" spans="2:12">
      <c r="B21093" s="367"/>
      <c r="C21093" s="367"/>
      <c r="D21093" s="367"/>
      <c r="E21093" s="367"/>
      <c r="F21093" s="359" t="s">
        <v>14391</v>
      </c>
      <c r="G21093" s="359" t="s">
        <v>14392</v>
      </c>
      <c r="H21093" s="359" t="s">
        <v>14422</v>
      </c>
      <c r="I21093" s="359" t="s">
        <v>14392</v>
      </c>
      <c r="J21093" s="365"/>
      <c r="K21093" s="365"/>
      <c r="L21093" s="365"/>
    </row>
    <row r="21094" spans="2:12">
      <c r="B21094" s="367"/>
      <c r="C21094" s="367"/>
      <c r="D21094" s="367"/>
      <c r="E21094" s="367"/>
      <c r="F21094" s="360"/>
      <c r="G21094" s="360"/>
      <c r="H21094" s="360"/>
      <c r="I21094" s="360"/>
      <c r="J21094" s="365"/>
      <c r="K21094" s="365"/>
      <c r="L21094" s="365"/>
    </row>
    <row r="21095" spans="2:12" ht="28.5">
      <c r="B21095" s="368"/>
      <c r="C21095" s="368"/>
      <c r="D21095" s="368"/>
      <c r="E21095" s="368"/>
      <c r="F21095" s="361" t="s">
        <v>14472</v>
      </c>
      <c r="G21095" s="361" t="s">
        <v>14473</v>
      </c>
      <c r="H21095" s="362"/>
      <c r="I21095" s="361" t="s">
        <v>14473</v>
      </c>
      <c r="J21095" s="366"/>
      <c r="K21095" s="366"/>
      <c r="L21095" s="366"/>
    </row>
    <row r="21096" spans="2:12">
      <c r="B21096" s="358" t="s">
        <v>25411</v>
      </c>
      <c r="C21096" s="358" t="s">
        <v>28033</v>
      </c>
      <c r="D21096" s="358" t="s">
        <v>25412</v>
      </c>
      <c r="E21096" s="358" t="s">
        <v>25413</v>
      </c>
      <c r="F21096" s="358" t="s">
        <v>14420</v>
      </c>
      <c r="G21096" s="358" t="s">
        <v>14429</v>
      </c>
      <c r="H21096" s="358" t="s">
        <v>14341</v>
      </c>
      <c r="I21096" s="358" t="s">
        <v>14429</v>
      </c>
      <c r="J21096" s="358"/>
      <c r="K21096" s="358"/>
      <c r="L21096" s="358"/>
    </row>
    <row r="21097" spans="2:12">
      <c r="B21097" s="367"/>
      <c r="C21097" s="367"/>
      <c r="D21097" s="367"/>
      <c r="E21097" s="367"/>
      <c r="F21097" s="360"/>
      <c r="G21097" s="360"/>
      <c r="H21097" s="360"/>
      <c r="I21097" s="360"/>
      <c r="J21097" s="365"/>
      <c r="K21097" s="365"/>
      <c r="L21097" s="365"/>
    </row>
    <row r="21098" spans="2:12">
      <c r="B21098" s="367"/>
      <c r="C21098" s="367"/>
      <c r="D21098" s="367"/>
      <c r="E21098" s="367"/>
      <c r="F21098" s="359" t="s">
        <v>14430</v>
      </c>
      <c r="G21098" s="359" t="s">
        <v>14431</v>
      </c>
      <c r="H21098" s="359" t="s">
        <v>14367</v>
      </c>
      <c r="I21098" s="359" t="s">
        <v>14431</v>
      </c>
      <c r="J21098" s="365"/>
      <c r="K21098" s="365"/>
      <c r="L21098" s="365"/>
    </row>
    <row r="21099" spans="2:12">
      <c r="B21099" s="367"/>
      <c r="C21099" s="367"/>
      <c r="D21099" s="367"/>
      <c r="E21099" s="367"/>
      <c r="F21099" s="360"/>
      <c r="G21099" s="360"/>
      <c r="H21099" s="360"/>
      <c r="I21099" s="360"/>
      <c r="J21099" s="365"/>
      <c r="K21099" s="365"/>
      <c r="L21099" s="365"/>
    </row>
    <row r="21100" spans="2:12">
      <c r="B21100" s="368"/>
      <c r="C21100" s="368"/>
      <c r="D21100" s="368"/>
      <c r="E21100" s="368"/>
      <c r="F21100" s="362"/>
      <c r="G21100" s="362"/>
      <c r="H21100" s="361" t="s">
        <v>14332</v>
      </c>
      <c r="I21100" s="362"/>
      <c r="J21100" s="366"/>
      <c r="K21100" s="366"/>
      <c r="L21100" s="366"/>
    </row>
    <row r="21101" spans="2:12" ht="28.5">
      <c r="B21101" s="358" t="s">
        <v>25414</v>
      </c>
      <c r="C21101" s="358" t="s">
        <v>25415</v>
      </c>
      <c r="D21101" s="358" t="s">
        <v>25416</v>
      </c>
      <c r="E21101" s="358" t="s">
        <v>25417</v>
      </c>
      <c r="F21101" s="358" t="s">
        <v>14394</v>
      </c>
      <c r="G21101" s="358" t="s">
        <v>14395</v>
      </c>
      <c r="H21101" s="358" t="s">
        <v>14370</v>
      </c>
      <c r="I21101" s="358" t="s">
        <v>14395</v>
      </c>
      <c r="J21101" s="358"/>
      <c r="K21101" s="358"/>
      <c r="L21101" s="358"/>
    </row>
    <row r="21102" spans="2:12">
      <c r="B21102" s="367"/>
      <c r="C21102" s="360"/>
      <c r="D21102" s="367"/>
      <c r="E21102" s="367"/>
      <c r="F21102" s="367"/>
      <c r="G21102" s="367"/>
      <c r="H21102" s="367"/>
      <c r="I21102" s="367"/>
      <c r="J21102" s="365"/>
      <c r="K21102" s="365"/>
      <c r="L21102" s="365"/>
    </row>
    <row r="21103" spans="2:12" ht="28.5">
      <c r="B21103" s="368"/>
      <c r="C21103" s="361" t="s">
        <v>28034</v>
      </c>
      <c r="D21103" s="368"/>
      <c r="E21103" s="368"/>
      <c r="F21103" s="368"/>
      <c r="G21103" s="368"/>
      <c r="H21103" s="368"/>
      <c r="I21103" s="368"/>
      <c r="J21103" s="366"/>
      <c r="K21103" s="366"/>
      <c r="L21103" s="366"/>
    </row>
    <row r="21104" spans="2:12" ht="42.75">
      <c r="B21104" s="358" t="s">
        <v>25418</v>
      </c>
      <c r="C21104" s="358" t="s">
        <v>28035</v>
      </c>
      <c r="D21104" s="358" t="s">
        <v>25419</v>
      </c>
      <c r="E21104" s="358" t="s">
        <v>8356</v>
      </c>
      <c r="F21104" s="358" t="s">
        <v>14430</v>
      </c>
      <c r="G21104" s="358" t="s">
        <v>14431</v>
      </c>
      <c r="H21104" s="358" t="s">
        <v>14341</v>
      </c>
      <c r="I21104" s="358" t="s">
        <v>14431</v>
      </c>
      <c r="J21104" s="358"/>
      <c r="K21104" s="358"/>
      <c r="L21104" s="358"/>
    </row>
    <row r="21105" spans="2:12">
      <c r="B21105" s="367"/>
      <c r="C21105" s="360"/>
      <c r="D21105" s="367"/>
      <c r="E21105" s="367"/>
      <c r="F21105" s="367"/>
      <c r="G21105" s="367"/>
      <c r="H21105" s="360"/>
      <c r="I21105" s="367"/>
      <c r="J21105" s="365"/>
      <c r="K21105" s="365"/>
      <c r="L21105" s="365"/>
    </row>
    <row r="21106" spans="2:12" ht="42.75">
      <c r="B21106" s="368"/>
      <c r="C21106" s="361" t="s">
        <v>28036</v>
      </c>
      <c r="D21106" s="368"/>
      <c r="E21106" s="368"/>
      <c r="F21106" s="368"/>
      <c r="G21106" s="368"/>
      <c r="H21106" s="361" t="s">
        <v>14332</v>
      </c>
      <c r="I21106" s="368"/>
      <c r="J21106" s="366"/>
      <c r="K21106" s="366"/>
      <c r="L21106" s="366"/>
    </row>
    <row r="21107" spans="2:12" ht="28.5">
      <c r="B21107" s="358" t="s">
        <v>25420</v>
      </c>
      <c r="C21107" s="358" t="s">
        <v>28037</v>
      </c>
      <c r="D21107" s="358" t="s">
        <v>25421</v>
      </c>
      <c r="E21107" s="358" t="s">
        <v>25422</v>
      </c>
      <c r="F21107" s="358" t="s">
        <v>14462</v>
      </c>
      <c r="G21107" s="358" t="s">
        <v>14463</v>
      </c>
      <c r="H21107" s="358" t="s">
        <v>8356</v>
      </c>
      <c r="I21107" s="358" t="s">
        <v>14463</v>
      </c>
      <c r="J21107" s="358"/>
      <c r="K21107" s="358"/>
      <c r="L21107" s="358"/>
    </row>
    <row r="21108" spans="2:12">
      <c r="B21108" s="368"/>
      <c r="C21108" s="368"/>
      <c r="D21108" s="368"/>
      <c r="E21108" s="368"/>
      <c r="F21108" s="368"/>
      <c r="G21108" s="368"/>
      <c r="H21108" s="368"/>
      <c r="I21108" s="368"/>
      <c r="J21108" s="366"/>
      <c r="K21108" s="366"/>
      <c r="L21108" s="366"/>
    </row>
    <row r="21109" spans="2:12" ht="28.5">
      <c r="B21109" s="358" t="s">
        <v>25423</v>
      </c>
      <c r="C21109" s="358" t="s">
        <v>25424</v>
      </c>
      <c r="D21109" s="358" t="s">
        <v>25425</v>
      </c>
      <c r="E21109" s="358" t="s">
        <v>25426</v>
      </c>
      <c r="F21109" s="358" t="s">
        <v>14391</v>
      </c>
      <c r="G21109" s="358" t="s">
        <v>14392</v>
      </c>
      <c r="H21109" s="358" t="s">
        <v>14367</v>
      </c>
      <c r="I21109" s="358" t="s">
        <v>14392</v>
      </c>
      <c r="J21109" s="358"/>
      <c r="K21109" s="358"/>
      <c r="L21109" s="358"/>
    </row>
    <row r="21110" spans="2:12">
      <c r="B21110" s="367"/>
      <c r="C21110" s="367"/>
      <c r="D21110" s="367"/>
      <c r="E21110" s="367"/>
      <c r="F21110" s="367"/>
      <c r="G21110" s="367"/>
      <c r="H21110" s="360"/>
      <c r="I21110" s="367"/>
      <c r="J21110" s="365"/>
      <c r="K21110" s="365"/>
      <c r="L21110" s="365"/>
    </row>
    <row r="21111" spans="2:12">
      <c r="B21111" s="368"/>
      <c r="C21111" s="368"/>
      <c r="D21111" s="368"/>
      <c r="E21111" s="368"/>
      <c r="F21111" s="368"/>
      <c r="G21111" s="368"/>
      <c r="H21111" s="361" t="s">
        <v>14422</v>
      </c>
      <c r="I21111" s="368"/>
      <c r="J21111" s="366"/>
      <c r="K21111" s="366"/>
      <c r="L21111" s="366"/>
    </row>
    <row r="21112" spans="2:12" ht="28.5">
      <c r="B21112" s="358" t="s">
        <v>25427</v>
      </c>
      <c r="C21112" s="358" t="s">
        <v>25428</v>
      </c>
      <c r="D21112" s="358" t="s">
        <v>25429</v>
      </c>
      <c r="E21112" s="358" t="s">
        <v>25430</v>
      </c>
      <c r="F21112" s="358" t="s">
        <v>14472</v>
      </c>
      <c r="G21112" s="358" t="s">
        <v>14473</v>
      </c>
      <c r="H21112" s="358" t="s">
        <v>8356</v>
      </c>
      <c r="I21112" s="358" t="s">
        <v>14473</v>
      </c>
      <c r="J21112" s="358"/>
      <c r="K21112" s="358"/>
      <c r="L21112" s="358"/>
    </row>
    <row r="21113" spans="2:12">
      <c r="B21113" s="368"/>
      <c r="C21113" s="368"/>
      <c r="D21113" s="368"/>
      <c r="E21113" s="368"/>
      <c r="F21113" s="368"/>
      <c r="G21113" s="368"/>
      <c r="H21113" s="368"/>
      <c r="I21113" s="368"/>
      <c r="J21113" s="366"/>
      <c r="K21113" s="366"/>
      <c r="L21113" s="366"/>
    </row>
    <row r="21114" spans="2:12">
      <c r="B21114" s="358" t="s">
        <v>25431</v>
      </c>
      <c r="C21114" s="358" t="s">
        <v>25432</v>
      </c>
      <c r="D21114" s="358" t="s">
        <v>25433</v>
      </c>
      <c r="E21114" s="358" t="s">
        <v>25434</v>
      </c>
      <c r="F21114" s="358" t="s">
        <v>14420</v>
      </c>
      <c r="G21114" s="358" t="s">
        <v>14429</v>
      </c>
      <c r="H21114" s="358" t="s">
        <v>14367</v>
      </c>
      <c r="I21114" s="358" t="s">
        <v>14429</v>
      </c>
      <c r="J21114" s="358"/>
      <c r="K21114" s="358"/>
      <c r="L21114" s="358"/>
    </row>
    <row r="21115" spans="2:12">
      <c r="B21115" s="367"/>
      <c r="C21115" s="367"/>
      <c r="D21115" s="367"/>
      <c r="E21115" s="367"/>
      <c r="F21115" s="360"/>
      <c r="G21115" s="360"/>
      <c r="H21115" s="360"/>
      <c r="I21115" s="360"/>
      <c r="J21115" s="365"/>
      <c r="K21115" s="365"/>
      <c r="L21115" s="365"/>
    </row>
    <row r="21116" spans="2:12">
      <c r="B21116" s="367"/>
      <c r="C21116" s="367"/>
      <c r="D21116" s="367"/>
      <c r="E21116" s="367"/>
      <c r="F21116" s="359" t="s">
        <v>14391</v>
      </c>
      <c r="G21116" s="359" t="s">
        <v>14392</v>
      </c>
      <c r="H21116" s="359" t="s">
        <v>14370</v>
      </c>
      <c r="I21116" s="359" t="s">
        <v>14392</v>
      </c>
      <c r="J21116" s="365"/>
      <c r="K21116" s="365"/>
      <c r="L21116" s="365"/>
    </row>
    <row r="21117" spans="2:12">
      <c r="B21117" s="367"/>
      <c r="C21117" s="367"/>
      <c r="D21117" s="367"/>
      <c r="E21117" s="367"/>
      <c r="F21117" s="360"/>
      <c r="G21117" s="360"/>
      <c r="H21117" s="360"/>
      <c r="I21117" s="360"/>
      <c r="J21117" s="365"/>
      <c r="K21117" s="365"/>
      <c r="L21117" s="365"/>
    </row>
    <row r="21118" spans="2:12">
      <c r="B21118" s="367"/>
      <c r="C21118" s="367"/>
      <c r="D21118" s="367"/>
      <c r="E21118" s="367"/>
      <c r="F21118" s="359" t="s">
        <v>14371</v>
      </c>
      <c r="G21118" s="359" t="s">
        <v>14372</v>
      </c>
      <c r="H21118" s="359" t="s">
        <v>14422</v>
      </c>
      <c r="I21118" s="359" t="s">
        <v>14373</v>
      </c>
      <c r="J21118" s="365"/>
      <c r="K21118" s="365"/>
      <c r="L21118" s="365"/>
    </row>
    <row r="21119" spans="2:12">
      <c r="B21119" s="367"/>
      <c r="C21119" s="367"/>
      <c r="D21119" s="367"/>
      <c r="E21119" s="367"/>
      <c r="F21119" s="360"/>
      <c r="G21119" s="360"/>
      <c r="H21119" s="360"/>
      <c r="I21119" s="360"/>
      <c r="J21119" s="365"/>
      <c r="K21119" s="365"/>
      <c r="L21119" s="365"/>
    </row>
    <row r="21120" spans="2:12" ht="28.5">
      <c r="B21120" s="368"/>
      <c r="C21120" s="368"/>
      <c r="D21120" s="368"/>
      <c r="E21120" s="368"/>
      <c r="F21120" s="361" t="s">
        <v>14374</v>
      </c>
      <c r="G21120" s="361" t="s">
        <v>14373</v>
      </c>
      <c r="H21120" s="362"/>
      <c r="I21120" s="362"/>
      <c r="J21120" s="366"/>
      <c r="K21120" s="366"/>
      <c r="L21120" s="366"/>
    </row>
    <row r="21121" spans="2:12" ht="42.75">
      <c r="B21121" s="358" t="s">
        <v>25435</v>
      </c>
      <c r="C21121" s="358" t="s">
        <v>28038</v>
      </c>
      <c r="D21121" s="358" t="s">
        <v>25436</v>
      </c>
      <c r="E21121" s="358" t="s">
        <v>25437</v>
      </c>
      <c r="F21121" s="358" t="s">
        <v>14391</v>
      </c>
      <c r="G21121" s="358" t="s">
        <v>14392</v>
      </c>
      <c r="H21121" s="358" t="s">
        <v>14367</v>
      </c>
      <c r="I21121" s="358" t="s">
        <v>14392</v>
      </c>
      <c r="J21121" s="358"/>
      <c r="K21121" s="358"/>
      <c r="L21121" s="358"/>
    </row>
    <row r="21122" spans="2:12">
      <c r="B21122" s="367"/>
      <c r="C21122" s="367"/>
      <c r="D21122" s="367"/>
      <c r="E21122" s="367"/>
      <c r="F21122" s="367"/>
      <c r="G21122" s="367"/>
      <c r="H21122" s="360"/>
      <c r="I21122" s="367"/>
      <c r="J21122" s="365"/>
      <c r="K21122" s="365"/>
      <c r="L21122" s="365"/>
    </row>
    <row r="21123" spans="2:12">
      <c r="B21123" s="368"/>
      <c r="C21123" s="368"/>
      <c r="D21123" s="368"/>
      <c r="E21123" s="368"/>
      <c r="F21123" s="368"/>
      <c r="G21123" s="368"/>
      <c r="H21123" s="361" t="s">
        <v>14422</v>
      </c>
      <c r="I21123" s="368"/>
      <c r="J21123" s="366"/>
      <c r="K21123" s="366"/>
      <c r="L21123" s="366"/>
    </row>
    <row r="21124" spans="2:12">
      <c r="B21124" s="358" t="s">
        <v>25438</v>
      </c>
      <c r="C21124" s="358" t="s">
        <v>25439</v>
      </c>
      <c r="D21124" s="358" t="s">
        <v>25440</v>
      </c>
      <c r="E21124" s="358" t="s">
        <v>25441</v>
      </c>
      <c r="F21124" s="358" t="s">
        <v>14391</v>
      </c>
      <c r="G21124" s="358" t="s">
        <v>14392</v>
      </c>
      <c r="H21124" s="358" t="s">
        <v>14367</v>
      </c>
      <c r="I21124" s="358" t="s">
        <v>14392</v>
      </c>
      <c r="J21124" s="358"/>
      <c r="K21124" s="358"/>
      <c r="L21124" s="358"/>
    </row>
    <row r="21125" spans="2:12">
      <c r="B21125" s="367"/>
      <c r="C21125" s="367"/>
      <c r="D21125" s="367"/>
      <c r="E21125" s="367"/>
      <c r="F21125" s="360"/>
      <c r="G21125" s="360"/>
      <c r="H21125" s="360"/>
      <c r="I21125" s="360"/>
      <c r="J21125" s="365"/>
      <c r="K21125" s="365"/>
      <c r="L21125" s="365"/>
    </row>
    <row r="21126" spans="2:12" ht="28.5">
      <c r="B21126" s="368"/>
      <c r="C21126" s="368"/>
      <c r="D21126" s="368"/>
      <c r="E21126" s="368"/>
      <c r="F21126" s="361" t="s">
        <v>14472</v>
      </c>
      <c r="G21126" s="361" t="s">
        <v>14473</v>
      </c>
      <c r="H21126" s="361" t="s">
        <v>14422</v>
      </c>
      <c r="I21126" s="361" t="s">
        <v>14473</v>
      </c>
      <c r="J21126" s="366"/>
      <c r="K21126" s="366"/>
      <c r="L21126" s="366"/>
    </row>
    <row r="21127" spans="2:12">
      <c r="B21127" s="358" t="s">
        <v>25442</v>
      </c>
      <c r="C21127" s="358" t="s">
        <v>28039</v>
      </c>
      <c r="D21127" s="358" t="s">
        <v>25443</v>
      </c>
      <c r="E21127" s="358" t="s">
        <v>8356</v>
      </c>
      <c r="F21127" s="358" t="s">
        <v>14371</v>
      </c>
      <c r="G21127" s="358" t="s">
        <v>14372</v>
      </c>
      <c r="H21127" s="358" t="s">
        <v>14370</v>
      </c>
      <c r="I21127" s="358" t="s">
        <v>14373</v>
      </c>
      <c r="J21127" s="358"/>
      <c r="K21127" s="358"/>
      <c r="L21127" s="358"/>
    </row>
    <row r="21128" spans="2:12">
      <c r="B21128" s="367"/>
      <c r="C21128" s="367"/>
      <c r="D21128" s="367"/>
      <c r="E21128" s="367"/>
      <c r="F21128" s="360"/>
      <c r="G21128" s="360"/>
      <c r="H21128" s="360"/>
      <c r="I21128" s="367"/>
      <c r="J21128" s="365"/>
      <c r="K21128" s="365"/>
      <c r="L21128" s="365"/>
    </row>
    <row r="21129" spans="2:12" ht="28.5">
      <c r="B21129" s="368"/>
      <c r="C21129" s="368"/>
      <c r="D21129" s="368"/>
      <c r="E21129" s="368"/>
      <c r="F21129" s="361" t="s">
        <v>14374</v>
      </c>
      <c r="G21129" s="361" t="s">
        <v>14373</v>
      </c>
      <c r="H21129" s="361" t="s">
        <v>14422</v>
      </c>
      <c r="I21129" s="368"/>
      <c r="J21129" s="366"/>
      <c r="K21129" s="366"/>
      <c r="L21129" s="366"/>
    </row>
    <row r="21130" spans="2:12" ht="28.5">
      <c r="B21130" s="358" t="s">
        <v>25444</v>
      </c>
      <c r="C21130" s="358" t="s">
        <v>28040</v>
      </c>
      <c r="D21130" s="358" t="s">
        <v>25445</v>
      </c>
      <c r="E21130" s="358" t="s">
        <v>25446</v>
      </c>
      <c r="F21130" s="358" t="s">
        <v>14371</v>
      </c>
      <c r="G21130" s="358" t="s">
        <v>14372</v>
      </c>
      <c r="H21130" s="358" t="s">
        <v>14370</v>
      </c>
      <c r="I21130" s="358" t="s">
        <v>14373</v>
      </c>
      <c r="J21130" s="358"/>
      <c r="K21130" s="358"/>
      <c r="L21130" s="358"/>
    </row>
    <row r="21131" spans="2:12">
      <c r="B21131" s="367"/>
      <c r="C21131" s="367"/>
      <c r="D21131" s="367"/>
      <c r="E21131" s="367"/>
      <c r="F21131" s="360"/>
      <c r="G21131" s="360"/>
      <c r="H21131" s="360"/>
      <c r="I21131" s="367"/>
      <c r="J21131" s="365"/>
      <c r="K21131" s="365"/>
      <c r="L21131" s="365"/>
    </row>
    <row r="21132" spans="2:12" ht="28.5">
      <c r="B21132" s="368"/>
      <c r="C21132" s="368"/>
      <c r="D21132" s="368"/>
      <c r="E21132" s="368"/>
      <c r="F21132" s="361" t="s">
        <v>14374</v>
      </c>
      <c r="G21132" s="361" t="s">
        <v>14373</v>
      </c>
      <c r="H21132" s="361" t="s">
        <v>14422</v>
      </c>
      <c r="I21132" s="368"/>
      <c r="J21132" s="366"/>
      <c r="K21132" s="366"/>
      <c r="L21132" s="366"/>
    </row>
    <row r="21133" spans="2:12" ht="42.75">
      <c r="B21133" s="358" t="s">
        <v>25447</v>
      </c>
      <c r="C21133" s="358" t="s">
        <v>25448</v>
      </c>
      <c r="D21133" s="358" t="s">
        <v>25449</v>
      </c>
      <c r="E21133" s="358" t="s">
        <v>25450</v>
      </c>
      <c r="F21133" s="358" t="s">
        <v>14462</v>
      </c>
      <c r="G21133" s="358" t="s">
        <v>14463</v>
      </c>
      <c r="H21133" s="358" t="s">
        <v>8356</v>
      </c>
      <c r="I21133" s="358" t="s">
        <v>14463</v>
      </c>
      <c r="J21133" s="358"/>
      <c r="K21133" s="358"/>
      <c r="L21133" s="358"/>
    </row>
    <row r="21134" spans="2:12">
      <c r="B21134" s="368"/>
      <c r="C21134" s="368"/>
      <c r="D21134" s="368"/>
      <c r="E21134" s="368"/>
      <c r="F21134" s="368"/>
      <c r="G21134" s="368"/>
      <c r="H21134" s="368"/>
      <c r="I21134" s="368"/>
      <c r="J21134" s="366"/>
      <c r="K21134" s="366"/>
      <c r="L21134" s="366"/>
    </row>
    <row r="21135" spans="2:12" ht="28.5">
      <c r="B21135" s="358" t="s">
        <v>25451</v>
      </c>
      <c r="C21135" s="358" t="s">
        <v>25452</v>
      </c>
      <c r="D21135" s="358" t="s">
        <v>25453</v>
      </c>
      <c r="E21135" s="358" t="s">
        <v>25454</v>
      </c>
      <c r="F21135" s="358" t="s">
        <v>14386</v>
      </c>
      <c r="G21135" s="358" t="s">
        <v>14387</v>
      </c>
      <c r="H21135" s="358" t="s">
        <v>14367</v>
      </c>
      <c r="I21135" s="358" t="s">
        <v>14387</v>
      </c>
      <c r="J21135" s="358"/>
      <c r="K21135" s="358"/>
      <c r="L21135" s="358"/>
    </row>
    <row r="21136" spans="2:12">
      <c r="B21136" s="367"/>
      <c r="C21136" s="360"/>
      <c r="D21136" s="367"/>
      <c r="E21136" s="367"/>
      <c r="F21136" s="360"/>
      <c r="G21136" s="360"/>
      <c r="H21136" s="360"/>
      <c r="I21136" s="360"/>
      <c r="J21136" s="365"/>
      <c r="K21136" s="365"/>
      <c r="L21136" s="365"/>
    </row>
    <row r="21137" spans="2:12" ht="28.5">
      <c r="B21137" s="367"/>
      <c r="C21137" s="359" t="s">
        <v>29723</v>
      </c>
      <c r="D21137" s="367"/>
      <c r="E21137" s="367"/>
      <c r="F21137" s="359" t="s">
        <v>14391</v>
      </c>
      <c r="G21137" s="359" t="s">
        <v>14392</v>
      </c>
      <c r="H21137" s="359" t="s">
        <v>14370</v>
      </c>
      <c r="I21137" s="359" t="s">
        <v>14392</v>
      </c>
      <c r="J21137" s="365"/>
      <c r="K21137" s="365"/>
      <c r="L21137" s="365"/>
    </row>
    <row r="21138" spans="2:12">
      <c r="B21138" s="367"/>
      <c r="C21138" s="360"/>
      <c r="D21138" s="367"/>
      <c r="E21138" s="367"/>
      <c r="F21138" s="360"/>
      <c r="G21138" s="360"/>
      <c r="H21138" s="360"/>
      <c r="I21138" s="360"/>
      <c r="J21138" s="365"/>
      <c r="K21138" s="365"/>
      <c r="L21138" s="365"/>
    </row>
    <row r="21139" spans="2:12" ht="28.5">
      <c r="B21139" s="368"/>
      <c r="C21139" s="362"/>
      <c r="D21139" s="368"/>
      <c r="E21139" s="368"/>
      <c r="F21139" s="361" t="s">
        <v>14394</v>
      </c>
      <c r="G21139" s="361" t="s">
        <v>14395</v>
      </c>
      <c r="H21139" s="361" t="s">
        <v>14422</v>
      </c>
      <c r="I21139" s="361" t="s">
        <v>14395</v>
      </c>
      <c r="J21139" s="366"/>
      <c r="K21139" s="366"/>
      <c r="L21139" s="366"/>
    </row>
    <row r="21140" spans="2:12">
      <c r="B21140" s="358" t="s">
        <v>25455</v>
      </c>
      <c r="C21140" s="358" t="s">
        <v>30462</v>
      </c>
      <c r="D21140" s="358" t="s">
        <v>25456</v>
      </c>
      <c r="E21140" s="358" t="s">
        <v>25457</v>
      </c>
      <c r="F21140" s="358" t="s">
        <v>14391</v>
      </c>
      <c r="G21140" s="358" t="s">
        <v>14392</v>
      </c>
      <c r="H21140" s="358" t="s">
        <v>14367</v>
      </c>
      <c r="I21140" s="358" t="s">
        <v>14392</v>
      </c>
      <c r="J21140" s="358"/>
      <c r="K21140" s="358"/>
      <c r="L21140" s="358"/>
    </row>
    <row r="21141" spans="2:12">
      <c r="B21141" s="367"/>
      <c r="C21141" s="367"/>
      <c r="D21141" s="367"/>
      <c r="E21141" s="367"/>
      <c r="F21141" s="360"/>
      <c r="G21141" s="360"/>
      <c r="H21141" s="360"/>
      <c r="I21141" s="360"/>
      <c r="J21141" s="365"/>
      <c r="K21141" s="365"/>
      <c r="L21141" s="365"/>
    </row>
    <row r="21142" spans="2:12" ht="28.5">
      <c r="B21142" s="368"/>
      <c r="C21142" s="368"/>
      <c r="D21142" s="368"/>
      <c r="E21142" s="368"/>
      <c r="F21142" s="361" t="s">
        <v>14472</v>
      </c>
      <c r="G21142" s="361" t="s">
        <v>14473</v>
      </c>
      <c r="H21142" s="361" t="s">
        <v>14422</v>
      </c>
      <c r="I21142" s="361" t="s">
        <v>14473</v>
      </c>
      <c r="J21142" s="366"/>
      <c r="K21142" s="366"/>
      <c r="L21142" s="366"/>
    </row>
    <row r="21143" spans="2:12" ht="28.5">
      <c r="B21143" s="358" t="s">
        <v>25458</v>
      </c>
      <c r="C21143" s="358" t="s">
        <v>25459</v>
      </c>
      <c r="D21143" s="358" t="s">
        <v>25460</v>
      </c>
      <c r="E21143" s="358" t="s">
        <v>25461</v>
      </c>
      <c r="F21143" s="358" t="s">
        <v>14426</v>
      </c>
      <c r="G21143" s="358" t="s">
        <v>14427</v>
      </c>
      <c r="H21143" s="358" t="s">
        <v>14381</v>
      </c>
      <c r="I21143" s="358" t="s">
        <v>14427</v>
      </c>
      <c r="J21143" s="358"/>
      <c r="K21143" s="358"/>
      <c r="L21143" s="358"/>
    </row>
    <row r="21144" spans="2:12">
      <c r="B21144" s="367"/>
      <c r="C21144" s="367"/>
      <c r="D21144" s="367"/>
      <c r="E21144" s="367"/>
      <c r="F21144" s="367"/>
      <c r="G21144" s="367"/>
      <c r="H21144" s="360"/>
      <c r="I21144" s="367"/>
      <c r="J21144" s="365"/>
      <c r="K21144" s="365"/>
      <c r="L21144" s="365"/>
    </row>
    <row r="21145" spans="2:12">
      <c r="B21145" s="368"/>
      <c r="C21145" s="368"/>
      <c r="D21145" s="368"/>
      <c r="E21145" s="368"/>
      <c r="F21145" s="368"/>
      <c r="G21145" s="368"/>
      <c r="H21145" s="361" t="s">
        <v>14422</v>
      </c>
      <c r="I21145" s="368"/>
      <c r="J21145" s="366"/>
      <c r="K21145" s="366"/>
      <c r="L21145" s="366"/>
    </row>
    <row r="21146" spans="2:12" ht="28.5">
      <c r="B21146" s="358" t="s">
        <v>25462</v>
      </c>
      <c r="C21146" s="358" t="s">
        <v>25463</v>
      </c>
      <c r="D21146" s="358" t="s">
        <v>25464</v>
      </c>
      <c r="E21146" s="358" t="s">
        <v>25465</v>
      </c>
      <c r="F21146" s="358" t="s">
        <v>14382</v>
      </c>
      <c r="G21146" s="358" t="s">
        <v>14483</v>
      </c>
      <c r="H21146" s="358" t="s">
        <v>14378</v>
      </c>
      <c r="I21146" s="358" t="s">
        <v>14483</v>
      </c>
      <c r="J21146" s="358"/>
      <c r="K21146" s="358"/>
      <c r="L21146" s="358"/>
    </row>
    <row r="21147" spans="2:12">
      <c r="B21147" s="367"/>
      <c r="C21147" s="367"/>
      <c r="D21147" s="367"/>
      <c r="E21147" s="367"/>
      <c r="F21147" s="360"/>
      <c r="G21147" s="360"/>
      <c r="H21147" s="360"/>
      <c r="I21147" s="360"/>
      <c r="J21147" s="365"/>
      <c r="K21147" s="365"/>
      <c r="L21147" s="365"/>
    </row>
    <row r="21148" spans="2:12">
      <c r="B21148" s="367"/>
      <c r="C21148" s="367"/>
      <c r="D21148" s="367"/>
      <c r="E21148" s="367"/>
      <c r="F21148" s="359" t="s">
        <v>14382</v>
      </c>
      <c r="G21148" s="359" t="s">
        <v>14579</v>
      </c>
      <c r="H21148" s="359" t="s">
        <v>14381</v>
      </c>
      <c r="I21148" s="359" t="s">
        <v>14579</v>
      </c>
      <c r="J21148" s="365"/>
      <c r="K21148" s="365"/>
      <c r="L21148" s="365"/>
    </row>
    <row r="21149" spans="2:12">
      <c r="B21149" s="367"/>
      <c r="C21149" s="367"/>
      <c r="D21149" s="367"/>
      <c r="E21149" s="367"/>
      <c r="F21149" s="360"/>
      <c r="G21149" s="360"/>
      <c r="H21149" s="360"/>
      <c r="I21149" s="360"/>
      <c r="J21149" s="365"/>
      <c r="K21149" s="365"/>
      <c r="L21149" s="365"/>
    </row>
    <row r="21150" spans="2:12">
      <c r="B21150" s="367"/>
      <c r="C21150" s="367"/>
      <c r="D21150" s="367"/>
      <c r="E21150" s="367"/>
      <c r="F21150" s="359" t="s">
        <v>14382</v>
      </c>
      <c r="G21150" s="359" t="s">
        <v>14383</v>
      </c>
      <c r="H21150" s="359" t="s">
        <v>14370</v>
      </c>
      <c r="I21150" s="359" t="s">
        <v>14383</v>
      </c>
      <c r="J21150" s="365"/>
      <c r="K21150" s="365"/>
      <c r="L21150" s="365"/>
    </row>
    <row r="21151" spans="2:12">
      <c r="B21151" s="367"/>
      <c r="C21151" s="367"/>
      <c r="D21151" s="367"/>
      <c r="E21151" s="367"/>
      <c r="F21151" s="360"/>
      <c r="G21151" s="360"/>
      <c r="H21151" s="360"/>
      <c r="I21151" s="360"/>
      <c r="J21151" s="365"/>
      <c r="K21151" s="365"/>
      <c r="L21151" s="365"/>
    </row>
    <row r="21152" spans="2:12">
      <c r="B21152" s="367"/>
      <c r="C21152" s="367"/>
      <c r="D21152" s="367"/>
      <c r="E21152" s="367"/>
      <c r="F21152" s="359" t="s">
        <v>14460</v>
      </c>
      <c r="G21152" s="359" t="s">
        <v>14519</v>
      </c>
      <c r="H21152" s="359" t="s">
        <v>14332</v>
      </c>
      <c r="I21152" s="359" t="s">
        <v>14519</v>
      </c>
      <c r="J21152" s="365"/>
      <c r="K21152" s="365"/>
      <c r="L21152" s="365"/>
    </row>
    <row r="21153" spans="2:12">
      <c r="B21153" s="367"/>
      <c r="C21153" s="367"/>
      <c r="D21153" s="367"/>
      <c r="E21153" s="367"/>
      <c r="F21153" s="360"/>
      <c r="G21153" s="360"/>
      <c r="H21153" s="360"/>
      <c r="I21153" s="360"/>
      <c r="J21153" s="365"/>
      <c r="K21153" s="365"/>
      <c r="L21153" s="365"/>
    </row>
    <row r="21154" spans="2:12" ht="28.5">
      <c r="B21154" s="368"/>
      <c r="C21154" s="368"/>
      <c r="D21154" s="368"/>
      <c r="E21154" s="368"/>
      <c r="F21154" s="361" t="s">
        <v>14394</v>
      </c>
      <c r="G21154" s="361" t="s">
        <v>14395</v>
      </c>
      <c r="H21154" s="362"/>
      <c r="I21154" s="361" t="s">
        <v>14395</v>
      </c>
      <c r="J21154" s="366"/>
      <c r="K21154" s="366"/>
      <c r="L21154" s="366"/>
    </row>
    <row r="21155" spans="2:12" ht="28.5">
      <c r="B21155" s="358" t="s">
        <v>12648</v>
      </c>
      <c r="C21155" s="358" t="s">
        <v>28041</v>
      </c>
      <c r="D21155" s="358" t="s">
        <v>336</v>
      </c>
      <c r="E21155" s="358" t="s">
        <v>337</v>
      </c>
      <c r="F21155" s="358" t="s">
        <v>14889</v>
      </c>
      <c r="G21155" s="358" t="s">
        <v>14890</v>
      </c>
      <c r="H21155" s="358" t="s">
        <v>14378</v>
      </c>
      <c r="I21155" s="358" t="s">
        <v>14890</v>
      </c>
      <c r="J21155" s="358"/>
      <c r="K21155" s="358"/>
      <c r="L21155" s="358"/>
    </row>
    <row r="21156" spans="2:12">
      <c r="B21156" s="367"/>
      <c r="C21156" s="367"/>
      <c r="D21156" s="367"/>
      <c r="E21156" s="367"/>
      <c r="F21156" s="360"/>
      <c r="G21156" s="360"/>
      <c r="H21156" s="360"/>
      <c r="I21156" s="360"/>
      <c r="J21156" s="365"/>
      <c r="K21156" s="365"/>
      <c r="L21156" s="365"/>
    </row>
    <row r="21157" spans="2:12">
      <c r="B21157" s="367"/>
      <c r="C21157" s="367"/>
      <c r="D21157" s="367"/>
      <c r="E21157" s="367"/>
      <c r="F21157" s="359" t="s">
        <v>14382</v>
      </c>
      <c r="G21157" s="359" t="s">
        <v>14483</v>
      </c>
      <c r="H21157" s="359" t="s">
        <v>14381</v>
      </c>
      <c r="I21157" s="359" t="s">
        <v>14483</v>
      </c>
      <c r="J21157" s="365"/>
      <c r="K21157" s="365"/>
      <c r="L21157" s="365"/>
    </row>
    <row r="21158" spans="2:12">
      <c r="B21158" s="367"/>
      <c r="C21158" s="367"/>
      <c r="D21158" s="367"/>
      <c r="E21158" s="367"/>
      <c r="F21158" s="360"/>
      <c r="G21158" s="360"/>
      <c r="H21158" s="360"/>
      <c r="I21158" s="360"/>
      <c r="J21158" s="365"/>
      <c r="K21158" s="365"/>
      <c r="L21158" s="365"/>
    </row>
    <row r="21159" spans="2:12">
      <c r="B21159" s="367"/>
      <c r="C21159" s="367"/>
      <c r="D21159" s="367"/>
      <c r="E21159" s="367"/>
      <c r="F21159" s="359" t="s">
        <v>14420</v>
      </c>
      <c r="G21159" s="359" t="s">
        <v>14429</v>
      </c>
      <c r="H21159" s="359" t="s">
        <v>14341</v>
      </c>
      <c r="I21159" s="359" t="s">
        <v>14429</v>
      </c>
      <c r="J21159" s="365"/>
      <c r="K21159" s="365"/>
      <c r="L21159" s="365"/>
    </row>
    <row r="21160" spans="2:12">
      <c r="B21160" s="367"/>
      <c r="C21160" s="367"/>
      <c r="D21160" s="367"/>
      <c r="E21160" s="367"/>
      <c r="F21160" s="360"/>
      <c r="G21160" s="360"/>
      <c r="H21160" s="360"/>
      <c r="I21160" s="360"/>
      <c r="J21160" s="365"/>
      <c r="K21160" s="365"/>
      <c r="L21160" s="365"/>
    </row>
    <row r="21161" spans="2:12">
      <c r="B21161" s="367"/>
      <c r="C21161" s="367"/>
      <c r="D21161" s="367"/>
      <c r="E21161" s="367"/>
      <c r="F21161" s="359" t="s">
        <v>14460</v>
      </c>
      <c r="G21161" s="359" t="s">
        <v>14519</v>
      </c>
      <c r="H21161" s="359" t="s">
        <v>14332</v>
      </c>
      <c r="I21161" s="359" t="s">
        <v>14519</v>
      </c>
      <c r="J21161" s="365"/>
      <c r="K21161" s="365"/>
      <c r="L21161" s="365"/>
    </row>
    <row r="21162" spans="2:12">
      <c r="B21162" s="367"/>
      <c r="C21162" s="367"/>
      <c r="D21162" s="367"/>
      <c r="E21162" s="367"/>
      <c r="F21162" s="360"/>
      <c r="G21162" s="360"/>
      <c r="H21162" s="360"/>
      <c r="I21162" s="360"/>
      <c r="J21162" s="365"/>
      <c r="K21162" s="365"/>
      <c r="L21162" s="365"/>
    </row>
    <row r="21163" spans="2:12">
      <c r="B21163" s="367"/>
      <c r="C21163" s="367"/>
      <c r="D21163" s="367"/>
      <c r="E21163" s="367"/>
      <c r="F21163" s="359" t="s">
        <v>14430</v>
      </c>
      <c r="G21163" s="359" t="s">
        <v>14431</v>
      </c>
      <c r="H21163" s="360"/>
      <c r="I21163" s="359" t="s">
        <v>14431</v>
      </c>
      <c r="J21163" s="365"/>
      <c r="K21163" s="365"/>
      <c r="L21163" s="365"/>
    </row>
    <row r="21164" spans="2:12">
      <c r="B21164" s="367"/>
      <c r="C21164" s="367"/>
      <c r="D21164" s="367"/>
      <c r="E21164" s="367"/>
      <c r="F21164" s="360"/>
      <c r="G21164" s="360"/>
      <c r="H21164" s="360"/>
      <c r="I21164" s="360"/>
      <c r="J21164" s="365"/>
      <c r="K21164" s="365"/>
      <c r="L21164" s="365"/>
    </row>
    <row r="21165" spans="2:12">
      <c r="B21165" s="368"/>
      <c r="C21165" s="368"/>
      <c r="D21165" s="368"/>
      <c r="E21165" s="368"/>
      <c r="F21165" s="361" t="s">
        <v>14391</v>
      </c>
      <c r="G21165" s="361" t="s">
        <v>14392</v>
      </c>
      <c r="H21165" s="362"/>
      <c r="I21165" s="361" t="s">
        <v>14392</v>
      </c>
      <c r="J21165" s="366"/>
      <c r="K21165" s="366"/>
      <c r="L21165" s="366"/>
    </row>
    <row r="21166" spans="2:12" ht="42.75">
      <c r="B21166" s="358" t="s">
        <v>25466</v>
      </c>
      <c r="C21166" s="358" t="s">
        <v>30463</v>
      </c>
      <c r="D21166" s="358" t="s">
        <v>25467</v>
      </c>
      <c r="E21166" s="358" t="s">
        <v>8356</v>
      </c>
      <c r="F21166" s="358" t="s">
        <v>14391</v>
      </c>
      <c r="G21166" s="358" t="s">
        <v>14392</v>
      </c>
      <c r="H21166" s="358" t="s">
        <v>14367</v>
      </c>
      <c r="I21166" s="358" t="s">
        <v>14392</v>
      </c>
      <c r="J21166" s="358"/>
      <c r="K21166" s="358"/>
      <c r="L21166" s="358"/>
    </row>
    <row r="21167" spans="2:12">
      <c r="B21167" s="367"/>
      <c r="C21167" s="367"/>
      <c r="D21167" s="367"/>
      <c r="E21167" s="367"/>
      <c r="F21167" s="360"/>
      <c r="G21167" s="360"/>
      <c r="H21167" s="360"/>
      <c r="I21167" s="360"/>
      <c r="J21167" s="365"/>
      <c r="K21167" s="365"/>
      <c r="L21167" s="365"/>
    </row>
    <row r="21168" spans="2:12" ht="28.5">
      <c r="B21168" s="368"/>
      <c r="C21168" s="368"/>
      <c r="D21168" s="368"/>
      <c r="E21168" s="368"/>
      <c r="F21168" s="361" t="s">
        <v>14462</v>
      </c>
      <c r="G21168" s="361" t="s">
        <v>14463</v>
      </c>
      <c r="H21168" s="361" t="s">
        <v>14422</v>
      </c>
      <c r="I21168" s="361" t="s">
        <v>14463</v>
      </c>
      <c r="J21168" s="366"/>
      <c r="K21168" s="366"/>
      <c r="L21168" s="366"/>
    </row>
    <row r="21169" spans="2:12" ht="28.5">
      <c r="B21169" s="358" t="s">
        <v>25468</v>
      </c>
      <c r="C21169" s="358" t="s">
        <v>30464</v>
      </c>
      <c r="D21169" s="358" t="s">
        <v>25469</v>
      </c>
      <c r="E21169" s="358" t="s">
        <v>25470</v>
      </c>
      <c r="F21169" s="358" t="s">
        <v>14391</v>
      </c>
      <c r="G21169" s="358" t="s">
        <v>14392</v>
      </c>
      <c r="H21169" s="358" t="s">
        <v>14367</v>
      </c>
      <c r="I21169" s="358" t="s">
        <v>14392</v>
      </c>
      <c r="J21169" s="358"/>
      <c r="K21169" s="358"/>
      <c r="L21169" s="358"/>
    </row>
    <row r="21170" spans="2:12">
      <c r="B21170" s="367"/>
      <c r="C21170" s="367"/>
      <c r="D21170" s="367"/>
      <c r="E21170" s="367"/>
      <c r="F21170" s="360"/>
      <c r="G21170" s="360"/>
      <c r="H21170" s="360"/>
      <c r="I21170" s="360"/>
      <c r="J21170" s="365"/>
      <c r="K21170" s="365"/>
      <c r="L21170" s="365"/>
    </row>
    <row r="21171" spans="2:12" ht="28.5">
      <c r="B21171" s="367"/>
      <c r="C21171" s="367"/>
      <c r="D21171" s="367"/>
      <c r="E21171" s="367"/>
      <c r="F21171" s="359" t="s">
        <v>14394</v>
      </c>
      <c r="G21171" s="359" t="s">
        <v>14395</v>
      </c>
      <c r="H21171" s="359" t="s">
        <v>14370</v>
      </c>
      <c r="I21171" s="359" t="s">
        <v>14395</v>
      </c>
      <c r="J21171" s="365"/>
      <c r="K21171" s="365"/>
      <c r="L21171" s="365"/>
    </row>
    <row r="21172" spans="2:12">
      <c r="B21172" s="367"/>
      <c r="C21172" s="367"/>
      <c r="D21172" s="367"/>
      <c r="E21172" s="367"/>
      <c r="F21172" s="360"/>
      <c r="G21172" s="360"/>
      <c r="H21172" s="360"/>
      <c r="I21172" s="360"/>
      <c r="J21172" s="365"/>
      <c r="K21172" s="365"/>
      <c r="L21172" s="365"/>
    </row>
    <row r="21173" spans="2:12">
      <c r="B21173" s="368"/>
      <c r="C21173" s="368"/>
      <c r="D21173" s="368"/>
      <c r="E21173" s="368"/>
      <c r="F21173" s="362"/>
      <c r="G21173" s="362"/>
      <c r="H21173" s="361" t="s">
        <v>14422</v>
      </c>
      <c r="I21173" s="362"/>
      <c r="J21173" s="366"/>
      <c r="K21173" s="366"/>
      <c r="L21173" s="366"/>
    </row>
    <row r="21174" spans="2:12">
      <c r="B21174" s="354" t="s">
        <v>8444</v>
      </c>
      <c r="C21174" s="369"/>
      <c r="D21174" s="369"/>
      <c r="E21174" s="369"/>
      <c r="F21174" s="369"/>
      <c r="G21174" s="369"/>
      <c r="H21174" s="369"/>
      <c r="I21174" s="369"/>
      <c r="J21174" s="369"/>
      <c r="K21174" s="369"/>
      <c r="L21174" s="370"/>
    </row>
    <row r="21175" spans="2:12" ht="28.5">
      <c r="B21175" s="358" t="s">
        <v>25471</v>
      </c>
      <c r="C21175" s="358" t="s">
        <v>25472</v>
      </c>
      <c r="D21175" s="358" t="s">
        <v>25473</v>
      </c>
      <c r="E21175" s="358" t="s">
        <v>25474</v>
      </c>
      <c r="F21175" s="358" t="s">
        <v>14462</v>
      </c>
      <c r="G21175" s="358" t="s">
        <v>14463</v>
      </c>
      <c r="H21175" s="358"/>
      <c r="I21175" s="358" t="s">
        <v>14463</v>
      </c>
      <c r="J21175" s="358"/>
      <c r="K21175" s="358"/>
      <c r="L21175" s="358"/>
    </row>
    <row r="21176" spans="2:12">
      <c r="B21176" s="368"/>
      <c r="C21176" s="368"/>
      <c r="D21176" s="368"/>
      <c r="E21176" s="368"/>
      <c r="F21176" s="368"/>
      <c r="G21176" s="368"/>
      <c r="H21176" s="366"/>
      <c r="I21176" s="368"/>
      <c r="J21176" s="366"/>
      <c r="K21176" s="366"/>
      <c r="L21176" s="366"/>
    </row>
    <row r="21177" spans="2:12">
      <c r="B21177" s="354" t="s">
        <v>28528</v>
      </c>
      <c r="C21177" s="369"/>
      <c r="D21177" s="369"/>
      <c r="E21177" s="369"/>
      <c r="F21177" s="369"/>
      <c r="G21177" s="369"/>
      <c r="H21177" s="369"/>
      <c r="I21177" s="369"/>
      <c r="J21177" s="369"/>
      <c r="K21177" s="369"/>
      <c r="L21177" s="370"/>
    </row>
    <row r="21178" spans="2:12" ht="28.5">
      <c r="B21178" s="358" t="s">
        <v>25475</v>
      </c>
      <c r="C21178" s="358" t="s">
        <v>29724</v>
      </c>
      <c r="D21178" s="358" t="s">
        <v>25476</v>
      </c>
      <c r="E21178" s="358" t="s">
        <v>25477</v>
      </c>
      <c r="F21178" s="358" t="s">
        <v>14462</v>
      </c>
      <c r="G21178" s="358" t="s">
        <v>14463</v>
      </c>
      <c r="H21178" s="358" t="s">
        <v>8356</v>
      </c>
      <c r="I21178" s="358" t="s">
        <v>14463</v>
      </c>
      <c r="J21178" s="358"/>
      <c r="K21178" s="358"/>
      <c r="L21178" s="358"/>
    </row>
    <row r="21179" spans="2:12">
      <c r="B21179" s="367"/>
      <c r="C21179" s="360"/>
      <c r="D21179" s="367"/>
      <c r="E21179" s="367"/>
      <c r="F21179" s="367"/>
      <c r="G21179" s="367"/>
      <c r="H21179" s="367"/>
      <c r="I21179" s="367"/>
      <c r="J21179" s="365"/>
      <c r="K21179" s="365"/>
      <c r="L21179" s="365"/>
    </row>
    <row r="21180" spans="2:12">
      <c r="B21180" s="368"/>
      <c r="C21180" s="361" t="s">
        <v>29725</v>
      </c>
      <c r="D21180" s="368"/>
      <c r="E21180" s="368"/>
      <c r="F21180" s="368"/>
      <c r="G21180" s="368"/>
      <c r="H21180" s="368"/>
      <c r="I21180" s="368"/>
      <c r="J21180" s="366"/>
      <c r="K21180" s="366"/>
      <c r="L21180" s="366"/>
    </row>
    <row r="21181" spans="2:12" ht="28.5">
      <c r="B21181" s="358" t="s">
        <v>25478</v>
      </c>
      <c r="C21181" s="358" t="s">
        <v>28042</v>
      </c>
      <c r="D21181" s="358" t="s">
        <v>25479</v>
      </c>
      <c r="E21181" s="358" t="s">
        <v>25480</v>
      </c>
      <c r="F21181" s="358" t="s">
        <v>14462</v>
      </c>
      <c r="G21181" s="358" t="s">
        <v>14463</v>
      </c>
      <c r="H21181" s="358" t="s">
        <v>8356</v>
      </c>
      <c r="I21181" s="358" t="s">
        <v>14463</v>
      </c>
      <c r="J21181" s="358"/>
      <c r="K21181" s="358"/>
      <c r="L21181" s="358"/>
    </row>
    <row r="21182" spans="2:12">
      <c r="B21182" s="368"/>
      <c r="C21182" s="368"/>
      <c r="D21182" s="368"/>
      <c r="E21182" s="368"/>
      <c r="F21182" s="368"/>
      <c r="G21182" s="368"/>
      <c r="H21182" s="368"/>
      <c r="I21182" s="368"/>
      <c r="J21182" s="366"/>
      <c r="K21182" s="366"/>
      <c r="L21182" s="366"/>
    </row>
    <row r="21183" spans="2:12" ht="28.5">
      <c r="B21183" s="358" t="s">
        <v>25481</v>
      </c>
      <c r="C21183" s="358" t="s">
        <v>28043</v>
      </c>
      <c r="D21183" s="358" t="s">
        <v>25482</v>
      </c>
      <c r="E21183" s="358" t="s">
        <v>25483</v>
      </c>
      <c r="F21183" s="358" t="s">
        <v>14462</v>
      </c>
      <c r="G21183" s="358" t="s">
        <v>14463</v>
      </c>
      <c r="H21183" s="358" t="s">
        <v>8356</v>
      </c>
      <c r="I21183" s="358" t="s">
        <v>14463</v>
      </c>
      <c r="J21183" s="358"/>
      <c r="K21183" s="358"/>
      <c r="L21183" s="358"/>
    </row>
    <row r="21184" spans="2:12">
      <c r="B21184" s="368"/>
      <c r="C21184" s="368"/>
      <c r="D21184" s="368"/>
      <c r="E21184" s="368"/>
      <c r="F21184" s="368"/>
      <c r="G21184" s="368"/>
      <c r="H21184" s="368"/>
      <c r="I21184" s="368"/>
      <c r="J21184" s="366"/>
      <c r="K21184" s="366"/>
      <c r="L21184" s="366"/>
    </row>
    <row r="21185" spans="2:12" ht="42.75">
      <c r="B21185" s="358" t="s">
        <v>25484</v>
      </c>
      <c r="C21185" s="358" t="s">
        <v>28044</v>
      </c>
      <c r="D21185" s="358" t="s">
        <v>25485</v>
      </c>
      <c r="E21185" s="358" t="s">
        <v>25486</v>
      </c>
      <c r="F21185" s="358" t="s">
        <v>14394</v>
      </c>
      <c r="G21185" s="358" t="s">
        <v>14395</v>
      </c>
      <c r="H21185" s="358" t="s">
        <v>14370</v>
      </c>
      <c r="I21185" s="358" t="s">
        <v>14395</v>
      </c>
      <c r="J21185" s="358"/>
      <c r="K21185" s="358"/>
      <c r="L21185" s="358"/>
    </row>
    <row r="21186" spans="2:12">
      <c r="B21186" s="368"/>
      <c r="C21186" s="368"/>
      <c r="D21186" s="368"/>
      <c r="E21186" s="368"/>
      <c r="F21186" s="368"/>
      <c r="G21186" s="368"/>
      <c r="H21186" s="368"/>
      <c r="I21186" s="368"/>
      <c r="J21186" s="366"/>
      <c r="K21186" s="366"/>
      <c r="L21186" s="366"/>
    </row>
    <row r="21187" spans="2:12" ht="42.75">
      <c r="B21187" s="358" t="s">
        <v>25487</v>
      </c>
      <c r="C21187" s="358" t="s">
        <v>28045</v>
      </c>
      <c r="D21187" s="358" t="s">
        <v>25488</v>
      </c>
      <c r="E21187" s="358" t="s">
        <v>25489</v>
      </c>
      <c r="F21187" s="358" t="s">
        <v>14462</v>
      </c>
      <c r="G21187" s="358" t="s">
        <v>14463</v>
      </c>
      <c r="H21187" s="358" t="s">
        <v>8356</v>
      </c>
      <c r="I21187" s="358" t="s">
        <v>14463</v>
      </c>
      <c r="J21187" s="358"/>
      <c r="K21187" s="358"/>
      <c r="L21187" s="358"/>
    </row>
    <row r="21188" spans="2:12">
      <c r="B21188" s="368"/>
      <c r="C21188" s="368"/>
      <c r="D21188" s="368"/>
      <c r="E21188" s="368"/>
      <c r="F21188" s="368"/>
      <c r="G21188" s="368"/>
      <c r="H21188" s="368"/>
      <c r="I21188" s="368"/>
      <c r="J21188" s="366"/>
      <c r="K21188" s="366"/>
      <c r="L21188" s="366"/>
    </row>
    <row r="21189" spans="2:12">
      <c r="B21189" s="358" t="s">
        <v>25490</v>
      </c>
      <c r="C21189" s="358" t="s">
        <v>25491</v>
      </c>
      <c r="D21189" s="358" t="s">
        <v>25492</v>
      </c>
      <c r="E21189" s="358" t="s">
        <v>25493</v>
      </c>
      <c r="F21189" s="358" t="s">
        <v>14420</v>
      </c>
      <c r="G21189" s="358" t="s">
        <v>14429</v>
      </c>
      <c r="H21189" s="358" t="s">
        <v>14367</v>
      </c>
      <c r="I21189" s="358" t="s">
        <v>14429</v>
      </c>
      <c r="J21189" s="358"/>
      <c r="K21189" s="358"/>
      <c r="L21189" s="358"/>
    </row>
    <row r="21190" spans="2:12">
      <c r="B21190" s="367"/>
      <c r="C21190" s="367"/>
      <c r="D21190" s="367"/>
      <c r="E21190" s="367"/>
      <c r="F21190" s="360"/>
      <c r="G21190" s="360"/>
      <c r="H21190" s="360"/>
      <c r="I21190" s="360"/>
      <c r="J21190" s="365"/>
      <c r="K21190" s="365"/>
      <c r="L21190" s="365"/>
    </row>
    <row r="21191" spans="2:12">
      <c r="B21191" s="368"/>
      <c r="C21191" s="368"/>
      <c r="D21191" s="368"/>
      <c r="E21191" s="368"/>
      <c r="F21191" s="361" t="s">
        <v>14389</v>
      </c>
      <c r="G21191" s="361" t="s">
        <v>14390</v>
      </c>
      <c r="H21191" s="361" t="s">
        <v>14422</v>
      </c>
      <c r="I21191" s="361" t="s">
        <v>14390</v>
      </c>
      <c r="J21191" s="366"/>
      <c r="K21191" s="366"/>
      <c r="L21191" s="366"/>
    </row>
    <row r="21192" spans="2:12" ht="28.5">
      <c r="B21192" s="358" t="s">
        <v>25494</v>
      </c>
      <c r="C21192" s="358" t="s">
        <v>28046</v>
      </c>
      <c r="D21192" s="358" t="s">
        <v>25495</v>
      </c>
      <c r="E21192" s="358" t="s">
        <v>25496</v>
      </c>
      <c r="F21192" s="358" t="s">
        <v>14420</v>
      </c>
      <c r="G21192" s="358" t="s">
        <v>14429</v>
      </c>
      <c r="H21192" s="358" t="s">
        <v>14367</v>
      </c>
      <c r="I21192" s="358" t="s">
        <v>14429</v>
      </c>
      <c r="J21192" s="358"/>
      <c r="K21192" s="358"/>
      <c r="L21192" s="358"/>
    </row>
    <row r="21193" spans="2:12">
      <c r="B21193" s="367"/>
      <c r="C21193" s="367"/>
      <c r="D21193" s="367"/>
      <c r="E21193" s="367"/>
      <c r="F21193" s="360"/>
      <c r="G21193" s="360"/>
      <c r="H21193" s="360"/>
      <c r="I21193" s="360"/>
      <c r="J21193" s="365"/>
      <c r="K21193" s="365"/>
      <c r="L21193" s="365"/>
    </row>
    <row r="21194" spans="2:12" ht="28.5">
      <c r="B21194" s="368"/>
      <c r="C21194" s="368"/>
      <c r="D21194" s="368"/>
      <c r="E21194" s="368"/>
      <c r="F21194" s="361" t="s">
        <v>14472</v>
      </c>
      <c r="G21194" s="361" t="s">
        <v>14473</v>
      </c>
      <c r="H21194" s="361" t="s">
        <v>14422</v>
      </c>
      <c r="I21194" s="361" t="s">
        <v>14473</v>
      </c>
      <c r="J21194" s="366"/>
      <c r="K21194" s="366"/>
      <c r="L21194" s="366"/>
    </row>
    <row r="21195" spans="2:12" ht="71.25">
      <c r="B21195" s="358" t="s">
        <v>25497</v>
      </c>
      <c r="C21195" s="358" t="s">
        <v>25498</v>
      </c>
      <c r="D21195" s="358" t="s">
        <v>25499</v>
      </c>
      <c r="E21195" s="358" t="s">
        <v>8356</v>
      </c>
      <c r="F21195" s="358" t="s">
        <v>14391</v>
      </c>
      <c r="G21195" s="358" t="s">
        <v>14392</v>
      </c>
      <c r="H21195" s="358" t="s">
        <v>14367</v>
      </c>
      <c r="I21195" s="358" t="s">
        <v>14392</v>
      </c>
      <c r="J21195" s="358"/>
      <c r="K21195" s="358"/>
      <c r="L21195" s="358"/>
    </row>
    <row r="21196" spans="2:12">
      <c r="B21196" s="367"/>
      <c r="C21196" s="360"/>
      <c r="D21196" s="367"/>
      <c r="E21196" s="367"/>
      <c r="F21196" s="360"/>
      <c r="G21196" s="360"/>
      <c r="H21196" s="360"/>
      <c r="I21196" s="360"/>
      <c r="J21196" s="365"/>
      <c r="K21196" s="365"/>
      <c r="L21196" s="365"/>
    </row>
    <row r="21197" spans="2:12" ht="57">
      <c r="B21197" s="367"/>
      <c r="C21197" s="359" t="s">
        <v>25500</v>
      </c>
      <c r="D21197" s="367"/>
      <c r="E21197" s="367"/>
      <c r="F21197" s="359" t="s">
        <v>14394</v>
      </c>
      <c r="G21197" s="359" t="s">
        <v>14395</v>
      </c>
      <c r="H21197" s="359" t="s">
        <v>14370</v>
      </c>
      <c r="I21197" s="359" t="s">
        <v>14395</v>
      </c>
      <c r="J21197" s="365"/>
      <c r="K21197" s="365"/>
      <c r="L21197" s="365"/>
    </row>
    <row r="21198" spans="2:12">
      <c r="B21198" s="367"/>
      <c r="C21198" s="360"/>
      <c r="D21198" s="367"/>
      <c r="E21198" s="367"/>
      <c r="F21198" s="360"/>
      <c r="G21198" s="360"/>
      <c r="H21198" s="360"/>
      <c r="I21198" s="360"/>
      <c r="J21198" s="365"/>
      <c r="K21198" s="365"/>
      <c r="L21198" s="365"/>
    </row>
    <row r="21199" spans="2:12" ht="42.75">
      <c r="B21199" s="368"/>
      <c r="C21199" s="361" t="s">
        <v>25501</v>
      </c>
      <c r="D21199" s="368"/>
      <c r="E21199" s="368"/>
      <c r="F21199" s="362"/>
      <c r="G21199" s="362"/>
      <c r="H21199" s="361" t="s">
        <v>14422</v>
      </c>
      <c r="I21199" s="362"/>
      <c r="J21199" s="366"/>
      <c r="K21199" s="366"/>
      <c r="L21199" s="366"/>
    </row>
    <row r="21200" spans="2:12" ht="28.5">
      <c r="B21200" s="358" t="s">
        <v>25502</v>
      </c>
      <c r="C21200" s="358" t="s">
        <v>28047</v>
      </c>
      <c r="D21200" s="358" t="s">
        <v>25503</v>
      </c>
      <c r="E21200" s="358" t="s">
        <v>25504</v>
      </c>
      <c r="F21200" s="358" t="s">
        <v>14391</v>
      </c>
      <c r="G21200" s="358" t="s">
        <v>14392</v>
      </c>
      <c r="H21200" s="358" t="s">
        <v>14367</v>
      </c>
      <c r="I21200" s="358" t="s">
        <v>14392</v>
      </c>
      <c r="J21200" s="358"/>
      <c r="K21200" s="358"/>
      <c r="L21200" s="358"/>
    </row>
    <row r="21201" spans="2:12">
      <c r="B21201" s="367"/>
      <c r="C21201" s="367"/>
      <c r="D21201" s="367"/>
      <c r="E21201" s="367"/>
      <c r="F21201" s="360"/>
      <c r="G21201" s="360"/>
      <c r="H21201" s="360"/>
      <c r="I21201" s="360"/>
      <c r="J21201" s="365"/>
      <c r="K21201" s="365"/>
      <c r="L21201" s="365"/>
    </row>
    <row r="21202" spans="2:12">
      <c r="B21202" s="367"/>
      <c r="C21202" s="367"/>
      <c r="D21202" s="367"/>
      <c r="E21202" s="367"/>
      <c r="F21202" s="359" t="s">
        <v>14371</v>
      </c>
      <c r="G21202" s="359" t="s">
        <v>14372</v>
      </c>
      <c r="H21202" s="359" t="s">
        <v>14370</v>
      </c>
      <c r="I21202" s="359" t="s">
        <v>14373</v>
      </c>
      <c r="J21202" s="365"/>
      <c r="K21202" s="365"/>
      <c r="L21202" s="365"/>
    </row>
    <row r="21203" spans="2:12">
      <c r="B21203" s="367"/>
      <c r="C21203" s="367"/>
      <c r="D21203" s="367"/>
      <c r="E21203" s="367"/>
      <c r="F21203" s="360"/>
      <c r="G21203" s="360"/>
      <c r="H21203" s="360"/>
      <c r="I21203" s="360"/>
      <c r="J21203" s="365"/>
      <c r="K21203" s="365"/>
      <c r="L21203" s="365"/>
    </row>
    <row r="21204" spans="2:12" ht="28.5">
      <c r="B21204" s="368"/>
      <c r="C21204" s="368"/>
      <c r="D21204" s="368"/>
      <c r="E21204" s="368"/>
      <c r="F21204" s="361" t="s">
        <v>14374</v>
      </c>
      <c r="G21204" s="361" t="s">
        <v>14373</v>
      </c>
      <c r="H21204" s="361" t="s">
        <v>14422</v>
      </c>
      <c r="I21204" s="362"/>
      <c r="J21204" s="366"/>
      <c r="K21204" s="366"/>
      <c r="L21204" s="366"/>
    </row>
    <row r="21205" spans="2:12">
      <c r="B21205" s="358" t="s">
        <v>25505</v>
      </c>
      <c r="C21205" s="358" t="s">
        <v>25506</v>
      </c>
      <c r="D21205" s="358" t="s">
        <v>25507</v>
      </c>
      <c r="E21205" s="358" t="s">
        <v>25508</v>
      </c>
      <c r="F21205" s="358" t="s">
        <v>14371</v>
      </c>
      <c r="G21205" s="358" t="s">
        <v>14372</v>
      </c>
      <c r="H21205" s="358" t="s">
        <v>14370</v>
      </c>
      <c r="I21205" s="358" t="s">
        <v>14373</v>
      </c>
      <c r="J21205" s="358"/>
      <c r="K21205" s="358"/>
      <c r="L21205" s="358"/>
    </row>
    <row r="21206" spans="2:12">
      <c r="B21206" s="367"/>
      <c r="C21206" s="360"/>
      <c r="D21206" s="367"/>
      <c r="E21206" s="367"/>
      <c r="F21206" s="360"/>
      <c r="G21206" s="360"/>
      <c r="H21206" s="360"/>
      <c r="I21206" s="367"/>
      <c r="J21206" s="365"/>
      <c r="K21206" s="365"/>
      <c r="L21206" s="365"/>
    </row>
    <row r="21207" spans="2:12" ht="28.5">
      <c r="B21207" s="368"/>
      <c r="C21207" s="361" t="s">
        <v>28048</v>
      </c>
      <c r="D21207" s="368"/>
      <c r="E21207" s="368"/>
      <c r="F21207" s="361" t="s">
        <v>14374</v>
      </c>
      <c r="G21207" s="361" t="s">
        <v>14373</v>
      </c>
      <c r="H21207" s="361" t="s">
        <v>14422</v>
      </c>
      <c r="I21207" s="368"/>
      <c r="J21207" s="366"/>
      <c r="K21207" s="366"/>
      <c r="L21207" s="366"/>
    </row>
    <row r="21208" spans="2:12">
      <c r="B21208" s="358" t="s">
        <v>25509</v>
      </c>
      <c r="C21208" s="358" t="s">
        <v>25510</v>
      </c>
      <c r="D21208" s="358" t="s">
        <v>25511</v>
      </c>
      <c r="E21208" s="358" t="s">
        <v>1693</v>
      </c>
      <c r="F21208" s="358" t="s">
        <v>14443</v>
      </c>
      <c r="G21208" s="358" t="s">
        <v>14444</v>
      </c>
      <c r="H21208" s="358" t="s">
        <v>14381</v>
      </c>
      <c r="I21208" s="358" t="s">
        <v>14444</v>
      </c>
      <c r="J21208" s="358"/>
      <c r="K21208" s="358"/>
      <c r="L21208" s="358"/>
    </row>
    <row r="21209" spans="2:12">
      <c r="B21209" s="367"/>
      <c r="C21209" s="360"/>
      <c r="D21209" s="367"/>
      <c r="E21209" s="367"/>
      <c r="F21209" s="360"/>
      <c r="G21209" s="360"/>
      <c r="H21209" s="360"/>
      <c r="I21209" s="360"/>
      <c r="J21209" s="365"/>
      <c r="K21209" s="365"/>
      <c r="L21209" s="365"/>
    </row>
    <row r="21210" spans="2:12" ht="28.5">
      <c r="B21210" s="367"/>
      <c r="C21210" s="359" t="s">
        <v>28049</v>
      </c>
      <c r="D21210" s="367"/>
      <c r="E21210" s="367"/>
      <c r="F21210" s="359" t="s">
        <v>14507</v>
      </c>
      <c r="G21210" s="359" t="s">
        <v>29276</v>
      </c>
      <c r="H21210" s="359" t="s">
        <v>14370</v>
      </c>
      <c r="I21210" s="359" t="s">
        <v>29277</v>
      </c>
      <c r="J21210" s="365"/>
      <c r="K21210" s="365"/>
      <c r="L21210" s="365"/>
    </row>
    <row r="21211" spans="2:12">
      <c r="B21211" s="367"/>
      <c r="C21211" s="360"/>
      <c r="D21211" s="367"/>
      <c r="E21211" s="367"/>
      <c r="F21211" s="360"/>
      <c r="G21211" s="360"/>
      <c r="H21211" s="360"/>
      <c r="I21211" s="360"/>
      <c r="J21211" s="365"/>
      <c r="K21211" s="365"/>
      <c r="L21211" s="365"/>
    </row>
    <row r="21212" spans="2:12">
      <c r="B21212" s="367"/>
      <c r="C21212" s="360"/>
      <c r="D21212" s="367"/>
      <c r="E21212" s="367"/>
      <c r="F21212" s="359" t="s">
        <v>14371</v>
      </c>
      <c r="G21212" s="359" t="s">
        <v>14373</v>
      </c>
      <c r="H21212" s="359" t="s">
        <v>14422</v>
      </c>
      <c r="I21212" s="360"/>
      <c r="J21212" s="365"/>
      <c r="K21212" s="365"/>
      <c r="L21212" s="365"/>
    </row>
    <row r="21213" spans="2:12">
      <c r="B21213" s="367"/>
      <c r="C21213" s="360"/>
      <c r="D21213" s="367"/>
      <c r="E21213" s="367"/>
      <c r="F21213" s="360"/>
      <c r="G21213" s="360"/>
      <c r="H21213" s="360"/>
      <c r="I21213" s="360"/>
      <c r="J21213" s="365"/>
      <c r="K21213" s="365"/>
      <c r="L21213" s="365"/>
    </row>
    <row r="21214" spans="2:12" ht="28.5">
      <c r="B21214" s="368"/>
      <c r="C21214" s="362"/>
      <c r="D21214" s="368"/>
      <c r="E21214" s="368"/>
      <c r="F21214" s="361" t="s">
        <v>14374</v>
      </c>
      <c r="G21214" s="362"/>
      <c r="H21214" s="362"/>
      <c r="I21214" s="362"/>
      <c r="J21214" s="366"/>
      <c r="K21214" s="366"/>
      <c r="L21214" s="366"/>
    </row>
    <row r="21215" spans="2:12">
      <c r="B21215" s="358" t="s">
        <v>25512</v>
      </c>
      <c r="C21215" s="358" t="s">
        <v>25513</v>
      </c>
      <c r="D21215" s="358" t="s">
        <v>25514</v>
      </c>
      <c r="E21215" s="358" t="s">
        <v>25515</v>
      </c>
      <c r="F21215" s="358" t="s">
        <v>14371</v>
      </c>
      <c r="G21215" s="358" t="s">
        <v>14372</v>
      </c>
      <c r="H21215" s="358" t="s">
        <v>14370</v>
      </c>
      <c r="I21215" s="358" t="s">
        <v>14373</v>
      </c>
      <c r="J21215" s="358"/>
      <c r="K21215" s="358"/>
      <c r="L21215" s="358"/>
    </row>
    <row r="21216" spans="2:12">
      <c r="B21216" s="367"/>
      <c r="C21216" s="360"/>
      <c r="D21216" s="367"/>
      <c r="E21216" s="367"/>
      <c r="F21216" s="360"/>
      <c r="G21216" s="360"/>
      <c r="H21216" s="360"/>
      <c r="I21216" s="367"/>
      <c r="J21216" s="365"/>
      <c r="K21216" s="365"/>
      <c r="L21216" s="365"/>
    </row>
    <row r="21217" spans="2:12" ht="28.5">
      <c r="B21217" s="368"/>
      <c r="C21217" s="361" t="s">
        <v>25516</v>
      </c>
      <c r="D21217" s="368"/>
      <c r="E21217" s="368"/>
      <c r="F21217" s="361" t="s">
        <v>14374</v>
      </c>
      <c r="G21217" s="361" t="s">
        <v>14373</v>
      </c>
      <c r="H21217" s="361" t="s">
        <v>14422</v>
      </c>
      <c r="I21217" s="368"/>
      <c r="J21217" s="366"/>
      <c r="K21217" s="366"/>
      <c r="L21217" s="366"/>
    </row>
    <row r="21218" spans="2:12">
      <c r="B21218" s="358" t="s">
        <v>25517</v>
      </c>
      <c r="C21218" s="358" t="s">
        <v>25518</v>
      </c>
      <c r="D21218" s="358" t="s">
        <v>8356</v>
      </c>
      <c r="E21218" s="358" t="s">
        <v>25519</v>
      </c>
      <c r="F21218" s="358" t="s">
        <v>14443</v>
      </c>
      <c r="G21218" s="358" t="s">
        <v>14444</v>
      </c>
      <c r="H21218" s="358" t="s">
        <v>14381</v>
      </c>
      <c r="I21218" s="358" t="s">
        <v>14444</v>
      </c>
      <c r="J21218" s="358"/>
      <c r="K21218" s="358"/>
      <c r="L21218" s="358"/>
    </row>
    <row r="21219" spans="2:12">
      <c r="B21219" s="367"/>
      <c r="C21219" s="360"/>
      <c r="D21219" s="367"/>
      <c r="E21219" s="367"/>
      <c r="F21219" s="360"/>
      <c r="G21219" s="360"/>
      <c r="H21219" s="360"/>
      <c r="I21219" s="360"/>
      <c r="J21219" s="365"/>
      <c r="K21219" s="365"/>
      <c r="L21219" s="365"/>
    </row>
    <row r="21220" spans="2:12" ht="28.5">
      <c r="B21220" s="367"/>
      <c r="C21220" s="359" t="s">
        <v>28050</v>
      </c>
      <c r="D21220" s="367"/>
      <c r="E21220" s="367"/>
      <c r="F21220" s="359" t="s">
        <v>14391</v>
      </c>
      <c r="G21220" s="359" t="s">
        <v>14392</v>
      </c>
      <c r="H21220" s="359" t="s">
        <v>14367</v>
      </c>
      <c r="I21220" s="359" t="s">
        <v>14392</v>
      </c>
      <c r="J21220" s="365"/>
      <c r="K21220" s="365"/>
      <c r="L21220" s="365"/>
    </row>
    <row r="21221" spans="2:12">
      <c r="B21221" s="367"/>
      <c r="C21221" s="360"/>
      <c r="D21221" s="367"/>
      <c r="E21221" s="367"/>
      <c r="F21221" s="360"/>
      <c r="G21221" s="360"/>
      <c r="H21221" s="360"/>
      <c r="I21221" s="360"/>
      <c r="J21221" s="365"/>
      <c r="K21221" s="365"/>
      <c r="L21221" s="365"/>
    </row>
    <row r="21222" spans="2:12">
      <c r="B21222" s="367"/>
      <c r="C21222" s="360"/>
      <c r="D21222" s="367"/>
      <c r="E21222" s="367"/>
      <c r="F21222" s="359" t="s">
        <v>14371</v>
      </c>
      <c r="G21222" s="359" t="s">
        <v>14372</v>
      </c>
      <c r="H21222" s="359" t="s">
        <v>14370</v>
      </c>
      <c r="I21222" s="359" t="s">
        <v>14373</v>
      </c>
      <c r="J21222" s="365"/>
      <c r="K21222" s="365"/>
      <c r="L21222" s="365"/>
    </row>
    <row r="21223" spans="2:12">
      <c r="B21223" s="367"/>
      <c r="C21223" s="360"/>
      <c r="D21223" s="367"/>
      <c r="E21223" s="367"/>
      <c r="F21223" s="360"/>
      <c r="G21223" s="360"/>
      <c r="H21223" s="360"/>
      <c r="I21223" s="360"/>
      <c r="J21223" s="365"/>
      <c r="K21223" s="365"/>
      <c r="L21223" s="365"/>
    </row>
    <row r="21224" spans="2:12" ht="28.5">
      <c r="B21224" s="368"/>
      <c r="C21224" s="362"/>
      <c r="D21224" s="368"/>
      <c r="E21224" s="368"/>
      <c r="F21224" s="361" t="s">
        <v>14374</v>
      </c>
      <c r="G21224" s="361" t="s">
        <v>14373</v>
      </c>
      <c r="H21224" s="361" t="s">
        <v>14422</v>
      </c>
      <c r="I21224" s="362"/>
      <c r="J21224" s="366"/>
      <c r="K21224" s="366"/>
      <c r="L21224" s="366"/>
    </row>
    <row r="21225" spans="2:12" ht="42.75">
      <c r="B21225" s="358" t="s">
        <v>25520</v>
      </c>
      <c r="C21225" s="358" t="s">
        <v>29726</v>
      </c>
      <c r="D21225" s="358" t="s">
        <v>8356</v>
      </c>
      <c r="E21225" s="358" t="s">
        <v>25521</v>
      </c>
      <c r="F21225" s="358" t="s">
        <v>14371</v>
      </c>
      <c r="G21225" s="358" t="s">
        <v>14372</v>
      </c>
      <c r="H21225" s="358" t="s">
        <v>14370</v>
      </c>
      <c r="I21225" s="358" t="s">
        <v>14373</v>
      </c>
      <c r="J21225" s="358"/>
      <c r="K21225" s="358"/>
      <c r="L21225" s="358"/>
    </row>
    <row r="21226" spans="2:12">
      <c r="B21226" s="367"/>
      <c r="C21226" s="367"/>
      <c r="D21226" s="367"/>
      <c r="E21226" s="367"/>
      <c r="F21226" s="360"/>
      <c r="G21226" s="360"/>
      <c r="H21226" s="360"/>
      <c r="I21226" s="367"/>
      <c r="J21226" s="365"/>
      <c r="K21226" s="365"/>
      <c r="L21226" s="365"/>
    </row>
    <row r="21227" spans="2:12" ht="28.5">
      <c r="B21227" s="368"/>
      <c r="C21227" s="368"/>
      <c r="D21227" s="368"/>
      <c r="E21227" s="368"/>
      <c r="F21227" s="361" t="s">
        <v>14374</v>
      </c>
      <c r="G21227" s="361" t="s">
        <v>14373</v>
      </c>
      <c r="H21227" s="361" t="s">
        <v>14422</v>
      </c>
      <c r="I21227" s="368"/>
      <c r="J21227" s="366"/>
      <c r="K21227" s="366"/>
      <c r="L21227" s="366"/>
    </row>
    <row r="21228" spans="2:12">
      <c r="B21228" s="358" t="s">
        <v>25522</v>
      </c>
      <c r="C21228" s="358" t="s">
        <v>25523</v>
      </c>
      <c r="D21228" s="358" t="s">
        <v>8356</v>
      </c>
      <c r="E21228" s="358" t="s">
        <v>25524</v>
      </c>
      <c r="F21228" s="358" t="s">
        <v>14371</v>
      </c>
      <c r="G21228" s="358" t="s">
        <v>14372</v>
      </c>
      <c r="H21228" s="358" t="s">
        <v>14370</v>
      </c>
      <c r="I21228" s="358" t="s">
        <v>14373</v>
      </c>
      <c r="J21228" s="358"/>
      <c r="K21228" s="358"/>
      <c r="L21228" s="358"/>
    </row>
    <row r="21229" spans="2:12">
      <c r="B21229" s="367"/>
      <c r="C21229" s="360"/>
      <c r="D21229" s="367"/>
      <c r="E21229" s="367"/>
      <c r="F21229" s="360"/>
      <c r="G21229" s="360"/>
      <c r="H21229" s="360"/>
      <c r="I21229" s="367"/>
      <c r="J21229" s="365"/>
      <c r="K21229" s="365"/>
      <c r="L21229" s="365"/>
    </row>
    <row r="21230" spans="2:12" ht="28.5">
      <c r="B21230" s="368"/>
      <c r="C21230" s="361" t="s">
        <v>25525</v>
      </c>
      <c r="D21230" s="368"/>
      <c r="E21230" s="368"/>
      <c r="F21230" s="361" t="s">
        <v>14374</v>
      </c>
      <c r="G21230" s="361" t="s">
        <v>14373</v>
      </c>
      <c r="H21230" s="361" t="s">
        <v>14422</v>
      </c>
      <c r="I21230" s="368"/>
      <c r="J21230" s="366"/>
      <c r="K21230" s="366"/>
      <c r="L21230" s="366"/>
    </row>
    <row r="21231" spans="2:12" ht="42.75">
      <c r="B21231" s="358" t="s">
        <v>25526</v>
      </c>
      <c r="C21231" s="358" t="s">
        <v>25527</v>
      </c>
      <c r="D21231" s="358" t="s">
        <v>25528</v>
      </c>
      <c r="E21231" s="358" t="s">
        <v>25529</v>
      </c>
      <c r="F21231" s="358" t="s">
        <v>29546</v>
      </c>
      <c r="G21231" s="358" t="s">
        <v>14429</v>
      </c>
      <c r="H21231" s="358" t="s">
        <v>14367</v>
      </c>
      <c r="I21231" s="358" t="s">
        <v>14429</v>
      </c>
      <c r="J21231" s="358"/>
      <c r="K21231" s="358"/>
      <c r="L21231" s="358"/>
    </row>
    <row r="21232" spans="2:12">
      <c r="B21232" s="367"/>
      <c r="C21232" s="360"/>
      <c r="D21232" s="367"/>
      <c r="E21232" s="367"/>
      <c r="F21232" s="367"/>
      <c r="G21232" s="360"/>
      <c r="H21232" s="360"/>
      <c r="I21232" s="360"/>
      <c r="J21232" s="365"/>
      <c r="K21232" s="365"/>
      <c r="L21232" s="365"/>
    </row>
    <row r="21233" spans="2:12" ht="28.5">
      <c r="B21233" s="367"/>
      <c r="C21233" s="359" t="s">
        <v>25530</v>
      </c>
      <c r="D21233" s="367"/>
      <c r="E21233" s="367"/>
      <c r="F21233" s="367"/>
      <c r="G21233" s="359" t="s">
        <v>14395</v>
      </c>
      <c r="H21233" s="359" t="s">
        <v>14370</v>
      </c>
      <c r="I21233" s="359" t="s">
        <v>14395</v>
      </c>
      <c r="J21233" s="365"/>
      <c r="K21233" s="365"/>
      <c r="L21233" s="365"/>
    </row>
    <row r="21234" spans="2:12">
      <c r="B21234" s="367"/>
      <c r="C21234" s="360"/>
      <c r="D21234" s="367"/>
      <c r="E21234" s="367"/>
      <c r="F21234" s="367"/>
      <c r="G21234" s="360"/>
      <c r="H21234" s="360"/>
      <c r="I21234" s="360"/>
      <c r="J21234" s="365"/>
      <c r="K21234" s="365"/>
      <c r="L21234" s="365"/>
    </row>
    <row r="21235" spans="2:12">
      <c r="B21235" s="368"/>
      <c r="C21235" s="362"/>
      <c r="D21235" s="368"/>
      <c r="E21235" s="368"/>
      <c r="F21235" s="368"/>
      <c r="G21235" s="362"/>
      <c r="H21235" s="361" t="s">
        <v>14422</v>
      </c>
      <c r="I21235" s="362"/>
      <c r="J21235" s="366"/>
      <c r="K21235" s="366"/>
      <c r="L21235" s="366"/>
    </row>
    <row r="21236" spans="2:12" ht="28.5">
      <c r="B21236" s="358" t="s">
        <v>25531</v>
      </c>
      <c r="C21236" s="358" t="s">
        <v>25532</v>
      </c>
      <c r="D21236" s="358" t="s">
        <v>25533</v>
      </c>
      <c r="E21236" s="358" t="s">
        <v>25534</v>
      </c>
      <c r="F21236" s="358" t="s">
        <v>14394</v>
      </c>
      <c r="G21236" s="358" t="s">
        <v>14395</v>
      </c>
      <c r="H21236" s="358" t="s">
        <v>14370</v>
      </c>
      <c r="I21236" s="358" t="s">
        <v>14395</v>
      </c>
      <c r="J21236" s="358"/>
      <c r="K21236" s="358"/>
      <c r="L21236" s="358"/>
    </row>
    <row r="21237" spans="2:12">
      <c r="B21237" s="367"/>
      <c r="C21237" s="360"/>
      <c r="D21237" s="367"/>
      <c r="E21237" s="367"/>
      <c r="F21237" s="367"/>
      <c r="G21237" s="367"/>
      <c r="H21237" s="367"/>
      <c r="I21237" s="367"/>
      <c r="J21237" s="365"/>
      <c r="K21237" s="365"/>
      <c r="L21237" s="365"/>
    </row>
    <row r="21238" spans="2:12" ht="28.5">
      <c r="B21238" s="368"/>
      <c r="C21238" s="361" t="s">
        <v>28051</v>
      </c>
      <c r="D21238" s="368"/>
      <c r="E21238" s="368"/>
      <c r="F21238" s="368"/>
      <c r="G21238" s="368"/>
      <c r="H21238" s="368"/>
      <c r="I21238" s="368"/>
      <c r="J21238" s="366"/>
      <c r="K21238" s="366"/>
      <c r="L21238" s="366"/>
    </row>
    <row r="21239" spans="2:12">
      <c r="B21239" s="358" t="s">
        <v>25535</v>
      </c>
      <c r="C21239" s="358" t="s">
        <v>25536</v>
      </c>
      <c r="D21239" s="358" t="s">
        <v>8356</v>
      </c>
      <c r="E21239" s="358" t="s">
        <v>25537</v>
      </c>
      <c r="F21239" s="358" t="s">
        <v>14460</v>
      </c>
      <c r="G21239" s="358" t="s">
        <v>14519</v>
      </c>
      <c r="H21239" s="358" t="s">
        <v>14381</v>
      </c>
      <c r="I21239" s="358" t="s">
        <v>14519</v>
      </c>
      <c r="J21239" s="358"/>
      <c r="K21239" s="358"/>
      <c r="L21239" s="358"/>
    </row>
    <row r="21240" spans="2:12">
      <c r="B21240" s="367"/>
      <c r="C21240" s="360"/>
      <c r="D21240" s="367"/>
      <c r="E21240" s="367"/>
      <c r="F21240" s="360"/>
      <c r="G21240" s="360"/>
      <c r="H21240" s="360"/>
      <c r="I21240" s="360"/>
      <c r="J21240" s="365"/>
      <c r="K21240" s="365"/>
      <c r="L21240" s="365"/>
    </row>
    <row r="21241" spans="2:12" ht="28.5">
      <c r="B21241" s="367"/>
      <c r="C21241" s="359" t="s">
        <v>25538</v>
      </c>
      <c r="D21241" s="367"/>
      <c r="E21241" s="367"/>
      <c r="F21241" s="359" t="s">
        <v>14371</v>
      </c>
      <c r="G21241" s="359" t="s">
        <v>14372</v>
      </c>
      <c r="H21241" s="359" t="s">
        <v>14370</v>
      </c>
      <c r="I21241" s="359" t="s">
        <v>14373</v>
      </c>
      <c r="J21241" s="365"/>
      <c r="K21241" s="365"/>
      <c r="L21241" s="365"/>
    </row>
    <row r="21242" spans="2:12">
      <c r="B21242" s="367"/>
      <c r="C21242" s="360"/>
      <c r="D21242" s="367"/>
      <c r="E21242" s="367"/>
      <c r="F21242" s="360"/>
      <c r="G21242" s="360"/>
      <c r="H21242" s="360"/>
      <c r="I21242" s="360"/>
      <c r="J21242" s="365"/>
      <c r="K21242" s="365"/>
      <c r="L21242" s="365"/>
    </row>
    <row r="21243" spans="2:12" ht="28.5">
      <c r="B21243" s="368"/>
      <c r="C21243" s="362"/>
      <c r="D21243" s="368"/>
      <c r="E21243" s="368"/>
      <c r="F21243" s="361" t="s">
        <v>14374</v>
      </c>
      <c r="G21243" s="361" t="s">
        <v>14373</v>
      </c>
      <c r="H21243" s="361" t="s">
        <v>14422</v>
      </c>
      <c r="I21243" s="362"/>
      <c r="J21243" s="366"/>
      <c r="K21243" s="366"/>
      <c r="L21243" s="366"/>
    </row>
    <row r="21244" spans="2:12">
      <c r="B21244" s="358" t="s">
        <v>25539</v>
      </c>
      <c r="C21244" s="358" t="s">
        <v>25540</v>
      </c>
      <c r="D21244" s="358" t="s">
        <v>25541</v>
      </c>
      <c r="E21244" s="358" t="s">
        <v>25542</v>
      </c>
      <c r="F21244" s="358" t="s">
        <v>14371</v>
      </c>
      <c r="G21244" s="358" t="s">
        <v>14372</v>
      </c>
      <c r="H21244" s="358" t="s">
        <v>14370</v>
      </c>
      <c r="I21244" s="358" t="s">
        <v>14373</v>
      </c>
      <c r="J21244" s="358"/>
      <c r="K21244" s="358" t="s">
        <v>14820</v>
      </c>
      <c r="L21244" s="358"/>
    </row>
    <row r="21245" spans="2:12">
      <c r="B21245" s="367"/>
      <c r="C21245" s="360"/>
      <c r="D21245" s="367"/>
      <c r="E21245" s="367"/>
      <c r="F21245" s="360"/>
      <c r="G21245" s="360"/>
      <c r="H21245" s="360"/>
      <c r="I21245" s="367"/>
      <c r="J21245" s="365"/>
      <c r="K21245" s="367"/>
      <c r="L21245" s="365"/>
    </row>
    <row r="21246" spans="2:12" ht="28.5">
      <c r="B21246" s="368"/>
      <c r="C21246" s="361" t="s">
        <v>25543</v>
      </c>
      <c r="D21246" s="368"/>
      <c r="E21246" s="368"/>
      <c r="F21246" s="361" t="s">
        <v>14374</v>
      </c>
      <c r="G21246" s="361" t="s">
        <v>14373</v>
      </c>
      <c r="H21246" s="361" t="s">
        <v>14422</v>
      </c>
      <c r="I21246" s="368"/>
      <c r="J21246" s="366"/>
      <c r="K21246" s="368"/>
      <c r="L21246" s="366"/>
    </row>
    <row r="21247" spans="2:12" ht="28.5">
      <c r="B21247" s="358" t="s">
        <v>25544</v>
      </c>
      <c r="C21247" s="358" t="s">
        <v>28052</v>
      </c>
      <c r="D21247" s="358" t="s">
        <v>25545</v>
      </c>
      <c r="E21247" s="358" t="s">
        <v>25546</v>
      </c>
      <c r="F21247" s="358" t="s">
        <v>14462</v>
      </c>
      <c r="G21247" s="358" t="s">
        <v>14463</v>
      </c>
      <c r="H21247" s="358" t="s">
        <v>8356</v>
      </c>
      <c r="I21247" s="358" t="s">
        <v>14463</v>
      </c>
      <c r="J21247" s="358"/>
      <c r="K21247" s="358"/>
      <c r="L21247" s="358"/>
    </row>
    <row r="21248" spans="2:12">
      <c r="B21248" s="368"/>
      <c r="C21248" s="368"/>
      <c r="D21248" s="368"/>
      <c r="E21248" s="368"/>
      <c r="F21248" s="368"/>
      <c r="G21248" s="368"/>
      <c r="H21248" s="368"/>
      <c r="I21248" s="368"/>
      <c r="J21248" s="366"/>
      <c r="K21248" s="366"/>
      <c r="L21248" s="366"/>
    </row>
    <row r="21249" spans="2:12" ht="28.5">
      <c r="B21249" s="358" t="s">
        <v>25547</v>
      </c>
      <c r="C21249" s="358" t="s">
        <v>28053</v>
      </c>
      <c r="D21249" s="358" t="s">
        <v>25548</v>
      </c>
      <c r="E21249" s="358" t="s">
        <v>25549</v>
      </c>
      <c r="F21249" s="358" t="s">
        <v>14462</v>
      </c>
      <c r="G21249" s="358" t="s">
        <v>14463</v>
      </c>
      <c r="H21249" s="358" t="s">
        <v>8356</v>
      </c>
      <c r="I21249" s="358" t="s">
        <v>14463</v>
      </c>
      <c r="J21249" s="358"/>
      <c r="K21249" s="358"/>
      <c r="L21249" s="358"/>
    </row>
    <row r="21250" spans="2:12">
      <c r="B21250" s="368"/>
      <c r="C21250" s="368"/>
      <c r="D21250" s="368"/>
      <c r="E21250" s="368"/>
      <c r="F21250" s="368"/>
      <c r="G21250" s="368"/>
      <c r="H21250" s="368"/>
      <c r="I21250" s="368"/>
      <c r="J21250" s="366"/>
      <c r="K21250" s="366"/>
      <c r="L21250" s="366"/>
    </row>
    <row r="21251" spans="2:12" ht="42.75">
      <c r="B21251" s="358" t="s">
        <v>25550</v>
      </c>
      <c r="C21251" s="358" t="s">
        <v>28054</v>
      </c>
      <c r="D21251" s="358" t="s">
        <v>25551</v>
      </c>
      <c r="E21251" s="358" t="s">
        <v>25552</v>
      </c>
      <c r="F21251" s="358" t="s">
        <v>14462</v>
      </c>
      <c r="G21251" s="358" t="s">
        <v>14463</v>
      </c>
      <c r="H21251" s="358" t="s">
        <v>8356</v>
      </c>
      <c r="I21251" s="358" t="s">
        <v>14463</v>
      </c>
      <c r="J21251" s="358"/>
      <c r="K21251" s="358"/>
      <c r="L21251" s="358"/>
    </row>
    <row r="21252" spans="2:12">
      <c r="B21252" s="368"/>
      <c r="C21252" s="368"/>
      <c r="D21252" s="368"/>
      <c r="E21252" s="368"/>
      <c r="F21252" s="368"/>
      <c r="G21252" s="368"/>
      <c r="H21252" s="368"/>
      <c r="I21252" s="368"/>
      <c r="J21252" s="366"/>
      <c r="K21252" s="366"/>
      <c r="L21252" s="366"/>
    </row>
    <row r="21253" spans="2:12" ht="28.5">
      <c r="B21253" s="358" t="s">
        <v>25553</v>
      </c>
      <c r="C21253" s="358" t="s">
        <v>28055</v>
      </c>
      <c r="D21253" s="358" t="s">
        <v>25554</v>
      </c>
      <c r="E21253" s="358" t="s">
        <v>25555</v>
      </c>
      <c r="F21253" s="358" t="s">
        <v>14507</v>
      </c>
      <c r="G21253" s="358" t="s">
        <v>29301</v>
      </c>
      <c r="H21253" s="358" t="s">
        <v>14381</v>
      </c>
      <c r="I21253" s="358" t="s">
        <v>29301</v>
      </c>
      <c r="J21253" s="358"/>
      <c r="K21253" s="358"/>
      <c r="L21253" s="358"/>
    </row>
    <row r="21254" spans="2:12">
      <c r="B21254" s="367"/>
      <c r="C21254" s="367"/>
      <c r="D21254" s="367"/>
      <c r="E21254" s="367"/>
      <c r="F21254" s="360"/>
      <c r="G21254" s="360"/>
      <c r="H21254" s="360"/>
      <c r="I21254" s="360"/>
      <c r="J21254" s="365"/>
      <c r="K21254" s="365"/>
      <c r="L21254" s="365"/>
    </row>
    <row r="21255" spans="2:12">
      <c r="B21255" s="367"/>
      <c r="C21255" s="367"/>
      <c r="D21255" s="367"/>
      <c r="E21255" s="367"/>
      <c r="F21255" s="359" t="s">
        <v>14391</v>
      </c>
      <c r="G21255" s="359" t="s">
        <v>14372</v>
      </c>
      <c r="H21255" s="359" t="s">
        <v>14370</v>
      </c>
      <c r="I21255" s="359" t="s">
        <v>14373</v>
      </c>
      <c r="J21255" s="365"/>
      <c r="K21255" s="365"/>
      <c r="L21255" s="365"/>
    </row>
    <row r="21256" spans="2:12">
      <c r="B21256" s="367"/>
      <c r="C21256" s="367"/>
      <c r="D21256" s="367"/>
      <c r="E21256" s="367"/>
      <c r="F21256" s="360"/>
      <c r="G21256" s="360"/>
      <c r="H21256" s="360"/>
      <c r="I21256" s="360"/>
      <c r="J21256" s="365"/>
      <c r="K21256" s="365"/>
      <c r="L21256" s="365"/>
    </row>
    <row r="21257" spans="2:12">
      <c r="B21257" s="367"/>
      <c r="C21257" s="367"/>
      <c r="D21257" s="367"/>
      <c r="E21257" s="367"/>
      <c r="F21257" s="359" t="s">
        <v>14371</v>
      </c>
      <c r="G21257" s="359" t="s">
        <v>14373</v>
      </c>
      <c r="H21257" s="359" t="s">
        <v>14422</v>
      </c>
      <c r="I21257" s="360"/>
      <c r="J21257" s="365"/>
      <c r="K21257" s="365"/>
      <c r="L21257" s="365"/>
    </row>
    <row r="21258" spans="2:12">
      <c r="B21258" s="367"/>
      <c r="C21258" s="367"/>
      <c r="D21258" s="367"/>
      <c r="E21258" s="367"/>
      <c r="F21258" s="360"/>
      <c r="G21258" s="360"/>
      <c r="H21258" s="360"/>
      <c r="I21258" s="360"/>
      <c r="J21258" s="365"/>
      <c r="K21258" s="365"/>
      <c r="L21258" s="365"/>
    </row>
    <row r="21259" spans="2:12" ht="28.5">
      <c r="B21259" s="368"/>
      <c r="C21259" s="368"/>
      <c r="D21259" s="368"/>
      <c r="E21259" s="368"/>
      <c r="F21259" s="361" t="s">
        <v>14374</v>
      </c>
      <c r="G21259" s="362"/>
      <c r="H21259" s="362"/>
      <c r="I21259" s="362"/>
      <c r="J21259" s="366"/>
      <c r="K21259" s="366"/>
      <c r="L21259" s="366"/>
    </row>
    <row r="21260" spans="2:12" ht="28.5">
      <c r="B21260" s="358" t="s">
        <v>25556</v>
      </c>
      <c r="C21260" s="358" t="s">
        <v>28056</v>
      </c>
      <c r="D21260" s="358" t="s">
        <v>25557</v>
      </c>
      <c r="E21260" s="358" t="s">
        <v>25558</v>
      </c>
      <c r="F21260" s="358" t="s">
        <v>14420</v>
      </c>
      <c r="G21260" s="358" t="s">
        <v>14429</v>
      </c>
      <c r="H21260" s="358" t="s">
        <v>14367</v>
      </c>
      <c r="I21260" s="358" t="s">
        <v>14429</v>
      </c>
      <c r="J21260" s="358"/>
      <c r="K21260" s="358"/>
      <c r="L21260" s="358"/>
    </row>
    <row r="21261" spans="2:12">
      <c r="B21261" s="367"/>
      <c r="C21261" s="367"/>
      <c r="D21261" s="367"/>
      <c r="E21261" s="367"/>
      <c r="F21261" s="360"/>
      <c r="G21261" s="360"/>
      <c r="H21261" s="360"/>
      <c r="I21261" s="360"/>
      <c r="J21261" s="365"/>
      <c r="K21261" s="365"/>
      <c r="L21261" s="365"/>
    </row>
    <row r="21262" spans="2:12" ht="28.5">
      <c r="B21262" s="368"/>
      <c r="C21262" s="368"/>
      <c r="D21262" s="368"/>
      <c r="E21262" s="368"/>
      <c r="F21262" s="361" t="s">
        <v>14472</v>
      </c>
      <c r="G21262" s="361" t="s">
        <v>14473</v>
      </c>
      <c r="H21262" s="361" t="s">
        <v>14422</v>
      </c>
      <c r="I21262" s="361" t="s">
        <v>14473</v>
      </c>
      <c r="J21262" s="366"/>
      <c r="K21262" s="366"/>
      <c r="L21262" s="366"/>
    </row>
    <row r="21263" spans="2:12" ht="42.75">
      <c r="B21263" s="358" t="s">
        <v>25559</v>
      </c>
      <c r="C21263" s="358" t="s">
        <v>28057</v>
      </c>
      <c r="D21263" s="358" t="s">
        <v>25560</v>
      </c>
      <c r="E21263" s="358" t="s">
        <v>25561</v>
      </c>
      <c r="F21263" s="358" t="s">
        <v>14462</v>
      </c>
      <c r="G21263" s="358" t="s">
        <v>14463</v>
      </c>
      <c r="H21263" s="358" t="s">
        <v>8356</v>
      </c>
      <c r="I21263" s="358" t="s">
        <v>14463</v>
      </c>
      <c r="J21263" s="358"/>
      <c r="K21263" s="358"/>
      <c r="L21263" s="358"/>
    </row>
    <row r="21264" spans="2:12">
      <c r="B21264" s="368"/>
      <c r="C21264" s="368"/>
      <c r="D21264" s="368"/>
      <c r="E21264" s="368"/>
      <c r="F21264" s="368"/>
      <c r="G21264" s="368"/>
      <c r="H21264" s="368"/>
      <c r="I21264" s="368"/>
      <c r="J21264" s="366"/>
      <c r="K21264" s="366"/>
      <c r="L21264" s="366"/>
    </row>
    <row r="21265" spans="2:12" ht="28.5">
      <c r="B21265" s="358" t="s">
        <v>25562</v>
      </c>
      <c r="C21265" s="358" t="s">
        <v>28058</v>
      </c>
      <c r="D21265" s="358" t="s">
        <v>25563</v>
      </c>
      <c r="E21265" s="358" t="s">
        <v>8356</v>
      </c>
      <c r="F21265" s="358" t="s">
        <v>14460</v>
      </c>
      <c r="G21265" s="358" t="s">
        <v>14519</v>
      </c>
      <c r="H21265" s="358" t="s">
        <v>14381</v>
      </c>
      <c r="I21265" s="358" t="s">
        <v>14519</v>
      </c>
      <c r="J21265" s="358"/>
      <c r="K21265" s="358"/>
      <c r="L21265" s="358"/>
    </row>
    <row r="21266" spans="2:12">
      <c r="B21266" s="367"/>
      <c r="C21266" s="360"/>
      <c r="D21266" s="367"/>
      <c r="E21266" s="367"/>
      <c r="F21266" s="360"/>
      <c r="G21266" s="360"/>
      <c r="H21266" s="360"/>
      <c r="I21266" s="360"/>
      <c r="J21266" s="365"/>
      <c r="K21266" s="365"/>
      <c r="L21266" s="365"/>
    </row>
    <row r="21267" spans="2:12" ht="28.5">
      <c r="B21267" s="367"/>
      <c r="C21267" s="359" t="s">
        <v>28059</v>
      </c>
      <c r="D21267" s="367"/>
      <c r="E21267" s="367"/>
      <c r="F21267" s="359" t="s">
        <v>14394</v>
      </c>
      <c r="G21267" s="359" t="s">
        <v>14395</v>
      </c>
      <c r="H21267" s="359" t="s">
        <v>14370</v>
      </c>
      <c r="I21267" s="359" t="s">
        <v>14395</v>
      </c>
      <c r="J21267" s="365"/>
      <c r="K21267" s="365"/>
      <c r="L21267" s="365"/>
    </row>
    <row r="21268" spans="2:12">
      <c r="B21268" s="367"/>
      <c r="C21268" s="360"/>
      <c r="D21268" s="367"/>
      <c r="E21268" s="367"/>
      <c r="F21268" s="360"/>
      <c r="G21268" s="360"/>
      <c r="H21268" s="360"/>
      <c r="I21268" s="360"/>
      <c r="J21268" s="365"/>
      <c r="K21268" s="365"/>
      <c r="L21268" s="365"/>
    </row>
    <row r="21269" spans="2:12">
      <c r="B21269" s="368"/>
      <c r="C21269" s="361" t="s">
        <v>28060</v>
      </c>
      <c r="D21269" s="368"/>
      <c r="E21269" s="368"/>
      <c r="F21269" s="362"/>
      <c r="G21269" s="362"/>
      <c r="H21269" s="361" t="s">
        <v>14422</v>
      </c>
      <c r="I21269" s="362"/>
      <c r="J21269" s="366"/>
      <c r="K21269" s="366"/>
      <c r="L21269" s="366"/>
    </row>
    <row r="21270" spans="2:12">
      <c r="B21270" s="358" t="s">
        <v>25564</v>
      </c>
      <c r="C21270" s="358" t="s">
        <v>28061</v>
      </c>
      <c r="D21270" s="358" t="s">
        <v>25565</v>
      </c>
      <c r="E21270" s="358" t="s">
        <v>25566</v>
      </c>
      <c r="F21270" s="358" t="s">
        <v>14391</v>
      </c>
      <c r="G21270" s="358" t="s">
        <v>14392</v>
      </c>
      <c r="H21270" s="358" t="s">
        <v>14367</v>
      </c>
      <c r="I21270" s="358" t="s">
        <v>14392</v>
      </c>
      <c r="J21270" s="358"/>
      <c r="K21270" s="358"/>
      <c r="L21270" s="358"/>
    </row>
    <row r="21271" spans="2:12">
      <c r="B21271" s="367"/>
      <c r="C21271" s="367"/>
      <c r="D21271" s="367"/>
      <c r="E21271" s="367"/>
      <c r="F21271" s="360"/>
      <c r="G21271" s="360"/>
      <c r="H21271" s="360"/>
      <c r="I21271" s="360"/>
      <c r="J21271" s="365"/>
      <c r="K21271" s="365"/>
      <c r="L21271" s="365"/>
    </row>
    <row r="21272" spans="2:12" ht="28.5">
      <c r="B21272" s="367"/>
      <c r="C21272" s="367"/>
      <c r="D21272" s="367"/>
      <c r="E21272" s="367"/>
      <c r="F21272" s="359" t="s">
        <v>14394</v>
      </c>
      <c r="G21272" s="359" t="s">
        <v>14395</v>
      </c>
      <c r="H21272" s="359" t="s">
        <v>14370</v>
      </c>
      <c r="I21272" s="359" t="s">
        <v>14395</v>
      </c>
      <c r="J21272" s="365"/>
      <c r="K21272" s="365"/>
      <c r="L21272" s="365"/>
    </row>
    <row r="21273" spans="2:12">
      <c r="B21273" s="367"/>
      <c r="C21273" s="367"/>
      <c r="D21273" s="367"/>
      <c r="E21273" s="367"/>
      <c r="F21273" s="360"/>
      <c r="G21273" s="360"/>
      <c r="H21273" s="360"/>
      <c r="I21273" s="360"/>
      <c r="J21273" s="365"/>
      <c r="K21273" s="365"/>
      <c r="L21273" s="365"/>
    </row>
    <row r="21274" spans="2:12">
      <c r="B21274" s="368"/>
      <c r="C21274" s="368"/>
      <c r="D21274" s="368"/>
      <c r="E21274" s="368"/>
      <c r="F21274" s="362"/>
      <c r="G21274" s="362"/>
      <c r="H21274" s="361" t="s">
        <v>14422</v>
      </c>
      <c r="I21274" s="362"/>
      <c r="J21274" s="366"/>
      <c r="K21274" s="366"/>
      <c r="L21274" s="366"/>
    </row>
    <row r="21275" spans="2:12">
      <c r="B21275" s="358" t="s">
        <v>25567</v>
      </c>
      <c r="C21275" s="358" t="s">
        <v>29727</v>
      </c>
      <c r="D21275" s="358" t="s">
        <v>25568</v>
      </c>
      <c r="E21275" s="358" t="s">
        <v>25569</v>
      </c>
      <c r="F21275" s="358" t="s">
        <v>14420</v>
      </c>
      <c r="G21275" s="358" t="s">
        <v>14429</v>
      </c>
      <c r="H21275" s="358" t="s">
        <v>14367</v>
      </c>
      <c r="I21275" s="358" t="s">
        <v>14429</v>
      </c>
      <c r="J21275" s="358"/>
      <c r="K21275" s="358"/>
      <c r="L21275" s="358"/>
    </row>
    <row r="21276" spans="2:12">
      <c r="B21276" s="367"/>
      <c r="C21276" s="367"/>
      <c r="D21276" s="367"/>
      <c r="E21276" s="367"/>
      <c r="F21276" s="367"/>
      <c r="G21276" s="367"/>
      <c r="H21276" s="360"/>
      <c r="I21276" s="367"/>
      <c r="J21276" s="365"/>
      <c r="K21276" s="365"/>
      <c r="L21276" s="365"/>
    </row>
    <row r="21277" spans="2:12">
      <c r="B21277" s="368"/>
      <c r="C21277" s="368"/>
      <c r="D21277" s="368"/>
      <c r="E21277" s="368"/>
      <c r="F21277" s="368"/>
      <c r="G21277" s="368"/>
      <c r="H21277" s="361" t="s">
        <v>14422</v>
      </c>
      <c r="I21277" s="368"/>
      <c r="J21277" s="366"/>
      <c r="K21277" s="366"/>
      <c r="L21277" s="366"/>
    </row>
    <row r="21278" spans="2:12" ht="28.5">
      <c r="B21278" s="358" t="s">
        <v>25570</v>
      </c>
      <c r="C21278" s="358" t="s">
        <v>28062</v>
      </c>
      <c r="D21278" s="358" t="s">
        <v>25571</v>
      </c>
      <c r="E21278" s="358" t="s">
        <v>25572</v>
      </c>
      <c r="F21278" s="358" t="s">
        <v>14371</v>
      </c>
      <c r="G21278" s="358" t="s">
        <v>14372</v>
      </c>
      <c r="H21278" s="358" t="s">
        <v>14370</v>
      </c>
      <c r="I21278" s="358" t="s">
        <v>14373</v>
      </c>
      <c r="J21278" s="358"/>
      <c r="K21278" s="358"/>
      <c r="L21278" s="358"/>
    </row>
    <row r="21279" spans="2:12">
      <c r="B21279" s="367"/>
      <c r="C21279" s="367"/>
      <c r="D21279" s="367"/>
      <c r="E21279" s="367"/>
      <c r="F21279" s="360"/>
      <c r="G21279" s="360"/>
      <c r="H21279" s="360"/>
      <c r="I21279" s="367"/>
      <c r="J21279" s="365"/>
      <c r="K21279" s="365"/>
      <c r="L21279" s="365"/>
    </row>
    <row r="21280" spans="2:12" ht="28.5">
      <c r="B21280" s="368"/>
      <c r="C21280" s="368"/>
      <c r="D21280" s="368"/>
      <c r="E21280" s="368"/>
      <c r="F21280" s="361" t="s">
        <v>14374</v>
      </c>
      <c r="G21280" s="361" t="s">
        <v>14373</v>
      </c>
      <c r="H21280" s="361" t="s">
        <v>14422</v>
      </c>
      <c r="I21280" s="368"/>
      <c r="J21280" s="366"/>
      <c r="K21280" s="366"/>
      <c r="L21280" s="366"/>
    </row>
    <row r="21281" spans="2:12">
      <c r="B21281" s="358" t="s">
        <v>25573</v>
      </c>
      <c r="C21281" s="358" t="s">
        <v>25574</v>
      </c>
      <c r="D21281" s="358" t="s">
        <v>25575</v>
      </c>
      <c r="E21281" s="358" t="s">
        <v>25576</v>
      </c>
      <c r="F21281" s="358" t="s">
        <v>14382</v>
      </c>
      <c r="G21281" s="358" t="s">
        <v>14579</v>
      </c>
      <c r="H21281" s="358" t="s">
        <v>14378</v>
      </c>
      <c r="I21281" s="358" t="s">
        <v>14579</v>
      </c>
      <c r="J21281" s="358"/>
      <c r="K21281" s="358"/>
      <c r="L21281" s="358"/>
    </row>
    <row r="21282" spans="2:12">
      <c r="B21282" s="367"/>
      <c r="C21282" s="367"/>
      <c r="D21282" s="367"/>
      <c r="E21282" s="367"/>
      <c r="F21282" s="360"/>
      <c r="G21282" s="360"/>
      <c r="H21282" s="360"/>
      <c r="I21282" s="360"/>
      <c r="J21282" s="365"/>
      <c r="K21282" s="365"/>
      <c r="L21282" s="365"/>
    </row>
    <row r="21283" spans="2:12">
      <c r="B21283" s="367"/>
      <c r="C21283" s="367"/>
      <c r="D21283" s="367"/>
      <c r="E21283" s="367"/>
      <c r="F21283" s="359" t="s">
        <v>14382</v>
      </c>
      <c r="G21283" s="359" t="s">
        <v>14383</v>
      </c>
      <c r="H21283" s="359" t="s">
        <v>14341</v>
      </c>
      <c r="I21283" s="359" t="s">
        <v>14383</v>
      </c>
      <c r="J21283" s="365"/>
      <c r="K21283" s="365"/>
      <c r="L21283" s="365"/>
    </row>
    <row r="21284" spans="2:12">
      <c r="B21284" s="367"/>
      <c r="C21284" s="367"/>
      <c r="D21284" s="367"/>
      <c r="E21284" s="367"/>
      <c r="F21284" s="360"/>
      <c r="G21284" s="360"/>
      <c r="H21284" s="360"/>
      <c r="I21284" s="360"/>
      <c r="J21284" s="365"/>
      <c r="K21284" s="365"/>
      <c r="L21284" s="365"/>
    </row>
    <row r="21285" spans="2:12">
      <c r="B21285" s="367"/>
      <c r="C21285" s="367"/>
      <c r="D21285" s="367"/>
      <c r="E21285" s="367"/>
      <c r="F21285" s="359" t="s">
        <v>14460</v>
      </c>
      <c r="G21285" s="359" t="s">
        <v>14461</v>
      </c>
      <c r="H21285" s="359" t="s">
        <v>14381</v>
      </c>
      <c r="I21285" s="359" t="s">
        <v>14461</v>
      </c>
      <c r="J21285" s="365"/>
      <c r="K21285" s="365"/>
      <c r="L21285" s="365"/>
    </row>
    <row r="21286" spans="2:12">
      <c r="B21286" s="367"/>
      <c r="C21286" s="367"/>
      <c r="D21286" s="367"/>
      <c r="E21286" s="367"/>
      <c r="F21286" s="360"/>
      <c r="G21286" s="360"/>
      <c r="H21286" s="360"/>
      <c r="I21286" s="360"/>
      <c r="J21286" s="365"/>
      <c r="K21286" s="365"/>
      <c r="L21286" s="365"/>
    </row>
    <row r="21287" spans="2:12">
      <c r="B21287" s="367"/>
      <c r="C21287" s="367"/>
      <c r="D21287" s="367"/>
      <c r="E21287" s="367"/>
      <c r="F21287" s="359" t="s">
        <v>14356</v>
      </c>
      <c r="G21287" s="359" t="s">
        <v>14340</v>
      </c>
      <c r="H21287" s="359" t="s">
        <v>14332</v>
      </c>
      <c r="I21287" s="359" t="s">
        <v>14340</v>
      </c>
      <c r="J21287" s="365"/>
      <c r="K21287" s="365"/>
      <c r="L21287" s="365"/>
    </row>
    <row r="21288" spans="2:12">
      <c r="B21288" s="367"/>
      <c r="C21288" s="367"/>
      <c r="D21288" s="367"/>
      <c r="E21288" s="367"/>
      <c r="F21288" s="360"/>
      <c r="G21288" s="360"/>
      <c r="H21288" s="360"/>
      <c r="I21288" s="360"/>
      <c r="J21288" s="365"/>
      <c r="K21288" s="365"/>
      <c r="L21288" s="365"/>
    </row>
    <row r="21289" spans="2:12" ht="28.5">
      <c r="B21289" s="368"/>
      <c r="C21289" s="368"/>
      <c r="D21289" s="368"/>
      <c r="E21289" s="368"/>
      <c r="F21289" s="361" t="s">
        <v>14472</v>
      </c>
      <c r="G21289" s="361" t="s">
        <v>14473</v>
      </c>
      <c r="H21289" s="362"/>
      <c r="I21289" s="361" t="s">
        <v>14473</v>
      </c>
      <c r="J21289" s="366"/>
      <c r="K21289" s="366"/>
      <c r="L21289" s="366"/>
    </row>
    <row r="21290" spans="2:12" ht="28.5">
      <c r="B21290" s="358" t="s">
        <v>25577</v>
      </c>
      <c r="C21290" s="358" t="s">
        <v>28063</v>
      </c>
      <c r="D21290" s="358" t="s">
        <v>25578</v>
      </c>
      <c r="E21290" s="358" t="s">
        <v>25579</v>
      </c>
      <c r="F21290" s="358" t="s">
        <v>14371</v>
      </c>
      <c r="G21290" s="358" t="s">
        <v>14372</v>
      </c>
      <c r="H21290" s="358" t="s">
        <v>14370</v>
      </c>
      <c r="I21290" s="358" t="s">
        <v>28064</v>
      </c>
      <c r="J21290" s="358"/>
      <c r="K21290" s="358"/>
      <c r="L21290" s="358"/>
    </row>
    <row r="21291" spans="2:12">
      <c r="B21291" s="367"/>
      <c r="C21291" s="367"/>
      <c r="D21291" s="367"/>
      <c r="E21291" s="367"/>
      <c r="F21291" s="360"/>
      <c r="G21291" s="360"/>
      <c r="H21291" s="360"/>
      <c r="I21291" s="367"/>
      <c r="J21291" s="365"/>
      <c r="K21291" s="365"/>
      <c r="L21291" s="365"/>
    </row>
    <row r="21292" spans="2:12" ht="28.5">
      <c r="B21292" s="368"/>
      <c r="C21292" s="368"/>
      <c r="D21292" s="368"/>
      <c r="E21292" s="368"/>
      <c r="F21292" s="361" t="s">
        <v>14374</v>
      </c>
      <c r="G21292" s="361" t="s">
        <v>14373</v>
      </c>
      <c r="H21292" s="361" t="s">
        <v>14422</v>
      </c>
      <c r="I21292" s="368"/>
      <c r="J21292" s="366"/>
      <c r="K21292" s="366"/>
      <c r="L21292" s="366"/>
    </row>
    <row r="21293" spans="2:12">
      <c r="B21293" s="358" t="s">
        <v>25580</v>
      </c>
      <c r="C21293" s="358" t="s">
        <v>28065</v>
      </c>
      <c r="D21293" s="358" t="s">
        <v>25581</v>
      </c>
      <c r="E21293" s="358" t="s">
        <v>25582</v>
      </c>
      <c r="F21293" s="358" t="s">
        <v>14420</v>
      </c>
      <c r="G21293" s="358" t="s">
        <v>14429</v>
      </c>
      <c r="H21293" s="358" t="s">
        <v>14381</v>
      </c>
      <c r="I21293" s="358" t="s">
        <v>14429</v>
      </c>
      <c r="J21293" s="358"/>
      <c r="K21293" s="358"/>
      <c r="L21293" s="358"/>
    </row>
    <row r="21294" spans="2:12">
      <c r="B21294" s="367"/>
      <c r="C21294" s="367"/>
      <c r="D21294" s="367"/>
      <c r="E21294" s="367"/>
      <c r="F21294" s="360"/>
      <c r="G21294" s="360"/>
      <c r="H21294" s="360"/>
      <c r="I21294" s="360"/>
      <c r="J21294" s="365"/>
      <c r="K21294" s="365"/>
      <c r="L21294" s="365"/>
    </row>
    <row r="21295" spans="2:12">
      <c r="B21295" s="367"/>
      <c r="C21295" s="367"/>
      <c r="D21295" s="367"/>
      <c r="E21295" s="367"/>
      <c r="F21295" s="359" t="s">
        <v>14460</v>
      </c>
      <c r="G21295" s="359" t="s">
        <v>14461</v>
      </c>
      <c r="H21295" s="359" t="s">
        <v>14367</v>
      </c>
      <c r="I21295" s="359" t="s">
        <v>14461</v>
      </c>
      <c r="J21295" s="365"/>
      <c r="K21295" s="365"/>
      <c r="L21295" s="365"/>
    </row>
    <row r="21296" spans="2:12">
      <c r="B21296" s="367"/>
      <c r="C21296" s="367"/>
      <c r="D21296" s="367"/>
      <c r="E21296" s="367"/>
      <c r="F21296" s="360"/>
      <c r="G21296" s="360"/>
      <c r="H21296" s="360"/>
      <c r="I21296" s="360"/>
      <c r="J21296" s="365"/>
      <c r="K21296" s="365"/>
      <c r="L21296" s="365"/>
    </row>
    <row r="21297" spans="2:12" ht="28.5">
      <c r="B21297" s="368"/>
      <c r="C21297" s="368"/>
      <c r="D21297" s="368"/>
      <c r="E21297" s="368"/>
      <c r="F21297" s="361" t="s">
        <v>14472</v>
      </c>
      <c r="G21297" s="361" t="s">
        <v>14473</v>
      </c>
      <c r="H21297" s="361" t="s">
        <v>14422</v>
      </c>
      <c r="I21297" s="361" t="s">
        <v>14473</v>
      </c>
      <c r="J21297" s="366"/>
      <c r="K21297" s="366"/>
      <c r="L21297" s="366"/>
    </row>
    <row r="21298" spans="2:12" ht="28.5">
      <c r="B21298" s="358" t="s">
        <v>25583</v>
      </c>
      <c r="C21298" s="358" t="s">
        <v>30465</v>
      </c>
      <c r="D21298" s="358" t="s">
        <v>25584</v>
      </c>
      <c r="E21298" s="358" t="s">
        <v>8356</v>
      </c>
      <c r="F21298" s="358" t="s">
        <v>14391</v>
      </c>
      <c r="G21298" s="358" t="s">
        <v>14392</v>
      </c>
      <c r="H21298" s="358" t="s">
        <v>14367</v>
      </c>
      <c r="I21298" s="358" t="s">
        <v>14392</v>
      </c>
      <c r="J21298" s="358"/>
      <c r="K21298" s="358"/>
      <c r="L21298" s="358"/>
    </row>
    <row r="21299" spans="2:12">
      <c r="B21299" s="367"/>
      <c r="C21299" s="360"/>
      <c r="D21299" s="367"/>
      <c r="E21299" s="367"/>
      <c r="F21299" s="360"/>
      <c r="G21299" s="360"/>
      <c r="H21299" s="360"/>
      <c r="I21299" s="360"/>
      <c r="J21299" s="365"/>
      <c r="K21299" s="365"/>
      <c r="L21299" s="365"/>
    </row>
    <row r="21300" spans="2:12" ht="28.5">
      <c r="B21300" s="367"/>
      <c r="C21300" s="359" t="s">
        <v>28066</v>
      </c>
      <c r="D21300" s="367"/>
      <c r="E21300" s="367"/>
      <c r="F21300" s="359" t="s">
        <v>14394</v>
      </c>
      <c r="G21300" s="359" t="s">
        <v>14395</v>
      </c>
      <c r="H21300" s="359" t="s">
        <v>14370</v>
      </c>
      <c r="I21300" s="359" t="s">
        <v>14395</v>
      </c>
      <c r="J21300" s="365"/>
      <c r="K21300" s="365"/>
      <c r="L21300" s="365"/>
    </row>
    <row r="21301" spans="2:12">
      <c r="B21301" s="367"/>
      <c r="C21301" s="360"/>
      <c r="D21301" s="367"/>
      <c r="E21301" s="367"/>
      <c r="F21301" s="360"/>
      <c r="G21301" s="360"/>
      <c r="H21301" s="360"/>
      <c r="I21301" s="360"/>
      <c r="J21301" s="365"/>
      <c r="K21301" s="365"/>
      <c r="L21301" s="365"/>
    </row>
    <row r="21302" spans="2:12">
      <c r="B21302" s="368"/>
      <c r="C21302" s="361" t="s">
        <v>30466</v>
      </c>
      <c r="D21302" s="368"/>
      <c r="E21302" s="368"/>
      <c r="F21302" s="362"/>
      <c r="G21302" s="362"/>
      <c r="H21302" s="361" t="s">
        <v>14422</v>
      </c>
      <c r="I21302" s="362"/>
      <c r="J21302" s="366"/>
      <c r="K21302" s="366"/>
      <c r="L21302" s="366"/>
    </row>
    <row r="21303" spans="2:12" ht="28.5">
      <c r="B21303" s="358" t="s">
        <v>25585</v>
      </c>
      <c r="C21303" s="358" t="s">
        <v>28067</v>
      </c>
      <c r="D21303" s="358" t="s">
        <v>25586</v>
      </c>
      <c r="E21303" s="358" t="s">
        <v>25587</v>
      </c>
      <c r="F21303" s="358" t="s">
        <v>14462</v>
      </c>
      <c r="G21303" s="358" t="s">
        <v>14463</v>
      </c>
      <c r="H21303" s="358" t="s">
        <v>8356</v>
      </c>
      <c r="I21303" s="358" t="s">
        <v>14463</v>
      </c>
      <c r="J21303" s="358"/>
      <c r="K21303" s="358"/>
      <c r="L21303" s="358"/>
    </row>
    <row r="21304" spans="2:12">
      <c r="B21304" s="368"/>
      <c r="C21304" s="368"/>
      <c r="D21304" s="368"/>
      <c r="E21304" s="368"/>
      <c r="F21304" s="368"/>
      <c r="G21304" s="368"/>
      <c r="H21304" s="368"/>
      <c r="I21304" s="368"/>
      <c r="J21304" s="366"/>
      <c r="K21304" s="366"/>
      <c r="L21304" s="366"/>
    </row>
    <row r="21305" spans="2:12" ht="28.5">
      <c r="B21305" s="358" t="s">
        <v>25588</v>
      </c>
      <c r="C21305" s="358" t="s">
        <v>28068</v>
      </c>
      <c r="D21305" s="358" t="s">
        <v>25589</v>
      </c>
      <c r="E21305" s="358" t="s">
        <v>25590</v>
      </c>
      <c r="F21305" s="358" t="s">
        <v>14420</v>
      </c>
      <c r="G21305" s="358" t="s">
        <v>14429</v>
      </c>
      <c r="H21305" s="358" t="s">
        <v>14367</v>
      </c>
      <c r="I21305" s="358" t="s">
        <v>14429</v>
      </c>
      <c r="J21305" s="358"/>
      <c r="K21305" s="358"/>
      <c r="L21305" s="358"/>
    </row>
    <row r="21306" spans="2:12">
      <c r="B21306" s="367"/>
      <c r="C21306" s="367"/>
      <c r="D21306" s="367"/>
      <c r="E21306" s="367"/>
      <c r="F21306" s="360"/>
      <c r="G21306" s="360"/>
      <c r="H21306" s="360"/>
      <c r="I21306" s="360"/>
      <c r="J21306" s="365"/>
      <c r="K21306" s="365"/>
      <c r="L21306" s="365"/>
    </row>
    <row r="21307" spans="2:12">
      <c r="B21307" s="368"/>
      <c r="C21307" s="368"/>
      <c r="D21307" s="368"/>
      <c r="E21307" s="368"/>
      <c r="F21307" s="361" t="s">
        <v>14386</v>
      </c>
      <c r="G21307" s="361" t="s">
        <v>14387</v>
      </c>
      <c r="H21307" s="361" t="s">
        <v>14422</v>
      </c>
      <c r="I21307" s="361" t="s">
        <v>14387</v>
      </c>
      <c r="J21307" s="366"/>
      <c r="K21307" s="366"/>
      <c r="L21307" s="366"/>
    </row>
    <row r="21308" spans="2:12" ht="42.75">
      <c r="B21308" s="358" t="s">
        <v>25591</v>
      </c>
      <c r="C21308" s="358" t="s">
        <v>28069</v>
      </c>
      <c r="D21308" s="358" t="s">
        <v>25592</v>
      </c>
      <c r="E21308" s="358" t="s">
        <v>25593</v>
      </c>
      <c r="F21308" s="358" t="s">
        <v>14462</v>
      </c>
      <c r="G21308" s="358" t="s">
        <v>14463</v>
      </c>
      <c r="H21308" s="358" t="s">
        <v>8356</v>
      </c>
      <c r="I21308" s="358" t="s">
        <v>14463</v>
      </c>
      <c r="J21308" s="358"/>
      <c r="K21308" s="358"/>
      <c r="L21308" s="358"/>
    </row>
    <row r="21309" spans="2:12">
      <c r="B21309" s="368"/>
      <c r="C21309" s="368"/>
      <c r="D21309" s="368"/>
      <c r="E21309" s="368"/>
      <c r="F21309" s="368"/>
      <c r="G21309" s="368"/>
      <c r="H21309" s="368"/>
      <c r="I21309" s="368"/>
      <c r="J21309" s="366"/>
      <c r="K21309" s="366"/>
      <c r="L21309" s="366"/>
    </row>
    <row r="21310" spans="2:12">
      <c r="B21310" s="358" t="s">
        <v>25594</v>
      </c>
      <c r="C21310" s="358" t="s">
        <v>25595</v>
      </c>
      <c r="D21310" s="358" t="s">
        <v>25596</v>
      </c>
      <c r="E21310" s="358" t="s">
        <v>25597</v>
      </c>
      <c r="F21310" s="358" t="s">
        <v>14384</v>
      </c>
      <c r="G21310" s="358" t="s">
        <v>14428</v>
      </c>
      <c r="H21310" s="358" t="s">
        <v>14341</v>
      </c>
      <c r="I21310" s="358" t="s">
        <v>14428</v>
      </c>
      <c r="J21310" s="358"/>
      <c r="K21310" s="358"/>
      <c r="L21310" s="358"/>
    </row>
    <row r="21311" spans="2:12">
      <c r="B21311" s="367"/>
      <c r="C21311" s="367"/>
      <c r="D21311" s="367"/>
      <c r="E21311" s="367"/>
      <c r="F21311" s="360"/>
      <c r="G21311" s="360"/>
      <c r="H21311" s="360"/>
      <c r="I21311" s="360"/>
      <c r="J21311" s="365"/>
      <c r="K21311" s="365"/>
      <c r="L21311" s="365"/>
    </row>
    <row r="21312" spans="2:12">
      <c r="B21312" s="367"/>
      <c r="C21312" s="367"/>
      <c r="D21312" s="367"/>
      <c r="E21312" s="367"/>
      <c r="F21312" s="359" t="s">
        <v>14420</v>
      </c>
      <c r="G21312" s="359" t="s">
        <v>14429</v>
      </c>
      <c r="H21312" s="359" t="s">
        <v>14381</v>
      </c>
      <c r="I21312" s="359" t="s">
        <v>14429</v>
      </c>
      <c r="J21312" s="365"/>
      <c r="K21312" s="365"/>
      <c r="L21312" s="365"/>
    </row>
    <row r="21313" spans="2:12">
      <c r="B21313" s="367"/>
      <c r="C21313" s="367"/>
      <c r="D21313" s="367"/>
      <c r="E21313" s="367"/>
      <c r="F21313" s="360"/>
      <c r="G21313" s="360"/>
      <c r="H21313" s="360"/>
      <c r="I21313" s="360"/>
      <c r="J21313" s="365"/>
      <c r="K21313" s="365"/>
      <c r="L21313" s="365"/>
    </row>
    <row r="21314" spans="2:12">
      <c r="B21314" s="367"/>
      <c r="C21314" s="367"/>
      <c r="D21314" s="367"/>
      <c r="E21314" s="367"/>
      <c r="F21314" s="359" t="s">
        <v>14430</v>
      </c>
      <c r="G21314" s="359" t="s">
        <v>14431</v>
      </c>
      <c r="H21314" s="359" t="s">
        <v>14367</v>
      </c>
      <c r="I21314" s="359" t="s">
        <v>14431</v>
      </c>
      <c r="J21314" s="365"/>
      <c r="K21314" s="365"/>
      <c r="L21314" s="365"/>
    </row>
    <row r="21315" spans="2:12">
      <c r="B21315" s="367"/>
      <c r="C21315" s="367"/>
      <c r="D21315" s="367"/>
      <c r="E21315" s="367"/>
      <c r="F21315" s="360"/>
      <c r="G21315" s="360"/>
      <c r="H21315" s="360"/>
      <c r="I21315" s="360"/>
      <c r="J21315" s="365"/>
      <c r="K21315" s="365"/>
      <c r="L21315" s="365"/>
    </row>
    <row r="21316" spans="2:12">
      <c r="B21316" s="368"/>
      <c r="C21316" s="368"/>
      <c r="D21316" s="368"/>
      <c r="E21316" s="368"/>
      <c r="F21316" s="362"/>
      <c r="G21316" s="362"/>
      <c r="H21316" s="361" t="s">
        <v>14332</v>
      </c>
      <c r="I21316" s="362"/>
      <c r="J21316" s="366"/>
      <c r="K21316" s="366"/>
      <c r="L21316" s="366"/>
    </row>
    <row r="21317" spans="2:12" ht="28.5">
      <c r="B21317" s="358" t="s">
        <v>25598</v>
      </c>
      <c r="C21317" s="358" t="s">
        <v>28070</v>
      </c>
      <c r="D21317" s="358" t="s">
        <v>25599</v>
      </c>
      <c r="E21317" s="358" t="s">
        <v>25600</v>
      </c>
      <c r="F21317" s="358" t="s">
        <v>14371</v>
      </c>
      <c r="G21317" s="358" t="s">
        <v>14372</v>
      </c>
      <c r="H21317" s="358" t="s">
        <v>14370</v>
      </c>
      <c r="I21317" s="358" t="s">
        <v>14373</v>
      </c>
      <c r="J21317" s="358"/>
      <c r="K21317" s="358"/>
      <c r="L21317" s="358"/>
    </row>
    <row r="21318" spans="2:12">
      <c r="B21318" s="367"/>
      <c r="C21318" s="367"/>
      <c r="D21318" s="367"/>
      <c r="E21318" s="367"/>
      <c r="F21318" s="360"/>
      <c r="G21318" s="360"/>
      <c r="H21318" s="360"/>
      <c r="I21318" s="367"/>
      <c r="J21318" s="365"/>
      <c r="K21318" s="365"/>
      <c r="L21318" s="365"/>
    </row>
    <row r="21319" spans="2:12" ht="28.5">
      <c r="B21319" s="368"/>
      <c r="C21319" s="368"/>
      <c r="D21319" s="368"/>
      <c r="E21319" s="368"/>
      <c r="F21319" s="361" t="s">
        <v>14374</v>
      </c>
      <c r="G21319" s="361" t="s">
        <v>14373</v>
      </c>
      <c r="H21319" s="361" t="s">
        <v>14422</v>
      </c>
      <c r="I21319" s="368"/>
      <c r="J21319" s="366"/>
      <c r="K21319" s="366"/>
      <c r="L21319" s="366"/>
    </row>
    <row r="21320" spans="2:12">
      <c r="B21320" s="358" t="s">
        <v>25601</v>
      </c>
      <c r="C21320" s="358" t="s">
        <v>30467</v>
      </c>
      <c r="D21320" s="358" t="s">
        <v>25602</v>
      </c>
      <c r="E21320" s="358" t="s">
        <v>25603</v>
      </c>
      <c r="F21320" s="358" t="s">
        <v>14420</v>
      </c>
      <c r="G21320" s="358" t="s">
        <v>14429</v>
      </c>
      <c r="H21320" s="358" t="s">
        <v>14341</v>
      </c>
      <c r="I21320" s="358" t="s">
        <v>14429</v>
      </c>
      <c r="J21320" s="358"/>
      <c r="K21320" s="358"/>
      <c r="L21320" s="358"/>
    </row>
    <row r="21321" spans="2:12">
      <c r="B21321" s="367"/>
      <c r="C21321" s="360"/>
      <c r="D21321" s="367"/>
      <c r="E21321" s="367"/>
      <c r="F21321" s="360"/>
      <c r="G21321" s="360"/>
      <c r="H21321" s="360"/>
      <c r="I21321" s="360"/>
      <c r="J21321" s="365"/>
      <c r="K21321" s="365"/>
      <c r="L21321" s="365"/>
    </row>
    <row r="21322" spans="2:12">
      <c r="B21322" s="367"/>
      <c r="C21322" s="359" t="s">
        <v>30468</v>
      </c>
      <c r="D21322" s="367"/>
      <c r="E21322" s="367"/>
      <c r="F21322" s="359" t="s">
        <v>14430</v>
      </c>
      <c r="G21322" s="359" t="s">
        <v>14431</v>
      </c>
      <c r="H21322" s="359" t="s">
        <v>14367</v>
      </c>
      <c r="I21322" s="359" t="s">
        <v>14431</v>
      </c>
      <c r="J21322" s="365"/>
      <c r="K21322" s="365"/>
      <c r="L21322" s="365"/>
    </row>
    <row r="21323" spans="2:12">
      <c r="B21323" s="367"/>
      <c r="C21323" s="360"/>
      <c r="D21323" s="367"/>
      <c r="E21323" s="367"/>
      <c r="F21323" s="360"/>
      <c r="G21323" s="360"/>
      <c r="H21323" s="360"/>
      <c r="I21323" s="360"/>
      <c r="J21323" s="365"/>
      <c r="K21323" s="365"/>
      <c r="L21323" s="365"/>
    </row>
    <row r="21324" spans="2:12">
      <c r="B21324" s="367"/>
      <c r="C21324" s="360"/>
      <c r="D21324" s="367"/>
      <c r="E21324" s="367"/>
      <c r="F21324" s="359" t="s">
        <v>14371</v>
      </c>
      <c r="G21324" s="359" t="s">
        <v>14372</v>
      </c>
      <c r="H21324" s="359" t="s">
        <v>14370</v>
      </c>
      <c r="I21324" s="359" t="s">
        <v>14373</v>
      </c>
      <c r="J21324" s="365"/>
      <c r="K21324" s="365"/>
      <c r="L21324" s="365"/>
    </row>
    <row r="21325" spans="2:12">
      <c r="B21325" s="367"/>
      <c r="C21325" s="360"/>
      <c r="D21325" s="367"/>
      <c r="E21325" s="367"/>
      <c r="F21325" s="360"/>
      <c r="G21325" s="360"/>
      <c r="H21325" s="360"/>
      <c r="I21325" s="360"/>
      <c r="J21325" s="365"/>
      <c r="K21325" s="365"/>
      <c r="L21325" s="365"/>
    </row>
    <row r="21326" spans="2:12" ht="28.5">
      <c r="B21326" s="368"/>
      <c r="C21326" s="362"/>
      <c r="D21326" s="368"/>
      <c r="E21326" s="368"/>
      <c r="F21326" s="361" t="s">
        <v>14374</v>
      </c>
      <c r="G21326" s="361" t="s">
        <v>14373</v>
      </c>
      <c r="H21326" s="361" t="s">
        <v>14332</v>
      </c>
      <c r="I21326" s="362"/>
      <c r="J21326" s="366"/>
      <c r="K21326" s="366"/>
      <c r="L21326" s="366"/>
    </row>
    <row r="21327" spans="2:12" ht="28.5">
      <c r="B21327" s="358" t="s">
        <v>25604</v>
      </c>
      <c r="C21327" s="358" t="s">
        <v>30469</v>
      </c>
      <c r="D21327" s="358" t="s">
        <v>25605</v>
      </c>
      <c r="E21327" s="358" t="s">
        <v>25606</v>
      </c>
      <c r="F21327" s="358" t="s">
        <v>14472</v>
      </c>
      <c r="G21327" s="358" t="s">
        <v>14473</v>
      </c>
      <c r="H21327" s="358" t="s">
        <v>8356</v>
      </c>
      <c r="I21327" s="358" t="s">
        <v>14473</v>
      </c>
      <c r="J21327" s="358"/>
      <c r="K21327" s="358"/>
      <c r="L21327" s="358"/>
    </row>
    <row r="21328" spans="2:12">
      <c r="B21328" s="368"/>
      <c r="C21328" s="368"/>
      <c r="D21328" s="368"/>
      <c r="E21328" s="368"/>
      <c r="F21328" s="368"/>
      <c r="G21328" s="368"/>
      <c r="H21328" s="368"/>
      <c r="I21328" s="368"/>
      <c r="J21328" s="366"/>
      <c r="K21328" s="366"/>
      <c r="L21328" s="366"/>
    </row>
    <row r="21329" spans="2:12" ht="42.75">
      <c r="B21329" s="358" t="s">
        <v>25607</v>
      </c>
      <c r="C21329" s="358" t="s">
        <v>28071</v>
      </c>
      <c r="D21329" s="358" t="s">
        <v>25608</v>
      </c>
      <c r="E21329" s="358" t="s">
        <v>25609</v>
      </c>
      <c r="F21329" s="358" t="s">
        <v>14420</v>
      </c>
      <c r="G21329" s="358" t="s">
        <v>14429</v>
      </c>
      <c r="H21329" s="358" t="s">
        <v>14367</v>
      </c>
      <c r="I21329" s="358" t="s">
        <v>14429</v>
      </c>
      <c r="J21329" s="358"/>
      <c r="K21329" s="358"/>
      <c r="L21329" s="358"/>
    </row>
    <row r="21330" spans="2:12">
      <c r="B21330" s="367"/>
      <c r="C21330" s="367"/>
      <c r="D21330" s="367"/>
      <c r="E21330" s="367"/>
      <c r="F21330" s="360"/>
      <c r="G21330" s="360"/>
      <c r="H21330" s="360"/>
      <c r="I21330" s="360"/>
      <c r="J21330" s="365"/>
      <c r="K21330" s="365"/>
      <c r="L21330" s="365"/>
    </row>
    <row r="21331" spans="2:12" ht="28.5">
      <c r="B21331" s="368"/>
      <c r="C21331" s="368"/>
      <c r="D21331" s="368"/>
      <c r="E21331" s="368"/>
      <c r="F21331" s="361" t="s">
        <v>14472</v>
      </c>
      <c r="G21331" s="361" t="s">
        <v>14473</v>
      </c>
      <c r="H21331" s="361" t="s">
        <v>14422</v>
      </c>
      <c r="I21331" s="361" t="s">
        <v>14473</v>
      </c>
      <c r="J21331" s="366"/>
      <c r="K21331" s="366"/>
      <c r="L21331" s="366"/>
    </row>
    <row r="21332" spans="2:12" ht="42.75">
      <c r="B21332" s="358" t="s">
        <v>25610</v>
      </c>
      <c r="C21332" s="358" t="s">
        <v>25611</v>
      </c>
      <c r="D21332" s="358" t="s">
        <v>25612</v>
      </c>
      <c r="E21332" s="358" t="s">
        <v>8356</v>
      </c>
      <c r="F21332" s="358" t="s">
        <v>14394</v>
      </c>
      <c r="G21332" s="358" t="s">
        <v>14395</v>
      </c>
      <c r="H21332" s="358" t="s">
        <v>14370</v>
      </c>
      <c r="I21332" s="358" t="s">
        <v>14395</v>
      </c>
      <c r="J21332" s="358"/>
      <c r="K21332" s="358"/>
      <c r="L21332" s="358"/>
    </row>
    <row r="21333" spans="2:12">
      <c r="B21333" s="368"/>
      <c r="C21333" s="368"/>
      <c r="D21333" s="368"/>
      <c r="E21333" s="368"/>
      <c r="F21333" s="368"/>
      <c r="G21333" s="368"/>
      <c r="H21333" s="368"/>
      <c r="I21333" s="368"/>
      <c r="J21333" s="366"/>
      <c r="K21333" s="366"/>
      <c r="L21333" s="366"/>
    </row>
    <row r="21334" spans="2:12">
      <c r="B21334" s="358" t="s">
        <v>25613</v>
      </c>
      <c r="C21334" s="358" t="s">
        <v>25614</v>
      </c>
      <c r="D21334" s="358" t="s">
        <v>25615</v>
      </c>
      <c r="E21334" s="358" t="s">
        <v>25616</v>
      </c>
      <c r="F21334" s="358" t="s">
        <v>14391</v>
      </c>
      <c r="G21334" s="358" t="s">
        <v>14392</v>
      </c>
      <c r="H21334" s="358" t="s">
        <v>14367</v>
      </c>
      <c r="I21334" s="358" t="s">
        <v>14392</v>
      </c>
      <c r="J21334" s="358"/>
      <c r="K21334" s="358"/>
      <c r="L21334" s="358"/>
    </row>
    <row r="21335" spans="2:12">
      <c r="B21335" s="367"/>
      <c r="C21335" s="367"/>
      <c r="D21335" s="367"/>
      <c r="E21335" s="367"/>
      <c r="F21335" s="360"/>
      <c r="G21335" s="360"/>
      <c r="H21335" s="360"/>
      <c r="I21335" s="360"/>
      <c r="J21335" s="365"/>
      <c r="K21335" s="365"/>
      <c r="L21335" s="365"/>
    </row>
    <row r="21336" spans="2:12" ht="28.5">
      <c r="B21336" s="367"/>
      <c r="C21336" s="367"/>
      <c r="D21336" s="367"/>
      <c r="E21336" s="367"/>
      <c r="F21336" s="359" t="s">
        <v>14394</v>
      </c>
      <c r="G21336" s="359" t="s">
        <v>14395</v>
      </c>
      <c r="H21336" s="359" t="s">
        <v>14370</v>
      </c>
      <c r="I21336" s="359" t="s">
        <v>14395</v>
      </c>
      <c r="J21336" s="365"/>
      <c r="K21336" s="365"/>
      <c r="L21336" s="365"/>
    </row>
    <row r="21337" spans="2:12">
      <c r="B21337" s="367"/>
      <c r="C21337" s="367"/>
      <c r="D21337" s="367"/>
      <c r="E21337" s="367"/>
      <c r="F21337" s="360"/>
      <c r="G21337" s="360"/>
      <c r="H21337" s="360"/>
      <c r="I21337" s="360"/>
      <c r="J21337" s="365"/>
      <c r="K21337" s="365"/>
      <c r="L21337" s="365"/>
    </row>
    <row r="21338" spans="2:12">
      <c r="B21338" s="368"/>
      <c r="C21338" s="368"/>
      <c r="D21338" s="368"/>
      <c r="E21338" s="368"/>
      <c r="F21338" s="362"/>
      <c r="G21338" s="362"/>
      <c r="H21338" s="361" t="s">
        <v>14422</v>
      </c>
      <c r="I21338" s="362"/>
      <c r="J21338" s="366"/>
      <c r="K21338" s="366"/>
      <c r="L21338" s="366"/>
    </row>
    <row r="21339" spans="2:12" ht="28.5">
      <c r="B21339" s="358" t="s">
        <v>25617</v>
      </c>
      <c r="C21339" s="358" t="s">
        <v>28072</v>
      </c>
      <c r="D21339" s="358" t="s">
        <v>25618</v>
      </c>
      <c r="E21339" s="358" t="s">
        <v>25619</v>
      </c>
      <c r="F21339" s="358" t="s">
        <v>14391</v>
      </c>
      <c r="G21339" s="358" t="s">
        <v>14392</v>
      </c>
      <c r="H21339" s="358" t="s">
        <v>14367</v>
      </c>
      <c r="I21339" s="358" t="s">
        <v>14392</v>
      </c>
      <c r="J21339" s="358"/>
      <c r="K21339" s="358"/>
      <c r="L21339" s="358"/>
    </row>
    <row r="21340" spans="2:12">
      <c r="B21340" s="367"/>
      <c r="C21340" s="367"/>
      <c r="D21340" s="367"/>
      <c r="E21340" s="367"/>
      <c r="F21340" s="360"/>
      <c r="G21340" s="360"/>
      <c r="H21340" s="360"/>
      <c r="I21340" s="360"/>
      <c r="J21340" s="365"/>
      <c r="K21340" s="365"/>
      <c r="L21340" s="365"/>
    </row>
    <row r="21341" spans="2:12" ht="28.5">
      <c r="B21341" s="367"/>
      <c r="C21341" s="367"/>
      <c r="D21341" s="367"/>
      <c r="E21341" s="367"/>
      <c r="F21341" s="359" t="s">
        <v>14394</v>
      </c>
      <c r="G21341" s="359" t="s">
        <v>14395</v>
      </c>
      <c r="H21341" s="359" t="s">
        <v>14370</v>
      </c>
      <c r="I21341" s="359" t="s">
        <v>14395</v>
      </c>
      <c r="J21341" s="365"/>
      <c r="K21341" s="365"/>
      <c r="L21341" s="365"/>
    </row>
    <row r="21342" spans="2:12">
      <c r="B21342" s="367"/>
      <c r="C21342" s="367"/>
      <c r="D21342" s="367"/>
      <c r="E21342" s="367"/>
      <c r="F21342" s="360"/>
      <c r="G21342" s="360"/>
      <c r="H21342" s="360"/>
      <c r="I21342" s="360"/>
      <c r="J21342" s="365"/>
      <c r="K21342" s="365"/>
      <c r="L21342" s="365"/>
    </row>
    <row r="21343" spans="2:12">
      <c r="B21343" s="368"/>
      <c r="C21343" s="368"/>
      <c r="D21343" s="368"/>
      <c r="E21343" s="368"/>
      <c r="F21343" s="362"/>
      <c r="G21343" s="362"/>
      <c r="H21343" s="361" t="s">
        <v>14422</v>
      </c>
      <c r="I21343" s="362"/>
      <c r="J21343" s="366"/>
      <c r="K21343" s="366"/>
      <c r="L21343" s="366"/>
    </row>
    <row r="21344" spans="2:12" ht="28.5">
      <c r="B21344" s="358" t="s">
        <v>25620</v>
      </c>
      <c r="C21344" s="358" t="s">
        <v>28073</v>
      </c>
      <c r="D21344" s="358" t="s">
        <v>25621</v>
      </c>
      <c r="E21344" s="358" t="s">
        <v>25622</v>
      </c>
      <c r="F21344" s="358" t="s">
        <v>14420</v>
      </c>
      <c r="G21344" s="358" t="s">
        <v>14429</v>
      </c>
      <c r="H21344" s="358" t="s">
        <v>14341</v>
      </c>
      <c r="I21344" s="358" t="s">
        <v>14429</v>
      </c>
      <c r="J21344" s="358"/>
      <c r="K21344" s="358"/>
      <c r="L21344" s="358"/>
    </row>
    <row r="21345" spans="2:12">
      <c r="B21345" s="367"/>
      <c r="C21345" s="367"/>
      <c r="D21345" s="367"/>
      <c r="E21345" s="367"/>
      <c r="F21345" s="360"/>
      <c r="G21345" s="360"/>
      <c r="H21345" s="360"/>
      <c r="I21345" s="360"/>
      <c r="J21345" s="365"/>
      <c r="K21345" s="365"/>
      <c r="L21345" s="365"/>
    </row>
    <row r="21346" spans="2:12">
      <c r="B21346" s="367"/>
      <c r="C21346" s="367"/>
      <c r="D21346" s="367"/>
      <c r="E21346" s="367"/>
      <c r="F21346" s="359" t="s">
        <v>14430</v>
      </c>
      <c r="G21346" s="359" t="s">
        <v>14431</v>
      </c>
      <c r="H21346" s="359" t="s">
        <v>14367</v>
      </c>
      <c r="I21346" s="359" t="s">
        <v>14431</v>
      </c>
      <c r="J21346" s="365"/>
      <c r="K21346" s="365"/>
      <c r="L21346" s="365"/>
    </row>
    <row r="21347" spans="2:12">
      <c r="B21347" s="367"/>
      <c r="C21347" s="367"/>
      <c r="D21347" s="367"/>
      <c r="E21347" s="367"/>
      <c r="F21347" s="360"/>
      <c r="G21347" s="360"/>
      <c r="H21347" s="360"/>
      <c r="I21347" s="360"/>
      <c r="J21347" s="365"/>
      <c r="K21347" s="365"/>
      <c r="L21347" s="365"/>
    </row>
    <row r="21348" spans="2:12" ht="28.5">
      <c r="B21348" s="368"/>
      <c r="C21348" s="368"/>
      <c r="D21348" s="368"/>
      <c r="E21348" s="368"/>
      <c r="F21348" s="361" t="s">
        <v>14472</v>
      </c>
      <c r="G21348" s="361" t="s">
        <v>14473</v>
      </c>
      <c r="H21348" s="361" t="s">
        <v>14332</v>
      </c>
      <c r="I21348" s="361" t="s">
        <v>14473</v>
      </c>
      <c r="J21348" s="366"/>
      <c r="K21348" s="366"/>
      <c r="L21348" s="366"/>
    </row>
    <row r="21349" spans="2:12" ht="28.5">
      <c r="B21349" s="358" t="s">
        <v>25623</v>
      </c>
      <c r="C21349" s="358" t="s">
        <v>30470</v>
      </c>
      <c r="D21349" s="358" t="s">
        <v>25624</v>
      </c>
      <c r="E21349" s="358" t="s">
        <v>25625</v>
      </c>
      <c r="F21349" s="358" t="s">
        <v>14391</v>
      </c>
      <c r="G21349" s="358" t="s">
        <v>14392</v>
      </c>
      <c r="H21349" s="358" t="s">
        <v>14367</v>
      </c>
      <c r="I21349" s="358" t="s">
        <v>14392</v>
      </c>
      <c r="J21349" s="358"/>
      <c r="K21349" s="358"/>
      <c r="L21349" s="358"/>
    </row>
    <row r="21350" spans="2:12">
      <c r="B21350" s="367"/>
      <c r="C21350" s="367"/>
      <c r="D21350" s="367"/>
      <c r="E21350" s="367"/>
      <c r="F21350" s="360"/>
      <c r="G21350" s="360"/>
      <c r="H21350" s="360"/>
      <c r="I21350" s="360"/>
      <c r="J21350" s="365"/>
      <c r="K21350" s="365"/>
      <c r="L21350" s="365"/>
    </row>
    <row r="21351" spans="2:12" ht="28.5">
      <c r="B21351" s="368"/>
      <c r="C21351" s="368"/>
      <c r="D21351" s="368"/>
      <c r="E21351" s="368"/>
      <c r="F21351" s="361" t="s">
        <v>14462</v>
      </c>
      <c r="G21351" s="361" t="s">
        <v>14463</v>
      </c>
      <c r="H21351" s="361" t="s">
        <v>14422</v>
      </c>
      <c r="I21351" s="361" t="s">
        <v>14463</v>
      </c>
      <c r="J21351" s="366"/>
      <c r="K21351" s="366"/>
      <c r="L21351" s="366"/>
    </row>
    <row r="21352" spans="2:12">
      <c r="B21352" s="358" t="s">
        <v>25626</v>
      </c>
      <c r="C21352" s="358" t="s">
        <v>25627</v>
      </c>
      <c r="D21352" s="358" t="s">
        <v>8356</v>
      </c>
      <c r="E21352" s="358" t="s">
        <v>25628</v>
      </c>
      <c r="F21352" s="358" t="s">
        <v>14391</v>
      </c>
      <c r="G21352" s="358" t="s">
        <v>14392</v>
      </c>
      <c r="H21352" s="358" t="s">
        <v>14367</v>
      </c>
      <c r="I21352" s="358" t="s">
        <v>14392</v>
      </c>
      <c r="J21352" s="358"/>
      <c r="K21352" s="358" t="s">
        <v>14820</v>
      </c>
      <c r="L21352" s="358"/>
    </row>
    <row r="21353" spans="2:12">
      <c r="B21353" s="367"/>
      <c r="C21353" s="360"/>
      <c r="D21353" s="367"/>
      <c r="E21353" s="367"/>
      <c r="F21353" s="360"/>
      <c r="G21353" s="360"/>
      <c r="H21353" s="360"/>
      <c r="I21353" s="360"/>
      <c r="J21353" s="365"/>
      <c r="K21353" s="367"/>
      <c r="L21353" s="365"/>
    </row>
    <row r="21354" spans="2:12" ht="28.5">
      <c r="B21354" s="367"/>
      <c r="C21354" s="359" t="s">
        <v>28074</v>
      </c>
      <c r="D21354" s="367"/>
      <c r="E21354" s="367"/>
      <c r="F21354" s="359" t="s">
        <v>14371</v>
      </c>
      <c r="G21354" s="359" t="s">
        <v>14372</v>
      </c>
      <c r="H21354" s="359" t="s">
        <v>14370</v>
      </c>
      <c r="I21354" s="359" t="s">
        <v>14373</v>
      </c>
      <c r="J21354" s="365"/>
      <c r="K21354" s="367"/>
      <c r="L21354" s="365"/>
    </row>
    <row r="21355" spans="2:12">
      <c r="B21355" s="367"/>
      <c r="C21355" s="360"/>
      <c r="D21355" s="367"/>
      <c r="E21355" s="367"/>
      <c r="F21355" s="360"/>
      <c r="G21355" s="360"/>
      <c r="H21355" s="360"/>
      <c r="I21355" s="360"/>
      <c r="J21355" s="365"/>
      <c r="K21355" s="367"/>
      <c r="L21355" s="365"/>
    </row>
    <row r="21356" spans="2:12" ht="28.5">
      <c r="B21356" s="368"/>
      <c r="C21356" s="362"/>
      <c r="D21356" s="368"/>
      <c r="E21356" s="368"/>
      <c r="F21356" s="361" t="s">
        <v>14374</v>
      </c>
      <c r="G21356" s="361" t="s">
        <v>14373</v>
      </c>
      <c r="H21356" s="361" t="s">
        <v>14422</v>
      </c>
      <c r="I21356" s="362"/>
      <c r="J21356" s="366"/>
      <c r="K21356" s="368"/>
      <c r="L21356" s="366"/>
    </row>
    <row r="21357" spans="2:12">
      <c r="B21357" s="358" t="s">
        <v>25629</v>
      </c>
      <c r="C21357" s="358" t="s">
        <v>29728</v>
      </c>
      <c r="D21357" s="358" t="s">
        <v>25630</v>
      </c>
      <c r="E21357" s="358" t="s">
        <v>25631</v>
      </c>
      <c r="F21357" s="358" t="s">
        <v>14426</v>
      </c>
      <c r="G21357" s="358" t="s">
        <v>14427</v>
      </c>
      <c r="H21357" s="358" t="s">
        <v>14381</v>
      </c>
      <c r="I21357" s="358" t="s">
        <v>14427</v>
      </c>
      <c r="J21357" s="358"/>
      <c r="K21357" s="358"/>
      <c r="L21357" s="358"/>
    </row>
    <row r="21358" spans="2:12">
      <c r="B21358" s="367"/>
      <c r="C21358" s="367"/>
      <c r="D21358" s="367"/>
      <c r="E21358" s="367"/>
      <c r="F21358" s="360"/>
      <c r="G21358" s="360"/>
      <c r="H21358" s="360"/>
      <c r="I21358" s="360"/>
      <c r="J21358" s="365"/>
      <c r="K21358" s="365"/>
      <c r="L21358" s="365"/>
    </row>
    <row r="21359" spans="2:12">
      <c r="B21359" s="367"/>
      <c r="C21359" s="367"/>
      <c r="D21359" s="367"/>
      <c r="E21359" s="367"/>
      <c r="F21359" s="359" t="s">
        <v>14430</v>
      </c>
      <c r="G21359" s="359" t="s">
        <v>14431</v>
      </c>
      <c r="H21359" s="359" t="s">
        <v>14341</v>
      </c>
      <c r="I21359" s="359" t="s">
        <v>14431</v>
      </c>
      <c r="J21359" s="365"/>
      <c r="K21359" s="365"/>
      <c r="L21359" s="365"/>
    </row>
    <row r="21360" spans="2:12">
      <c r="B21360" s="367"/>
      <c r="C21360" s="367"/>
      <c r="D21360" s="367"/>
      <c r="E21360" s="367"/>
      <c r="F21360" s="360"/>
      <c r="G21360" s="360"/>
      <c r="H21360" s="360"/>
      <c r="I21360" s="360"/>
      <c r="J21360" s="365"/>
      <c r="K21360" s="365"/>
      <c r="L21360" s="365"/>
    </row>
    <row r="21361" spans="2:12">
      <c r="B21361" s="367"/>
      <c r="C21361" s="367"/>
      <c r="D21361" s="367"/>
      <c r="E21361" s="367"/>
      <c r="F21361" s="359" t="s">
        <v>14391</v>
      </c>
      <c r="G21361" s="359" t="s">
        <v>14392</v>
      </c>
      <c r="H21361" s="359" t="s">
        <v>14367</v>
      </c>
      <c r="I21361" s="359" t="s">
        <v>14392</v>
      </c>
      <c r="J21361" s="365"/>
      <c r="K21361" s="365"/>
      <c r="L21361" s="365"/>
    </row>
    <row r="21362" spans="2:12">
      <c r="B21362" s="367"/>
      <c r="C21362" s="367"/>
      <c r="D21362" s="367"/>
      <c r="E21362" s="367"/>
      <c r="F21362" s="360"/>
      <c r="G21362" s="360"/>
      <c r="H21362" s="360"/>
      <c r="I21362" s="360"/>
      <c r="J21362" s="365"/>
      <c r="K21362" s="365"/>
      <c r="L21362" s="365"/>
    </row>
    <row r="21363" spans="2:12" ht="28.5">
      <c r="B21363" s="368"/>
      <c r="C21363" s="368"/>
      <c r="D21363" s="368"/>
      <c r="E21363" s="368"/>
      <c r="F21363" s="361" t="s">
        <v>14472</v>
      </c>
      <c r="G21363" s="361" t="s">
        <v>14473</v>
      </c>
      <c r="H21363" s="361" t="s">
        <v>14332</v>
      </c>
      <c r="I21363" s="361" t="s">
        <v>14473</v>
      </c>
      <c r="J21363" s="366"/>
      <c r="K21363" s="366"/>
      <c r="L21363" s="366"/>
    </row>
    <row r="21364" spans="2:12" ht="28.5">
      <c r="B21364" s="358" t="s">
        <v>25632</v>
      </c>
      <c r="C21364" s="358" t="s">
        <v>28075</v>
      </c>
      <c r="D21364" s="358" t="s">
        <v>25633</v>
      </c>
      <c r="E21364" s="358" t="s">
        <v>25634</v>
      </c>
      <c r="F21364" s="358" t="s">
        <v>14507</v>
      </c>
      <c r="G21364" s="358" t="s">
        <v>29719</v>
      </c>
      <c r="H21364" s="358" t="s">
        <v>14381</v>
      </c>
      <c r="I21364" s="358" t="s">
        <v>29719</v>
      </c>
      <c r="J21364" s="358"/>
      <c r="K21364" s="358"/>
      <c r="L21364" s="358"/>
    </row>
    <row r="21365" spans="2:12">
      <c r="B21365" s="367"/>
      <c r="C21365" s="367"/>
      <c r="D21365" s="367"/>
      <c r="E21365" s="367"/>
      <c r="F21365" s="360"/>
      <c r="G21365" s="360"/>
      <c r="H21365" s="360"/>
      <c r="I21365" s="360"/>
      <c r="J21365" s="365"/>
      <c r="K21365" s="365"/>
      <c r="L21365" s="365"/>
    </row>
    <row r="21366" spans="2:12">
      <c r="B21366" s="367"/>
      <c r="C21366" s="367"/>
      <c r="D21366" s="367"/>
      <c r="E21366" s="367"/>
      <c r="F21366" s="359" t="s">
        <v>14386</v>
      </c>
      <c r="G21366" s="359" t="s">
        <v>14463</v>
      </c>
      <c r="H21366" s="359" t="s">
        <v>14422</v>
      </c>
      <c r="I21366" s="359" t="s">
        <v>14463</v>
      </c>
      <c r="J21366" s="365"/>
      <c r="K21366" s="365"/>
      <c r="L21366" s="365"/>
    </row>
    <row r="21367" spans="2:12">
      <c r="B21367" s="367"/>
      <c r="C21367" s="367"/>
      <c r="D21367" s="367"/>
      <c r="E21367" s="367"/>
      <c r="F21367" s="360"/>
      <c r="G21367" s="360"/>
      <c r="H21367" s="360"/>
      <c r="I21367" s="360"/>
      <c r="J21367" s="365"/>
      <c r="K21367" s="365"/>
      <c r="L21367" s="365"/>
    </row>
    <row r="21368" spans="2:12" ht="28.5">
      <c r="B21368" s="368"/>
      <c r="C21368" s="368"/>
      <c r="D21368" s="368"/>
      <c r="E21368" s="368"/>
      <c r="F21368" s="361" t="s">
        <v>14462</v>
      </c>
      <c r="G21368" s="362"/>
      <c r="H21368" s="362"/>
      <c r="I21368" s="362"/>
      <c r="J21368" s="366"/>
      <c r="K21368" s="366"/>
      <c r="L21368" s="366"/>
    </row>
    <row r="21369" spans="2:12" ht="42.75">
      <c r="B21369" s="358" t="s">
        <v>25635</v>
      </c>
      <c r="C21369" s="358" t="s">
        <v>28076</v>
      </c>
      <c r="D21369" s="358" t="s">
        <v>25636</v>
      </c>
      <c r="E21369" s="358" t="s">
        <v>8356</v>
      </c>
      <c r="F21369" s="358" t="s">
        <v>14462</v>
      </c>
      <c r="G21369" s="358" t="s">
        <v>14463</v>
      </c>
      <c r="H21369" s="358" t="s">
        <v>8356</v>
      </c>
      <c r="I21369" s="358" t="s">
        <v>14463</v>
      </c>
      <c r="J21369" s="358"/>
      <c r="K21369" s="358"/>
      <c r="L21369" s="358"/>
    </row>
    <row r="21370" spans="2:12">
      <c r="B21370" s="368"/>
      <c r="C21370" s="368"/>
      <c r="D21370" s="368"/>
      <c r="E21370" s="368"/>
      <c r="F21370" s="368"/>
      <c r="G21370" s="368"/>
      <c r="H21370" s="368"/>
      <c r="I21370" s="368"/>
      <c r="J21370" s="366"/>
      <c r="K21370" s="366"/>
      <c r="L21370" s="366"/>
    </row>
    <row r="21371" spans="2:12">
      <c r="B21371" s="358" t="s">
        <v>25637</v>
      </c>
      <c r="C21371" s="358" t="s">
        <v>25638</v>
      </c>
      <c r="D21371" s="358" t="s">
        <v>8356</v>
      </c>
      <c r="E21371" s="358" t="s">
        <v>25639</v>
      </c>
      <c r="F21371" s="358" t="s">
        <v>14420</v>
      </c>
      <c r="G21371" s="358" t="s">
        <v>14429</v>
      </c>
      <c r="H21371" s="358" t="s">
        <v>14367</v>
      </c>
      <c r="I21371" s="358" t="s">
        <v>14429</v>
      </c>
      <c r="J21371" s="358"/>
      <c r="K21371" s="358" t="s">
        <v>14552</v>
      </c>
      <c r="L21371" s="358"/>
    </row>
    <row r="21372" spans="2:12">
      <c r="B21372" s="367"/>
      <c r="C21372" s="360"/>
      <c r="D21372" s="367"/>
      <c r="E21372" s="367"/>
      <c r="F21372" s="360"/>
      <c r="G21372" s="360"/>
      <c r="H21372" s="360"/>
      <c r="I21372" s="360"/>
      <c r="J21372" s="365"/>
      <c r="K21372" s="367"/>
      <c r="L21372" s="365"/>
    </row>
    <row r="21373" spans="2:12" ht="28.5">
      <c r="B21373" s="367"/>
      <c r="C21373" s="359" t="s">
        <v>30471</v>
      </c>
      <c r="D21373" s="367"/>
      <c r="E21373" s="367"/>
      <c r="F21373" s="359" t="s">
        <v>14391</v>
      </c>
      <c r="G21373" s="359" t="s">
        <v>14392</v>
      </c>
      <c r="H21373" s="359" t="s">
        <v>14370</v>
      </c>
      <c r="I21373" s="359" t="s">
        <v>14392</v>
      </c>
      <c r="J21373" s="365"/>
      <c r="K21373" s="367"/>
      <c r="L21373" s="365"/>
    </row>
    <row r="21374" spans="2:12">
      <c r="B21374" s="367"/>
      <c r="C21374" s="360"/>
      <c r="D21374" s="367"/>
      <c r="E21374" s="367"/>
      <c r="F21374" s="360"/>
      <c r="G21374" s="360"/>
      <c r="H21374" s="360"/>
      <c r="I21374" s="360"/>
      <c r="J21374" s="365"/>
      <c r="K21374" s="367"/>
      <c r="L21374" s="365"/>
    </row>
    <row r="21375" spans="2:12">
      <c r="B21375" s="367"/>
      <c r="C21375" s="360"/>
      <c r="D21375" s="367"/>
      <c r="E21375" s="367"/>
      <c r="F21375" s="359" t="s">
        <v>14371</v>
      </c>
      <c r="G21375" s="359" t="s">
        <v>14372</v>
      </c>
      <c r="H21375" s="359" t="s">
        <v>14422</v>
      </c>
      <c r="I21375" s="359" t="s">
        <v>14373</v>
      </c>
      <c r="J21375" s="365"/>
      <c r="K21375" s="367"/>
      <c r="L21375" s="365"/>
    </row>
    <row r="21376" spans="2:12">
      <c r="B21376" s="367"/>
      <c r="C21376" s="360"/>
      <c r="D21376" s="367"/>
      <c r="E21376" s="367"/>
      <c r="F21376" s="360"/>
      <c r="G21376" s="360"/>
      <c r="H21376" s="360"/>
      <c r="I21376" s="360"/>
      <c r="J21376" s="365"/>
      <c r="K21376" s="367"/>
      <c r="L21376" s="365"/>
    </row>
    <row r="21377" spans="2:12" ht="28.5">
      <c r="B21377" s="368"/>
      <c r="C21377" s="362"/>
      <c r="D21377" s="368"/>
      <c r="E21377" s="368"/>
      <c r="F21377" s="361" t="s">
        <v>14374</v>
      </c>
      <c r="G21377" s="361" t="s">
        <v>14373</v>
      </c>
      <c r="H21377" s="362"/>
      <c r="I21377" s="362"/>
      <c r="J21377" s="366"/>
      <c r="K21377" s="368"/>
      <c r="L21377" s="366"/>
    </row>
    <row r="21378" spans="2:12" ht="42.75">
      <c r="B21378" s="358" t="s">
        <v>25640</v>
      </c>
      <c r="C21378" s="358" t="s">
        <v>28077</v>
      </c>
      <c r="D21378" s="358" t="s">
        <v>25641</v>
      </c>
      <c r="E21378" s="358" t="s">
        <v>25642</v>
      </c>
      <c r="F21378" s="358" t="s">
        <v>14462</v>
      </c>
      <c r="G21378" s="358" t="s">
        <v>14463</v>
      </c>
      <c r="H21378" s="358" t="s">
        <v>8356</v>
      </c>
      <c r="I21378" s="358" t="s">
        <v>14463</v>
      </c>
      <c r="J21378" s="358"/>
      <c r="K21378" s="358"/>
      <c r="L21378" s="358"/>
    </row>
    <row r="21379" spans="2:12">
      <c r="B21379" s="368"/>
      <c r="C21379" s="368"/>
      <c r="D21379" s="368"/>
      <c r="E21379" s="368"/>
      <c r="F21379" s="368"/>
      <c r="G21379" s="368"/>
      <c r="H21379" s="368"/>
      <c r="I21379" s="368"/>
      <c r="J21379" s="366"/>
      <c r="K21379" s="366"/>
      <c r="L21379" s="366"/>
    </row>
    <row r="21380" spans="2:12" ht="28.5">
      <c r="B21380" s="358" t="s">
        <v>25643</v>
      </c>
      <c r="C21380" s="358" t="s">
        <v>28078</v>
      </c>
      <c r="D21380" s="358" t="s">
        <v>25644</v>
      </c>
      <c r="E21380" s="358" t="s">
        <v>25645</v>
      </c>
      <c r="F21380" s="358" t="s">
        <v>14420</v>
      </c>
      <c r="G21380" s="358" t="s">
        <v>14429</v>
      </c>
      <c r="H21380" s="358" t="s">
        <v>14367</v>
      </c>
      <c r="I21380" s="358" t="s">
        <v>14429</v>
      </c>
      <c r="J21380" s="358"/>
      <c r="K21380" s="358"/>
      <c r="L21380" s="358"/>
    </row>
    <row r="21381" spans="2:12">
      <c r="B21381" s="367"/>
      <c r="C21381" s="367"/>
      <c r="D21381" s="367"/>
      <c r="E21381" s="367"/>
      <c r="F21381" s="360"/>
      <c r="G21381" s="360"/>
      <c r="H21381" s="360"/>
      <c r="I21381" s="360"/>
      <c r="J21381" s="365"/>
      <c r="K21381" s="365"/>
      <c r="L21381" s="365"/>
    </row>
    <row r="21382" spans="2:12" ht="28.5">
      <c r="B21382" s="368"/>
      <c r="C21382" s="368"/>
      <c r="D21382" s="368"/>
      <c r="E21382" s="368"/>
      <c r="F21382" s="361" t="s">
        <v>14472</v>
      </c>
      <c r="G21382" s="361" t="s">
        <v>14473</v>
      </c>
      <c r="H21382" s="361" t="s">
        <v>14422</v>
      </c>
      <c r="I21382" s="361" t="s">
        <v>14473</v>
      </c>
      <c r="J21382" s="366"/>
      <c r="K21382" s="366"/>
      <c r="L21382" s="366"/>
    </row>
    <row r="21383" spans="2:12" ht="42.75">
      <c r="B21383" s="358" t="s">
        <v>10659</v>
      </c>
      <c r="C21383" s="358" t="s">
        <v>10658</v>
      </c>
      <c r="D21383" s="358" t="s">
        <v>10660</v>
      </c>
      <c r="E21383" s="358" t="s">
        <v>10661</v>
      </c>
      <c r="F21383" s="358" t="s">
        <v>14376</v>
      </c>
      <c r="G21383" s="358" t="s">
        <v>14669</v>
      </c>
      <c r="H21383" s="358" t="s">
        <v>14381</v>
      </c>
      <c r="I21383" s="358" t="s">
        <v>14669</v>
      </c>
      <c r="J21383" s="358"/>
      <c r="K21383" s="358"/>
      <c r="L21383" s="358"/>
    </row>
    <row r="21384" spans="2:12">
      <c r="B21384" s="367"/>
      <c r="C21384" s="367"/>
      <c r="D21384" s="367"/>
      <c r="E21384" s="367"/>
      <c r="F21384" s="360"/>
      <c r="G21384" s="360"/>
      <c r="H21384" s="360"/>
      <c r="I21384" s="360"/>
      <c r="J21384" s="365"/>
      <c r="K21384" s="365"/>
      <c r="L21384" s="365"/>
    </row>
    <row r="21385" spans="2:12">
      <c r="B21385" s="367"/>
      <c r="C21385" s="367"/>
      <c r="D21385" s="367"/>
      <c r="E21385" s="367"/>
      <c r="F21385" s="359" t="s">
        <v>14889</v>
      </c>
      <c r="G21385" s="359" t="s">
        <v>14890</v>
      </c>
      <c r="H21385" s="359" t="s">
        <v>14332</v>
      </c>
      <c r="I21385" s="359" t="s">
        <v>14890</v>
      </c>
      <c r="J21385" s="365"/>
      <c r="K21385" s="365"/>
      <c r="L21385" s="365"/>
    </row>
    <row r="21386" spans="2:12">
      <c r="B21386" s="367"/>
      <c r="C21386" s="367"/>
      <c r="D21386" s="367"/>
      <c r="E21386" s="367"/>
      <c r="F21386" s="360"/>
      <c r="G21386" s="360"/>
      <c r="H21386" s="360"/>
      <c r="I21386" s="360"/>
      <c r="J21386" s="365"/>
      <c r="K21386" s="365"/>
      <c r="L21386" s="365"/>
    </row>
    <row r="21387" spans="2:12">
      <c r="B21387" s="368"/>
      <c r="C21387" s="368"/>
      <c r="D21387" s="368"/>
      <c r="E21387" s="368"/>
      <c r="F21387" s="361" t="s">
        <v>14424</v>
      </c>
      <c r="G21387" s="361" t="s">
        <v>14425</v>
      </c>
      <c r="H21387" s="362"/>
      <c r="I21387" s="361" t="s">
        <v>14425</v>
      </c>
      <c r="J21387" s="366"/>
      <c r="K21387" s="366"/>
      <c r="L21387" s="366"/>
    </row>
    <row r="21388" spans="2:12" ht="28.5">
      <c r="B21388" s="358" t="s">
        <v>25646</v>
      </c>
      <c r="C21388" s="358" t="s">
        <v>30472</v>
      </c>
      <c r="D21388" s="358" t="s">
        <v>25647</v>
      </c>
      <c r="E21388" s="358" t="s">
        <v>8356</v>
      </c>
      <c r="F21388" s="358" t="s">
        <v>14460</v>
      </c>
      <c r="G21388" s="358" t="s">
        <v>14461</v>
      </c>
      <c r="H21388" s="358" t="s">
        <v>14341</v>
      </c>
      <c r="I21388" s="358" t="s">
        <v>14461</v>
      </c>
      <c r="J21388" s="358"/>
      <c r="K21388" s="358"/>
      <c r="L21388" s="358"/>
    </row>
    <row r="21389" spans="2:12">
      <c r="B21389" s="367"/>
      <c r="C21389" s="367"/>
      <c r="D21389" s="367"/>
      <c r="E21389" s="367"/>
      <c r="F21389" s="360"/>
      <c r="G21389" s="360"/>
      <c r="H21389" s="360"/>
      <c r="I21389" s="360"/>
      <c r="J21389" s="365"/>
      <c r="K21389" s="365"/>
      <c r="L21389" s="365"/>
    </row>
    <row r="21390" spans="2:12">
      <c r="B21390" s="367"/>
      <c r="C21390" s="367"/>
      <c r="D21390" s="367"/>
      <c r="E21390" s="367"/>
      <c r="F21390" s="359" t="s">
        <v>14430</v>
      </c>
      <c r="G21390" s="359" t="s">
        <v>14431</v>
      </c>
      <c r="H21390" s="359" t="s">
        <v>14381</v>
      </c>
      <c r="I21390" s="359" t="s">
        <v>14431</v>
      </c>
      <c r="J21390" s="365"/>
      <c r="K21390" s="365"/>
      <c r="L21390" s="365"/>
    </row>
    <row r="21391" spans="2:12">
      <c r="B21391" s="367"/>
      <c r="C21391" s="367"/>
      <c r="D21391" s="367"/>
      <c r="E21391" s="367"/>
      <c r="F21391" s="360"/>
      <c r="G21391" s="360"/>
      <c r="H21391" s="360"/>
      <c r="I21391" s="360"/>
      <c r="J21391" s="365"/>
      <c r="K21391" s="365"/>
      <c r="L21391" s="365"/>
    </row>
    <row r="21392" spans="2:12">
      <c r="B21392" s="367"/>
      <c r="C21392" s="367"/>
      <c r="D21392" s="367"/>
      <c r="E21392" s="367"/>
      <c r="F21392" s="359" t="s">
        <v>14391</v>
      </c>
      <c r="G21392" s="359" t="s">
        <v>14392</v>
      </c>
      <c r="H21392" s="359" t="s">
        <v>14367</v>
      </c>
      <c r="I21392" s="359" t="s">
        <v>14392</v>
      </c>
      <c r="J21392" s="365"/>
      <c r="K21392" s="365"/>
      <c r="L21392" s="365"/>
    </row>
    <row r="21393" spans="2:12">
      <c r="B21393" s="367"/>
      <c r="C21393" s="367"/>
      <c r="D21393" s="367"/>
      <c r="E21393" s="367"/>
      <c r="F21393" s="360"/>
      <c r="G21393" s="360"/>
      <c r="H21393" s="360"/>
      <c r="I21393" s="360"/>
      <c r="J21393" s="365"/>
      <c r="K21393" s="365"/>
      <c r="L21393" s="365"/>
    </row>
    <row r="21394" spans="2:12" ht="28.5">
      <c r="B21394" s="367"/>
      <c r="C21394" s="367"/>
      <c r="D21394" s="367"/>
      <c r="E21394" s="367"/>
      <c r="F21394" s="359" t="s">
        <v>14394</v>
      </c>
      <c r="G21394" s="359" t="s">
        <v>14395</v>
      </c>
      <c r="H21394" s="359" t="s">
        <v>14370</v>
      </c>
      <c r="I21394" s="359" t="s">
        <v>14395</v>
      </c>
      <c r="J21394" s="365"/>
      <c r="K21394" s="365"/>
      <c r="L21394" s="365"/>
    </row>
    <row r="21395" spans="2:12">
      <c r="B21395" s="367"/>
      <c r="C21395" s="367"/>
      <c r="D21395" s="367"/>
      <c r="E21395" s="367"/>
      <c r="F21395" s="360"/>
      <c r="G21395" s="360"/>
      <c r="H21395" s="360"/>
      <c r="I21395" s="360"/>
      <c r="J21395" s="365"/>
      <c r="K21395" s="365"/>
      <c r="L21395" s="365"/>
    </row>
    <row r="21396" spans="2:12">
      <c r="B21396" s="368"/>
      <c r="C21396" s="368"/>
      <c r="D21396" s="368"/>
      <c r="E21396" s="368"/>
      <c r="F21396" s="362"/>
      <c r="G21396" s="362"/>
      <c r="H21396" s="361" t="s">
        <v>14332</v>
      </c>
      <c r="I21396" s="362"/>
      <c r="J21396" s="366"/>
      <c r="K21396" s="366"/>
      <c r="L21396" s="366"/>
    </row>
    <row r="21397" spans="2:12">
      <c r="B21397" s="358" t="s">
        <v>25648</v>
      </c>
      <c r="C21397" s="358" t="s">
        <v>28079</v>
      </c>
      <c r="D21397" s="358" t="s">
        <v>25649</v>
      </c>
      <c r="E21397" s="358" t="s">
        <v>25650</v>
      </c>
      <c r="F21397" s="358" t="s">
        <v>14420</v>
      </c>
      <c r="G21397" s="358" t="s">
        <v>14429</v>
      </c>
      <c r="H21397" s="358" t="s">
        <v>14341</v>
      </c>
      <c r="I21397" s="358" t="s">
        <v>14429</v>
      </c>
      <c r="J21397" s="358"/>
      <c r="K21397" s="358"/>
      <c r="L21397" s="358"/>
    </row>
    <row r="21398" spans="2:12">
      <c r="B21398" s="367"/>
      <c r="C21398" s="367"/>
      <c r="D21398" s="367"/>
      <c r="E21398" s="367"/>
      <c r="F21398" s="360"/>
      <c r="G21398" s="360"/>
      <c r="H21398" s="360"/>
      <c r="I21398" s="360"/>
      <c r="J21398" s="365"/>
      <c r="K21398" s="365"/>
      <c r="L21398" s="365"/>
    </row>
    <row r="21399" spans="2:12">
      <c r="B21399" s="367"/>
      <c r="C21399" s="367"/>
      <c r="D21399" s="367"/>
      <c r="E21399" s="367"/>
      <c r="F21399" s="359" t="s">
        <v>14430</v>
      </c>
      <c r="G21399" s="359" t="s">
        <v>14431</v>
      </c>
      <c r="H21399" s="359" t="s">
        <v>14367</v>
      </c>
      <c r="I21399" s="359" t="s">
        <v>14431</v>
      </c>
      <c r="J21399" s="365"/>
      <c r="K21399" s="365"/>
      <c r="L21399" s="365"/>
    </row>
    <row r="21400" spans="2:12">
      <c r="B21400" s="367"/>
      <c r="C21400" s="367"/>
      <c r="D21400" s="367"/>
      <c r="E21400" s="367"/>
      <c r="F21400" s="360"/>
      <c r="G21400" s="360"/>
      <c r="H21400" s="360"/>
      <c r="I21400" s="360"/>
      <c r="J21400" s="365"/>
      <c r="K21400" s="365"/>
      <c r="L21400" s="365"/>
    </row>
    <row r="21401" spans="2:12">
      <c r="B21401" s="367"/>
      <c r="C21401" s="367"/>
      <c r="D21401" s="367"/>
      <c r="E21401" s="367"/>
      <c r="F21401" s="359" t="s">
        <v>14391</v>
      </c>
      <c r="G21401" s="359" t="s">
        <v>14392</v>
      </c>
      <c r="H21401" s="359" t="s">
        <v>14332</v>
      </c>
      <c r="I21401" s="359" t="s">
        <v>14392</v>
      </c>
      <c r="J21401" s="365"/>
      <c r="K21401" s="365"/>
      <c r="L21401" s="365"/>
    </row>
    <row r="21402" spans="2:12">
      <c r="B21402" s="367"/>
      <c r="C21402" s="367"/>
      <c r="D21402" s="367"/>
      <c r="E21402" s="367"/>
      <c r="F21402" s="360"/>
      <c r="G21402" s="360"/>
      <c r="H21402" s="360"/>
      <c r="I21402" s="360"/>
      <c r="J21402" s="365"/>
      <c r="K21402" s="365"/>
      <c r="L21402" s="365"/>
    </row>
    <row r="21403" spans="2:12" ht="28.5">
      <c r="B21403" s="368"/>
      <c r="C21403" s="368"/>
      <c r="D21403" s="368"/>
      <c r="E21403" s="368"/>
      <c r="F21403" s="361" t="s">
        <v>14472</v>
      </c>
      <c r="G21403" s="361" t="s">
        <v>14473</v>
      </c>
      <c r="H21403" s="362"/>
      <c r="I21403" s="361" t="s">
        <v>14473</v>
      </c>
      <c r="J21403" s="366"/>
      <c r="K21403" s="366"/>
      <c r="L21403" s="366"/>
    </row>
    <row r="21404" spans="2:12" ht="28.5">
      <c r="B21404" s="358" t="s">
        <v>25651</v>
      </c>
      <c r="C21404" s="358" t="s">
        <v>28080</v>
      </c>
      <c r="D21404" s="358" t="s">
        <v>25652</v>
      </c>
      <c r="E21404" s="358" t="s">
        <v>25653</v>
      </c>
      <c r="F21404" s="358" t="s">
        <v>14462</v>
      </c>
      <c r="G21404" s="358" t="s">
        <v>14463</v>
      </c>
      <c r="H21404" s="358" t="s">
        <v>8356</v>
      </c>
      <c r="I21404" s="358" t="s">
        <v>14463</v>
      </c>
      <c r="J21404" s="358"/>
      <c r="K21404" s="358"/>
      <c r="L21404" s="358"/>
    </row>
    <row r="21405" spans="2:12">
      <c r="B21405" s="368"/>
      <c r="C21405" s="368"/>
      <c r="D21405" s="368"/>
      <c r="E21405" s="368"/>
      <c r="F21405" s="368"/>
      <c r="G21405" s="368"/>
      <c r="H21405" s="368"/>
      <c r="I21405" s="368"/>
      <c r="J21405" s="366"/>
      <c r="K21405" s="366"/>
      <c r="L21405" s="366"/>
    </row>
    <row r="21406" spans="2:12" ht="28.5">
      <c r="B21406" s="358" t="s">
        <v>25654</v>
      </c>
      <c r="C21406" s="358" t="s">
        <v>28081</v>
      </c>
      <c r="D21406" s="358" t="s">
        <v>25655</v>
      </c>
      <c r="E21406" s="358" t="s">
        <v>25656</v>
      </c>
      <c r="F21406" s="358" t="s">
        <v>14391</v>
      </c>
      <c r="G21406" s="358" t="s">
        <v>14392</v>
      </c>
      <c r="H21406" s="358" t="s">
        <v>14367</v>
      </c>
      <c r="I21406" s="358" t="s">
        <v>14392</v>
      </c>
      <c r="J21406" s="358"/>
      <c r="K21406" s="358"/>
      <c r="L21406" s="358"/>
    </row>
    <row r="21407" spans="2:12">
      <c r="B21407" s="367"/>
      <c r="C21407" s="367"/>
      <c r="D21407" s="367"/>
      <c r="E21407" s="367"/>
      <c r="F21407" s="360"/>
      <c r="G21407" s="360"/>
      <c r="H21407" s="360"/>
      <c r="I21407" s="360"/>
      <c r="J21407" s="365"/>
      <c r="K21407" s="365"/>
      <c r="L21407" s="365"/>
    </row>
    <row r="21408" spans="2:12" ht="28.5">
      <c r="B21408" s="367"/>
      <c r="C21408" s="367"/>
      <c r="D21408" s="367"/>
      <c r="E21408" s="367"/>
      <c r="F21408" s="359" t="s">
        <v>14394</v>
      </c>
      <c r="G21408" s="359" t="s">
        <v>14395</v>
      </c>
      <c r="H21408" s="359" t="s">
        <v>14370</v>
      </c>
      <c r="I21408" s="359" t="s">
        <v>14395</v>
      </c>
      <c r="J21408" s="365"/>
      <c r="K21408" s="365"/>
      <c r="L21408" s="365"/>
    </row>
    <row r="21409" spans="2:12">
      <c r="B21409" s="367"/>
      <c r="C21409" s="367"/>
      <c r="D21409" s="367"/>
      <c r="E21409" s="367"/>
      <c r="F21409" s="360"/>
      <c r="G21409" s="360"/>
      <c r="H21409" s="360"/>
      <c r="I21409" s="360"/>
      <c r="J21409" s="365"/>
      <c r="K21409" s="365"/>
      <c r="L21409" s="365"/>
    </row>
    <row r="21410" spans="2:12">
      <c r="B21410" s="368"/>
      <c r="C21410" s="368"/>
      <c r="D21410" s="368"/>
      <c r="E21410" s="368"/>
      <c r="F21410" s="362"/>
      <c r="G21410" s="362"/>
      <c r="H21410" s="361" t="s">
        <v>14422</v>
      </c>
      <c r="I21410" s="362"/>
      <c r="J21410" s="366"/>
      <c r="K21410" s="366"/>
      <c r="L21410" s="366"/>
    </row>
    <row r="21411" spans="2:12" ht="42.75">
      <c r="B21411" s="358" t="s">
        <v>25657</v>
      </c>
      <c r="C21411" s="358" t="s">
        <v>28082</v>
      </c>
      <c r="D21411" s="358" t="s">
        <v>25658</v>
      </c>
      <c r="E21411" s="358" t="s">
        <v>8356</v>
      </c>
      <c r="F21411" s="358" t="s">
        <v>14462</v>
      </c>
      <c r="G21411" s="358" t="s">
        <v>14463</v>
      </c>
      <c r="H21411" s="358" t="s">
        <v>8356</v>
      </c>
      <c r="I21411" s="358" t="s">
        <v>14463</v>
      </c>
      <c r="J21411" s="358"/>
      <c r="K21411" s="358"/>
      <c r="L21411" s="358"/>
    </row>
    <row r="21412" spans="2:12">
      <c r="B21412" s="368"/>
      <c r="C21412" s="368"/>
      <c r="D21412" s="368"/>
      <c r="E21412" s="368"/>
      <c r="F21412" s="368"/>
      <c r="G21412" s="368"/>
      <c r="H21412" s="368"/>
      <c r="I21412" s="368"/>
      <c r="J21412" s="366"/>
      <c r="K21412" s="366"/>
      <c r="L21412" s="366"/>
    </row>
    <row r="21413" spans="2:12">
      <c r="B21413" s="358" t="s">
        <v>25659</v>
      </c>
      <c r="C21413" s="358" t="s">
        <v>28083</v>
      </c>
      <c r="D21413" s="358" t="s">
        <v>25660</v>
      </c>
      <c r="E21413" s="358" t="s">
        <v>25661</v>
      </c>
      <c r="F21413" s="358" t="s">
        <v>14371</v>
      </c>
      <c r="G21413" s="358" t="s">
        <v>14372</v>
      </c>
      <c r="H21413" s="358" t="s">
        <v>14370</v>
      </c>
      <c r="I21413" s="358" t="s">
        <v>14373</v>
      </c>
      <c r="J21413" s="358"/>
      <c r="K21413" s="358"/>
      <c r="L21413" s="358"/>
    </row>
    <row r="21414" spans="2:12">
      <c r="B21414" s="367"/>
      <c r="C21414" s="367"/>
      <c r="D21414" s="367"/>
      <c r="E21414" s="367"/>
      <c r="F21414" s="360"/>
      <c r="G21414" s="360"/>
      <c r="H21414" s="360"/>
      <c r="I21414" s="367"/>
      <c r="J21414" s="365"/>
      <c r="K21414" s="365"/>
      <c r="L21414" s="365"/>
    </row>
    <row r="21415" spans="2:12" ht="28.5">
      <c r="B21415" s="368"/>
      <c r="C21415" s="368"/>
      <c r="D21415" s="368"/>
      <c r="E21415" s="368"/>
      <c r="F21415" s="361" t="s">
        <v>14374</v>
      </c>
      <c r="G21415" s="361" t="s">
        <v>14373</v>
      </c>
      <c r="H21415" s="361" t="s">
        <v>14422</v>
      </c>
      <c r="I21415" s="368"/>
      <c r="J21415" s="366"/>
      <c r="K21415" s="366"/>
      <c r="L21415" s="366"/>
    </row>
    <row r="21416" spans="2:12" ht="42.75">
      <c r="B21416" s="358" t="s">
        <v>25662</v>
      </c>
      <c r="C21416" s="358" t="s">
        <v>28084</v>
      </c>
      <c r="D21416" s="358" t="s">
        <v>25663</v>
      </c>
      <c r="E21416" s="358" t="s">
        <v>25664</v>
      </c>
      <c r="F21416" s="358" t="s">
        <v>14462</v>
      </c>
      <c r="G21416" s="358" t="s">
        <v>14463</v>
      </c>
      <c r="H21416" s="358" t="s">
        <v>8356</v>
      </c>
      <c r="I21416" s="358" t="s">
        <v>14463</v>
      </c>
      <c r="J21416" s="358"/>
      <c r="K21416" s="358"/>
      <c r="L21416" s="358"/>
    </row>
    <row r="21417" spans="2:12">
      <c r="B21417" s="368"/>
      <c r="C21417" s="368"/>
      <c r="D21417" s="368"/>
      <c r="E21417" s="368"/>
      <c r="F21417" s="368"/>
      <c r="G21417" s="368"/>
      <c r="H21417" s="368"/>
      <c r="I21417" s="368"/>
      <c r="J21417" s="366"/>
      <c r="K21417" s="366"/>
      <c r="L21417" s="366"/>
    </row>
    <row r="21418" spans="2:12" ht="28.5">
      <c r="B21418" s="358" t="s">
        <v>25665</v>
      </c>
      <c r="C21418" s="358" t="s">
        <v>28085</v>
      </c>
      <c r="D21418" s="358" t="s">
        <v>25666</v>
      </c>
      <c r="E21418" s="358" t="s">
        <v>25667</v>
      </c>
      <c r="F21418" s="358" t="s">
        <v>14420</v>
      </c>
      <c r="G21418" s="358" t="s">
        <v>14429</v>
      </c>
      <c r="H21418" s="358" t="s">
        <v>14341</v>
      </c>
      <c r="I21418" s="358" t="s">
        <v>14429</v>
      </c>
      <c r="J21418" s="358"/>
      <c r="K21418" s="358"/>
      <c r="L21418" s="358"/>
    </row>
    <row r="21419" spans="2:12">
      <c r="B21419" s="367"/>
      <c r="C21419" s="367"/>
      <c r="D21419" s="367"/>
      <c r="E21419" s="367"/>
      <c r="F21419" s="360"/>
      <c r="G21419" s="360"/>
      <c r="H21419" s="360"/>
      <c r="I21419" s="360"/>
      <c r="J21419" s="365"/>
      <c r="K21419" s="365"/>
      <c r="L21419" s="365"/>
    </row>
    <row r="21420" spans="2:12">
      <c r="B21420" s="367"/>
      <c r="C21420" s="367"/>
      <c r="D21420" s="367"/>
      <c r="E21420" s="367"/>
      <c r="F21420" s="359" t="s">
        <v>14430</v>
      </c>
      <c r="G21420" s="359" t="s">
        <v>14431</v>
      </c>
      <c r="H21420" s="359" t="s">
        <v>14367</v>
      </c>
      <c r="I21420" s="359" t="s">
        <v>14431</v>
      </c>
      <c r="J21420" s="365"/>
      <c r="K21420" s="365"/>
      <c r="L21420" s="365"/>
    </row>
    <row r="21421" spans="2:12">
      <c r="B21421" s="367"/>
      <c r="C21421" s="367"/>
      <c r="D21421" s="367"/>
      <c r="E21421" s="367"/>
      <c r="F21421" s="360"/>
      <c r="G21421" s="360"/>
      <c r="H21421" s="360"/>
      <c r="I21421" s="360"/>
      <c r="J21421" s="365"/>
      <c r="K21421" s="365"/>
      <c r="L21421" s="365"/>
    </row>
    <row r="21422" spans="2:12">
      <c r="B21422" s="367"/>
      <c r="C21422" s="367"/>
      <c r="D21422" s="367"/>
      <c r="E21422" s="367"/>
      <c r="F21422" s="359" t="s">
        <v>14371</v>
      </c>
      <c r="G21422" s="359" t="s">
        <v>14372</v>
      </c>
      <c r="H21422" s="359" t="s">
        <v>14370</v>
      </c>
      <c r="I21422" s="359" t="s">
        <v>14373</v>
      </c>
      <c r="J21422" s="365"/>
      <c r="K21422" s="365"/>
      <c r="L21422" s="365"/>
    </row>
    <row r="21423" spans="2:12">
      <c r="B21423" s="367"/>
      <c r="C21423" s="367"/>
      <c r="D21423" s="367"/>
      <c r="E21423" s="367"/>
      <c r="F21423" s="360"/>
      <c r="G21423" s="360"/>
      <c r="H21423" s="360"/>
      <c r="I21423" s="360"/>
      <c r="J21423" s="365"/>
      <c r="K21423" s="365"/>
      <c r="L21423" s="365"/>
    </row>
    <row r="21424" spans="2:12" ht="28.5">
      <c r="B21424" s="368"/>
      <c r="C21424" s="368"/>
      <c r="D21424" s="368"/>
      <c r="E21424" s="368"/>
      <c r="F21424" s="361" t="s">
        <v>14374</v>
      </c>
      <c r="G21424" s="361" t="s">
        <v>14373</v>
      </c>
      <c r="H21424" s="361" t="s">
        <v>14332</v>
      </c>
      <c r="I21424" s="362"/>
      <c r="J21424" s="366"/>
      <c r="K21424" s="366"/>
      <c r="L21424" s="366"/>
    </row>
    <row r="21425" spans="2:12">
      <c r="B21425" s="358" t="s">
        <v>25668</v>
      </c>
      <c r="C21425" s="358" t="s">
        <v>28086</v>
      </c>
      <c r="D21425" s="358" t="s">
        <v>25669</v>
      </c>
      <c r="E21425" s="358" t="s">
        <v>25670</v>
      </c>
      <c r="F21425" s="358" t="s">
        <v>14460</v>
      </c>
      <c r="G21425" s="358" t="s">
        <v>14461</v>
      </c>
      <c r="H21425" s="358" t="s">
        <v>14381</v>
      </c>
      <c r="I21425" s="358" t="s">
        <v>14461</v>
      </c>
      <c r="J21425" s="358"/>
      <c r="K21425" s="358"/>
      <c r="L21425" s="358"/>
    </row>
    <row r="21426" spans="2:12">
      <c r="B21426" s="367"/>
      <c r="C21426" s="367"/>
      <c r="D21426" s="367"/>
      <c r="E21426" s="367"/>
      <c r="F21426" s="360"/>
      <c r="G21426" s="360"/>
      <c r="H21426" s="360"/>
      <c r="I21426" s="360"/>
      <c r="J21426" s="365"/>
      <c r="K21426" s="365"/>
      <c r="L21426" s="365"/>
    </row>
    <row r="21427" spans="2:12" ht="28.5">
      <c r="B21427" s="367"/>
      <c r="C21427" s="367"/>
      <c r="D21427" s="367"/>
      <c r="E21427" s="367"/>
      <c r="F21427" s="359" t="s">
        <v>14394</v>
      </c>
      <c r="G21427" s="359" t="s">
        <v>14395</v>
      </c>
      <c r="H21427" s="359" t="s">
        <v>14370</v>
      </c>
      <c r="I21427" s="359" t="s">
        <v>14395</v>
      </c>
      <c r="J21427" s="365"/>
      <c r="K21427" s="365"/>
      <c r="L21427" s="365"/>
    </row>
    <row r="21428" spans="2:12">
      <c r="B21428" s="367"/>
      <c r="C21428" s="367"/>
      <c r="D21428" s="367"/>
      <c r="E21428" s="367"/>
      <c r="F21428" s="360"/>
      <c r="G21428" s="360"/>
      <c r="H21428" s="360"/>
      <c r="I21428" s="360"/>
      <c r="J21428" s="365"/>
      <c r="K21428" s="365"/>
      <c r="L21428" s="365"/>
    </row>
    <row r="21429" spans="2:12">
      <c r="B21429" s="368"/>
      <c r="C21429" s="368"/>
      <c r="D21429" s="368"/>
      <c r="E21429" s="368"/>
      <c r="F21429" s="362"/>
      <c r="G21429" s="362"/>
      <c r="H21429" s="361" t="s">
        <v>14422</v>
      </c>
      <c r="I21429" s="362"/>
      <c r="J21429" s="366"/>
      <c r="K21429" s="366"/>
      <c r="L21429" s="366"/>
    </row>
    <row r="21430" spans="2:12">
      <c r="B21430" s="358" t="s">
        <v>25671</v>
      </c>
      <c r="C21430" s="358" t="s">
        <v>30473</v>
      </c>
      <c r="D21430" s="358" t="s">
        <v>25672</v>
      </c>
      <c r="E21430" s="358" t="s">
        <v>25673</v>
      </c>
      <c r="F21430" s="358" t="s">
        <v>14391</v>
      </c>
      <c r="G21430" s="358" t="s">
        <v>14392</v>
      </c>
      <c r="H21430" s="358" t="s">
        <v>14367</v>
      </c>
      <c r="I21430" s="358" t="s">
        <v>14392</v>
      </c>
      <c r="J21430" s="358"/>
      <c r="K21430" s="358"/>
      <c r="L21430" s="358"/>
    </row>
    <row r="21431" spans="2:12">
      <c r="B21431" s="367"/>
      <c r="C21431" s="367"/>
      <c r="D21431" s="367"/>
      <c r="E21431" s="367"/>
      <c r="F21431" s="360"/>
      <c r="G21431" s="360"/>
      <c r="H21431" s="360"/>
      <c r="I21431" s="360"/>
      <c r="J21431" s="365"/>
      <c r="K21431" s="365"/>
      <c r="L21431" s="365"/>
    </row>
    <row r="21432" spans="2:12" ht="28.5">
      <c r="B21432" s="368"/>
      <c r="C21432" s="368"/>
      <c r="D21432" s="368"/>
      <c r="E21432" s="368"/>
      <c r="F21432" s="361" t="s">
        <v>14472</v>
      </c>
      <c r="G21432" s="361" t="s">
        <v>14473</v>
      </c>
      <c r="H21432" s="361" t="s">
        <v>14422</v>
      </c>
      <c r="I21432" s="361" t="s">
        <v>14473</v>
      </c>
      <c r="J21432" s="366"/>
      <c r="K21432" s="366"/>
      <c r="L21432" s="366"/>
    </row>
    <row r="21433" spans="2:12" ht="28.5">
      <c r="B21433" s="358" t="s">
        <v>25674</v>
      </c>
      <c r="C21433" s="358" t="s">
        <v>25675</v>
      </c>
      <c r="D21433" s="358" t="s">
        <v>25676</v>
      </c>
      <c r="E21433" s="358" t="s">
        <v>25677</v>
      </c>
      <c r="F21433" s="358" t="s">
        <v>14472</v>
      </c>
      <c r="G21433" s="358" t="s">
        <v>14473</v>
      </c>
      <c r="H21433" s="358" t="s">
        <v>8356</v>
      </c>
      <c r="I21433" s="358" t="s">
        <v>14473</v>
      </c>
      <c r="J21433" s="358"/>
      <c r="K21433" s="358"/>
      <c r="L21433" s="358"/>
    </row>
    <row r="21434" spans="2:12">
      <c r="B21434" s="368"/>
      <c r="C21434" s="368"/>
      <c r="D21434" s="368"/>
      <c r="E21434" s="368"/>
      <c r="F21434" s="368"/>
      <c r="G21434" s="368"/>
      <c r="H21434" s="368"/>
      <c r="I21434" s="368"/>
      <c r="J21434" s="366"/>
      <c r="K21434" s="366"/>
      <c r="L21434" s="366"/>
    </row>
    <row r="21435" spans="2:12">
      <c r="B21435" s="358" t="s">
        <v>25678</v>
      </c>
      <c r="C21435" s="358" t="s">
        <v>25679</v>
      </c>
      <c r="D21435" s="358" t="s">
        <v>25680</v>
      </c>
      <c r="E21435" s="358" t="s">
        <v>8356</v>
      </c>
      <c r="F21435" s="358" t="s">
        <v>14389</v>
      </c>
      <c r="G21435" s="358" t="s">
        <v>14390</v>
      </c>
      <c r="H21435" s="358" t="s">
        <v>14367</v>
      </c>
      <c r="I21435" s="358" t="s">
        <v>14390</v>
      </c>
      <c r="J21435" s="358"/>
      <c r="K21435" s="358"/>
      <c r="L21435" s="358"/>
    </row>
    <row r="21436" spans="2:12">
      <c r="B21436" s="367"/>
      <c r="C21436" s="367"/>
      <c r="D21436" s="367"/>
      <c r="E21436" s="367"/>
      <c r="F21436" s="360"/>
      <c r="G21436" s="360"/>
      <c r="H21436" s="360"/>
      <c r="I21436" s="360"/>
      <c r="J21436" s="365"/>
      <c r="K21436" s="365"/>
      <c r="L21436" s="365"/>
    </row>
    <row r="21437" spans="2:12" ht="28.5">
      <c r="B21437" s="367"/>
      <c r="C21437" s="367"/>
      <c r="D21437" s="367"/>
      <c r="E21437" s="367"/>
      <c r="F21437" s="359" t="s">
        <v>14394</v>
      </c>
      <c r="G21437" s="359" t="s">
        <v>14395</v>
      </c>
      <c r="H21437" s="359" t="s">
        <v>14370</v>
      </c>
      <c r="I21437" s="359" t="s">
        <v>14395</v>
      </c>
      <c r="J21437" s="365"/>
      <c r="K21437" s="365"/>
      <c r="L21437" s="365"/>
    </row>
    <row r="21438" spans="2:12">
      <c r="B21438" s="367"/>
      <c r="C21438" s="367"/>
      <c r="D21438" s="367"/>
      <c r="E21438" s="367"/>
      <c r="F21438" s="360"/>
      <c r="G21438" s="360"/>
      <c r="H21438" s="360"/>
      <c r="I21438" s="360"/>
      <c r="J21438" s="365"/>
      <c r="K21438" s="365"/>
      <c r="L21438" s="365"/>
    </row>
    <row r="21439" spans="2:12">
      <c r="B21439" s="368"/>
      <c r="C21439" s="368"/>
      <c r="D21439" s="368"/>
      <c r="E21439" s="368"/>
      <c r="F21439" s="362"/>
      <c r="G21439" s="362"/>
      <c r="H21439" s="361" t="s">
        <v>14422</v>
      </c>
      <c r="I21439" s="362"/>
      <c r="J21439" s="366"/>
      <c r="K21439" s="366"/>
      <c r="L21439" s="366"/>
    </row>
    <row r="21440" spans="2:12" ht="28.5">
      <c r="B21440" s="358" t="s">
        <v>25681</v>
      </c>
      <c r="C21440" s="358" t="s">
        <v>28087</v>
      </c>
      <c r="D21440" s="358" t="s">
        <v>25682</v>
      </c>
      <c r="E21440" s="358" t="s">
        <v>25683</v>
      </c>
      <c r="F21440" s="358" t="s">
        <v>14462</v>
      </c>
      <c r="G21440" s="358" t="s">
        <v>14463</v>
      </c>
      <c r="H21440" s="358" t="s">
        <v>8356</v>
      </c>
      <c r="I21440" s="358" t="s">
        <v>14463</v>
      </c>
      <c r="J21440" s="358"/>
      <c r="K21440" s="358"/>
      <c r="L21440" s="358"/>
    </row>
    <row r="21441" spans="2:12">
      <c r="B21441" s="368"/>
      <c r="C21441" s="368"/>
      <c r="D21441" s="368"/>
      <c r="E21441" s="368"/>
      <c r="F21441" s="368"/>
      <c r="G21441" s="368"/>
      <c r="H21441" s="368"/>
      <c r="I21441" s="368"/>
      <c r="J21441" s="366"/>
      <c r="K21441" s="366"/>
      <c r="L21441" s="366"/>
    </row>
    <row r="21442" spans="2:12">
      <c r="B21442" s="358" t="s">
        <v>25684</v>
      </c>
      <c r="C21442" s="358" t="s">
        <v>25685</v>
      </c>
      <c r="D21442" s="358" t="s">
        <v>8356</v>
      </c>
      <c r="E21442" s="358" t="s">
        <v>25686</v>
      </c>
      <c r="F21442" s="358" t="s">
        <v>14443</v>
      </c>
      <c r="G21442" s="358" t="s">
        <v>14444</v>
      </c>
      <c r="H21442" s="358" t="s">
        <v>14381</v>
      </c>
      <c r="I21442" s="358" t="s">
        <v>14444</v>
      </c>
      <c r="J21442" s="358"/>
      <c r="K21442" s="358" t="s">
        <v>14820</v>
      </c>
      <c r="L21442" s="358"/>
    </row>
    <row r="21443" spans="2:12">
      <c r="B21443" s="367"/>
      <c r="C21443" s="360"/>
      <c r="D21443" s="367"/>
      <c r="E21443" s="367"/>
      <c r="F21443" s="360"/>
      <c r="G21443" s="360"/>
      <c r="H21443" s="360"/>
      <c r="I21443" s="360"/>
      <c r="J21443" s="365"/>
      <c r="K21443" s="367"/>
      <c r="L21443" s="365"/>
    </row>
    <row r="21444" spans="2:12" ht="28.5">
      <c r="B21444" s="367"/>
      <c r="C21444" s="359" t="s">
        <v>28088</v>
      </c>
      <c r="D21444" s="367"/>
      <c r="E21444" s="367"/>
      <c r="F21444" s="359" t="s">
        <v>14507</v>
      </c>
      <c r="G21444" s="359" t="s">
        <v>14819</v>
      </c>
      <c r="H21444" s="359" t="s">
        <v>14367</v>
      </c>
      <c r="I21444" s="359" t="s">
        <v>14819</v>
      </c>
      <c r="J21444" s="365"/>
      <c r="K21444" s="367"/>
      <c r="L21444" s="365"/>
    </row>
    <row r="21445" spans="2:12">
      <c r="B21445" s="367"/>
      <c r="C21445" s="360"/>
      <c r="D21445" s="367"/>
      <c r="E21445" s="367"/>
      <c r="F21445" s="360"/>
      <c r="G21445" s="360"/>
      <c r="H21445" s="360"/>
      <c r="I21445" s="360"/>
      <c r="J21445" s="365"/>
      <c r="K21445" s="367"/>
      <c r="L21445" s="365"/>
    </row>
    <row r="21446" spans="2:12">
      <c r="B21446" s="367"/>
      <c r="C21446" s="360"/>
      <c r="D21446" s="367"/>
      <c r="E21446" s="367"/>
      <c r="F21446" s="359" t="s">
        <v>14420</v>
      </c>
      <c r="G21446" s="359" t="s">
        <v>14459</v>
      </c>
      <c r="H21446" s="359" t="s">
        <v>14370</v>
      </c>
      <c r="I21446" s="359" t="s">
        <v>14459</v>
      </c>
      <c r="J21446" s="365"/>
      <c r="K21446" s="367"/>
      <c r="L21446" s="365"/>
    </row>
    <row r="21447" spans="2:12">
      <c r="B21447" s="367"/>
      <c r="C21447" s="360"/>
      <c r="D21447" s="367"/>
      <c r="E21447" s="367"/>
      <c r="F21447" s="360"/>
      <c r="G21447" s="360"/>
      <c r="H21447" s="360"/>
      <c r="I21447" s="360"/>
      <c r="J21447" s="365"/>
      <c r="K21447" s="367"/>
      <c r="L21447" s="365"/>
    </row>
    <row r="21448" spans="2:12">
      <c r="B21448" s="367"/>
      <c r="C21448" s="360"/>
      <c r="D21448" s="367"/>
      <c r="E21448" s="367"/>
      <c r="F21448" s="359" t="s">
        <v>14371</v>
      </c>
      <c r="G21448" s="359" t="s">
        <v>14372</v>
      </c>
      <c r="H21448" s="359" t="s">
        <v>14422</v>
      </c>
      <c r="I21448" s="359" t="s">
        <v>14373</v>
      </c>
      <c r="J21448" s="365"/>
      <c r="K21448" s="367"/>
      <c r="L21448" s="365"/>
    </row>
    <row r="21449" spans="2:12">
      <c r="B21449" s="367"/>
      <c r="C21449" s="360"/>
      <c r="D21449" s="367"/>
      <c r="E21449" s="367"/>
      <c r="F21449" s="360"/>
      <c r="G21449" s="360"/>
      <c r="H21449" s="360"/>
      <c r="I21449" s="360"/>
      <c r="J21449" s="365"/>
      <c r="K21449" s="367"/>
      <c r="L21449" s="365"/>
    </row>
    <row r="21450" spans="2:12" ht="28.5">
      <c r="B21450" s="368"/>
      <c r="C21450" s="362"/>
      <c r="D21450" s="368"/>
      <c r="E21450" s="368"/>
      <c r="F21450" s="361" t="s">
        <v>14374</v>
      </c>
      <c r="G21450" s="361" t="s">
        <v>14373</v>
      </c>
      <c r="H21450" s="362"/>
      <c r="I21450" s="362"/>
      <c r="J21450" s="366"/>
      <c r="K21450" s="368"/>
      <c r="L21450" s="366"/>
    </row>
    <row r="21451" spans="2:12">
      <c r="B21451" s="358" t="s">
        <v>25687</v>
      </c>
      <c r="C21451" s="358" t="s">
        <v>25688</v>
      </c>
      <c r="D21451" s="358" t="s">
        <v>8356</v>
      </c>
      <c r="E21451" s="358" t="s">
        <v>25689</v>
      </c>
      <c r="F21451" s="358" t="s">
        <v>14371</v>
      </c>
      <c r="G21451" s="358" t="s">
        <v>14372</v>
      </c>
      <c r="H21451" s="358" t="s">
        <v>14370</v>
      </c>
      <c r="I21451" s="358" t="s">
        <v>14373</v>
      </c>
      <c r="J21451" s="358"/>
      <c r="K21451" s="358" t="s">
        <v>14552</v>
      </c>
      <c r="L21451" s="358"/>
    </row>
    <row r="21452" spans="2:12">
      <c r="B21452" s="367"/>
      <c r="C21452" s="360"/>
      <c r="D21452" s="367"/>
      <c r="E21452" s="367"/>
      <c r="F21452" s="360"/>
      <c r="G21452" s="360"/>
      <c r="H21452" s="360"/>
      <c r="I21452" s="367"/>
      <c r="J21452" s="365"/>
      <c r="K21452" s="367"/>
      <c r="L21452" s="365"/>
    </row>
    <row r="21453" spans="2:12" ht="28.5">
      <c r="B21453" s="368"/>
      <c r="C21453" s="361" t="s">
        <v>28089</v>
      </c>
      <c r="D21453" s="368"/>
      <c r="E21453" s="368"/>
      <c r="F21453" s="361" t="s">
        <v>14374</v>
      </c>
      <c r="G21453" s="361" t="s">
        <v>14373</v>
      </c>
      <c r="H21453" s="361" t="s">
        <v>14422</v>
      </c>
      <c r="I21453" s="368"/>
      <c r="J21453" s="366"/>
      <c r="K21453" s="368"/>
      <c r="L21453" s="366"/>
    </row>
    <row r="21454" spans="2:12">
      <c r="B21454" s="358" t="s">
        <v>25690</v>
      </c>
      <c r="C21454" s="358" t="s">
        <v>25691</v>
      </c>
      <c r="D21454" s="358" t="s">
        <v>8356</v>
      </c>
      <c r="E21454" s="358" t="s">
        <v>25692</v>
      </c>
      <c r="F21454" s="358" t="s">
        <v>14371</v>
      </c>
      <c r="G21454" s="358" t="s">
        <v>14372</v>
      </c>
      <c r="H21454" s="358" t="s">
        <v>14370</v>
      </c>
      <c r="I21454" s="358" t="s">
        <v>14373</v>
      </c>
      <c r="J21454" s="358"/>
      <c r="K21454" s="358" t="s">
        <v>14820</v>
      </c>
      <c r="L21454" s="358"/>
    </row>
    <row r="21455" spans="2:12">
      <c r="B21455" s="367"/>
      <c r="C21455" s="360"/>
      <c r="D21455" s="367"/>
      <c r="E21455" s="367"/>
      <c r="F21455" s="360"/>
      <c r="G21455" s="360"/>
      <c r="H21455" s="360"/>
      <c r="I21455" s="367"/>
      <c r="J21455" s="365"/>
      <c r="K21455" s="367"/>
      <c r="L21455" s="365"/>
    </row>
    <row r="21456" spans="2:12" ht="28.5">
      <c r="B21456" s="368"/>
      <c r="C21456" s="361" t="s">
        <v>30474</v>
      </c>
      <c r="D21456" s="368"/>
      <c r="E21456" s="368"/>
      <c r="F21456" s="361" t="s">
        <v>14374</v>
      </c>
      <c r="G21456" s="361" t="s">
        <v>14373</v>
      </c>
      <c r="H21456" s="361" t="s">
        <v>14422</v>
      </c>
      <c r="I21456" s="368"/>
      <c r="J21456" s="366"/>
      <c r="K21456" s="368"/>
      <c r="L21456" s="366"/>
    </row>
    <row r="21457" spans="2:12" ht="28.5">
      <c r="B21457" s="358" t="s">
        <v>25693</v>
      </c>
      <c r="C21457" s="358" t="s">
        <v>30475</v>
      </c>
      <c r="D21457" s="358" t="s">
        <v>25694</v>
      </c>
      <c r="E21457" s="358" t="s">
        <v>25695</v>
      </c>
      <c r="F21457" s="358" t="s">
        <v>14386</v>
      </c>
      <c r="G21457" s="358" t="s">
        <v>14387</v>
      </c>
      <c r="H21457" s="358" t="s">
        <v>14367</v>
      </c>
      <c r="I21457" s="358" t="s">
        <v>14387</v>
      </c>
      <c r="J21457" s="358"/>
      <c r="K21457" s="358"/>
      <c r="L21457" s="358"/>
    </row>
    <row r="21458" spans="2:12">
      <c r="B21458" s="367"/>
      <c r="C21458" s="367"/>
      <c r="D21458" s="367"/>
      <c r="E21458" s="367"/>
      <c r="F21458" s="360"/>
      <c r="G21458" s="360"/>
      <c r="H21458" s="360"/>
      <c r="I21458" s="360"/>
      <c r="J21458" s="365"/>
      <c r="K21458" s="365"/>
      <c r="L21458" s="365"/>
    </row>
    <row r="21459" spans="2:12">
      <c r="B21459" s="368"/>
      <c r="C21459" s="368"/>
      <c r="D21459" s="368"/>
      <c r="E21459" s="368"/>
      <c r="F21459" s="361" t="s">
        <v>14391</v>
      </c>
      <c r="G21459" s="361" t="s">
        <v>14392</v>
      </c>
      <c r="H21459" s="361" t="s">
        <v>14422</v>
      </c>
      <c r="I21459" s="361" t="s">
        <v>14392</v>
      </c>
      <c r="J21459" s="366"/>
      <c r="K21459" s="366"/>
      <c r="L21459" s="366"/>
    </row>
    <row r="21460" spans="2:12">
      <c r="B21460" s="358" t="s">
        <v>25696</v>
      </c>
      <c r="C21460" s="358" t="s">
        <v>25697</v>
      </c>
      <c r="D21460" s="358" t="s">
        <v>25698</v>
      </c>
      <c r="E21460" s="358" t="s">
        <v>25699</v>
      </c>
      <c r="F21460" s="358" t="s">
        <v>14391</v>
      </c>
      <c r="G21460" s="358" t="s">
        <v>14392</v>
      </c>
      <c r="H21460" s="358" t="s">
        <v>14367</v>
      </c>
      <c r="I21460" s="358" t="s">
        <v>14392</v>
      </c>
      <c r="J21460" s="358"/>
      <c r="K21460" s="358"/>
      <c r="L21460" s="358"/>
    </row>
    <row r="21461" spans="2:12">
      <c r="B21461" s="367"/>
      <c r="C21461" s="367"/>
      <c r="D21461" s="367"/>
      <c r="E21461" s="367"/>
      <c r="F21461" s="367"/>
      <c r="G21461" s="367"/>
      <c r="H21461" s="360"/>
      <c r="I21461" s="367"/>
      <c r="J21461" s="365"/>
      <c r="K21461" s="365"/>
      <c r="L21461" s="365"/>
    </row>
    <row r="21462" spans="2:12">
      <c r="B21462" s="368"/>
      <c r="C21462" s="368"/>
      <c r="D21462" s="368"/>
      <c r="E21462" s="368"/>
      <c r="F21462" s="368"/>
      <c r="G21462" s="368"/>
      <c r="H21462" s="361" t="s">
        <v>14422</v>
      </c>
      <c r="I21462" s="368"/>
      <c r="J21462" s="366"/>
      <c r="K21462" s="366"/>
      <c r="L21462" s="366"/>
    </row>
    <row r="21463" spans="2:12" ht="57">
      <c r="B21463" s="358" t="s">
        <v>25700</v>
      </c>
      <c r="C21463" s="358" t="s">
        <v>25701</v>
      </c>
      <c r="D21463" s="358" t="s">
        <v>25702</v>
      </c>
      <c r="E21463" s="358" t="s">
        <v>25703</v>
      </c>
      <c r="F21463" s="358" t="s">
        <v>14391</v>
      </c>
      <c r="G21463" s="358" t="s">
        <v>14392</v>
      </c>
      <c r="H21463" s="358" t="s">
        <v>14367</v>
      </c>
      <c r="I21463" s="358" t="s">
        <v>14392</v>
      </c>
      <c r="J21463" s="358"/>
      <c r="K21463" s="358"/>
      <c r="L21463" s="358"/>
    </row>
    <row r="21464" spans="2:12">
      <c r="B21464" s="367"/>
      <c r="C21464" s="367"/>
      <c r="D21464" s="367"/>
      <c r="E21464" s="367"/>
      <c r="F21464" s="360"/>
      <c r="G21464" s="360"/>
      <c r="H21464" s="360"/>
      <c r="I21464" s="360"/>
      <c r="J21464" s="365"/>
      <c r="K21464" s="365"/>
      <c r="L21464" s="365"/>
    </row>
    <row r="21465" spans="2:12" ht="28.5">
      <c r="B21465" s="368"/>
      <c r="C21465" s="368"/>
      <c r="D21465" s="368"/>
      <c r="E21465" s="368"/>
      <c r="F21465" s="361" t="s">
        <v>14462</v>
      </c>
      <c r="G21465" s="361" t="s">
        <v>14463</v>
      </c>
      <c r="H21465" s="361" t="s">
        <v>14422</v>
      </c>
      <c r="I21465" s="361" t="s">
        <v>14463</v>
      </c>
      <c r="J21465" s="366"/>
      <c r="K21465" s="366"/>
      <c r="L21465" s="366"/>
    </row>
    <row r="21466" spans="2:12">
      <c r="B21466" s="358" t="s">
        <v>25704</v>
      </c>
      <c r="C21466" s="358" t="s">
        <v>28090</v>
      </c>
      <c r="D21466" s="358" t="s">
        <v>25705</v>
      </c>
      <c r="E21466" s="358" t="s">
        <v>25706</v>
      </c>
      <c r="F21466" s="358" t="s">
        <v>14386</v>
      </c>
      <c r="G21466" s="358" t="s">
        <v>14387</v>
      </c>
      <c r="H21466" s="358" t="s">
        <v>14367</v>
      </c>
      <c r="I21466" s="358" t="s">
        <v>14387</v>
      </c>
      <c r="J21466" s="358"/>
      <c r="K21466" s="358"/>
      <c r="L21466" s="358"/>
    </row>
    <row r="21467" spans="2:12">
      <c r="B21467" s="367"/>
      <c r="C21467" s="367"/>
      <c r="D21467" s="367"/>
      <c r="E21467" s="367"/>
      <c r="F21467" s="360"/>
      <c r="G21467" s="360"/>
      <c r="H21467" s="360"/>
      <c r="I21467" s="360"/>
      <c r="J21467" s="365"/>
      <c r="K21467" s="365"/>
      <c r="L21467" s="365"/>
    </row>
    <row r="21468" spans="2:12">
      <c r="B21468" s="368"/>
      <c r="C21468" s="368"/>
      <c r="D21468" s="368"/>
      <c r="E21468" s="368"/>
      <c r="F21468" s="361" t="s">
        <v>14391</v>
      </c>
      <c r="G21468" s="361" t="s">
        <v>14392</v>
      </c>
      <c r="H21468" s="361" t="s">
        <v>14422</v>
      </c>
      <c r="I21468" s="361" t="s">
        <v>14392</v>
      </c>
      <c r="J21468" s="366"/>
      <c r="K21468" s="366"/>
      <c r="L21468" s="366"/>
    </row>
    <row r="21469" spans="2:12">
      <c r="B21469" s="358" t="s">
        <v>25707</v>
      </c>
      <c r="C21469" s="358" t="s">
        <v>25708</v>
      </c>
      <c r="D21469" s="358" t="s">
        <v>25709</v>
      </c>
      <c r="E21469" s="358" t="s">
        <v>25710</v>
      </c>
      <c r="F21469" s="358" t="s">
        <v>14430</v>
      </c>
      <c r="G21469" s="358" t="s">
        <v>14431</v>
      </c>
      <c r="H21469" s="358" t="s">
        <v>14341</v>
      </c>
      <c r="I21469" s="358" t="s">
        <v>14431</v>
      </c>
      <c r="J21469" s="358"/>
      <c r="K21469" s="358"/>
      <c r="L21469" s="358"/>
    </row>
    <row r="21470" spans="2:12">
      <c r="B21470" s="367"/>
      <c r="C21470" s="367"/>
      <c r="D21470" s="367"/>
      <c r="E21470" s="367"/>
      <c r="F21470" s="360"/>
      <c r="G21470" s="360"/>
      <c r="H21470" s="360"/>
      <c r="I21470" s="360"/>
      <c r="J21470" s="365"/>
      <c r="K21470" s="365"/>
      <c r="L21470" s="365"/>
    </row>
    <row r="21471" spans="2:12">
      <c r="B21471" s="367"/>
      <c r="C21471" s="367"/>
      <c r="D21471" s="367"/>
      <c r="E21471" s="367"/>
      <c r="F21471" s="359" t="s">
        <v>14391</v>
      </c>
      <c r="G21471" s="359" t="s">
        <v>14392</v>
      </c>
      <c r="H21471" s="359" t="s">
        <v>14367</v>
      </c>
      <c r="I21471" s="359" t="s">
        <v>14392</v>
      </c>
      <c r="J21471" s="365"/>
      <c r="K21471" s="365"/>
      <c r="L21471" s="365"/>
    </row>
    <row r="21472" spans="2:12">
      <c r="B21472" s="367"/>
      <c r="C21472" s="367"/>
      <c r="D21472" s="367"/>
      <c r="E21472" s="367"/>
      <c r="F21472" s="360"/>
      <c r="G21472" s="360"/>
      <c r="H21472" s="360"/>
      <c r="I21472" s="360"/>
      <c r="J21472" s="365"/>
      <c r="K21472" s="365"/>
      <c r="L21472" s="365"/>
    </row>
    <row r="21473" spans="2:12">
      <c r="B21473" s="368"/>
      <c r="C21473" s="368"/>
      <c r="D21473" s="368"/>
      <c r="E21473" s="368"/>
      <c r="F21473" s="362"/>
      <c r="G21473" s="362"/>
      <c r="H21473" s="361" t="s">
        <v>14332</v>
      </c>
      <c r="I21473" s="362"/>
      <c r="J21473" s="366"/>
      <c r="K21473" s="366"/>
      <c r="L21473" s="366"/>
    </row>
    <row r="21474" spans="2:12" ht="28.5">
      <c r="B21474" s="358" t="s">
        <v>25711</v>
      </c>
      <c r="C21474" s="358" t="s">
        <v>28091</v>
      </c>
      <c r="D21474" s="358" t="s">
        <v>25712</v>
      </c>
      <c r="E21474" s="358" t="s">
        <v>25713</v>
      </c>
      <c r="F21474" s="358" t="s">
        <v>14420</v>
      </c>
      <c r="G21474" s="358" t="s">
        <v>14429</v>
      </c>
      <c r="H21474" s="358" t="s">
        <v>14367</v>
      </c>
      <c r="I21474" s="358" t="s">
        <v>14429</v>
      </c>
      <c r="J21474" s="358"/>
      <c r="K21474" s="358"/>
      <c r="L21474" s="358"/>
    </row>
    <row r="21475" spans="2:12">
      <c r="B21475" s="367"/>
      <c r="C21475" s="360"/>
      <c r="D21475" s="367"/>
      <c r="E21475" s="367"/>
      <c r="F21475" s="367"/>
      <c r="G21475" s="367"/>
      <c r="H21475" s="360"/>
      <c r="I21475" s="367"/>
      <c r="J21475" s="365"/>
      <c r="K21475" s="365"/>
      <c r="L21475" s="365"/>
    </row>
    <row r="21476" spans="2:12">
      <c r="B21476" s="367"/>
      <c r="C21476" s="359" t="s">
        <v>29729</v>
      </c>
      <c r="D21476" s="367"/>
      <c r="E21476" s="367"/>
      <c r="F21476" s="367"/>
      <c r="G21476" s="367"/>
      <c r="H21476" s="359" t="s">
        <v>14422</v>
      </c>
      <c r="I21476" s="367"/>
      <c r="J21476" s="365"/>
      <c r="K21476" s="365"/>
      <c r="L21476" s="365"/>
    </row>
    <row r="21477" spans="2:12">
      <c r="B21477" s="367"/>
      <c r="C21477" s="360"/>
      <c r="D21477" s="367"/>
      <c r="E21477" s="367"/>
      <c r="F21477" s="367"/>
      <c r="G21477" s="367"/>
      <c r="H21477" s="360"/>
      <c r="I21477" s="367"/>
      <c r="J21477" s="365"/>
      <c r="K21477" s="365"/>
      <c r="L21477" s="365"/>
    </row>
    <row r="21478" spans="2:12">
      <c r="B21478" s="368"/>
      <c r="C21478" s="361" t="s">
        <v>29730</v>
      </c>
      <c r="D21478" s="368"/>
      <c r="E21478" s="368"/>
      <c r="F21478" s="368"/>
      <c r="G21478" s="368"/>
      <c r="H21478" s="362"/>
      <c r="I21478" s="368"/>
      <c r="J21478" s="366"/>
      <c r="K21478" s="366"/>
      <c r="L21478" s="366"/>
    </row>
    <row r="21479" spans="2:12" ht="28.5">
      <c r="B21479" s="358" t="s">
        <v>25714</v>
      </c>
      <c r="C21479" s="358" t="s">
        <v>25715</v>
      </c>
      <c r="D21479" s="358" t="s">
        <v>25716</v>
      </c>
      <c r="E21479" s="358" t="s">
        <v>25717</v>
      </c>
      <c r="F21479" s="358" t="s">
        <v>14420</v>
      </c>
      <c r="G21479" s="358" t="s">
        <v>14429</v>
      </c>
      <c r="H21479" s="358" t="s">
        <v>14367</v>
      </c>
      <c r="I21479" s="358" t="s">
        <v>14429</v>
      </c>
      <c r="J21479" s="358"/>
      <c r="K21479" s="358"/>
      <c r="L21479" s="358"/>
    </row>
    <row r="21480" spans="2:12">
      <c r="B21480" s="367"/>
      <c r="C21480" s="367"/>
      <c r="D21480" s="367"/>
      <c r="E21480" s="367"/>
      <c r="F21480" s="360"/>
      <c r="G21480" s="360"/>
      <c r="H21480" s="360"/>
      <c r="I21480" s="360"/>
      <c r="J21480" s="365"/>
      <c r="K21480" s="365"/>
      <c r="L21480" s="365"/>
    </row>
    <row r="21481" spans="2:12">
      <c r="B21481" s="368"/>
      <c r="C21481" s="368"/>
      <c r="D21481" s="368"/>
      <c r="E21481" s="368"/>
      <c r="F21481" s="361" t="s">
        <v>14386</v>
      </c>
      <c r="G21481" s="361" t="s">
        <v>14387</v>
      </c>
      <c r="H21481" s="361" t="s">
        <v>14422</v>
      </c>
      <c r="I21481" s="361" t="s">
        <v>14387</v>
      </c>
      <c r="J21481" s="366"/>
      <c r="K21481" s="366"/>
      <c r="L21481" s="366"/>
    </row>
    <row r="21482" spans="2:12" ht="28.5">
      <c r="B21482" s="358" t="s">
        <v>25718</v>
      </c>
      <c r="C21482" s="358" t="s">
        <v>25719</v>
      </c>
      <c r="D21482" s="358" t="s">
        <v>25720</v>
      </c>
      <c r="E21482" s="358" t="s">
        <v>25721</v>
      </c>
      <c r="F21482" s="358" t="s">
        <v>14462</v>
      </c>
      <c r="G21482" s="358" t="s">
        <v>14463</v>
      </c>
      <c r="H21482" s="358" t="s">
        <v>8356</v>
      </c>
      <c r="I21482" s="358" t="s">
        <v>14463</v>
      </c>
      <c r="J21482" s="358"/>
      <c r="K21482" s="358"/>
      <c r="L21482" s="358"/>
    </row>
    <row r="21483" spans="2:12">
      <c r="B21483" s="368"/>
      <c r="C21483" s="368"/>
      <c r="D21483" s="368"/>
      <c r="E21483" s="368"/>
      <c r="F21483" s="368"/>
      <c r="G21483" s="368"/>
      <c r="H21483" s="368"/>
      <c r="I21483" s="368"/>
      <c r="J21483" s="366"/>
      <c r="K21483" s="366"/>
      <c r="L21483" s="366"/>
    </row>
    <row r="21484" spans="2:12">
      <c r="B21484" s="358" t="s">
        <v>25722</v>
      </c>
      <c r="C21484" s="358" t="s">
        <v>30476</v>
      </c>
      <c r="D21484" s="358" t="s">
        <v>25723</v>
      </c>
      <c r="E21484" s="358" t="s">
        <v>25724</v>
      </c>
      <c r="F21484" s="358" t="s">
        <v>14420</v>
      </c>
      <c r="G21484" s="358" t="s">
        <v>14429</v>
      </c>
      <c r="H21484" s="358" t="s">
        <v>14367</v>
      </c>
      <c r="I21484" s="358" t="s">
        <v>14429</v>
      </c>
      <c r="J21484" s="358"/>
      <c r="K21484" s="358"/>
      <c r="L21484" s="358"/>
    </row>
    <row r="21485" spans="2:12">
      <c r="B21485" s="367"/>
      <c r="C21485" s="367"/>
      <c r="D21485" s="367"/>
      <c r="E21485" s="367"/>
      <c r="F21485" s="360"/>
      <c r="G21485" s="360"/>
      <c r="H21485" s="360"/>
      <c r="I21485" s="360"/>
      <c r="J21485" s="365"/>
      <c r="K21485" s="365"/>
      <c r="L21485" s="365"/>
    </row>
    <row r="21486" spans="2:12" ht="28.5">
      <c r="B21486" s="368"/>
      <c r="C21486" s="368"/>
      <c r="D21486" s="368"/>
      <c r="E21486" s="368"/>
      <c r="F21486" s="361" t="s">
        <v>14472</v>
      </c>
      <c r="G21486" s="361" t="s">
        <v>14473</v>
      </c>
      <c r="H21486" s="361" t="s">
        <v>14422</v>
      </c>
      <c r="I21486" s="361" t="s">
        <v>14473</v>
      </c>
      <c r="J21486" s="366"/>
      <c r="K21486" s="366"/>
      <c r="L21486" s="366"/>
    </row>
    <row r="21487" spans="2:12" ht="57">
      <c r="B21487" s="358" t="s">
        <v>25725</v>
      </c>
      <c r="C21487" s="358" t="s">
        <v>30477</v>
      </c>
      <c r="D21487" s="358" t="s">
        <v>25726</v>
      </c>
      <c r="E21487" s="358" t="s">
        <v>25727</v>
      </c>
      <c r="F21487" s="358" t="s">
        <v>14462</v>
      </c>
      <c r="G21487" s="358" t="s">
        <v>14463</v>
      </c>
      <c r="H21487" s="358" t="s">
        <v>8356</v>
      </c>
      <c r="I21487" s="358" t="s">
        <v>14463</v>
      </c>
      <c r="J21487" s="358"/>
      <c r="K21487" s="358"/>
      <c r="L21487" s="358"/>
    </row>
    <row r="21488" spans="2:12">
      <c r="B21488" s="367"/>
      <c r="C21488" s="360"/>
      <c r="D21488" s="367"/>
      <c r="E21488" s="367"/>
      <c r="F21488" s="367"/>
      <c r="G21488" s="367"/>
      <c r="H21488" s="367"/>
      <c r="I21488" s="367"/>
      <c r="J21488" s="365"/>
      <c r="K21488" s="365"/>
      <c r="L21488" s="365"/>
    </row>
    <row r="21489" spans="2:12" ht="57">
      <c r="B21489" s="368"/>
      <c r="C21489" s="361" t="s">
        <v>30478</v>
      </c>
      <c r="D21489" s="368"/>
      <c r="E21489" s="368"/>
      <c r="F21489" s="368"/>
      <c r="G21489" s="368"/>
      <c r="H21489" s="368"/>
      <c r="I21489" s="368"/>
      <c r="J21489" s="366"/>
      <c r="K21489" s="366"/>
      <c r="L21489" s="366"/>
    </row>
    <row r="21490" spans="2:12" ht="28.5">
      <c r="B21490" s="358" t="s">
        <v>25728</v>
      </c>
      <c r="C21490" s="358" t="s">
        <v>28092</v>
      </c>
      <c r="D21490" s="358" t="s">
        <v>25729</v>
      </c>
      <c r="E21490" s="358" t="s">
        <v>25730</v>
      </c>
      <c r="F21490" s="358" t="s">
        <v>14462</v>
      </c>
      <c r="G21490" s="358" t="s">
        <v>14463</v>
      </c>
      <c r="H21490" s="358" t="s">
        <v>8356</v>
      </c>
      <c r="I21490" s="358" t="s">
        <v>14463</v>
      </c>
      <c r="J21490" s="358"/>
      <c r="K21490" s="358"/>
      <c r="L21490" s="358"/>
    </row>
    <row r="21491" spans="2:12">
      <c r="B21491" s="368"/>
      <c r="C21491" s="368"/>
      <c r="D21491" s="368"/>
      <c r="E21491" s="368"/>
      <c r="F21491" s="368"/>
      <c r="G21491" s="368"/>
      <c r="H21491" s="368"/>
      <c r="I21491" s="368"/>
      <c r="J21491" s="366"/>
      <c r="K21491" s="366"/>
      <c r="L21491" s="366"/>
    </row>
    <row r="21492" spans="2:12">
      <c r="B21492" s="358" t="s">
        <v>25731</v>
      </c>
      <c r="C21492" s="358" t="s">
        <v>28093</v>
      </c>
      <c r="D21492" s="358" t="s">
        <v>25732</v>
      </c>
      <c r="E21492" s="358" t="s">
        <v>25733</v>
      </c>
      <c r="F21492" s="358" t="s">
        <v>14430</v>
      </c>
      <c r="G21492" s="358" t="s">
        <v>14431</v>
      </c>
      <c r="H21492" s="358" t="s">
        <v>14341</v>
      </c>
      <c r="I21492" s="358" t="s">
        <v>14431</v>
      </c>
      <c r="J21492" s="358"/>
      <c r="K21492" s="358"/>
      <c r="L21492" s="358"/>
    </row>
    <row r="21493" spans="2:12">
      <c r="B21493" s="367"/>
      <c r="C21493" s="367"/>
      <c r="D21493" s="367"/>
      <c r="E21493" s="367"/>
      <c r="F21493" s="360"/>
      <c r="G21493" s="360"/>
      <c r="H21493" s="360"/>
      <c r="I21493" s="360"/>
      <c r="J21493" s="365"/>
      <c r="K21493" s="365"/>
      <c r="L21493" s="365"/>
    </row>
    <row r="21494" spans="2:12">
      <c r="B21494" s="367"/>
      <c r="C21494" s="367"/>
      <c r="D21494" s="367"/>
      <c r="E21494" s="367"/>
      <c r="F21494" s="359" t="s">
        <v>14391</v>
      </c>
      <c r="G21494" s="359" t="s">
        <v>14392</v>
      </c>
      <c r="H21494" s="359" t="s">
        <v>14367</v>
      </c>
      <c r="I21494" s="359" t="s">
        <v>14392</v>
      </c>
      <c r="J21494" s="365"/>
      <c r="K21494" s="365"/>
      <c r="L21494" s="365"/>
    </row>
    <row r="21495" spans="2:12">
      <c r="B21495" s="367"/>
      <c r="C21495" s="367"/>
      <c r="D21495" s="367"/>
      <c r="E21495" s="367"/>
      <c r="F21495" s="360"/>
      <c r="G21495" s="360"/>
      <c r="H21495" s="360"/>
      <c r="I21495" s="360"/>
      <c r="J21495" s="365"/>
      <c r="K21495" s="365"/>
      <c r="L21495" s="365"/>
    </row>
    <row r="21496" spans="2:12">
      <c r="B21496" s="367"/>
      <c r="C21496" s="367"/>
      <c r="D21496" s="367"/>
      <c r="E21496" s="367"/>
      <c r="F21496" s="359" t="s">
        <v>14371</v>
      </c>
      <c r="G21496" s="359" t="s">
        <v>14372</v>
      </c>
      <c r="H21496" s="359" t="s">
        <v>14370</v>
      </c>
      <c r="I21496" s="359" t="s">
        <v>14373</v>
      </c>
      <c r="J21496" s="365"/>
      <c r="K21496" s="365"/>
      <c r="L21496" s="365"/>
    </row>
    <row r="21497" spans="2:12">
      <c r="B21497" s="367"/>
      <c r="C21497" s="367"/>
      <c r="D21497" s="367"/>
      <c r="E21497" s="367"/>
      <c r="F21497" s="360"/>
      <c r="G21497" s="360"/>
      <c r="H21497" s="360"/>
      <c r="I21497" s="360"/>
      <c r="J21497" s="365"/>
      <c r="K21497" s="365"/>
      <c r="L21497" s="365"/>
    </row>
    <row r="21498" spans="2:12" ht="28.5">
      <c r="B21498" s="368"/>
      <c r="C21498" s="368"/>
      <c r="D21498" s="368"/>
      <c r="E21498" s="368"/>
      <c r="F21498" s="361" t="s">
        <v>14374</v>
      </c>
      <c r="G21498" s="361" t="s">
        <v>14373</v>
      </c>
      <c r="H21498" s="361" t="s">
        <v>14332</v>
      </c>
      <c r="I21498" s="362"/>
      <c r="J21498" s="366"/>
      <c r="K21498" s="366"/>
      <c r="L21498" s="366"/>
    </row>
    <row r="21499" spans="2:12" ht="28.5">
      <c r="B21499" s="358" t="s">
        <v>13250</v>
      </c>
      <c r="C21499" s="358" t="s">
        <v>30479</v>
      </c>
      <c r="D21499" s="358" t="s">
        <v>13251</v>
      </c>
      <c r="E21499" s="358" t="s">
        <v>13252</v>
      </c>
      <c r="F21499" s="358" t="s">
        <v>14424</v>
      </c>
      <c r="G21499" s="358" t="s">
        <v>29731</v>
      </c>
      <c r="H21499" s="358" t="s">
        <v>14381</v>
      </c>
      <c r="I21499" s="358" t="s">
        <v>29732</v>
      </c>
      <c r="J21499" s="358"/>
      <c r="K21499" s="358"/>
      <c r="L21499" s="358"/>
    </row>
    <row r="21500" spans="2:12">
      <c r="B21500" s="367"/>
      <c r="C21500" s="367"/>
      <c r="D21500" s="367"/>
      <c r="E21500" s="367"/>
      <c r="F21500" s="360"/>
      <c r="G21500" s="360"/>
      <c r="H21500" s="360"/>
      <c r="I21500" s="367"/>
      <c r="J21500" s="365"/>
      <c r="K21500" s="365"/>
      <c r="L21500" s="365"/>
    </row>
    <row r="21501" spans="2:12">
      <c r="B21501" s="367"/>
      <c r="C21501" s="367"/>
      <c r="D21501" s="367"/>
      <c r="E21501" s="367"/>
      <c r="F21501" s="359" t="s">
        <v>14371</v>
      </c>
      <c r="G21501" s="359" t="s">
        <v>14373</v>
      </c>
      <c r="H21501" s="359" t="s">
        <v>14370</v>
      </c>
      <c r="I21501" s="367"/>
      <c r="J21501" s="365"/>
      <c r="K21501" s="365"/>
      <c r="L21501" s="365"/>
    </row>
    <row r="21502" spans="2:12">
      <c r="B21502" s="367"/>
      <c r="C21502" s="367"/>
      <c r="D21502" s="367"/>
      <c r="E21502" s="367"/>
      <c r="F21502" s="360"/>
      <c r="G21502" s="360"/>
      <c r="H21502" s="360"/>
      <c r="I21502" s="367"/>
      <c r="J21502" s="365"/>
      <c r="K21502" s="365"/>
      <c r="L21502" s="365"/>
    </row>
    <row r="21503" spans="2:12" ht="28.5">
      <c r="B21503" s="368"/>
      <c r="C21503" s="368"/>
      <c r="D21503" s="368"/>
      <c r="E21503" s="368"/>
      <c r="F21503" s="361" t="s">
        <v>14374</v>
      </c>
      <c r="G21503" s="362"/>
      <c r="H21503" s="361" t="s">
        <v>14332</v>
      </c>
      <c r="I21503" s="368"/>
      <c r="J21503" s="366"/>
      <c r="K21503" s="366"/>
      <c r="L21503" s="366"/>
    </row>
    <row r="21504" spans="2:12">
      <c r="B21504" s="358" t="s">
        <v>25734</v>
      </c>
      <c r="C21504" s="358" t="s">
        <v>25735</v>
      </c>
      <c r="D21504" s="358" t="s">
        <v>25736</v>
      </c>
      <c r="E21504" s="358" t="s">
        <v>25737</v>
      </c>
      <c r="F21504" s="358" t="s">
        <v>14371</v>
      </c>
      <c r="G21504" s="358" t="s">
        <v>14372</v>
      </c>
      <c r="H21504" s="358" t="s">
        <v>14370</v>
      </c>
      <c r="I21504" s="358" t="s">
        <v>14373</v>
      </c>
      <c r="J21504" s="358"/>
      <c r="K21504" s="358"/>
      <c r="L21504" s="358"/>
    </row>
    <row r="21505" spans="2:12">
      <c r="B21505" s="367"/>
      <c r="C21505" s="367"/>
      <c r="D21505" s="367"/>
      <c r="E21505" s="367"/>
      <c r="F21505" s="360"/>
      <c r="G21505" s="360"/>
      <c r="H21505" s="360"/>
      <c r="I21505" s="367"/>
      <c r="J21505" s="365"/>
      <c r="K21505" s="365"/>
      <c r="L21505" s="365"/>
    </row>
    <row r="21506" spans="2:12" ht="28.5">
      <c r="B21506" s="368"/>
      <c r="C21506" s="368"/>
      <c r="D21506" s="368"/>
      <c r="E21506" s="368"/>
      <c r="F21506" s="361" t="s">
        <v>14374</v>
      </c>
      <c r="G21506" s="361" t="s">
        <v>14373</v>
      </c>
      <c r="H21506" s="361" t="s">
        <v>14422</v>
      </c>
      <c r="I21506" s="368"/>
      <c r="J21506" s="366"/>
      <c r="K21506" s="366"/>
      <c r="L21506" s="366"/>
    </row>
    <row r="21507" spans="2:12" ht="28.5">
      <c r="B21507" s="358" t="s">
        <v>25738</v>
      </c>
      <c r="C21507" s="358" t="s">
        <v>28094</v>
      </c>
      <c r="D21507" s="358" t="s">
        <v>25739</v>
      </c>
      <c r="E21507" s="358" t="s">
        <v>25740</v>
      </c>
      <c r="F21507" s="358" t="s">
        <v>14391</v>
      </c>
      <c r="G21507" s="358" t="s">
        <v>14392</v>
      </c>
      <c r="H21507" s="358" t="s">
        <v>14367</v>
      </c>
      <c r="I21507" s="358" t="s">
        <v>14392</v>
      </c>
      <c r="J21507" s="358"/>
      <c r="K21507" s="358"/>
      <c r="L21507" s="358"/>
    </row>
    <row r="21508" spans="2:12">
      <c r="B21508" s="367"/>
      <c r="C21508" s="367"/>
      <c r="D21508" s="367"/>
      <c r="E21508" s="367"/>
      <c r="F21508" s="360"/>
      <c r="G21508" s="360"/>
      <c r="H21508" s="360"/>
      <c r="I21508" s="360"/>
      <c r="J21508" s="365"/>
      <c r="K21508" s="365"/>
      <c r="L21508" s="365"/>
    </row>
    <row r="21509" spans="2:12" ht="28.5">
      <c r="B21509" s="367"/>
      <c r="C21509" s="367"/>
      <c r="D21509" s="367"/>
      <c r="E21509" s="367"/>
      <c r="F21509" s="359" t="s">
        <v>14394</v>
      </c>
      <c r="G21509" s="359" t="s">
        <v>14395</v>
      </c>
      <c r="H21509" s="359" t="s">
        <v>14370</v>
      </c>
      <c r="I21509" s="359" t="s">
        <v>14395</v>
      </c>
      <c r="J21509" s="365"/>
      <c r="K21509" s="365"/>
      <c r="L21509" s="365"/>
    </row>
    <row r="21510" spans="2:12">
      <c r="B21510" s="367"/>
      <c r="C21510" s="367"/>
      <c r="D21510" s="367"/>
      <c r="E21510" s="367"/>
      <c r="F21510" s="360"/>
      <c r="G21510" s="360"/>
      <c r="H21510" s="360"/>
      <c r="I21510" s="360"/>
      <c r="J21510" s="365"/>
      <c r="K21510" s="365"/>
      <c r="L21510" s="365"/>
    </row>
    <row r="21511" spans="2:12">
      <c r="B21511" s="368"/>
      <c r="C21511" s="368"/>
      <c r="D21511" s="368"/>
      <c r="E21511" s="368"/>
      <c r="F21511" s="362"/>
      <c r="G21511" s="362"/>
      <c r="H21511" s="361" t="s">
        <v>14422</v>
      </c>
      <c r="I21511" s="362"/>
      <c r="J21511" s="366"/>
      <c r="K21511" s="366"/>
      <c r="L21511" s="366"/>
    </row>
    <row r="21512" spans="2:12" ht="28.5">
      <c r="B21512" s="358" t="s">
        <v>25741</v>
      </c>
      <c r="C21512" s="358" t="s">
        <v>28095</v>
      </c>
      <c r="D21512" s="358" t="s">
        <v>25742</v>
      </c>
      <c r="E21512" s="358" t="s">
        <v>25743</v>
      </c>
      <c r="F21512" s="358" t="s">
        <v>14462</v>
      </c>
      <c r="G21512" s="358" t="s">
        <v>14463</v>
      </c>
      <c r="H21512" s="358" t="s">
        <v>8356</v>
      </c>
      <c r="I21512" s="358" t="s">
        <v>14463</v>
      </c>
      <c r="J21512" s="358"/>
      <c r="K21512" s="358"/>
      <c r="L21512" s="358"/>
    </row>
    <row r="21513" spans="2:12">
      <c r="B21513" s="368"/>
      <c r="C21513" s="368"/>
      <c r="D21513" s="368"/>
      <c r="E21513" s="368"/>
      <c r="F21513" s="368"/>
      <c r="G21513" s="368"/>
      <c r="H21513" s="368"/>
      <c r="I21513" s="368"/>
      <c r="J21513" s="366"/>
      <c r="K21513" s="366"/>
      <c r="L21513" s="366"/>
    </row>
    <row r="21514" spans="2:12" ht="28.5">
      <c r="B21514" s="358" t="s">
        <v>25744</v>
      </c>
      <c r="C21514" s="358" t="s">
        <v>28096</v>
      </c>
      <c r="D21514" s="358" t="s">
        <v>25745</v>
      </c>
      <c r="E21514" s="358" t="s">
        <v>25746</v>
      </c>
      <c r="F21514" s="358" t="s">
        <v>14462</v>
      </c>
      <c r="G21514" s="358" t="s">
        <v>14463</v>
      </c>
      <c r="H21514" s="358" t="s">
        <v>8356</v>
      </c>
      <c r="I21514" s="358" t="s">
        <v>14463</v>
      </c>
      <c r="J21514" s="358"/>
      <c r="K21514" s="358"/>
      <c r="L21514" s="358"/>
    </row>
    <row r="21515" spans="2:12">
      <c r="B21515" s="368"/>
      <c r="C21515" s="368"/>
      <c r="D21515" s="368"/>
      <c r="E21515" s="368"/>
      <c r="F21515" s="368"/>
      <c r="G21515" s="368"/>
      <c r="H21515" s="368"/>
      <c r="I21515" s="368"/>
      <c r="J21515" s="366"/>
      <c r="K21515" s="366"/>
      <c r="L21515" s="366"/>
    </row>
    <row r="21516" spans="2:12" ht="28.5">
      <c r="B21516" s="358" t="s">
        <v>25747</v>
      </c>
      <c r="C21516" s="358" t="s">
        <v>30480</v>
      </c>
      <c r="D21516" s="358" t="s">
        <v>25748</v>
      </c>
      <c r="E21516" s="358" t="s">
        <v>25749</v>
      </c>
      <c r="F21516" s="358" t="s">
        <v>14472</v>
      </c>
      <c r="G21516" s="358" t="s">
        <v>14473</v>
      </c>
      <c r="H21516" s="358" t="s">
        <v>8356</v>
      </c>
      <c r="I21516" s="358" t="s">
        <v>14473</v>
      </c>
      <c r="J21516" s="358"/>
      <c r="K21516" s="358"/>
      <c r="L21516" s="358"/>
    </row>
    <row r="21517" spans="2:12">
      <c r="B21517" s="368"/>
      <c r="C21517" s="368"/>
      <c r="D21517" s="368"/>
      <c r="E21517" s="368"/>
      <c r="F21517" s="368"/>
      <c r="G21517" s="368"/>
      <c r="H21517" s="368"/>
      <c r="I21517" s="368"/>
      <c r="J21517" s="366"/>
      <c r="K21517" s="366"/>
      <c r="L21517" s="366"/>
    </row>
    <row r="21518" spans="2:12" ht="42.75">
      <c r="B21518" s="358" t="s">
        <v>25750</v>
      </c>
      <c r="C21518" s="358" t="s">
        <v>28097</v>
      </c>
      <c r="D21518" s="358" t="s">
        <v>25751</v>
      </c>
      <c r="E21518" s="358" t="s">
        <v>25752</v>
      </c>
      <c r="F21518" s="358" t="s">
        <v>14391</v>
      </c>
      <c r="G21518" s="358" t="s">
        <v>14392</v>
      </c>
      <c r="H21518" s="358" t="s">
        <v>14367</v>
      </c>
      <c r="I21518" s="358" t="s">
        <v>14392</v>
      </c>
      <c r="J21518" s="358"/>
      <c r="K21518" s="358"/>
      <c r="L21518" s="358"/>
    </row>
    <row r="21519" spans="2:12">
      <c r="B21519" s="367"/>
      <c r="C21519" s="367"/>
      <c r="D21519" s="367"/>
      <c r="E21519" s="367"/>
      <c r="F21519" s="360"/>
      <c r="G21519" s="360"/>
      <c r="H21519" s="360"/>
      <c r="I21519" s="360"/>
      <c r="J21519" s="365"/>
      <c r="K21519" s="365"/>
      <c r="L21519" s="365"/>
    </row>
    <row r="21520" spans="2:12" ht="28.5">
      <c r="B21520" s="368"/>
      <c r="C21520" s="368"/>
      <c r="D21520" s="368"/>
      <c r="E21520" s="368"/>
      <c r="F21520" s="361" t="s">
        <v>14462</v>
      </c>
      <c r="G21520" s="361" t="s">
        <v>14463</v>
      </c>
      <c r="H21520" s="361" t="s">
        <v>14422</v>
      </c>
      <c r="I21520" s="361" t="s">
        <v>14463</v>
      </c>
      <c r="J21520" s="366"/>
      <c r="K21520" s="366"/>
      <c r="L21520" s="366"/>
    </row>
    <row r="21521" spans="2:12" ht="42.75">
      <c r="B21521" s="358" t="s">
        <v>25753</v>
      </c>
      <c r="C21521" s="358" t="s">
        <v>28098</v>
      </c>
      <c r="D21521" s="358" t="s">
        <v>25754</v>
      </c>
      <c r="E21521" s="358" t="s">
        <v>25755</v>
      </c>
      <c r="F21521" s="358" t="s">
        <v>14462</v>
      </c>
      <c r="G21521" s="358" t="s">
        <v>14463</v>
      </c>
      <c r="H21521" s="358" t="s">
        <v>8356</v>
      </c>
      <c r="I21521" s="358" t="s">
        <v>14463</v>
      </c>
      <c r="J21521" s="358"/>
      <c r="K21521" s="358"/>
      <c r="L21521" s="358"/>
    </row>
    <row r="21522" spans="2:12">
      <c r="B21522" s="368"/>
      <c r="C21522" s="368"/>
      <c r="D21522" s="368"/>
      <c r="E21522" s="368"/>
      <c r="F21522" s="368"/>
      <c r="G21522" s="368"/>
      <c r="H21522" s="368"/>
      <c r="I21522" s="368"/>
      <c r="J21522" s="366"/>
      <c r="K21522" s="366"/>
      <c r="L21522" s="366"/>
    </row>
    <row r="21523" spans="2:12" ht="28.5">
      <c r="B21523" s="358" t="s">
        <v>25756</v>
      </c>
      <c r="C21523" s="358" t="s">
        <v>28099</v>
      </c>
      <c r="D21523" s="358" t="s">
        <v>25757</v>
      </c>
      <c r="E21523" s="358" t="s">
        <v>25758</v>
      </c>
      <c r="F21523" s="358" t="s">
        <v>14462</v>
      </c>
      <c r="G21523" s="358" t="s">
        <v>14463</v>
      </c>
      <c r="H21523" s="358" t="s">
        <v>8356</v>
      </c>
      <c r="I21523" s="358" t="s">
        <v>14463</v>
      </c>
      <c r="J21523" s="358"/>
      <c r="K21523" s="358"/>
      <c r="L21523" s="358"/>
    </row>
    <row r="21524" spans="2:12">
      <c r="B21524" s="368"/>
      <c r="C21524" s="368"/>
      <c r="D21524" s="368"/>
      <c r="E21524" s="368"/>
      <c r="F21524" s="368"/>
      <c r="G21524" s="368"/>
      <c r="H21524" s="368"/>
      <c r="I21524" s="368"/>
      <c r="J21524" s="366"/>
      <c r="K21524" s="366"/>
      <c r="L21524" s="366"/>
    </row>
    <row r="21525" spans="2:12">
      <c r="B21525" s="358" t="s">
        <v>25759</v>
      </c>
      <c r="C21525" s="358" t="s">
        <v>28100</v>
      </c>
      <c r="D21525" s="358" t="s">
        <v>25760</v>
      </c>
      <c r="E21525" s="358" t="s">
        <v>25761</v>
      </c>
      <c r="F21525" s="358" t="s">
        <v>14420</v>
      </c>
      <c r="G21525" s="358" t="s">
        <v>14429</v>
      </c>
      <c r="H21525" s="358" t="s">
        <v>14367</v>
      </c>
      <c r="I21525" s="358" t="s">
        <v>14429</v>
      </c>
      <c r="J21525" s="358"/>
      <c r="K21525" s="358"/>
      <c r="L21525" s="358"/>
    </row>
    <row r="21526" spans="2:12">
      <c r="B21526" s="367"/>
      <c r="C21526" s="367"/>
      <c r="D21526" s="367"/>
      <c r="E21526" s="367"/>
      <c r="F21526" s="360"/>
      <c r="G21526" s="360"/>
      <c r="H21526" s="360"/>
      <c r="I21526" s="360"/>
      <c r="J21526" s="365"/>
      <c r="K21526" s="365"/>
      <c r="L21526" s="365"/>
    </row>
    <row r="21527" spans="2:12">
      <c r="B21527" s="367"/>
      <c r="C21527" s="367"/>
      <c r="D21527" s="367"/>
      <c r="E21527" s="367"/>
      <c r="F21527" s="359" t="s">
        <v>14386</v>
      </c>
      <c r="G21527" s="359" t="s">
        <v>14387</v>
      </c>
      <c r="H21527" s="359" t="s">
        <v>14370</v>
      </c>
      <c r="I21527" s="359" t="s">
        <v>14387</v>
      </c>
      <c r="J21527" s="365"/>
      <c r="K21527" s="365"/>
      <c r="L21527" s="365"/>
    </row>
    <row r="21528" spans="2:12">
      <c r="B21528" s="367"/>
      <c r="C21528" s="367"/>
      <c r="D21528" s="367"/>
      <c r="E21528" s="367"/>
      <c r="F21528" s="360"/>
      <c r="G21528" s="360"/>
      <c r="H21528" s="360"/>
      <c r="I21528" s="360"/>
      <c r="J21528" s="365"/>
      <c r="K21528" s="365"/>
      <c r="L21528" s="365"/>
    </row>
    <row r="21529" spans="2:12">
      <c r="B21529" s="367"/>
      <c r="C21529" s="367"/>
      <c r="D21529" s="367"/>
      <c r="E21529" s="367"/>
      <c r="F21529" s="359" t="s">
        <v>14389</v>
      </c>
      <c r="G21529" s="359" t="s">
        <v>14390</v>
      </c>
      <c r="H21529" s="359" t="s">
        <v>14422</v>
      </c>
      <c r="I21529" s="359" t="s">
        <v>14390</v>
      </c>
      <c r="J21529" s="365"/>
      <c r="K21529" s="365"/>
      <c r="L21529" s="365"/>
    </row>
    <row r="21530" spans="2:12">
      <c r="B21530" s="367"/>
      <c r="C21530" s="367"/>
      <c r="D21530" s="367"/>
      <c r="E21530" s="367"/>
      <c r="F21530" s="360"/>
      <c r="G21530" s="360"/>
      <c r="H21530" s="360"/>
      <c r="I21530" s="360"/>
      <c r="J21530" s="365"/>
      <c r="K21530" s="365"/>
      <c r="L21530" s="365"/>
    </row>
    <row r="21531" spans="2:12">
      <c r="B21531" s="367"/>
      <c r="C21531" s="367"/>
      <c r="D21531" s="367"/>
      <c r="E21531" s="367"/>
      <c r="F21531" s="359" t="s">
        <v>14391</v>
      </c>
      <c r="G21531" s="359" t="s">
        <v>14392</v>
      </c>
      <c r="H21531" s="360"/>
      <c r="I21531" s="359" t="s">
        <v>14392</v>
      </c>
      <c r="J21531" s="365"/>
      <c r="K21531" s="365"/>
      <c r="L21531" s="365"/>
    </row>
    <row r="21532" spans="2:12">
      <c r="B21532" s="367"/>
      <c r="C21532" s="367"/>
      <c r="D21532" s="367"/>
      <c r="E21532" s="367"/>
      <c r="F21532" s="360"/>
      <c r="G21532" s="360"/>
      <c r="H21532" s="360"/>
      <c r="I21532" s="360"/>
      <c r="J21532" s="365"/>
      <c r="K21532" s="365"/>
      <c r="L21532" s="365"/>
    </row>
    <row r="21533" spans="2:12" ht="28.5">
      <c r="B21533" s="368"/>
      <c r="C21533" s="368"/>
      <c r="D21533" s="368"/>
      <c r="E21533" s="368"/>
      <c r="F21533" s="361" t="s">
        <v>14394</v>
      </c>
      <c r="G21533" s="361" t="s">
        <v>14395</v>
      </c>
      <c r="H21533" s="362"/>
      <c r="I21533" s="361" t="s">
        <v>14395</v>
      </c>
      <c r="J21533" s="366"/>
      <c r="K21533" s="366"/>
      <c r="L21533" s="366"/>
    </row>
    <row r="21534" spans="2:12" ht="57">
      <c r="B21534" s="358" t="s">
        <v>25762</v>
      </c>
      <c r="C21534" s="358" t="s">
        <v>28101</v>
      </c>
      <c r="D21534" s="358" t="s">
        <v>25763</v>
      </c>
      <c r="E21534" s="358" t="s">
        <v>25764</v>
      </c>
      <c r="F21534" s="358" t="s">
        <v>14462</v>
      </c>
      <c r="G21534" s="358" t="s">
        <v>14463</v>
      </c>
      <c r="H21534" s="358" t="s">
        <v>8356</v>
      </c>
      <c r="I21534" s="358" t="s">
        <v>14463</v>
      </c>
      <c r="J21534" s="358"/>
      <c r="K21534" s="358"/>
      <c r="L21534" s="358"/>
    </row>
    <row r="21535" spans="2:12">
      <c r="B21535" s="368"/>
      <c r="C21535" s="368"/>
      <c r="D21535" s="368"/>
      <c r="E21535" s="368"/>
      <c r="F21535" s="368"/>
      <c r="G21535" s="368"/>
      <c r="H21535" s="368"/>
      <c r="I21535" s="368"/>
      <c r="J21535" s="366"/>
      <c r="K21535" s="366"/>
      <c r="L21535" s="366"/>
    </row>
    <row r="21536" spans="2:12" ht="28.5">
      <c r="B21536" s="358" t="s">
        <v>25765</v>
      </c>
      <c r="C21536" s="358" t="s">
        <v>28102</v>
      </c>
      <c r="D21536" s="358" t="s">
        <v>25766</v>
      </c>
      <c r="E21536" s="358" t="s">
        <v>25767</v>
      </c>
      <c r="F21536" s="358" t="s">
        <v>14462</v>
      </c>
      <c r="G21536" s="358" t="s">
        <v>14463</v>
      </c>
      <c r="H21536" s="358" t="s">
        <v>8356</v>
      </c>
      <c r="I21536" s="358" t="s">
        <v>14463</v>
      </c>
      <c r="J21536" s="358"/>
      <c r="K21536" s="358"/>
      <c r="L21536" s="358"/>
    </row>
    <row r="21537" spans="2:12">
      <c r="B21537" s="368"/>
      <c r="C21537" s="368"/>
      <c r="D21537" s="368"/>
      <c r="E21537" s="368"/>
      <c r="F21537" s="368"/>
      <c r="G21537" s="368"/>
      <c r="H21537" s="368"/>
      <c r="I21537" s="368"/>
      <c r="J21537" s="366"/>
      <c r="K21537" s="366"/>
      <c r="L21537" s="366"/>
    </row>
    <row r="21538" spans="2:12">
      <c r="B21538" s="358" t="s">
        <v>25768</v>
      </c>
      <c r="C21538" s="358" t="s">
        <v>30481</v>
      </c>
      <c r="D21538" s="358" t="s">
        <v>25769</v>
      </c>
      <c r="E21538" s="358" t="s">
        <v>25770</v>
      </c>
      <c r="F21538" s="358" t="s">
        <v>14386</v>
      </c>
      <c r="G21538" s="358" t="s">
        <v>14387</v>
      </c>
      <c r="H21538" s="358" t="s">
        <v>14367</v>
      </c>
      <c r="I21538" s="358" t="s">
        <v>14387</v>
      </c>
      <c r="J21538" s="358"/>
      <c r="K21538" s="358"/>
      <c r="L21538" s="358"/>
    </row>
    <row r="21539" spans="2:12">
      <c r="B21539" s="367"/>
      <c r="C21539" s="367"/>
      <c r="D21539" s="367"/>
      <c r="E21539" s="367"/>
      <c r="F21539" s="367"/>
      <c r="G21539" s="367"/>
      <c r="H21539" s="360"/>
      <c r="I21539" s="367"/>
      <c r="J21539" s="365"/>
      <c r="K21539" s="365"/>
      <c r="L21539" s="365"/>
    </row>
    <row r="21540" spans="2:12">
      <c r="B21540" s="368"/>
      <c r="C21540" s="368"/>
      <c r="D21540" s="368"/>
      <c r="E21540" s="368"/>
      <c r="F21540" s="368"/>
      <c r="G21540" s="368"/>
      <c r="H21540" s="361" t="s">
        <v>14422</v>
      </c>
      <c r="I21540" s="368"/>
      <c r="J21540" s="366"/>
      <c r="K21540" s="366"/>
      <c r="L21540" s="366"/>
    </row>
    <row r="21541" spans="2:12" ht="42.75">
      <c r="B21541" s="358" t="s">
        <v>25771</v>
      </c>
      <c r="C21541" s="358" t="s">
        <v>28103</v>
      </c>
      <c r="D21541" s="358" t="s">
        <v>25772</v>
      </c>
      <c r="E21541" s="358" t="s">
        <v>8356</v>
      </c>
      <c r="F21541" s="358" t="s">
        <v>14371</v>
      </c>
      <c r="G21541" s="358" t="s">
        <v>14372</v>
      </c>
      <c r="H21541" s="358" t="s">
        <v>14370</v>
      </c>
      <c r="I21541" s="358" t="s">
        <v>14373</v>
      </c>
      <c r="J21541" s="358"/>
      <c r="K21541" s="358"/>
      <c r="L21541" s="358"/>
    </row>
    <row r="21542" spans="2:12">
      <c r="B21542" s="367"/>
      <c r="C21542" s="367"/>
      <c r="D21542" s="367"/>
      <c r="E21542" s="367"/>
      <c r="F21542" s="360"/>
      <c r="G21542" s="360"/>
      <c r="H21542" s="360"/>
      <c r="I21542" s="367"/>
      <c r="J21542" s="365"/>
      <c r="K21542" s="365"/>
      <c r="L21542" s="365"/>
    </row>
    <row r="21543" spans="2:12" ht="28.5">
      <c r="B21543" s="368"/>
      <c r="C21543" s="368"/>
      <c r="D21543" s="368"/>
      <c r="E21543" s="368"/>
      <c r="F21543" s="361" t="s">
        <v>14374</v>
      </c>
      <c r="G21543" s="361" t="s">
        <v>14373</v>
      </c>
      <c r="H21543" s="361" t="s">
        <v>14422</v>
      </c>
      <c r="I21543" s="368"/>
      <c r="J21543" s="366"/>
      <c r="K21543" s="366"/>
      <c r="L21543" s="366"/>
    </row>
    <row r="21544" spans="2:12" ht="99.75">
      <c r="B21544" s="358" t="s">
        <v>25773</v>
      </c>
      <c r="C21544" s="358" t="s">
        <v>30482</v>
      </c>
      <c r="D21544" s="358" t="s">
        <v>25774</v>
      </c>
      <c r="E21544" s="358" t="s">
        <v>8356</v>
      </c>
      <c r="F21544" s="358" t="s">
        <v>14460</v>
      </c>
      <c r="G21544" s="358" t="s">
        <v>14461</v>
      </c>
      <c r="H21544" s="358" t="s">
        <v>14381</v>
      </c>
      <c r="I21544" s="358" t="s">
        <v>14461</v>
      </c>
      <c r="J21544" s="358"/>
      <c r="K21544" s="358"/>
      <c r="L21544" s="358"/>
    </row>
    <row r="21545" spans="2:12">
      <c r="B21545" s="367"/>
      <c r="C21545" s="360"/>
      <c r="D21545" s="367"/>
      <c r="E21545" s="367"/>
      <c r="F21545" s="367"/>
      <c r="G21545" s="367"/>
      <c r="H21545" s="360"/>
      <c r="I21545" s="367"/>
      <c r="J21545" s="365"/>
      <c r="K21545" s="365"/>
      <c r="L21545" s="365"/>
    </row>
    <row r="21546" spans="2:12">
      <c r="B21546" s="368"/>
      <c r="C21546" s="361" t="s">
        <v>29733</v>
      </c>
      <c r="D21546" s="368"/>
      <c r="E21546" s="368"/>
      <c r="F21546" s="368"/>
      <c r="G21546" s="368"/>
      <c r="H21546" s="361" t="s">
        <v>14422</v>
      </c>
      <c r="I21546" s="368"/>
      <c r="J21546" s="366"/>
      <c r="K21546" s="366"/>
      <c r="L21546" s="366"/>
    </row>
    <row r="21547" spans="2:12" ht="28.5">
      <c r="B21547" s="358" t="s">
        <v>25775</v>
      </c>
      <c r="C21547" s="358" t="s">
        <v>28104</v>
      </c>
      <c r="D21547" s="358" t="s">
        <v>25776</v>
      </c>
      <c r="E21547" s="358" t="s">
        <v>8356</v>
      </c>
      <c r="F21547" s="358" t="s">
        <v>14391</v>
      </c>
      <c r="G21547" s="358" t="s">
        <v>14392</v>
      </c>
      <c r="H21547" s="358" t="s">
        <v>14367</v>
      </c>
      <c r="I21547" s="358" t="s">
        <v>14392</v>
      </c>
      <c r="J21547" s="358"/>
      <c r="K21547" s="358"/>
      <c r="L21547" s="358"/>
    </row>
    <row r="21548" spans="2:12">
      <c r="B21548" s="367"/>
      <c r="C21548" s="367"/>
      <c r="D21548" s="367"/>
      <c r="E21548" s="367"/>
      <c r="F21548" s="360"/>
      <c r="G21548" s="360"/>
      <c r="H21548" s="360"/>
      <c r="I21548" s="360"/>
      <c r="J21548" s="365"/>
      <c r="K21548" s="365"/>
      <c r="L21548" s="365"/>
    </row>
    <row r="21549" spans="2:12" ht="28.5">
      <c r="B21549" s="368"/>
      <c r="C21549" s="368"/>
      <c r="D21549" s="368"/>
      <c r="E21549" s="368"/>
      <c r="F21549" s="361" t="s">
        <v>14462</v>
      </c>
      <c r="G21549" s="361" t="s">
        <v>14463</v>
      </c>
      <c r="H21549" s="361" t="s">
        <v>14422</v>
      </c>
      <c r="I21549" s="361" t="s">
        <v>14463</v>
      </c>
      <c r="J21549" s="366"/>
      <c r="K21549" s="366"/>
      <c r="L21549" s="366"/>
    </row>
    <row r="21550" spans="2:12" ht="57">
      <c r="B21550" s="358" t="s">
        <v>25777</v>
      </c>
      <c r="C21550" s="358" t="s">
        <v>30483</v>
      </c>
      <c r="D21550" s="358" t="s">
        <v>25778</v>
      </c>
      <c r="E21550" s="358"/>
      <c r="F21550" s="358" t="s">
        <v>14462</v>
      </c>
      <c r="G21550" s="358" t="s">
        <v>14463</v>
      </c>
      <c r="H21550" s="358"/>
      <c r="I21550" s="358" t="s">
        <v>14463</v>
      </c>
      <c r="J21550" s="358"/>
      <c r="K21550" s="358"/>
      <c r="L21550" s="358"/>
    </row>
    <row r="21551" spans="2:12">
      <c r="B21551" s="368"/>
      <c r="C21551" s="368"/>
      <c r="D21551" s="368"/>
      <c r="E21551" s="366"/>
      <c r="F21551" s="368"/>
      <c r="G21551" s="368"/>
      <c r="H21551" s="366"/>
      <c r="I21551" s="368"/>
      <c r="J21551" s="366"/>
      <c r="K21551" s="366"/>
      <c r="L21551" s="366"/>
    </row>
    <row r="21552" spans="2:12" ht="42.75">
      <c r="B21552" s="358" t="s">
        <v>25779</v>
      </c>
      <c r="C21552" s="358" t="s">
        <v>25780</v>
      </c>
      <c r="D21552" s="358" t="s">
        <v>25781</v>
      </c>
      <c r="E21552" s="358" t="s">
        <v>25782</v>
      </c>
      <c r="F21552" s="358" t="s">
        <v>14420</v>
      </c>
      <c r="G21552" s="358" t="s">
        <v>14459</v>
      </c>
      <c r="H21552" s="358" t="s">
        <v>14367</v>
      </c>
      <c r="I21552" s="358" t="s">
        <v>14459</v>
      </c>
      <c r="J21552" s="358"/>
      <c r="K21552" s="358"/>
      <c r="L21552" s="358"/>
    </row>
    <row r="21553" spans="2:12">
      <c r="B21553" s="367"/>
      <c r="C21553" s="367"/>
      <c r="D21553" s="367"/>
      <c r="E21553" s="367"/>
      <c r="F21553" s="360"/>
      <c r="G21553" s="360"/>
      <c r="H21553" s="360"/>
      <c r="I21553" s="360"/>
      <c r="J21553" s="365"/>
      <c r="K21553" s="365"/>
      <c r="L21553" s="365"/>
    </row>
    <row r="21554" spans="2:12" ht="28.5">
      <c r="B21554" s="368"/>
      <c r="C21554" s="368"/>
      <c r="D21554" s="368"/>
      <c r="E21554" s="368"/>
      <c r="F21554" s="361" t="s">
        <v>14462</v>
      </c>
      <c r="G21554" s="361" t="s">
        <v>14463</v>
      </c>
      <c r="H21554" s="361" t="s">
        <v>14422</v>
      </c>
      <c r="I21554" s="361" t="s">
        <v>14463</v>
      </c>
      <c r="J21554" s="366"/>
      <c r="K21554" s="366"/>
      <c r="L21554" s="366"/>
    </row>
    <row r="21555" spans="2:12" ht="42.75">
      <c r="B21555" s="358" t="s">
        <v>25783</v>
      </c>
      <c r="C21555" s="358" t="s">
        <v>28105</v>
      </c>
      <c r="D21555" s="358" t="s">
        <v>25784</v>
      </c>
      <c r="E21555" s="358" t="s">
        <v>8356</v>
      </c>
      <c r="F21555" s="358" t="s">
        <v>14443</v>
      </c>
      <c r="G21555" s="358" t="s">
        <v>14444</v>
      </c>
      <c r="H21555" s="358" t="s">
        <v>14381</v>
      </c>
      <c r="I21555" s="358" t="s">
        <v>14444</v>
      </c>
      <c r="J21555" s="358"/>
      <c r="K21555" s="358"/>
      <c r="L21555" s="358"/>
    </row>
    <row r="21556" spans="2:12">
      <c r="B21556" s="367"/>
      <c r="C21556" s="360"/>
      <c r="D21556" s="367"/>
      <c r="E21556" s="367"/>
      <c r="F21556" s="360"/>
      <c r="G21556" s="360"/>
      <c r="H21556" s="360"/>
      <c r="I21556" s="360"/>
      <c r="J21556" s="365"/>
      <c r="K21556" s="365"/>
      <c r="L21556" s="365"/>
    </row>
    <row r="21557" spans="2:12" ht="57">
      <c r="B21557" s="367"/>
      <c r="C21557" s="359" t="s">
        <v>30484</v>
      </c>
      <c r="D21557" s="367"/>
      <c r="E21557" s="367"/>
      <c r="F21557" s="359" t="s">
        <v>14391</v>
      </c>
      <c r="G21557" s="359" t="s">
        <v>14392</v>
      </c>
      <c r="H21557" s="359" t="s">
        <v>14367</v>
      </c>
      <c r="I21557" s="359" t="s">
        <v>14392</v>
      </c>
      <c r="J21557" s="365"/>
      <c r="K21557" s="365"/>
      <c r="L21557" s="365"/>
    </row>
    <row r="21558" spans="2:12">
      <c r="B21558" s="367"/>
      <c r="C21558" s="360"/>
      <c r="D21558" s="367"/>
      <c r="E21558" s="367"/>
      <c r="F21558" s="360"/>
      <c r="G21558" s="360"/>
      <c r="H21558" s="360"/>
      <c r="I21558" s="360"/>
      <c r="J21558" s="365"/>
      <c r="K21558" s="365"/>
      <c r="L21558" s="365"/>
    </row>
    <row r="21559" spans="2:12" ht="57">
      <c r="B21559" s="368"/>
      <c r="C21559" s="361" t="s">
        <v>28106</v>
      </c>
      <c r="D21559" s="368"/>
      <c r="E21559" s="368"/>
      <c r="F21559" s="361" t="s">
        <v>14462</v>
      </c>
      <c r="G21559" s="361" t="s">
        <v>14463</v>
      </c>
      <c r="H21559" s="361" t="s">
        <v>14422</v>
      </c>
      <c r="I21559" s="361" t="s">
        <v>14463</v>
      </c>
      <c r="J21559" s="366"/>
      <c r="K21559" s="366"/>
      <c r="L21559" s="366"/>
    </row>
    <row r="21560" spans="2:12" ht="42.75">
      <c r="B21560" s="358" t="s">
        <v>25785</v>
      </c>
      <c r="C21560" s="358" t="s">
        <v>30485</v>
      </c>
      <c r="D21560" s="358" t="s">
        <v>25786</v>
      </c>
      <c r="E21560" s="358" t="s">
        <v>8356</v>
      </c>
      <c r="F21560" s="358" t="s">
        <v>14462</v>
      </c>
      <c r="G21560" s="358" t="s">
        <v>14463</v>
      </c>
      <c r="H21560" s="358" t="s">
        <v>8356</v>
      </c>
      <c r="I21560" s="358" t="s">
        <v>14463</v>
      </c>
      <c r="J21560" s="358"/>
      <c r="K21560" s="358"/>
      <c r="L21560" s="358"/>
    </row>
    <row r="21561" spans="2:12">
      <c r="B21561" s="367"/>
      <c r="C21561" s="360"/>
      <c r="D21561" s="367"/>
      <c r="E21561" s="367"/>
      <c r="F21561" s="367"/>
      <c r="G21561" s="367"/>
      <c r="H21561" s="367"/>
      <c r="I21561" s="367"/>
      <c r="J21561" s="365"/>
      <c r="K21561" s="365"/>
      <c r="L21561" s="365"/>
    </row>
    <row r="21562" spans="2:12" ht="28.5">
      <c r="B21562" s="368"/>
      <c r="C21562" s="361" t="s">
        <v>30486</v>
      </c>
      <c r="D21562" s="368"/>
      <c r="E21562" s="368"/>
      <c r="F21562" s="368"/>
      <c r="G21562" s="368"/>
      <c r="H21562" s="368"/>
      <c r="I21562" s="368"/>
      <c r="J21562" s="366"/>
      <c r="K21562" s="366"/>
      <c r="L21562" s="366"/>
    </row>
    <row r="21563" spans="2:12" ht="28.5">
      <c r="B21563" s="358" t="s">
        <v>25787</v>
      </c>
      <c r="C21563" s="358" t="s">
        <v>30487</v>
      </c>
      <c r="D21563" s="358" t="s">
        <v>25788</v>
      </c>
      <c r="E21563" s="358" t="s">
        <v>25157</v>
      </c>
      <c r="F21563" s="358" t="s">
        <v>14462</v>
      </c>
      <c r="G21563" s="358" t="s">
        <v>14463</v>
      </c>
      <c r="H21563" s="358" t="s">
        <v>8356</v>
      </c>
      <c r="I21563" s="358" t="s">
        <v>14463</v>
      </c>
      <c r="J21563" s="358"/>
      <c r="K21563" s="358"/>
      <c r="L21563" s="358"/>
    </row>
    <row r="21564" spans="2:12">
      <c r="B21564" s="368"/>
      <c r="C21564" s="368"/>
      <c r="D21564" s="368"/>
      <c r="E21564" s="368"/>
      <c r="F21564" s="368"/>
      <c r="G21564" s="368"/>
      <c r="H21564" s="368"/>
      <c r="I21564" s="368"/>
      <c r="J21564" s="366"/>
      <c r="K21564" s="366"/>
      <c r="L21564" s="366"/>
    </row>
    <row r="21565" spans="2:12">
      <c r="B21565" s="358" t="s">
        <v>25789</v>
      </c>
      <c r="C21565" s="358" t="s">
        <v>29734</v>
      </c>
      <c r="D21565" s="358" t="s">
        <v>25790</v>
      </c>
      <c r="E21565" s="358" t="s">
        <v>25791</v>
      </c>
      <c r="F21565" s="358" t="s">
        <v>17695</v>
      </c>
      <c r="G21565" s="358" t="s">
        <v>14392</v>
      </c>
      <c r="H21565" s="358" t="s">
        <v>14367</v>
      </c>
      <c r="I21565" s="358" t="s">
        <v>14392</v>
      </c>
      <c r="J21565" s="358"/>
      <c r="K21565" s="358" t="s">
        <v>14557</v>
      </c>
      <c r="L21565" s="358"/>
    </row>
    <row r="21566" spans="2:12">
      <c r="B21566" s="367"/>
      <c r="C21566" s="360"/>
      <c r="D21566" s="367"/>
      <c r="E21566" s="367"/>
      <c r="F21566" s="360"/>
      <c r="G21566" s="360"/>
      <c r="H21566" s="360"/>
      <c r="I21566" s="360"/>
      <c r="J21566" s="365"/>
      <c r="K21566" s="360"/>
      <c r="L21566" s="365"/>
    </row>
    <row r="21567" spans="2:12" ht="28.5">
      <c r="B21567" s="367"/>
      <c r="C21567" s="359" t="s">
        <v>30488</v>
      </c>
      <c r="D21567" s="367"/>
      <c r="E21567" s="367"/>
      <c r="F21567" s="359" t="s">
        <v>14443</v>
      </c>
      <c r="G21567" s="359" t="s">
        <v>14444</v>
      </c>
      <c r="H21567" s="359" t="s">
        <v>14381</v>
      </c>
      <c r="I21567" s="359" t="s">
        <v>14444</v>
      </c>
      <c r="J21567" s="365"/>
      <c r="K21567" s="359" t="s">
        <v>14557</v>
      </c>
      <c r="L21567" s="365"/>
    </row>
    <row r="21568" spans="2:12">
      <c r="B21568" s="367"/>
      <c r="C21568" s="360"/>
      <c r="D21568" s="367"/>
      <c r="E21568" s="367"/>
      <c r="F21568" s="360"/>
      <c r="G21568" s="360"/>
      <c r="H21568" s="360"/>
      <c r="I21568" s="360"/>
      <c r="J21568" s="365"/>
      <c r="K21568" s="360"/>
      <c r="L21568" s="365"/>
    </row>
    <row r="21569" spans="2:12">
      <c r="B21569" s="367"/>
      <c r="C21569" s="360"/>
      <c r="D21569" s="367"/>
      <c r="E21569" s="367"/>
      <c r="F21569" s="359" t="s">
        <v>14371</v>
      </c>
      <c r="G21569" s="359" t="s">
        <v>14372</v>
      </c>
      <c r="H21569" s="359" t="s">
        <v>14370</v>
      </c>
      <c r="I21569" s="359" t="s">
        <v>14373</v>
      </c>
      <c r="J21569" s="365"/>
      <c r="K21569" s="360"/>
      <c r="L21569" s="365"/>
    </row>
    <row r="21570" spans="2:12">
      <c r="B21570" s="367"/>
      <c r="C21570" s="360"/>
      <c r="D21570" s="367"/>
      <c r="E21570" s="367"/>
      <c r="F21570" s="360"/>
      <c r="G21570" s="360"/>
      <c r="H21570" s="360"/>
      <c r="I21570" s="360"/>
      <c r="J21570" s="365"/>
      <c r="K21570" s="360"/>
      <c r="L21570" s="365"/>
    </row>
    <row r="21571" spans="2:12" ht="28.5">
      <c r="B21571" s="368"/>
      <c r="C21571" s="362"/>
      <c r="D21571" s="368"/>
      <c r="E21571" s="368"/>
      <c r="F21571" s="361" t="s">
        <v>14374</v>
      </c>
      <c r="G21571" s="361" t="s">
        <v>14373</v>
      </c>
      <c r="H21571" s="361" t="s">
        <v>14422</v>
      </c>
      <c r="I21571" s="362"/>
      <c r="J21571" s="366"/>
      <c r="K21571" s="362"/>
      <c r="L21571" s="366"/>
    </row>
    <row r="21572" spans="2:12">
      <c r="B21572" s="358" t="s">
        <v>25792</v>
      </c>
      <c r="C21572" s="358" t="s">
        <v>25793</v>
      </c>
      <c r="D21572" s="358" t="s">
        <v>25794</v>
      </c>
      <c r="E21572" s="358" t="s">
        <v>1798</v>
      </c>
      <c r="F21572" s="358" t="s">
        <v>17277</v>
      </c>
      <c r="G21572" s="358" t="s">
        <v>17278</v>
      </c>
      <c r="H21572" s="358" t="s">
        <v>14370</v>
      </c>
      <c r="I21572" s="358" t="s">
        <v>17278</v>
      </c>
      <c r="J21572" s="358"/>
      <c r="K21572" s="358" t="s">
        <v>14864</v>
      </c>
      <c r="L21572" s="358"/>
    </row>
    <row r="21573" spans="2:12">
      <c r="B21573" s="367"/>
      <c r="C21573" s="360"/>
      <c r="D21573" s="367"/>
      <c r="E21573" s="367"/>
      <c r="F21573" s="360"/>
      <c r="G21573" s="360"/>
      <c r="H21573" s="360"/>
      <c r="I21573" s="360"/>
      <c r="J21573" s="365"/>
      <c r="K21573" s="360"/>
      <c r="L21573" s="365"/>
    </row>
    <row r="21574" spans="2:12" ht="28.5">
      <c r="B21574" s="367"/>
      <c r="C21574" s="359" t="s">
        <v>29735</v>
      </c>
      <c r="D21574" s="367"/>
      <c r="E21574" s="367"/>
      <c r="F21574" s="359" t="s">
        <v>14371</v>
      </c>
      <c r="G21574" s="359" t="s">
        <v>14372</v>
      </c>
      <c r="H21574" s="359" t="s">
        <v>14422</v>
      </c>
      <c r="I21574" s="359" t="s">
        <v>14373</v>
      </c>
      <c r="J21574" s="365"/>
      <c r="K21574" s="359" t="s">
        <v>14864</v>
      </c>
      <c r="L21574" s="365"/>
    </row>
    <row r="21575" spans="2:12">
      <c r="B21575" s="367"/>
      <c r="C21575" s="360"/>
      <c r="D21575" s="367"/>
      <c r="E21575" s="367"/>
      <c r="F21575" s="360"/>
      <c r="G21575" s="360"/>
      <c r="H21575" s="360"/>
      <c r="I21575" s="360"/>
      <c r="J21575" s="365"/>
      <c r="K21575" s="360"/>
      <c r="L21575" s="365"/>
    </row>
    <row r="21576" spans="2:12" ht="28.5">
      <c r="B21576" s="368"/>
      <c r="C21576" s="362"/>
      <c r="D21576" s="368"/>
      <c r="E21576" s="368"/>
      <c r="F21576" s="361" t="s">
        <v>14374</v>
      </c>
      <c r="G21576" s="361" t="s">
        <v>14373</v>
      </c>
      <c r="H21576" s="362"/>
      <c r="I21576" s="362"/>
      <c r="J21576" s="366"/>
      <c r="K21576" s="362"/>
      <c r="L21576" s="366"/>
    </row>
    <row r="21577" spans="2:12">
      <c r="B21577" s="354" t="s">
        <v>14492</v>
      </c>
      <c r="C21577" s="369"/>
      <c r="D21577" s="369"/>
      <c r="E21577" s="369"/>
      <c r="F21577" s="369"/>
      <c r="G21577" s="369"/>
      <c r="H21577" s="369"/>
      <c r="I21577" s="369"/>
      <c r="J21577" s="369"/>
      <c r="K21577" s="369"/>
      <c r="L21577" s="370"/>
    </row>
    <row r="21578" spans="2:12">
      <c r="B21578" s="358" t="s">
        <v>25795</v>
      </c>
      <c r="C21578" s="358" t="s">
        <v>25796</v>
      </c>
      <c r="D21578" s="358" t="s">
        <v>8356</v>
      </c>
      <c r="E21578" s="358" t="s">
        <v>1874</v>
      </c>
      <c r="F21578" s="358" t="s">
        <v>14443</v>
      </c>
      <c r="G21578" s="358" t="s">
        <v>14444</v>
      </c>
      <c r="H21578" s="358" t="s">
        <v>14381</v>
      </c>
      <c r="I21578" s="358" t="s">
        <v>14444</v>
      </c>
      <c r="J21578" s="358"/>
      <c r="K21578" s="358" t="s">
        <v>14655</v>
      </c>
      <c r="L21578" s="358"/>
    </row>
    <row r="21579" spans="2:12">
      <c r="B21579" s="367"/>
      <c r="C21579" s="360"/>
      <c r="D21579" s="367"/>
      <c r="E21579" s="360"/>
      <c r="F21579" s="360"/>
      <c r="G21579" s="360"/>
      <c r="H21579" s="360"/>
      <c r="I21579" s="360"/>
      <c r="J21579" s="365"/>
      <c r="K21579" s="360"/>
      <c r="L21579" s="365"/>
    </row>
    <row r="21580" spans="2:12">
      <c r="B21580" s="367"/>
      <c r="C21580" s="359" t="s">
        <v>25797</v>
      </c>
      <c r="D21580" s="367"/>
      <c r="E21580" s="359" t="s">
        <v>1870</v>
      </c>
      <c r="F21580" s="359" t="s">
        <v>14700</v>
      </c>
      <c r="G21580" s="359" t="s">
        <v>14380</v>
      </c>
      <c r="H21580" s="359" t="s">
        <v>14378</v>
      </c>
      <c r="I21580" s="359" t="s">
        <v>14380</v>
      </c>
      <c r="J21580" s="365"/>
      <c r="K21580" s="359" t="s">
        <v>14655</v>
      </c>
      <c r="L21580" s="365"/>
    </row>
    <row r="21581" spans="2:12">
      <c r="B21581" s="367"/>
      <c r="C21581" s="360"/>
      <c r="D21581" s="367"/>
      <c r="E21581" s="360"/>
      <c r="F21581" s="360"/>
      <c r="G21581" s="360"/>
      <c r="H21581" s="360"/>
      <c r="I21581" s="360"/>
      <c r="J21581" s="365"/>
      <c r="K21581" s="360"/>
      <c r="L21581" s="365"/>
    </row>
    <row r="21582" spans="2:12">
      <c r="B21582" s="367"/>
      <c r="C21582" s="360"/>
      <c r="D21582" s="367"/>
      <c r="E21582" s="360"/>
      <c r="F21582" s="359" t="s">
        <v>15089</v>
      </c>
      <c r="G21582" s="359" t="s">
        <v>14429</v>
      </c>
      <c r="H21582" s="359" t="s">
        <v>14341</v>
      </c>
      <c r="I21582" s="359" t="s">
        <v>14429</v>
      </c>
      <c r="J21582" s="365"/>
      <c r="K21582" s="360"/>
      <c r="L21582" s="365"/>
    </row>
    <row r="21583" spans="2:12">
      <c r="B21583" s="367"/>
      <c r="C21583" s="360"/>
      <c r="D21583" s="367"/>
      <c r="E21583" s="360"/>
      <c r="F21583" s="360"/>
      <c r="G21583" s="360"/>
      <c r="H21583" s="360"/>
      <c r="I21583" s="360"/>
      <c r="J21583" s="365"/>
      <c r="K21583" s="360"/>
      <c r="L21583" s="365"/>
    </row>
    <row r="21584" spans="2:12" ht="57">
      <c r="B21584" s="367"/>
      <c r="C21584" s="360"/>
      <c r="D21584" s="367"/>
      <c r="E21584" s="360"/>
      <c r="F21584" s="359" t="s">
        <v>14384</v>
      </c>
      <c r="G21584" s="359" t="s">
        <v>20194</v>
      </c>
      <c r="H21584" s="359" t="s">
        <v>14370</v>
      </c>
      <c r="I21584" s="359" t="s">
        <v>20194</v>
      </c>
      <c r="J21584" s="365"/>
      <c r="K21584" s="360"/>
      <c r="L21584" s="365"/>
    </row>
    <row r="21585" spans="2:12">
      <c r="B21585" s="367"/>
      <c r="C21585" s="360"/>
      <c r="D21585" s="367"/>
      <c r="E21585" s="360"/>
      <c r="F21585" s="360"/>
      <c r="G21585" s="360"/>
      <c r="H21585" s="360"/>
      <c r="I21585" s="360"/>
      <c r="J21585" s="365"/>
      <c r="K21585" s="360"/>
      <c r="L21585" s="365"/>
    </row>
    <row r="21586" spans="2:12">
      <c r="B21586" s="367"/>
      <c r="C21586" s="360"/>
      <c r="D21586" s="367"/>
      <c r="E21586" s="360"/>
      <c r="F21586" s="359" t="s">
        <v>14430</v>
      </c>
      <c r="G21586" s="359" t="s">
        <v>14431</v>
      </c>
      <c r="H21586" s="359" t="s">
        <v>14332</v>
      </c>
      <c r="I21586" s="359" t="s">
        <v>14431</v>
      </c>
      <c r="J21586" s="365"/>
      <c r="K21586" s="360"/>
      <c r="L21586" s="365"/>
    </row>
    <row r="21587" spans="2:12">
      <c r="B21587" s="367"/>
      <c r="C21587" s="360"/>
      <c r="D21587" s="367"/>
      <c r="E21587" s="360"/>
      <c r="F21587" s="360"/>
      <c r="G21587" s="360"/>
      <c r="H21587" s="360"/>
      <c r="I21587" s="360"/>
      <c r="J21587" s="365"/>
      <c r="K21587" s="360"/>
      <c r="L21587" s="365"/>
    </row>
    <row r="21588" spans="2:12">
      <c r="B21588" s="367"/>
      <c r="C21588" s="360"/>
      <c r="D21588" s="367"/>
      <c r="E21588" s="360"/>
      <c r="F21588" s="359" t="s">
        <v>17695</v>
      </c>
      <c r="G21588" s="359" t="s">
        <v>14392</v>
      </c>
      <c r="H21588" s="360"/>
      <c r="I21588" s="359" t="s">
        <v>14392</v>
      </c>
      <c r="J21588" s="365"/>
      <c r="K21588" s="360"/>
      <c r="L21588" s="365"/>
    </row>
    <row r="21589" spans="2:12">
      <c r="B21589" s="367"/>
      <c r="C21589" s="360"/>
      <c r="D21589" s="367"/>
      <c r="E21589" s="360"/>
      <c r="F21589" s="360"/>
      <c r="G21589" s="360"/>
      <c r="H21589" s="360"/>
      <c r="I21589" s="360"/>
      <c r="J21589" s="365"/>
      <c r="K21589" s="360"/>
      <c r="L21589" s="365"/>
    </row>
    <row r="21590" spans="2:12">
      <c r="B21590" s="367"/>
      <c r="C21590" s="360"/>
      <c r="D21590" s="367"/>
      <c r="E21590" s="360"/>
      <c r="F21590" s="359" t="s">
        <v>14371</v>
      </c>
      <c r="G21590" s="359" t="s">
        <v>14372</v>
      </c>
      <c r="H21590" s="360"/>
      <c r="I21590" s="359" t="s">
        <v>14373</v>
      </c>
      <c r="J21590" s="365"/>
      <c r="K21590" s="360"/>
      <c r="L21590" s="365"/>
    </row>
    <row r="21591" spans="2:12">
      <c r="B21591" s="367"/>
      <c r="C21591" s="360"/>
      <c r="D21591" s="367"/>
      <c r="E21591" s="360"/>
      <c r="F21591" s="360"/>
      <c r="G21591" s="360"/>
      <c r="H21591" s="360"/>
      <c r="I21591" s="360"/>
      <c r="J21591" s="365"/>
      <c r="K21591" s="360"/>
      <c r="L21591" s="365"/>
    </row>
    <row r="21592" spans="2:12" ht="28.5">
      <c r="B21592" s="368"/>
      <c r="C21592" s="362"/>
      <c r="D21592" s="368"/>
      <c r="E21592" s="362"/>
      <c r="F21592" s="361" t="s">
        <v>14374</v>
      </c>
      <c r="G21592" s="361" t="s">
        <v>14373</v>
      </c>
      <c r="H21592" s="362"/>
      <c r="I21592" s="362"/>
      <c r="J21592" s="366"/>
      <c r="K21592" s="362"/>
      <c r="L21592" s="366"/>
    </row>
    <row r="21593" spans="2:12">
      <c r="B21593" s="354" t="s">
        <v>28528</v>
      </c>
      <c r="C21593" s="369"/>
      <c r="D21593" s="369"/>
      <c r="E21593" s="369"/>
      <c r="F21593" s="369"/>
      <c r="G21593" s="369"/>
      <c r="H21593" s="369"/>
      <c r="I21593" s="369"/>
      <c r="J21593" s="369"/>
      <c r="K21593" s="369"/>
      <c r="L21593" s="370"/>
    </row>
    <row r="21594" spans="2:12">
      <c r="B21594" s="358" t="s">
        <v>13254</v>
      </c>
      <c r="C21594" s="358" t="s">
        <v>25798</v>
      </c>
      <c r="D21594" s="358" t="s">
        <v>13255</v>
      </c>
      <c r="E21594" s="358" t="s">
        <v>6464</v>
      </c>
      <c r="F21594" s="358" t="s">
        <v>14424</v>
      </c>
      <c r="G21594" s="358" t="s">
        <v>17083</v>
      </c>
      <c r="H21594" s="358" t="s">
        <v>14381</v>
      </c>
      <c r="I21594" s="358" t="s">
        <v>17083</v>
      </c>
      <c r="J21594" s="358"/>
      <c r="K21594" s="358"/>
      <c r="L21594" s="358"/>
    </row>
    <row r="21595" spans="2:12">
      <c r="B21595" s="367"/>
      <c r="C21595" s="360"/>
      <c r="D21595" s="367"/>
      <c r="E21595" s="367"/>
      <c r="F21595" s="367"/>
      <c r="G21595" s="367"/>
      <c r="H21595" s="360"/>
      <c r="I21595" s="367"/>
      <c r="J21595" s="365"/>
      <c r="K21595" s="365"/>
      <c r="L21595" s="365"/>
    </row>
    <row r="21596" spans="2:12">
      <c r="B21596" s="368"/>
      <c r="C21596" s="361" t="s">
        <v>25799</v>
      </c>
      <c r="D21596" s="368"/>
      <c r="E21596" s="368"/>
      <c r="F21596" s="368"/>
      <c r="G21596" s="368"/>
      <c r="H21596" s="361" t="s">
        <v>14332</v>
      </c>
      <c r="I21596" s="368"/>
      <c r="J21596" s="366"/>
      <c r="K21596" s="366"/>
      <c r="L21596" s="366"/>
    </row>
    <row r="21597" spans="2:12">
      <c r="B21597" s="358" t="s">
        <v>25800</v>
      </c>
      <c r="C21597" s="358" t="s">
        <v>25801</v>
      </c>
      <c r="D21597" s="358" t="s">
        <v>25802</v>
      </c>
      <c r="E21597" s="358" t="s">
        <v>25803</v>
      </c>
      <c r="F21597" s="358" t="s">
        <v>14371</v>
      </c>
      <c r="G21597" s="358" t="s">
        <v>14372</v>
      </c>
      <c r="H21597" s="358" t="s">
        <v>14370</v>
      </c>
      <c r="I21597" s="358" t="s">
        <v>14373</v>
      </c>
      <c r="J21597" s="358"/>
      <c r="K21597" s="358" t="s">
        <v>14557</v>
      </c>
      <c r="L21597" s="358"/>
    </row>
    <row r="21598" spans="2:12">
      <c r="B21598" s="367"/>
      <c r="C21598" s="360"/>
      <c r="D21598" s="367"/>
      <c r="E21598" s="367"/>
      <c r="F21598" s="360"/>
      <c r="G21598" s="360"/>
      <c r="H21598" s="360"/>
      <c r="I21598" s="367"/>
      <c r="J21598" s="365"/>
      <c r="K21598" s="360"/>
      <c r="L21598" s="365"/>
    </row>
    <row r="21599" spans="2:12" ht="28.5">
      <c r="B21599" s="368"/>
      <c r="C21599" s="361" t="s">
        <v>25804</v>
      </c>
      <c r="D21599" s="368"/>
      <c r="E21599" s="368"/>
      <c r="F21599" s="361" t="s">
        <v>14374</v>
      </c>
      <c r="G21599" s="361" t="s">
        <v>14373</v>
      </c>
      <c r="H21599" s="361" t="s">
        <v>14422</v>
      </c>
      <c r="I21599" s="368"/>
      <c r="J21599" s="366"/>
      <c r="K21599" s="361" t="s">
        <v>14557</v>
      </c>
      <c r="L21599" s="366"/>
    </row>
    <row r="21600" spans="2:12">
      <c r="B21600" s="358" t="s">
        <v>25805</v>
      </c>
      <c r="C21600" s="358" t="s">
        <v>25806</v>
      </c>
      <c r="D21600" s="358"/>
      <c r="E21600" s="358" t="s">
        <v>25807</v>
      </c>
      <c r="F21600" s="358" t="s">
        <v>14656</v>
      </c>
      <c r="G21600" s="358" t="s">
        <v>14383</v>
      </c>
      <c r="H21600" s="358" t="s">
        <v>14378</v>
      </c>
      <c r="I21600" s="358" t="s">
        <v>14383</v>
      </c>
      <c r="J21600" s="358"/>
      <c r="K21600" s="358" t="s">
        <v>14517</v>
      </c>
      <c r="L21600" s="358"/>
    </row>
    <row r="21601" spans="2:12">
      <c r="B21601" s="367"/>
      <c r="C21601" s="360"/>
      <c r="D21601" s="365"/>
      <c r="E21601" s="367"/>
      <c r="F21601" s="360"/>
      <c r="G21601" s="360"/>
      <c r="H21601" s="360"/>
      <c r="I21601" s="360"/>
      <c r="J21601" s="365"/>
      <c r="K21601" s="360"/>
      <c r="L21601" s="365"/>
    </row>
    <row r="21602" spans="2:12" ht="28.5">
      <c r="B21602" s="367"/>
      <c r="C21602" s="359" t="s">
        <v>30489</v>
      </c>
      <c r="D21602" s="365"/>
      <c r="E21602" s="367"/>
      <c r="F21602" s="359" t="s">
        <v>15089</v>
      </c>
      <c r="G21602" s="359" t="s">
        <v>14459</v>
      </c>
      <c r="H21602" s="359" t="s">
        <v>14381</v>
      </c>
      <c r="I21602" s="359" t="s">
        <v>14459</v>
      </c>
      <c r="J21602" s="365"/>
      <c r="K21602" s="359" t="s">
        <v>14517</v>
      </c>
      <c r="L21602" s="365"/>
    </row>
    <row r="21603" spans="2:12">
      <c r="B21603" s="367"/>
      <c r="C21603" s="360"/>
      <c r="D21603" s="365"/>
      <c r="E21603" s="367"/>
      <c r="F21603" s="360"/>
      <c r="G21603" s="360"/>
      <c r="H21603" s="360"/>
      <c r="I21603" s="360"/>
      <c r="J21603" s="365"/>
      <c r="K21603" s="360"/>
      <c r="L21603" s="365"/>
    </row>
    <row r="21604" spans="2:12" ht="57">
      <c r="B21604" s="367"/>
      <c r="C21604" s="360"/>
      <c r="D21604" s="365"/>
      <c r="E21604" s="367"/>
      <c r="F21604" s="359" t="s">
        <v>16919</v>
      </c>
      <c r="G21604" s="359" t="s">
        <v>25808</v>
      </c>
      <c r="H21604" s="359" t="s">
        <v>14370</v>
      </c>
      <c r="I21604" s="359" t="s">
        <v>25808</v>
      </c>
      <c r="J21604" s="365"/>
      <c r="K21604" s="360"/>
      <c r="L21604" s="365"/>
    </row>
    <row r="21605" spans="2:12">
      <c r="B21605" s="367"/>
      <c r="C21605" s="360"/>
      <c r="D21605" s="365"/>
      <c r="E21605" s="367"/>
      <c r="F21605" s="360"/>
      <c r="G21605" s="360"/>
      <c r="H21605" s="360"/>
      <c r="I21605" s="360"/>
      <c r="J21605" s="365"/>
      <c r="K21605" s="360"/>
      <c r="L21605" s="365"/>
    </row>
    <row r="21606" spans="2:12">
      <c r="B21606" s="367"/>
      <c r="C21606" s="360"/>
      <c r="D21606" s="365"/>
      <c r="E21606" s="367"/>
      <c r="F21606" s="359" t="s">
        <v>17695</v>
      </c>
      <c r="G21606" s="359" t="s">
        <v>14392</v>
      </c>
      <c r="H21606" s="359" t="s">
        <v>14332</v>
      </c>
      <c r="I21606" s="359" t="s">
        <v>14392</v>
      </c>
      <c r="J21606" s="365"/>
      <c r="K21606" s="360"/>
      <c r="L21606" s="365"/>
    </row>
    <row r="21607" spans="2:12">
      <c r="B21607" s="367"/>
      <c r="C21607" s="360"/>
      <c r="D21607" s="365"/>
      <c r="E21607" s="367"/>
      <c r="F21607" s="360"/>
      <c r="G21607" s="360"/>
      <c r="H21607" s="360"/>
      <c r="I21607" s="360"/>
      <c r="J21607" s="365"/>
      <c r="K21607" s="360"/>
      <c r="L21607" s="365"/>
    </row>
    <row r="21608" spans="2:12">
      <c r="B21608" s="367"/>
      <c r="C21608" s="360"/>
      <c r="D21608" s="365"/>
      <c r="E21608" s="367"/>
      <c r="F21608" s="359" t="s">
        <v>14371</v>
      </c>
      <c r="G21608" s="359" t="s">
        <v>14372</v>
      </c>
      <c r="H21608" s="360"/>
      <c r="I21608" s="359" t="s">
        <v>14373</v>
      </c>
      <c r="J21608" s="365"/>
      <c r="K21608" s="360"/>
      <c r="L21608" s="365"/>
    </row>
    <row r="21609" spans="2:12">
      <c r="B21609" s="367"/>
      <c r="C21609" s="360"/>
      <c r="D21609" s="365"/>
      <c r="E21609" s="367"/>
      <c r="F21609" s="360"/>
      <c r="G21609" s="360"/>
      <c r="H21609" s="360"/>
      <c r="I21609" s="360"/>
      <c r="J21609" s="365"/>
      <c r="K21609" s="360"/>
      <c r="L21609" s="365"/>
    </row>
    <row r="21610" spans="2:12" ht="28.5">
      <c r="B21610" s="368"/>
      <c r="C21610" s="362"/>
      <c r="D21610" s="366"/>
      <c r="E21610" s="368"/>
      <c r="F21610" s="361" t="s">
        <v>14374</v>
      </c>
      <c r="G21610" s="361" t="s">
        <v>14373</v>
      </c>
      <c r="H21610" s="362"/>
      <c r="I21610" s="362"/>
      <c r="J21610" s="366"/>
      <c r="K21610" s="362"/>
      <c r="L21610" s="366"/>
    </row>
    <row r="21611" spans="2:12">
      <c r="B21611" s="358" t="s">
        <v>25809</v>
      </c>
      <c r="C21611" s="358" t="s">
        <v>25810</v>
      </c>
      <c r="D21611" s="358"/>
      <c r="E21611" s="358" t="s">
        <v>25811</v>
      </c>
      <c r="F21611" s="358" t="s">
        <v>14443</v>
      </c>
      <c r="G21611" s="358" t="s">
        <v>14444</v>
      </c>
      <c r="H21611" s="358" t="s">
        <v>14381</v>
      </c>
      <c r="I21611" s="358" t="s">
        <v>14444</v>
      </c>
      <c r="J21611" s="358"/>
      <c r="K21611" s="358" t="s">
        <v>14863</v>
      </c>
      <c r="L21611" s="358"/>
    </row>
    <row r="21612" spans="2:12">
      <c r="B21612" s="367"/>
      <c r="C21612" s="360"/>
      <c r="D21612" s="365"/>
      <c r="E21612" s="367"/>
      <c r="F21612" s="360"/>
      <c r="G21612" s="360"/>
      <c r="H21612" s="360"/>
      <c r="I21612" s="360"/>
      <c r="J21612" s="365"/>
      <c r="K21612" s="360"/>
      <c r="L21612" s="365"/>
    </row>
    <row r="21613" spans="2:12">
      <c r="B21613" s="367"/>
      <c r="C21613" s="359" t="s">
        <v>25812</v>
      </c>
      <c r="D21613" s="365"/>
      <c r="E21613" s="367"/>
      <c r="F21613" s="359" t="s">
        <v>14371</v>
      </c>
      <c r="G21613" s="359" t="s">
        <v>14372</v>
      </c>
      <c r="H21613" s="359" t="s">
        <v>14370</v>
      </c>
      <c r="I21613" s="359" t="s">
        <v>14373</v>
      </c>
      <c r="J21613" s="365"/>
      <c r="K21613" s="359" t="s">
        <v>14517</v>
      </c>
      <c r="L21613" s="365"/>
    </row>
    <row r="21614" spans="2:12">
      <c r="B21614" s="367"/>
      <c r="C21614" s="360"/>
      <c r="D21614" s="365"/>
      <c r="E21614" s="367"/>
      <c r="F21614" s="360"/>
      <c r="G21614" s="360"/>
      <c r="H21614" s="360"/>
      <c r="I21614" s="360"/>
      <c r="J21614" s="365"/>
      <c r="K21614" s="360"/>
      <c r="L21614" s="365"/>
    </row>
    <row r="21615" spans="2:12" ht="28.5">
      <c r="B21615" s="368"/>
      <c r="C21615" s="362"/>
      <c r="D21615" s="366"/>
      <c r="E21615" s="368"/>
      <c r="F21615" s="361" t="s">
        <v>14374</v>
      </c>
      <c r="G21615" s="361" t="s">
        <v>14373</v>
      </c>
      <c r="H21615" s="361" t="s">
        <v>14422</v>
      </c>
      <c r="I21615" s="362"/>
      <c r="J21615" s="366"/>
      <c r="K21615" s="362"/>
      <c r="L21615" s="366"/>
    </row>
    <row r="21616" spans="2:12" ht="28.5">
      <c r="B21616" s="358" t="s">
        <v>25813</v>
      </c>
      <c r="C21616" s="358" t="s">
        <v>25814</v>
      </c>
      <c r="D21616" s="358" t="s">
        <v>25815</v>
      </c>
      <c r="E21616" s="358" t="s">
        <v>1613</v>
      </c>
      <c r="F21616" s="358" t="s">
        <v>14656</v>
      </c>
      <c r="G21616" s="358" t="s">
        <v>14483</v>
      </c>
      <c r="H21616" s="358" t="s">
        <v>14378</v>
      </c>
      <c r="I21616" s="358" t="s">
        <v>14483</v>
      </c>
      <c r="J21616" s="358"/>
      <c r="K21616" s="358" t="s">
        <v>14517</v>
      </c>
      <c r="L21616" s="358"/>
    </row>
    <row r="21617" spans="2:12">
      <c r="B21617" s="367"/>
      <c r="C21617" s="367"/>
      <c r="D21617" s="367"/>
      <c r="E21617" s="367"/>
      <c r="F21617" s="360"/>
      <c r="G21617" s="360"/>
      <c r="H21617" s="360"/>
      <c r="I21617" s="360"/>
      <c r="J21617" s="365"/>
      <c r="K21617" s="360"/>
      <c r="L21617" s="365"/>
    </row>
    <row r="21618" spans="2:12">
      <c r="B21618" s="367"/>
      <c r="C21618" s="367"/>
      <c r="D21618" s="367"/>
      <c r="E21618" s="367"/>
      <c r="F21618" s="359" t="s">
        <v>15089</v>
      </c>
      <c r="G21618" s="359" t="s">
        <v>14429</v>
      </c>
      <c r="H21618" s="359" t="s">
        <v>14381</v>
      </c>
      <c r="I21618" s="359" t="s">
        <v>14429</v>
      </c>
      <c r="J21618" s="365"/>
      <c r="K21618" s="359" t="s">
        <v>14863</v>
      </c>
      <c r="L21618" s="365"/>
    </row>
    <row r="21619" spans="2:12">
      <c r="B21619" s="367"/>
      <c r="C21619" s="367"/>
      <c r="D21619" s="367"/>
      <c r="E21619" s="367"/>
      <c r="F21619" s="360"/>
      <c r="G21619" s="360"/>
      <c r="H21619" s="360"/>
      <c r="I21619" s="360"/>
      <c r="J21619" s="365"/>
      <c r="K21619" s="360"/>
      <c r="L21619" s="365"/>
    </row>
    <row r="21620" spans="2:12" ht="42.75">
      <c r="B21620" s="367"/>
      <c r="C21620" s="367"/>
      <c r="D21620" s="367"/>
      <c r="E21620" s="367"/>
      <c r="F21620" s="359" t="s">
        <v>14384</v>
      </c>
      <c r="G21620" s="359" t="s">
        <v>29736</v>
      </c>
      <c r="H21620" s="359" t="s">
        <v>14341</v>
      </c>
      <c r="I21620" s="359" t="s">
        <v>29736</v>
      </c>
      <c r="J21620" s="365"/>
      <c r="K21620" s="360"/>
      <c r="L21620" s="365"/>
    </row>
    <row r="21621" spans="2:12">
      <c r="B21621" s="367"/>
      <c r="C21621" s="367"/>
      <c r="D21621" s="367"/>
      <c r="E21621" s="367"/>
      <c r="F21621" s="360"/>
      <c r="G21621" s="360"/>
      <c r="H21621" s="360"/>
      <c r="I21621" s="360"/>
      <c r="J21621" s="365"/>
      <c r="K21621" s="360"/>
      <c r="L21621" s="365"/>
    </row>
    <row r="21622" spans="2:12">
      <c r="B21622" s="367"/>
      <c r="C21622" s="367"/>
      <c r="D21622" s="367"/>
      <c r="E21622" s="367"/>
      <c r="F21622" s="359" t="s">
        <v>14430</v>
      </c>
      <c r="G21622" s="359" t="s">
        <v>14392</v>
      </c>
      <c r="H21622" s="359" t="s">
        <v>14370</v>
      </c>
      <c r="I21622" s="359" t="s">
        <v>14392</v>
      </c>
      <c r="J21622" s="365"/>
      <c r="K21622" s="360"/>
      <c r="L21622" s="365"/>
    </row>
    <row r="21623" spans="2:12">
      <c r="B21623" s="367"/>
      <c r="C21623" s="367"/>
      <c r="D21623" s="367"/>
      <c r="E21623" s="367"/>
      <c r="F21623" s="360"/>
      <c r="G21623" s="360"/>
      <c r="H21623" s="360"/>
      <c r="I21623" s="360"/>
      <c r="J21623" s="365"/>
      <c r="K21623" s="360"/>
      <c r="L21623" s="365"/>
    </row>
    <row r="21624" spans="2:12">
      <c r="B21624" s="367"/>
      <c r="C21624" s="367"/>
      <c r="D21624" s="367"/>
      <c r="E21624" s="367"/>
      <c r="F21624" s="359" t="s">
        <v>14391</v>
      </c>
      <c r="G21624" s="359" t="s">
        <v>14372</v>
      </c>
      <c r="H21624" s="359" t="s">
        <v>14332</v>
      </c>
      <c r="I21624" s="359" t="s">
        <v>14373</v>
      </c>
      <c r="J21624" s="365"/>
      <c r="K21624" s="360"/>
      <c r="L21624" s="365"/>
    </row>
    <row r="21625" spans="2:12">
      <c r="B21625" s="367"/>
      <c r="C21625" s="367"/>
      <c r="D21625" s="367"/>
      <c r="E21625" s="367"/>
      <c r="F21625" s="360"/>
      <c r="G21625" s="360"/>
      <c r="H21625" s="360"/>
      <c r="I21625" s="360"/>
      <c r="J21625" s="365"/>
      <c r="K21625" s="360"/>
      <c r="L21625" s="365"/>
    </row>
    <row r="21626" spans="2:12">
      <c r="B21626" s="367"/>
      <c r="C21626" s="367"/>
      <c r="D21626" s="367"/>
      <c r="E21626" s="367"/>
      <c r="F21626" s="359" t="s">
        <v>14371</v>
      </c>
      <c r="G21626" s="359" t="s">
        <v>14373</v>
      </c>
      <c r="H21626" s="360"/>
      <c r="I21626" s="360"/>
      <c r="J21626" s="365"/>
      <c r="K21626" s="360"/>
      <c r="L21626" s="365"/>
    </row>
    <row r="21627" spans="2:12">
      <c r="B21627" s="367"/>
      <c r="C21627" s="367"/>
      <c r="D21627" s="367"/>
      <c r="E21627" s="367"/>
      <c r="F21627" s="360"/>
      <c r="G21627" s="360"/>
      <c r="H21627" s="360"/>
      <c r="I21627" s="360"/>
      <c r="J21627" s="365"/>
      <c r="K21627" s="360"/>
      <c r="L21627" s="365"/>
    </row>
    <row r="21628" spans="2:12" ht="28.5">
      <c r="B21628" s="368"/>
      <c r="C21628" s="368"/>
      <c r="D21628" s="368"/>
      <c r="E21628" s="368"/>
      <c r="F21628" s="361" t="s">
        <v>14374</v>
      </c>
      <c r="G21628" s="362"/>
      <c r="H21628" s="362"/>
      <c r="I21628" s="362"/>
      <c r="J21628" s="366"/>
      <c r="K21628" s="362"/>
      <c r="L21628" s="366"/>
    </row>
    <row r="21629" spans="2:12">
      <c r="B21629" s="354" t="s">
        <v>8397</v>
      </c>
      <c r="C21629" s="369"/>
      <c r="D21629" s="369"/>
      <c r="E21629" s="369"/>
      <c r="F21629" s="369"/>
      <c r="G21629" s="369"/>
      <c r="H21629" s="369"/>
      <c r="I21629" s="369"/>
      <c r="J21629" s="369"/>
      <c r="K21629" s="369"/>
      <c r="L21629" s="370"/>
    </row>
    <row r="21630" spans="2:12" ht="42.75">
      <c r="B21630" s="358" t="s">
        <v>25816</v>
      </c>
      <c r="C21630" s="358" t="s">
        <v>28107</v>
      </c>
      <c r="D21630" s="358" t="s">
        <v>8356</v>
      </c>
      <c r="E21630" s="358" t="s">
        <v>25817</v>
      </c>
      <c r="F21630" s="358" t="s">
        <v>14371</v>
      </c>
      <c r="G21630" s="358" t="s">
        <v>14372</v>
      </c>
      <c r="H21630" s="358" t="s">
        <v>14370</v>
      </c>
      <c r="I21630" s="358" t="s">
        <v>14373</v>
      </c>
      <c r="J21630" s="358"/>
      <c r="K21630" s="358" t="s">
        <v>14863</v>
      </c>
      <c r="L21630" s="358"/>
    </row>
    <row r="21631" spans="2:12">
      <c r="B21631" s="367"/>
      <c r="C21631" s="367"/>
      <c r="D21631" s="367"/>
      <c r="E21631" s="367"/>
      <c r="F21631" s="360"/>
      <c r="G21631" s="360"/>
      <c r="H21631" s="360"/>
      <c r="I21631" s="367"/>
      <c r="J21631" s="365"/>
      <c r="K21631" s="360"/>
      <c r="L21631" s="365"/>
    </row>
    <row r="21632" spans="2:12" ht="28.5">
      <c r="B21632" s="368"/>
      <c r="C21632" s="368"/>
      <c r="D21632" s="368"/>
      <c r="E21632" s="368"/>
      <c r="F21632" s="361" t="s">
        <v>14374</v>
      </c>
      <c r="G21632" s="361" t="s">
        <v>14373</v>
      </c>
      <c r="H21632" s="361" t="s">
        <v>14422</v>
      </c>
      <c r="I21632" s="368"/>
      <c r="J21632" s="366"/>
      <c r="K21632" s="361" t="s">
        <v>14863</v>
      </c>
      <c r="L21632" s="366"/>
    </row>
    <row r="21633" spans="2:12" ht="42.75">
      <c r="B21633" s="358" t="s">
        <v>25818</v>
      </c>
      <c r="C21633" s="358" t="s">
        <v>25819</v>
      </c>
      <c r="D21633" s="358" t="s">
        <v>8356</v>
      </c>
      <c r="E21633" s="358" t="s">
        <v>25820</v>
      </c>
      <c r="F21633" s="358" t="s">
        <v>14443</v>
      </c>
      <c r="G21633" s="358" t="s">
        <v>14444</v>
      </c>
      <c r="H21633" s="358" t="s">
        <v>14381</v>
      </c>
      <c r="I21633" s="358" t="s">
        <v>14444</v>
      </c>
      <c r="J21633" s="358"/>
      <c r="K21633" s="358" t="s">
        <v>19132</v>
      </c>
      <c r="L21633" s="358"/>
    </row>
    <row r="21634" spans="2:12">
      <c r="B21634" s="367"/>
      <c r="C21634" s="367"/>
      <c r="D21634" s="367"/>
      <c r="E21634" s="367"/>
      <c r="F21634" s="360"/>
      <c r="G21634" s="360"/>
      <c r="H21634" s="360"/>
      <c r="I21634" s="360"/>
      <c r="J21634" s="365"/>
      <c r="K21634" s="360"/>
      <c r="L21634" s="365"/>
    </row>
    <row r="21635" spans="2:12" ht="28.5">
      <c r="B21635" s="367"/>
      <c r="C21635" s="367"/>
      <c r="D21635" s="367"/>
      <c r="E21635" s="367"/>
      <c r="F21635" s="359" t="s">
        <v>16919</v>
      </c>
      <c r="G21635" s="359" t="s">
        <v>25821</v>
      </c>
      <c r="H21635" s="359" t="s">
        <v>14370</v>
      </c>
      <c r="I21635" s="359" t="s">
        <v>25821</v>
      </c>
      <c r="J21635" s="365"/>
      <c r="K21635" s="359" t="s">
        <v>14557</v>
      </c>
      <c r="L21635" s="365"/>
    </row>
    <row r="21636" spans="2:12">
      <c r="B21636" s="367"/>
      <c r="C21636" s="367"/>
      <c r="D21636" s="367"/>
      <c r="E21636" s="367"/>
      <c r="F21636" s="360"/>
      <c r="G21636" s="360"/>
      <c r="H21636" s="360"/>
      <c r="I21636" s="360"/>
      <c r="J21636" s="365"/>
      <c r="K21636" s="360"/>
      <c r="L21636" s="365"/>
    </row>
    <row r="21637" spans="2:12">
      <c r="B21637" s="367"/>
      <c r="C21637" s="367"/>
      <c r="D21637" s="367"/>
      <c r="E21637" s="367"/>
      <c r="F21637" s="359" t="s">
        <v>14371</v>
      </c>
      <c r="G21637" s="359" t="s">
        <v>14372</v>
      </c>
      <c r="H21637" s="359" t="s">
        <v>14422</v>
      </c>
      <c r="I21637" s="359" t="s">
        <v>14373</v>
      </c>
      <c r="J21637" s="365"/>
      <c r="K21637" s="360"/>
      <c r="L21637" s="365"/>
    </row>
    <row r="21638" spans="2:12">
      <c r="B21638" s="367"/>
      <c r="C21638" s="367"/>
      <c r="D21638" s="367"/>
      <c r="E21638" s="367"/>
      <c r="F21638" s="360"/>
      <c r="G21638" s="360"/>
      <c r="H21638" s="360"/>
      <c r="I21638" s="360"/>
      <c r="J21638" s="365"/>
      <c r="K21638" s="360"/>
      <c r="L21638" s="365"/>
    </row>
    <row r="21639" spans="2:12" ht="28.5">
      <c r="B21639" s="368"/>
      <c r="C21639" s="368"/>
      <c r="D21639" s="368"/>
      <c r="E21639" s="368"/>
      <c r="F21639" s="361" t="s">
        <v>14374</v>
      </c>
      <c r="G21639" s="361" t="s">
        <v>14373</v>
      </c>
      <c r="H21639" s="362"/>
      <c r="I21639" s="362"/>
      <c r="J21639" s="366"/>
      <c r="K21639" s="362"/>
      <c r="L21639" s="366"/>
    </row>
    <row r="21640" spans="2:12" ht="28.5">
      <c r="B21640" s="358" t="s">
        <v>25822</v>
      </c>
      <c r="C21640" s="358" t="s">
        <v>25823</v>
      </c>
      <c r="D21640" s="358" t="s">
        <v>8356</v>
      </c>
      <c r="E21640" s="358" t="s">
        <v>25824</v>
      </c>
      <c r="F21640" s="358" t="s">
        <v>15089</v>
      </c>
      <c r="G21640" s="358" t="s">
        <v>14429</v>
      </c>
      <c r="H21640" s="358" t="s">
        <v>14367</v>
      </c>
      <c r="I21640" s="358" t="s">
        <v>14429</v>
      </c>
      <c r="J21640" s="358"/>
      <c r="K21640" s="358" t="s">
        <v>14517</v>
      </c>
      <c r="L21640" s="358"/>
    </row>
    <row r="21641" spans="2:12">
      <c r="B21641" s="367"/>
      <c r="C21641" s="367"/>
      <c r="D21641" s="367"/>
      <c r="E21641" s="367"/>
      <c r="F21641" s="360"/>
      <c r="G21641" s="360"/>
      <c r="H21641" s="360"/>
      <c r="I21641" s="360"/>
      <c r="J21641" s="365"/>
      <c r="K21641" s="360"/>
      <c r="L21641" s="365"/>
    </row>
    <row r="21642" spans="2:12">
      <c r="B21642" s="367"/>
      <c r="C21642" s="367"/>
      <c r="D21642" s="367"/>
      <c r="E21642" s="367"/>
      <c r="F21642" s="359" t="s">
        <v>14391</v>
      </c>
      <c r="G21642" s="359" t="s">
        <v>14392</v>
      </c>
      <c r="H21642" s="359" t="s">
        <v>14370</v>
      </c>
      <c r="I21642" s="359" t="s">
        <v>14392</v>
      </c>
      <c r="J21642" s="365"/>
      <c r="K21642" s="359" t="s">
        <v>14517</v>
      </c>
      <c r="L21642" s="365"/>
    </row>
    <row r="21643" spans="2:12">
      <c r="B21643" s="367"/>
      <c r="C21643" s="367"/>
      <c r="D21643" s="367"/>
      <c r="E21643" s="367"/>
      <c r="F21643" s="360"/>
      <c r="G21643" s="360"/>
      <c r="H21643" s="360"/>
      <c r="I21643" s="360"/>
      <c r="J21643" s="365"/>
      <c r="K21643" s="360"/>
      <c r="L21643" s="365"/>
    </row>
    <row r="21644" spans="2:12">
      <c r="B21644" s="367"/>
      <c r="C21644" s="367"/>
      <c r="D21644" s="367"/>
      <c r="E21644" s="367"/>
      <c r="F21644" s="359" t="s">
        <v>14371</v>
      </c>
      <c r="G21644" s="359" t="s">
        <v>14372</v>
      </c>
      <c r="H21644" s="359" t="s">
        <v>14422</v>
      </c>
      <c r="I21644" s="359" t="s">
        <v>14373</v>
      </c>
      <c r="J21644" s="365"/>
      <c r="K21644" s="360"/>
      <c r="L21644" s="365"/>
    </row>
    <row r="21645" spans="2:12">
      <c r="B21645" s="367"/>
      <c r="C21645" s="367"/>
      <c r="D21645" s="367"/>
      <c r="E21645" s="367"/>
      <c r="F21645" s="360"/>
      <c r="G21645" s="360"/>
      <c r="H21645" s="360"/>
      <c r="I21645" s="360"/>
      <c r="J21645" s="365"/>
      <c r="K21645" s="360"/>
      <c r="L21645" s="365"/>
    </row>
    <row r="21646" spans="2:12" ht="28.5">
      <c r="B21646" s="368"/>
      <c r="C21646" s="368"/>
      <c r="D21646" s="368"/>
      <c r="E21646" s="368"/>
      <c r="F21646" s="361" t="s">
        <v>14374</v>
      </c>
      <c r="G21646" s="361" t="s">
        <v>14373</v>
      </c>
      <c r="H21646" s="362"/>
      <c r="I21646" s="362"/>
      <c r="J21646" s="366"/>
      <c r="K21646" s="362"/>
      <c r="L21646" s="366"/>
    </row>
    <row r="21647" spans="2:12" ht="28.5">
      <c r="B21647" s="358" t="s">
        <v>25825</v>
      </c>
      <c r="C21647" s="358" t="s">
        <v>28108</v>
      </c>
      <c r="D21647" s="358" t="s">
        <v>8356</v>
      </c>
      <c r="E21647" s="358" t="s">
        <v>25826</v>
      </c>
      <c r="F21647" s="358" t="s">
        <v>15089</v>
      </c>
      <c r="G21647" s="358" t="s">
        <v>14429</v>
      </c>
      <c r="H21647" s="358" t="s">
        <v>14367</v>
      </c>
      <c r="I21647" s="358" t="s">
        <v>14429</v>
      </c>
      <c r="J21647" s="358"/>
      <c r="K21647" s="358"/>
      <c r="L21647" s="358"/>
    </row>
    <row r="21648" spans="2:12">
      <c r="B21648" s="367"/>
      <c r="C21648" s="367"/>
      <c r="D21648" s="367"/>
      <c r="E21648" s="367"/>
      <c r="F21648" s="367"/>
      <c r="G21648" s="367"/>
      <c r="H21648" s="360"/>
      <c r="I21648" s="367"/>
      <c r="J21648" s="365"/>
      <c r="K21648" s="365"/>
      <c r="L21648" s="365"/>
    </row>
    <row r="21649" spans="2:12">
      <c r="B21649" s="368"/>
      <c r="C21649" s="368"/>
      <c r="D21649" s="368"/>
      <c r="E21649" s="368"/>
      <c r="F21649" s="368"/>
      <c r="G21649" s="368"/>
      <c r="H21649" s="361" t="s">
        <v>14422</v>
      </c>
      <c r="I21649" s="368"/>
      <c r="J21649" s="366"/>
      <c r="K21649" s="366"/>
      <c r="L21649" s="366"/>
    </row>
    <row r="21650" spans="2:12" ht="28.5">
      <c r="B21650" s="358" t="s">
        <v>25827</v>
      </c>
      <c r="C21650" s="358" t="s">
        <v>25828</v>
      </c>
      <c r="D21650" s="358" t="s">
        <v>8356</v>
      </c>
      <c r="E21650" s="358" t="s">
        <v>25829</v>
      </c>
      <c r="F21650" s="358" t="s">
        <v>15089</v>
      </c>
      <c r="G21650" s="358" t="s">
        <v>14429</v>
      </c>
      <c r="H21650" s="358" t="s">
        <v>14367</v>
      </c>
      <c r="I21650" s="358" t="s">
        <v>14429</v>
      </c>
      <c r="J21650" s="358"/>
      <c r="K21650" s="358" t="s">
        <v>14863</v>
      </c>
      <c r="L21650" s="358"/>
    </row>
    <row r="21651" spans="2:12">
      <c r="B21651" s="367"/>
      <c r="C21651" s="367"/>
      <c r="D21651" s="367"/>
      <c r="E21651" s="367"/>
      <c r="F21651" s="360"/>
      <c r="G21651" s="360"/>
      <c r="H21651" s="360"/>
      <c r="I21651" s="360"/>
      <c r="J21651" s="365"/>
      <c r="K21651" s="360"/>
      <c r="L21651" s="365"/>
    </row>
    <row r="21652" spans="2:12">
      <c r="B21652" s="367"/>
      <c r="C21652" s="367"/>
      <c r="D21652" s="367"/>
      <c r="E21652" s="367"/>
      <c r="F21652" s="359" t="s">
        <v>14371</v>
      </c>
      <c r="G21652" s="359" t="s">
        <v>14372</v>
      </c>
      <c r="H21652" s="359" t="s">
        <v>14370</v>
      </c>
      <c r="I21652" s="359" t="s">
        <v>14373</v>
      </c>
      <c r="J21652" s="365"/>
      <c r="K21652" s="359" t="s">
        <v>14863</v>
      </c>
      <c r="L21652" s="365"/>
    </row>
    <row r="21653" spans="2:12">
      <c r="B21653" s="367"/>
      <c r="C21653" s="367"/>
      <c r="D21653" s="367"/>
      <c r="E21653" s="367"/>
      <c r="F21653" s="360"/>
      <c r="G21653" s="360"/>
      <c r="H21653" s="360"/>
      <c r="I21653" s="360"/>
      <c r="J21653" s="365"/>
      <c r="K21653" s="360"/>
      <c r="L21653" s="365"/>
    </row>
    <row r="21654" spans="2:12" ht="28.5">
      <c r="B21654" s="368"/>
      <c r="C21654" s="368"/>
      <c r="D21654" s="368"/>
      <c r="E21654" s="368"/>
      <c r="F21654" s="361" t="s">
        <v>14374</v>
      </c>
      <c r="G21654" s="361" t="s">
        <v>14373</v>
      </c>
      <c r="H21654" s="361" t="s">
        <v>14422</v>
      </c>
      <c r="I21654" s="362"/>
      <c r="J21654" s="366"/>
      <c r="K21654" s="362"/>
      <c r="L21654" s="366"/>
    </row>
    <row r="21655" spans="2:12">
      <c r="B21655" s="354" t="s">
        <v>14492</v>
      </c>
      <c r="C21655" s="369"/>
      <c r="D21655" s="369"/>
      <c r="E21655" s="369"/>
      <c r="F21655" s="369"/>
      <c r="G21655" s="369"/>
      <c r="H21655" s="369"/>
      <c r="I21655" s="369"/>
      <c r="J21655" s="369"/>
      <c r="K21655" s="369"/>
      <c r="L21655" s="370"/>
    </row>
    <row r="21656" spans="2:12" ht="42.75">
      <c r="B21656" s="358" t="s">
        <v>25830</v>
      </c>
      <c r="C21656" s="358" t="s">
        <v>28109</v>
      </c>
      <c r="D21656" s="358" t="s">
        <v>8356</v>
      </c>
      <c r="E21656" s="358" t="s">
        <v>25831</v>
      </c>
      <c r="F21656" s="358" t="s">
        <v>14656</v>
      </c>
      <c r="G21656" s="358" t="s">
        <v>14483</v>
      </c>
      <c r="H21656" s="358" t="s">
        <v>14378</v>
      </c>
      <c r="I21656" s="358" t="s">
        <v>14483</v>
      </c>
      <c r="J21656" s="358"/>
      <c r="K21656" s="358" t="s">
        <v>14657</v>
      </c>
      <c r="L21656" s="358"/>
    </row>
    <row r="21657" spans="2:12">
      <c r="B21657" s="367"/>
      <c r="C21657" s="367"/>
      <c r="D21657" s="367"/>
      <c r="E21657" s="367"/>
      <c r="F21657" s="360"/>
      <c r="G21657" s="360"/>
      <c r="H21657" s="360"/>
      <c r="I21657" s="360"/>
      <c r="J21657" s="365"/>
      <c r="K21657" s="360"/>
      <c r="L21657" s="365"/>
    </row>
    <row r="21658" spans="2:12">
      <c r="B21658" s="367"/>
      <c r="C21658" s="367"/>
      <c r="D21658" s="367"/>
      <c r="E21658" s="367"/>
      <c r="F21658" s="359" t="s">
        <v>14656</v>
      </c>
      <c r="G21658" s="359" t="s">
        <v>14383</v>
      </c>
      <c r="H21658" s="359" t="s">
        <v>14370</v>
      </c>
      <c r="I21658" s="359" t="s">
        <v>14383</v>
      </c>
      <c r="J21658" s="365"/>
      <c r="K21658" s="359" t="s">
        <v>14657</v>
      </c>
      <c r="L21658" s="365"/>
    </row>
    <row r="21659" spans="2:12">
      <c r="B21659" s="367"/>
      <c r="C21659" s="367"/>
      <c r="D21659" s="367"/>
      <c r="E21659" s="367"/>
      <c r="F21659" s="360"/>
      <c r="G21659" s="360"/>
      <c r="H21659" s="360"/>
      <c r="I21659" s="360"/>
      <c r="J21659" s="365"/>
      <c r="K21659" s="360"/>
      <c r="L21659" s="365"/>
    </row>
    <row r="21660" spans="2:12">
      <c r="B21660" s="367"/>
      <c r="C21660" s="367"/>
      <c r="D21660" s="367"/>
      <c r="E21660" s="367"/>
      <c r="F21660" s="359" t="s">
        <v>14371</v>
      </c>
      <c r="G21660" s="359" t="s">
        <v>14372</v>
      </c>
      <c r="H21660" s="359" t="s">
        <v>14332</v>
      </c>
      <c r="I21660" s="359" t="s">
        <v>14373</v>
      </c>
      <c r="J21660" s="365"/>
      <c r="K21660" s="360"/>
      <c r="L21660" s="365"/>
    </row>
    <row r="21661" spans="2:12">
      <c r="B21661" s="367"/>
      <c r="C21661" s="367"/>
      <c r="D21661" s="367"/>
      <c r="E21661" s="367"/>
      <c r="F21661" s="360"/>
      <c r="G21661" s="360"/>
      <c r="H21661" s="360"/>
      <c r="I21661" s="360"/>
      <c r="J21661" s="365"/>
      <c r="K21661" s="360"/>
      <c r="L21661" s="365"/>
    </row>
    <row r="21662" spans="2:12" ht="28.5">
      <c r="B21662" s="368"/>
      <c r="C21662" s="368"/>
      <c r="D21662" s="368"/>
      <c r="E21662" s="368"/>
      <c r="F21662" s="361" t="s">
        <v>14374</v>
      </c>
      <c r="G21662" s="361" t="s">
        <v>14373</v>
      </c>
      <c r="H21662" s="362"/>
      <c r="I21662" s="362"/>
      <c r="J21662" s="366"/>
      <c r="K21662" s="362"/>
      <c r="L21662" s="366"/>
    </row>
    <row r="21663" spans="2:12" ht="42.75">
      <c r="B21663" s="358" t="s">
        <v>25832</v>
      </c>
      <c r="C21663" s="358" t="s">
        <v>28110</v>
      </c>
      <c r="D21663" s="358" t="s">
        <v>8356</v>
      </c>
      <c r="E21663" s="358" t="s">
        <v>25833</v>
      </c>
      <c r="F21663" s="358" t="s">
        <v>14394</v>
      </c>
      <c r="G21663" s="358" t="s">
        <v>14395</v>
      </c>
      <c r="H21663" s="358" t="s">
        <v>14370</v>
      </c>
      <c r="I21663" s="358" t="s">
        <v>14395</v>
      </c>
      <c r="J21663" s="358"/>
      <c r="K21663" s="358"/>
      <c r="L21663" s="358"/>
    </row>
    <row r="21664" spans="2:12">
      <c r="B21664" s="368"/>
      <c r="C21664" s="368"/>
      <c r="D21664" s="368"/>
      <c r="E21664" s="368"/>
      <c r="F21664" s="368"/>
      <c r="G21664" s="368"/>
      <c r="H21664" s="368"/>
      <c r="I21664" s="368"/>
      <c r="J21664" s="366"/>
      <c r="K21664" s="366"/>
      <c r="L21664" s="366"/>
    </row>
    <row r="21665" spans="2:12" ht="28.5">
      <c r="B21665" s="358" t="s">
        <v>25834</v>
      </c>
      <c r="C21665" s="358" t="s">
        <v>25835</v>
      </c>
      <c r="D21665" s="358" t="s">
        <v>25836</v>
      </c>
      <c r="E21665" s="358" t="s">
        <v>25837</v>
      </c>
      <c r="F21665" s="358" t="s">
        <v>14371</v>
      </c>
      <c r="G21665" s="358" t="s">
        <v>14372</v>
      </c>
      <c r="H21665" s="358" t="s">
        <v>14370</v>
      </c>
      <c r="I21665" s="358" t="s">
        <v>14373</v>
      </c>
      <c r="J21665" s="358"/>
      <c r="K21665" s="358" t="s">
        <v>19144</v>
      </c>
      <c r="L21665" s="358"/>
    </row>
    <row r="21666" spans="2:12">
      <c r="B21666" s="367"/>
      <c r="C21666" s="367"/>
      <c r="D21666" s="367"/>
      <c r="E21666" s="367"/>
      <c r="F21666" s="360"/>
      <c r="G21666" s="360"/>
      <c r="H21666" s="360"/>
      <c r="I21666" s="367"/>
      <c r="J21666" s="365"/>
      <c r="K21666" s="360"/>
      <c r="L21666" s="365"/>
    </row>
    <row r="21667" spans="2:12" ht="28.5">
      <c r="B21667" s="368"/>
      <c r="C21667" s="368"/>
      <c r="D21667" s="368"/>
      <c r="E21667" s="368"/>
      <c r="F21667" s="361" t="s">
        <v>14374</v>
      </c>
      <c r="G21667" s="361" t="s">
        <v>14373</v>
      </c>
      <c r="H21667" s="361" t="s">
        <v>14422</v>
      </c>
      <c r="I21667" s="368"/>
      <c r="J21667" s="366"/>
      <c r="K21667" s="361" t="s">
        <v>19144</v>
      </c>
      <c r="L21667" s="366"/>
    </row>
    <row r="21668" spans="2:12">
      <c r="B21668" s="354" t="s">
        <v>8444</v>
      </c>
      <c r="C21668" s="369"/>
      <c r="D21668" s="369"/>
      <c r="E21668" s="369"/>
      <c r="F21668" s="369"/>
      <c r="G21668" s="369"/>
      <c r="H21668" s="369"/>
      <c r="I21668" s="369"/>
      <c r="J21668" s="369"/>
      <c r="K21668" s="369"/>
      <c r="L21668" s="370"/>
    </row>
    <row r="21669" spans="2:12">
      <c r="B21669" s="358" t="s">
        <v>25838</v>
      </c>
      <c r="C21669" s="358" t="s">
        <v>25839</v>
      </c>
      <c r="D21669" s="358" t="s">
        <v>25840</v>
      </c>
      <c r="E21669" s="358" t="s">
        <v>25841</v>
      </c>
      <c r="F21669" s="358" t="s">
        <v>14371</v>
      </c>
      <c r="G21669" s="358" t="s">
        <v>14372</v>
      </c>
      <c r="H21669" s="358" t="s">
        <v>14370</v>
      </c>
      <c r="I21669" s="358" t="s">
        <v>14373</v>
      </c>
      <c r="J21669" s="358"/>
      <c r="K21669" s="358" t="s">
        <v>22182</v>
      </c>
      <c r="L21669" s="358"/>
    </row>
    <row r="21670" spans="2:12">
      <c r="B21670" s="367"/>
      <c r="C21670" s="360"/>
      <c r="D21670" s="367"/>
      <c r="E21670" s="367"/>
      <c r="F21670" s="360"/>
      <c r="G21670" s="360"/>
      <c r="H21670" s="360"/>
      <c r="I21670" s="367"/>
      <c r="J21670" s="365"/>
      <c r="K21670" s="360"/>
      <c r="L21670" s="365"/>
    </row>
    <row r="21671" spans="2:12" ht="28.5">
      <c r="B21671" s="368"/>
      <c r="C21671" s="361" t="s">
        <v>25842</v>
      </c>
      <c r="D21671" s="368"/>
      <c r="E21671" s="368"/>
      <c r="F21671" s="361" t="s">
        <v>14374</v>
      </c>
      <c r="G21671" s="361" t="s">
        <v>14373</v>
      </c>
      <c r="H21671" s="361" t="s">
        <v>14422</v>
      </c>
      <c r="I21671" s="368"/>
      <c r="J21671" s="366"/>
      <c r="K21671" s="361" t="s">
        <v>22002</v>
      </c>
      <c r="L21671" s="366"/>
    </row>
    <row r="21672" spans="2:12">
      <c r="B21672" s="358" t="s">
        <v>25843</v>
      </c>
      <c r="C21672" s="358" t="s">
        <v>25844</v>
      </c>
      <c r="D21672" s="358" t="s">
        <v>8356</v>
      </c>
      <c r="E21672" s="358" t="s">
        <v>25845</v>
      </c>
      <c r="F21672" s="358" t="s">
        <v>14371</v>
      </c>
      <c r="G21672" s="358" t="s">
        <v>14372</v>
      </c>
      <c r="H21672" s="358" t="s">
        <v>14370</v>
      </c>
      <c r="I21672" s="358" t="s">
        <v>14373</v>
      </c>
      <c r="J21672" s="358"/>
      <c r="K21672" s="358" t="s">
        <v>19144</v>
      </c>
      <c r="L21672" s="358"/>
    </row>
    <row r="21673" spans="2:12">
      <c r="B21673" s="367"/>
      <c r="C21673" s="360"/>
      <c r="D21673" s="367"/>
      <c r="E21673" s="367"/>
      <c r="F21673" s="360"/>
      <c r="G21673" s="360"/>
      <c r="H21673" s="360"/>
      <c r="I21673" s="367"/>
      <c r="J21673" s="365"/>
      <c r="K21673" s="360"/>
      <c r="L21673" s="365"/>
    </row>
    <row r="21674" spans="2:12" ht="28.5">
      <c r="B21674" s="368"/>
      <c r="C21674" s="361" t="s">
        <v>25846</v>
      </c>
      <c r="D21674" s="368"/>
      <c r="E21674" s="368"/>
      <c r="F21674" s="361" t="s">
        <v>14374</v>
      </c>
      <c r="G21674" s="361" t="s">
        <v>14373</v>
      </c>
      <c r="H21674" s="361" t="s">
        <v>14422</v>
      </c>
      <c r="I21674" s="368"/>
      <c r="J21674" s="366"/>
      <c r="K21674" s="361" t="s">
        <v>19144</v>
      </c>
      <c r="L21674" s="366"/>
    </row>
    <row r="21675" spans="2:12">
      <c r="B21675" s="358" t="s">
        <v>13975</v>
      </c>
      <c r="C21675" s="358" t="s">
        <v>25847</v>
      </c>
      <c r="D21675" s="358" t="s">
        <v>13976</v>
      </c>
      <c r="E21675" s="358" t="s">
        <v>14174</v>
      </c>
      <c r="F21675" s="358" t="s">
        <v>14443</v>
      </c>
      <c r="G21675" s="358" t="s">
        <v>14444</v>
      </c>
      <c r="H21675" s="358" t="s">
        <v>14381</v>
      </c>
      <c r="I21675" s="358" t="s">
        <v>14444</v>
      </c>
      <c r="J21675" s="358"/>
      <c r="K21675" s="358"/>
      <c r="L21675" s="358"/>
    </row>
    <row r="21676" spans="2:12">
      <c r="B21676" s="367"/>
      <c r="C21676" s="360"/>
      <c r="D21676" s="367"/>
      <c r="E21676" s="367"/>
      <c r="F21676" s="360"/>
      <c r="G21676" s="360"/>
      <c r="H21676" s="360"/>
      <c r="I21676" s="360"/>
      <c r="J21676" s="365"/>
      <c r="K21676" s="365"/>
      <c r="L21676" s="365"/>
    </row>
    <row r="21677" spans="2:12" ht="28.5">
      <c r="B21677" s="367"/>
      <c r="C21677" s="359" t="s">
        <v>13977</v>
      </c>
      <c r="D21677" s="367"/>
      <c r="E21677" s="367"/>
      <c r="F21677" s="359" t="s">
        <v>14424</v>
      </c>
      <c r="G21677" s="359" t="s">
        <v>17083</v>
      </c>
      <c r="H21677" s="359" t="s">
        <v>14367</v>
      </c>
      <c r="I21677" s="359" t="s">
        <v>17083</v>
      </c>
      <c r="J21677" s="365"/>
      <c r="K21677" s="365"/>
      <c r="L21677" s="365"/>
    </row>
    <row r="21678" spans="2:12">
      <c r="B21678" s="367"/>
      <c r="C21678" s="360"/>
      <c r="D21678" s="367"/>
      <c r="E21678" s="367"/>
      <c r="F21678" s="360"/>
      <c r="G21678" s="360"/>
      <c r="H21678" s="360"/>
      <c r="I21678" s="360"/>
      <c r="J21678" s="365"/>
      <c r="K21678" s="365"/>
      <c r="L21678" s="365"/>
    </row>
    <row r="21679" spans="2:12">
      <c r="B21679" s="367"/>
      <c r="C21679" s="360"/>
      <c r="D21679" s="367"/>
      <c r="E21679" s="367"/>
      <c r="F21679" s="359" t="s">
        <v>15089</v>
      </c>
      <c r="G21679" s="359" t="s">
        <v>14429</v>
      </c>
      <c r="H21679" s="359" t="s">
        <v>14370</v>
      </c>
      <c r="I21679" s="359" t="s">
        <v>14429</v>
      </c>
      <c r="J21679" s="365"/>
      <c r="K21679" s="365"/>
      <c r="L21679" s="365"/>
    </row>
    <row r="21680" spans="2:12">
      <c r="B21680" s="367"/>
      <c r="C21680" s="360"/>
      <c r="D21680" s="367"/>
      <c r="E21680" s="367"/>
      <c r="F21680" s="360"/>
      <c r="G21680" s="360"/>
      <c r="H21680" s="360"/>
      <c r="I21680" s="360"/>
      <c r="J21680" s="365"/>
      <c r="K21680" s="365"/>
      <c r="L21680" s="365"/>
    </row>
    <row r="21681" spans="2:12" ht="28.5">
      <c r="B21681" s="368"/>
      <c r="C21681" s="362"/>
      <c r="D21681" s="368"/>
      <c r="E21681" s="368"/>
      <c r="F21681" s="361" t="s">
        <v>14394</v>
      </c>
      <c r="G21681" s="361" t="s">
        <v>14395</v>
      </c>
      <c r="H21681" s="361" t="s">
        <v>14332</v>
      </c>
      <c r="I21681" s="361" t="s">
        <v>14395</v>
      </c>
      <c r="J21681" s="366"/>
      <c r="K21681" s="366"/>
      <c r="L21681" s="366"/>
    </row>
    <row r="21682" spans="2:12">
      <c r="B21682" s="354" t="s">
        <v>28574</v>
      </c>
      <c r="C21682" s="369"/>
      <c r="D21682" s="369"/>
      <c r="E21682" s="369"/>
      <c r="F21682" s="369"/>
      <c r="G21682" s="369"/>
      <c r="H21682" s="369"/>
      <c r="I21682" s="369"/>
      <c r="J21682" s="369"/>
      <c r="K21682" s="369"/>
      <c r="L21682" s="370"/>
    </row>
    <row r="21683" spans="2:12">
      <c r="B21683" s="358" t="s">
        <v>29737</v>
      </c>
      <c r="C21683" s="358" t="s">
        <v>28442</v>
      </c>
      <c r="D21683" s="358" t="s">
        <v>8356</v>
      </c>
      <c r="E21683" s="358" t="s">
        <v>28443</v>
      </c>
      <c r="F21683" s="358" t="s">
        <v>14443</v>
      </c>
      <c r="G21683" s="358" t="s">
        <v>14444</v>
      </c>
      <c r="H21683" s="358" t="s">
        <v>14381</v>
      </c>
      <c r="I21683" s="358" t="s">
        <v>14444</v>
      </c>
      <c r="J21683" s="358"/>
      <c r="K21683" s="358" t="s">
        <v>14517</v>
      </c>
      <c r="L21683" s="358"/>
    </row>
    <row r="21684" spans="2:12">
      <c r="B21684" s="367"/>
      <c r="C21684" s="360"/>
      <c r="D21684" s="367"/>
      <c r="E21684" s="367"/>
      <c r="F21684" s="360"/>
      <c r="G21684" s="360"/>
      <c r="H21684" s="360"/>
      <c r="I21684" s="360"/>
      <c r="J21684" s="365"/>
      <c r="K21684" s="360"/>
      <c r="L21684" s="365"/>
    </row>
    <row r="21685" spans="2:12" ht="28.5">
      <c r="B21685" s="367"/>
      <c r="C21685" s="359" t="s">
        <v>30490</v>
      </c>
      <c r="D21685" s="367"/>
      <c r="E21685" s="367"/>
      <c r="F21685" s="359" t="s">
        <v>14386</v>
      </c>
      <c r="G21685" s="359" t="s">
        <v>14387</v>
      </c>
      <c r="H21685" s="359" t="s">
        <v>14367</v>
      </c>
      <c r="I21685" s="359" t="s">
        <v>14387</v>
      </c>
      <c r="J21685" s="365"/>
      <c r="K21685" s="359" t="s">
        <v>14517</v>
      </c>
      <c r="L21685" s="365"/>
    </row>
    <row r="21686" spans="2:12">
      <c r="B21686" s="367"/>
      <c r="C21686" s="360"/>
      <c r="D21686" s="367"/>
      <c r="E21686" s="367"/>
      <c r="F21686" s="360"/>
      <c r="G21686" s="360"/>
      <c r="H21686" s="360"/>
      <c r="I21686" s="360"/>
      <c r="J21686" s="365"/>
      <c r="K21686" s="360"/>
      <c r="L21686" s="365"/>
    </row>
    <row r="21687" spans="2:12">
      <c r="B21687" s="367"/>
      <c r="C21687" s="360"/>
      <c r="D21687" s="367"/>
      <c r="E21687" s="367"/>
      <c r="F21687" s="359" t="s">
        <v>14371</v>
      </c>
      <c r="G21687" s="359" t="s">
        <v>14372</v>
      </c>
      <c r="H21687" s="359" t="s">
        <v>14370</v>
      </c>
      <c r="I21687" s="359" t="s">
        <v>14373</v>
      </c>
      <c r="J21687" s="365"/>
      <c r="K21687" s="360"/>
      <c r="L21687" s="365"/>
    </row>
    <row r="21688" spans="2:12">
      <c r="B21688" s="367"/>
      <c r="C21688" s="360"/>
      <c r="D21688" s="367"/>
      <c r="E21688" s="367"/>
      <c r="F21688" s="360"/>
      <c r="G21688" s="360"/>
      <c r="H21688" s="360"/>
      <c r="I21688" s="360"/>
      <c r="J21688" s="365"/>
      <c r="K21688" s="360"/>
      <c r="L21688" s="365"/>
    </row>
    <row r="21689" spans="2:12" ht="28.5">
      <c r="B21689" s="368"/>
      <c r="C21689" s="362"/>
      <c r="D21689" s="368"/>
      <c r="E21689" s="368"/>
      <c r="F21689" s="361" t="s">
        <v>14374</v>
      </c>
      <c r="G21689" s="361" t="s">
        <v>14373</v>
      </c>
      <c r="H21689" s="361" t="s">
        <v>14422</v>
      </c>
      <c r="I21689" s="362"/>
      <c r="J21689" s="366"/>
      <c r="K21689" s="362"/>
      <c r="L21689" s="366"/>
    </row>
    <row r="21690" spans="2:12">
      <c r="B21690" s="354" t="s">
        <v>28528</v>
      </c>
      <c r="C21690" s="369"/>
      <c r="D21690" s="369"/>
      <c r="E21690" s="369"/>
      <c r="F21690" s="369"/>
      <c r="G21690" s="369"/>
      <c r="H21690" s="369"/>
      <c r="I21690" s="369"/>
      <c r="J21690" s="369"/>
      <c r="K21690" s="369"/>
      <c r="L21690" s="370"/>
    </row>
    <row r="21691" spans="2:12" ht="42.75">
      <c r="B21691" s="358" t="s">
        <v>25848</v>
      </c>
      <c r="C21691" s="358" t="s">
        <v>28111</v>
      </c>
      <c r="D21691" s="358" t="s">
        <v>25849</v>
      </c>
      <c r="E21691" s="358" t="s">
        <v>25850</v>
      </c>
      <c r="F21691" s="358" t="s">
        <v>29738</v>
      </c>
      <c r="G21691" s="358" t="s">
        <v>16363</v>
      </c>
      <c r="H21691" s="358" t="s">
        <v>14328</v>
      </c>
      <c r="I21691" s="358" t="s">
        <v>16363</v>
      </c>
      <c r="J21691" s="358"/>
      <c r="K21691" s="358"/>
      <c r="L21691" s="358"/>
    </row>
    <row r="21692" spans="2:12">
      <c r="B21692" s="367"/>
      <c r="C21692" s="367"/>
      <c r="D21692" s="367"/>
      <c r="E21692" s="367"/>
      <c r="F21692" s="367"/>
      <c r="G21692" s="360"/>
      <c r="H21692" s="360"/>
      <c r="I21692" s="360"/>
      <c r="J21692" s="365"/>
      <c r="K21692" s="365"/>
      <c r="L21692" s="365"/>
    </row>
    <row r="21693" spans="2:12">
      <c r="B21693" s="367"/>
      <c r="C21693" s="367"/>
      <c r="D21693" s="367"/>
      <c r="E21693" s="367"/>
      <c r="F21693" s="367"/>
      <c r="G21693" s="359" t="s">
        <v>14506</v>
      </c>
      <c r="H21693" s="359" t="s">
        <v>14381</v>
      </c>
      <c r="I21693" s="359" t="s">
        <v>14506</v>
      </c>
      <c r="J21693" s="365"/>
      <c r="K21693" s="365"/>
      <c r="L21693" s="365"/>
    </row>
    <row r="21694" spans="2:12">
      <c r="B21694" s="367"/>
      <c r="C21694" s="367"/>
      <c r="D21694" s="367"/>
      <c r="E21694" s="367"/>
      <c r="F21694" s="367"/>
      <c r="G21694" s="360"/>
      <c r="H21694" s="360"/>
      <c r="I21694" s="360"/>
      <c r="J21694" s="365"/>
      <c r="K21694" s="365"/>
      <c r="L21694" s="365"/>
    </row>
    <row r="21695" spans="2:12">
      <c r="B21695" s="368"/>
      <c r="C21695" s="368"/>
      <c r="D21695" s="368"/>
      <c r="E21695" s="368"/>
      <c r="F21695" s="368"/>
      <c r="G21695" s="361" t="s">
        <v>14427</v>
      </c>
      <c r="H21695" s="361" t="s">
        <v>14332</v>
      </c>
      <c r="I21695" s="361" t="s">
        <v>14427</v>
      </c>
      <c r="J21695" s="366"/>
      <c r="K21695" s="366"/>
      <c r="L21695" s="366"/>
    </row>
    <row r="21696" spans="2:12" ht="71.25">
      <c r="B21696" s="358" t="s">
        <v>25852</v>
      </c>
      <c r="C21696" s="358" t="s">
        <v>25853</v>
      </c>
      <c r="D21696" s="358" t="s">
        <v>25854</v>
      </c>
      <c r="E21696" s="358" t="s">
        <v>25855</v>
      </c>
      <c r="F21696" s="358" t="s">
        <v>25851</v>
      </c>
      <c r="G21696" s="358" t="s">
        <v>16363</v>
      </c>
      <c r="H21696" s="358" t="s">
        <v>14328</v>
      </c>
      <c r="I21696" s="358" t="s">
        <v>16363</v>
      </c>
      <c r="J21696" s="358"/>
      <c r="K21696" s="358" t="s">
        <v>29739</v>
      </c>
      <c r="L21696" s="358"/>
    </row>
    <row r="21697" spans="2:12">
      <c r="B21697" s="367"/>
      <c r="C21697" s="360"/>
      <c r="D21697" s="367"/>
      <c r="E21697" s="367"/>
      <c r="F21697" s="360"/>
      <c r="G21697" s="360"/>
      <c r="H21697" s="360"/>
      <c r="I21697" s="360"/>
      <c r="J21697" s="365"/>
      <c r="K21697" s="360"/>
      <c r="L21697" s="365"/>
    </row>
    <row r="21698" spans="2:12">
      <c r="B21698" s="367"/>
      <c r="C21698" s="359" t="s">
        <v>25856</v>
      </c>
      <c r="D21698" s="367"/>
      <c r="E21698" s="367"/>
      <c r="F21698" s="359" t="s">
        <v>14382</v>
      </c>
      <c r="G21698" s="359" t="s">
        <v>14483</v>
      </c>
      <c r="H21698" s="359" t="s">
        <v>14378</v>
      </c>
      <c r="I21698" s="359" t="s">
        <v>14483</v>
      </c>
      <c r="J21698" s="365"/>
      <c r="K21698" s="359" t="s">
        <v>28689</v>
      </c>
      <c r="L21698" s="365"/>
    </row>
    <row r="21699" spans="2:12">
      <c r="B21699" s="367"/>
      <c r="C21699" s="360"/>
      <c r="D21699" s="367"/>
      <c r="E21699" s="367"/>
      <c r="F21699" s="360"/>
      <c r="G21699" s="360"/>
      <c r="H21699" s="360"/>
      <c r="I21699" s="360"/>
      <c r="J21699" s="365"/>
      <c r="K21699" s="360"/>
      <c r="L21699" s="365"/>
    </row>
    <row r="21700" spans="2:12" ht="42.75">
      <c r="B21700" s="367"/>
      <c r="C21700" s="360"/>
      <c r="D21700" s="367"/>
      <c r="E21700" s="367"/>
      <c r="F21700" s="359" t="s">
        <v>14420</v>
      </c>
      <c r="G21700" s="359" t="s">
        <v>14421</v>
      </c>
      <c r="H21700" s="359" t="s">
        <v>14381</v>
      </c>
      <c r="I21700" s="359" t="s">
        <v>14421</v>
      </c>
      <c r="J21700" s="365"/>
      <c r="K21700" s="359" t="s">
        <v>29740</v>
      </c>
      <c r="L21700" s="365"/>
    </row>
    <row r="21701" spans="2:12">
      <c r="B21701" s="367"/>
      <c r="C21701" s="360"/>
      <c r="D21701" s="367"/>
      <c r="E21701" s="367"/>
      <c r="F21701" s="360"/>
      <c r="G21701" s="360"/>
      <c r="H21701" s="360"/>
      <c r="I21701" s="360"/>
      <c r="J21701" s="365"/>
      <c r="K21701" s="360"/>
      <c r="L21701" s="365"/>
    </row>
    <row r="21702" spans="2:12">
      <c r="B21702" s="367"/>
      <c r="C21702" s="360"/>
      <c r="D21702" s="367"/>
      <c r="E21702" s="367"/>
      <c r="F21702" s="359" t="s">
        <v>14420</v>
      </c>
      <c r="G21702" s="359" t="s">
        <v>14429</v>
      </c>
      <c r="H21702" s="359" t="s">
        <v>14341</v>
      </c>
      <c r="I21702" s="359" t="s">
        <v>14429</v>
      </c>
      <c r="J21702" s="365"/>
      <c r="K21702" s="359" t="s">
        <v>28689</v>
      </c>
      <c r="L21702" s="365"/>
    </row>
    <row r="21703" spans="2:12">
      <c r="B21703" s="367"/>
      <c r="C21703" s="360"/>
      <c r="D21703" s="367"/>
      <c r="E21703" s="367"/>
      <c r="F21703" s="360"/>
      <c r="G21703" s="360"/>
      <c r="H21703" s="360"/>
      <c r="I21703" s="360"/>
      <c r="J21703" s="365"/>
      <c r="K21703" s="360"/>
      <c r="L21703" s="365"/>
    </row>
    <row r="21704" spans="2:12" ht="42.75">
      <c r="B21704" s="367"/>
      <c r="C21704" s="360"/>
      <c r="D21704" s="367"/>
      <c r="E21704" s="367"/>
      <c r="F21704" s="359" t="s">
        <v>14460</v>
      </c>
      <c r="G21704" s="359" t="s">
        <v>14519</v>
      </c>
      <c r="H21704" s="359" t="s">
        <v>14370</v>
      </c>
      <c r="I21704" s="359" t="s">
        <v>14519</v>
      </c>
      <c r="J21704" s="365"/>
      <c r="K21704" s="359" t="s">
        <v>28690</v>
      </c>
      <c r="L21704" s="365"/>
    </row>
    <row r="21705" spans="2:12">
      <c r="B21705" s="367"/>
      <c r="C21705" s="360"/>
      <c r="D21705" s="367"/>
      <c r="E21705" s="367"/>
      <c r="F21705" s="360"/>
      <c r="G21705" s="360"/>
      <c r="H21705" s="360"/>
      <c r="I21705" s="360"/>
      <c r="J21705" s="365"/>
      <c r="K21705" s="360"/>
      <c r="L21705" s="365"/>
    </row>
    <row r="21706" spans="2:12">
      <c r="B21706" s="367"/>
      <c r="C21706" s="360"/>
      <c r="D21706" s="367"/>
      <c r="E21706" s="367"/>
      <c r="F21706" s="359" t="s">
        <v>14356</v>
      </c>
      <c r="G21706" s="359" t="s">
        <v>14340</v>
      </c>
      <c r="H21706" s="359" t="s">
        <v>14332</v>
      </c>
      <c r="I21706" s="359" t="s">
        <v>14340</v>
      </c>
      <c r="J21706" s="365"/>
      <c r="K21706" s="359" t="s">
        <v>29741</v>
      </c>
      <c r="L21706" s="365"/>
    </row>
    <row r="21707" spans="2:12">
      <c r="B21707" s="367"/>
      <c r="C21707" s="360"/>
      <c r="D21707" s="367"/>
      <c r="E21707" s="367"/>
      <c r="F21707" s="360"/>
      <c r="G21707" s="360"/>
      <c r="H21707" s="360"/>
      <c r="I21707" s="360"/>
      <c r="J21707" s="365"/>
      <c r="K21707" s="360"/>
      <c r="L21707" s="365"/>
    </row>
    <row r="21708" spans="2:12" ht="42.75">
      <c r="B21708" s="368"/>
      <c r="C21708" s="362"/>
      <c r="D21708" s="368"/>
      <c r="E21708" s="368"/>
      <c r="F21708" s="361" t="s">
        <v>14394</v>
      </c>
      <c r="G21708" s="361" t="s">
        <v>14395</v>
      </c>
      <c r="H21708" s="362"/>
      <c r="I21708" s="361" t="s">
        <v>14395</v>
      </c>
      <c r="J21708" s="366"/>
      <c r="K21708" s="361" t="s">
        <v>29742</v>
      </c>
      <c r="L21708" s="366"/>
    </row>
    <row r="21709" spans="2:12">
      <c r="B21709" s="358" t="s">
        <v>25857</v>
      </c>
      <c r="C21709" s="358" t="s">
        <v>25858</v>
      </c>
      <c r="D21709" s="358" t="s">
        <v>25859</v>
      </c>
      <c r="E21709" s="358" t="s">
        <v>25860</v>
      </c>
      <c r="F21709" s="358" t="s">
        <v>21511</v>
      </c>
      <c r="G21709" s="358" t="s">
        <v>16363</v>
      </c>
      <c r="H21709" s="358" t="s">
        <v>14328</v>
      </c>
      <c r="I21709" s="358" t="s">
        <v>16363</v>
      </c>
      <c r="J21709" s="358"/>
      <c r="K21709" s="358"/>
      <c r="L21709" s="358"/>
    </row>
    <row r="21710" spans="2:12">
      <c r="B21710" s="367"/>
      <c r="C21710" s="367"/>
      <c r="D21710" s="367"/>
      <c r="E21710" s="367"/>
      <c r="F21710" s="367"/>
      <c r="G21710" s="367"/>
      <c r="H21710" s="360"/>
      <c r="I21710" s="367"/>
      <c r="J21710" s="365"/>
      <c r="K21710" s="365"/>
      <c r="L21710" s="365"/>
    </row>
    <row r="21711" spans="2:12">
      <c r="B21711" s="368"/>
      <c r="C21711" s="368"/>
      <c r="D21711" s="368"/>
      <c r="E21711" s="368"/>
      <c r="F21711" s="368"/>
      <c r="G21711" s="368"/>
      <c r="H21711" s="361" t="s">
        <v>14332</v>
      </c>
      <c r="I21711" s="368"/>
      <c r="J21711" s="366"/>
      <c r="K21711" s="366"/>
      <c r="L21711" s="366"/>
    </row>
    <row r="21712" spans="2:12" ht="42.75">
      <c r="B21712" s="358" t="s">
        <v>25861</v>
      </c>
      <c r="C21712" s="358" t="s">
        <v>25862</v>
      </c>
      <c r="D21712" s="358" t="s">
        <v>25863</v>
      </c>
      <c r="E21712" s="358" t="s">
        <v>25864</v>
      </c>
      <c r="F21712" s="358" t="s">
        <v>21511</v>
      </c>
      <c r="G21712" s="358" t="s">
        <v>16363</v>
      </c>
      <c r="H21712" s="358" t="s">
        <v>14328</v>
      </c>
      <c r="I21712" s="358" t="s">
        <v>16363</v>
      </c>
      <c r="J21712" s="358"/>
      <c r="K21712" s="358" t="s">
        <v>28582</v>
      </c>
      <c r="L21712" s="358"/>
    </row>
    <row r="21713" spans="2:12">
      <c r="B21713" s="367"/>
      <c r="C21713" s="367"/>
      <c r="D21713" s="367"/>
      <c r="E21713" s="367"/>
      <c r="F21713" s="360"/>
      <c r="G21713" s="360"/>
      <c r="H21713" s="360"/>
      <c r="I21713" s="360"/>
      <c r="J21713" s="365"/>
      <c r="K21713" s="367"/>
      <c r="L21713" s="365"/>
    </row>
    <row r="21714" spans="2:12">
      <c r="B21714" s="367"/>
      <c r="C21714" s="367"/>
      <c r="D21714" s="367"/>
      <c r="E21714" s="367"/>
      <c r="F21714" s="359" t="s">
        <v>14420</v>
      </c>
      <c r="G21714" s="359" t="s">
        <v>14429</v>
      </c>
      <c r="H21714" s="359" t="s">
        <v>14341</v>
      </c>
      <c r="I21714" s="359" t="s">
        <v>14429</v>
      </c>
      <c r="J21714" s="365"/>
      <c r="K21714" s="367"/>
      <c r="L21714" s="365"/>
    </row>
    <row r="21715" spans="2:12">
      <c r="B21715" s="367"/>
      <c r="C21715" s="367"/>
      <c r="D21715" s="367"/>
      <c r="E21715" s="367"/>
      <c r="F21715" s="360"/>
      <c r="G21715" s="360"/>
      <c r="H21715" s="360"/>
      <c r="I21715" s="360"/>
      <c r="J21715" s="365"/>
      <c r="K21715" s="367"/>
      <c r="L21715" s="365"/>
    </row>
    <row r="21716" spans="2:12">
      <c r="B21716" s="367"/>
      <c r="C21716" s="367"/>
      <c r="D21716" s="367"/>
      <c r="E21716" s="367"/>
      <c r="F21716" s="359" t="s">
        <v>14356</v>
      </c>
      <c r="G21716" s="359" t="s">
        <v>14340</v>
      </c>
      <c r="H21716" s="359" t="s">
        <v>14367</v>
      </c>
      <c r="I21716" s="359" t="s">
        <v>14340</v>
      </c>
      <c r="J21716" s="365"/>
      <c r="K21716" s="367"/>
      <c r="L21716" s="365"/>
    </row>
    <row r="21717" spans="2:12">
      <c r="B21717" s="367"/>
      <c r="C21717" s="367"/>
      <c r="D21717" s="367"/>
      <c r="E21717" s="367"/>
      <c r="F21717" s="360"/>
      <c r="G21717" s="360"/>
      <c r="H21717" s="360"/>
      <c r="I21717" s="360"/>
      <c r="J21717" s="365"/>
      <c r="K21717" s="367"/>
      <c r="L21717" s="365"/>
    </row>
    <row r="21718" spans="2:12">
      <c r="B21718" s="367"/>
      <c r="C21718" s="367"/>
      <c r="D21718" s="367"/>
      <c r="E21718" s="367"/>
      <c r="F21718" s="359" t="s">
        <v>14371</v>
      </c>
      <c r="G21718" s="359" t="s">
        <v>14372</v>
      </c>
      <c r="H21718" s="359" t="s">
        <v>14370</v>
      </c>
      <c r="I21718" s="359" t="s">
        <v>14373</v>
      </c>
      <c r="J21718" s="365"/>
      <c r="K21718" s="367"/>
      <c r="L21718" s="365"/>
    </row>
    <row r="21719" spans="2:12">
      <c r="B21719" s="367"/>
      <c r="C21719" s="367"/>
      <c r="D21719" s="367"/>
      <c r="E21719" s="367"/>
      <c r="F21719" s="360"/>
      <c r="G21719" s="360"/>
      <c r="H21719" s="360"/>
      <c r="I21719" s="360"/>
      <c r="J21719" s="365"/>
      <c r="K21719" s="367"/>
      <c r="L21719" s="365"/>
    </row>
    <row r="21720" spans="2:12" ht="28.5">
      <c r="B21720" s="368"/>
      <c r="C21720" s="368"/>
      <c r="D21720" s="368"/>
      <c r="E21720" s="368"/>
      <c r="F21720" s="361" t="s">
        <v>14374</v>
      </c>
      <c r="G21720" s="361" t="s">
        <v>14373</v>
      </c>
      <c r="H21720" s="361" t="s">
        <v>14332</v>
      </c>
      <c r="I21720" s="362"/>
      <c r="J21720" s="366"/>
      <c r="K21720" s="368"/>
      <c r="L21720" s="366"/>
    </row>
    <row r="21721" spans="2:12">
      <c r="B21721" s="358" t="s">
        <v>25865</v>
      </c>
      <c r="C21721" s="358" t="s">
        <v>29743</v>
      </c>
      <c r="D21721" s="358" t="s">
        <v>25866</v>
      </c>
      <c r="E21721" s="358" t="s">
        <v>25867</v>
      </c>
      <c r="F21721" s="358" t="s">
        <v>25868</v>
      </c>
      <c r="G21721" s="358" t="s">
        <v>16363</v>
      </c>
      <c r="H21721" s="358" t="s">
        <v>14328</v>
      </c>
      <c r="I21721" s="358" t="s">
        <v>16363</v>
      </c>
      <c r="J21721" s="358"/>
      <c r="K21721" s="358"/>
      <c r="L21721" s="358"/>
    </row>
    <row r="21722" spans="2:12">
      <c r="B21722" s="367"/>
      <c r="C21722" s="360"/>
      <c r="D21722" s="367"/>
      <c r="E21722" s="367"/>
      <c r="F21722" s="360"/>
      <c r="G21722" s="360"/>
      <c r="H21722" s="360"/>
      <c r="I21722" s="360"/>
      <c r="J21722" s="365"/>
      <c r="K21722" s="365"/>
      <c r="L21722" s="365"/>
    </row>
    <row r="21723" spans="2:12">
      <c r="B21723" s="367"/>
      <c r="C21723" s="359" t="s">
        <v>29744</v>
      </c>
      <c r="D21723" s="367"/>
      <c r="E21723" s="367"/>
      <c r="F21723" s="359" t="s">
        <v>14386</v>
      </c>
      <c r="G21723" s="359" t="s">
        <v>14387</v>
      </c>
      <c r="H21723" s="359" t="s">
        <v>14367</v>
      </c>
      <c r="I21723" s="359" t="s">
        <v>14387</v>
      </c>
      <c r="J21723" s="365"/>
      <c r="K21723" s="365"/>
      <c r="L21723" s="365"/>
    </row>
    <row r="21724" spans="2:12">
      <c r="B21724" s="367"/>
      <c r="C21724" s="360"/>
      <c r="D21724" s="367"/>
      <c r="E21724" s="367"/>
      <c r="F21724" s="360"/>
      <c r="G21724" s="360"/>
      <c r="H21724" s="360"/>
      <c r="I21724" s="360"/>
      <c r="J21724" s="365"/>
      <c r="K21724" s="365"/>
      <c r="L21724" s="365"/>
    </row>
    <row r="21725" spans="2:12">
      <c r="B21725" s="367"/>
      <c r="C21725" s="360"/>
      <c r="D21725" s="367"/>
      <c r="E21725" s="367"/>
      <c r="F21725" s="359" t="s">
        <v>14389</v>
      </c>
      <c r="G21725" s="359" t="s">
        <v>14390</v>
      </c>
      <c r="H21725" s="359" t="s">
        <v>14370</v>
      </c>
      <c r="I21725" s="359" t="s">
        <v>14390</v>
      </c>
      <c r="J21725" s="365"/>
      <c r="K21725" s="365"/>
      <c r="L21725" s="365"/>
    </row>
    <row r="21726" spans="2:12">
      <c r="B21726" s="367"/>
      <c r="C21726" s="360"/>
      <c r="D21726" s="367"/>
      <c r="E21726" s="367"/>
      <c r="F21726" s="360"/>
      <c r="G21726" s="360"/>
      <c r="H21726" s="360"/>
      <c r="I21726" s="360"/>
      <c r="J21726" s="365"/>
      <c r="K21726" s="365"/>
      <c r="L21726" s="365"/>
    </row>
    <row r="21727" spans="2:12" ht="28.5">
      <c r="B21727" s="368"/>
      <c r="C21727" s="362"/>
      <c r="D21727" s="368"/>
      <c r="E21727" s="368"/>
      <c r="F21727" s="361" t="s">
        <v>14394</v>
      </c>
      <c r="G21727" s="361" t="s">
        <v>14395</v>
      </c>
      <c r="H21727" s="361" t="s">
        <v>14422</v>
      </c>
      <c r="I21727" s="361" t="s">
        <v>14395</v>
      </c>
      <c r="J21727" s="366"/>
      <c r="K21727" s="366"/>
      <c r="L21727" s="366"/>
    </row>
    <row r="21728" spans="2:12">
      <c r="B21728" s="358" t="s">
        <v>25869</v>
      </c>
      <c r="C21728" s="358" t="s">
        <v>28112</v>
      </c>
      <c r="D21728" s="358" t="s">
        <v>25870</v>
      </c>
      <c r="E21728" s="358" t="s">
        <v>25871</v>
      </c>
      <c r="F21728" s="358" t="s">
        <v>25851</v>
      </c>
      <c r="G21728" s="358" t="s">
        <v>16363</v>
      </c>
      <c r="H21728" s="358" t="s">
        <v>14328</v>
      </c>
      <c r="I21728" s="358" t="s">
        <v>16363</v>
      </c>
      <c r="J21728" s="358"/>
      <c r="K21728" s="358"/>
      <c r="L21728" s="358"/>
    </row>
    <row r="21729" spans="2:12">
      <c r="B21729" s="367"/>
      <c r="C21729" s="367"/>
      <c r="D21729" s="367"/>
      <c r="E21729" s="367"/>
      <c r="F21729" s="360"/>
      <c r="G21729" s="360"/>
      <c r="H21729" s="360"/>
      <c r="I21729" s="360"/>
      <c r="J21729" s="365"/>
      <c r="K21729" s="365"/>
      <c r="L21729" s="365"/>
    </row>
    <row r="21730" spans="2:12">
      <c r="B21730" s="367"/>
      <c r="C21730" s="367"/>
      <c r="D21730" s="367"/>
      <c r="E21730" s="367"/>
      <c r="F21730" s="359" t="s">
        <v>14389</v>
      </c>
      <c r="G21730" s="359" t="s">
        <v>14390</v>
      </c>
      <c r="H21730" s="359" t="s">
        <v>14367</v>
      </c>
      <c r="I21730" s="359" t="s">
        <v>14390</v>
      </c>
      <c r="J21730" s="365"/>
      <c r="K21730" s="365"/>
      <c r="L21730" s="365"/>
    </row>
    <row r="21731" spans="2:12">
      <c r="B21731" s="367"/>
      <c r="C21731" s="367"/>
      <c r="D21731" s="367"/>
      <c r="E21731" s="367"/>
      <c r="F21731" s="360"/>
      <c r="G21731" s="360"/>
      <c r="H21731" s="360"/>
      <c r="I21731" s="360"/>
      <c r="J21731" s="365"/>
      <c r="K21731" s="365"/>
      <c r="L21731" s="365"/>
    </row>
    <row r="21732" spans="2:12" ht="28.5">
      <c r="B21732" s="367"/>
      <c r="C21732" s="367"/>
      <c r="D21732" s="367"/>
      <c r="E21732" s="367"/>
      <c r="F21732" s="359" t="s">
        <v>14394</v>
      </c>
      <c r="G21732" s="359" t="s">
        <v>14395</v>
      </c>
      <c r="H21732" s="359" t="s">
        <v>14370</v>
      </c>
      <c r="I21732" s="359" t="s">
        <v>14395</v>
      </c>
      <c r="J21732" s="365"/>
      <c r="K21732" s="365"/>
      <c r="L21732" s="365"/>
    </row>
    <row r="21733" spans="2:12">
      <c r="B21733" s="367"/>
      <c r="C21733" s="367"/>
      <c r="D21733" s="367"/>
      <c r="E21733" s="367"/>
      <c r="F21733" s="360"/>
      <c r="G21733" s="360"/>
      <c r="H21733" s="360"/>
      <c r="I21733" s="360"/>
      <c r="J21733" s="365"/>
      <c r="K21733" s="365"/>
      <c r="L21733" s="365"/>
    </row>
    <row r="21734" spans="2:12">
      <c r="B21734" s="368"/>
      <c r="C21734" s="368"/>
      <c r="D21734" s="368"/>
      <c r="E21734" s="368"/>
      <c r="F21734" s="362"/>
      <c r="G21734" s="362"/>
      <c r="H21734" s="361" t="s">
        <v>14422</v>
      </c>
      <c r="I21734" s="362"/>
      <c r="J21734" s="366"/>
      <c r="K21734" s="366"/>
      <c r="L21734" s="366"/>
    </row>
    <row r="21735" spans="2:12">
      <c r="B21735" s="358" t="s">
        <v>25872</v>
      </c>
      <c r="C21735" s="358" t="s">
        <v>25873</v>
      </c>
      <c r="D21735" s="358" t="s">
        <v>25874</v>
      </c>
      <c r="E21735" s="358" t="s">
        <v>25875</v>
      </c>
      <c r="F21735" s="358" t="s">
        <v>25876</v>
      </c>
      <c r="G21735" s="358" t="s">
        <v>20514</v>
      </c>
      <c r="H21735" s="358" t="s">
        <v>14954</v>
      </c>
      <c r="I21735" s="358" t="s">
        <v>20514</v>
      </c>
      <c r="J21735" s="358"/>
      <c r="K21735" s="358"/>
      <c r="L21735" s="358"/>
    </row>
    <row r="21736" spans="2:12">
      <c r="B21736" s="367"/>
      <c r="C21736" s="360"/>
      <c r="D21736" s="367"/>
      <c r="E21736" s="367"/>
      <c r="F21736" s="360"/>
      <c r="G21736" s="360"/>
      <c r="H21736" s="360"/>
      <c r="I21736" s="360"/>
      <c r="J21736" s="365"/>
      <c r="K21736" s="365"/>
      <c r="L21736" s="365"/>
    </row>
    <row r="21737" spans="2:12">
      <c r="B21737" s="367"/>
      <c r="C21737" s="359" t="s">
        <v>25877</v>
      </c>
      <c r="D21737" s="367"/>
      <c r="E21737" s="367"/>
      <c r="F21737" s="359" t="s">
        <v>14386</v>
      </c>
      <c r="G21737" s="359" t="s">
        <v>14387</v>
      </c>
      <c r="H21737" s="359" t="s">
        <v>14328</v>
      </c>
      <c r="I21737" s="359" t="s">
        <v>14387</v>
      </c>
      <c r="J21737" s="365"/>
      <c r="K21737" s="365"/>
      <c r="L21737" s="365"/>
    </row>
    <row r="21738" spans="2:12">
      <c r="B21738" s="367"/>
      <c r="C21738" s="360"/>
      <c r="D21738" s="367"/>
      <c r="E21738" s="367"/>
      <c r="F21738" s="360"/>
      <c r="G21738" s="360"/>
      <c r="H21738" s="360"/>
      <c r="I21738" s="360"/>
      <c r="J21738" s="365"/>
      <c r="K21738" s="365"/>
      <c r="L21738" s="365"/>
    </row>
    <row r="21739" spans="2:12">
      <c r="B21739" s="367"/>
      <c r="C21739" s="360"/>
      <c r="D21739" s="367"/>
      <c r="E21739" s="367"/>
      <c r="F21739" s="359" t="s">
        <v>14391</v>
      </c>
      <c r="G21739" s="359" t="s">
        <v>14392</v>
      </c>
      <c r="H21739" s="359" t="s">
        <v>14367</v>
      </c>
      <c r="I21739" s="359" t="s">
        <v>14392</v>
      </c>
      <c r="J21739" s="365"/>
      <c r="K21739" s="365"/>
      <c r="L21739" s="365"/>
    </row>
    <row r="21740" spans="2:12">
      <c r="B21740" s="367"/>
      <c r="C21740" s="360"/>
      <c r="D21740" s="367"/>
      <c r="E21740" s="367"/>
      <c r="F21740" s="360"/>
      <c r="G21740" s="360"/>
      <c r="H21740" s="360"/>
      <c r="I21740" s="360"/>
      <c r="J21740" s="365"/>
      <c r="K21740" s="365"/>
      <c r="L21740" s="365"/>
    </row>
    <row r="21741" spans="2:12">
      <c r="B21741" s="368"/>
      <c r="C21741" s="362"/>
      <c r="D21741" s="368"/>
      <c r="E21741" s="368"/>
      <c r="F21741" s="362"/>
      <c r="G21741" s="362"/>
      <c r="H21741" s="361" t="s">
        <v>14332</v>
      </c>
      <c r="I21741" s="362"/>
      <c r="J21741" s="366"/>
      <c r="K21741" s="366"/>
      <c r="L21741" s="366"/>
    </row>
    <row r="21742" spans="2:12" ht="42.75">
      <c r="B21742" s="358" t="s">
        <v>25878</v>
      </c>
      <c r="C21742" s="358" t="s">
        <v>25879</v>
      </c>
      <c r="D21742" s="358" t="s">
        <v>25880</v>
      </c>
      <c r="E21742" s="358" t="s">
        <v>25881</v>
      </c>
      <c r="F21742" s="358" t="s">
        <v>25882</v>
      </c>
      <c r="G21742" s="358" t="s">
        <v>22363</v>
      </c>
      <c r="H21742" s="358" t="s">
        <v>14954</v>
      </c>
      <c r="I21742" s="358" t="s">
        <v>22363</v>
      </c>
      <c r="J21742" s="358"/>
      <c r="K21742" s="358" t="s">
        <v>28582</v>
      </c>
      <c r="L21742" s="358" t="s">
        <v>14611</v>
      </c>
    </row>
    <row r="21743" spans="2:12">
      <c r="B21743" s="367"/>
      <c r="C21743" s="360"/>
      <c r="D21743" s="360"/>
      <c r="E21743" s="360"/>
      <c r="F21743" s="360"/>
      <c r="G21743" s="360"/>
      <c r="H21743" s="360"/>
      <c r="I21743" s="360"/>
      <c r="J21743" s="365"/>
      <c r="K21743" s="367"/>
      <c r="L21743" s="367"/>
    </row>
    <row r="21744" spans="2:12" ht="28.5">
      <c r="B21744" s="367"/>
      <c r="C21744" s="359" t="s">
        <v>25883</v>
      </c>
      <c r="D21744" s="359" t="s">
        <v>25884</v>
      </c>
      <c r="E21744" s="359" t="s">
        <v>25885</v>
      </c>
      <c r="F21744" s="359" t="s">
        <v>14356</v>
      </c>
      <c r="G21744" s="359" t="s">
        <v>14340</v>
      </c>
      <c r="H21744" s="359" t="s">
        <v>14341</v>
      </c>
      <c r="I21744" s="359" t="s">
        <v>14340</v>
      </c>
      <c r="J21744" s="365"/>
      <c r="K21744" s="367"/>
      <c r="L21744" s="367"/>
    </row>
    <row r="21745" spans="2:12">
      <c r="B21745" s="367"/>
      <c r="C21745" s="360"/>
      <c r="D21745" s="360"/>
      <c r="E21745" s="360"/>
      <c r="F21745" s="360"/>
      <c r="G21745" s="360"/>
      <c r="H21745" s="360"/>
      <c r="I21745" s="360"/>
      <c r="J21745" s="365"/>
      <c r="K21745" s="367"/>
      <c r="L21745" s="367"/>
    </row>
    <row r="21746" spans="2:12" ht="28.5">
      <c r="B21746" s="367"/>
      <c r="C21746" s="359" t="s">
        <v>25886</v>
      </c>
      <c r="D21746" s="359" t="s">
        <v>25887</v>
      </c>
      <c r="E21746" s="359" t="s">
        <v>25888</v>
      </c>
      <c r="F21746" s="359" t="s">
        <v>14420</v>
      </c>
      <c r="G21746" s="359" t="s">
        <v>14429</v>
      </c>
      <c r="H21746" s="359" t="s">
        <v>14367</v>
      </c>
      <c r="I21746" s="359" t="s">
        <v>14429</v>
      </c>
      <c r="J21746" s="365"/>
      <c r="K21746" s="367"/>
      <c r="L21746" s="367"/>
    </row>
    <row r="21747" spans="2:12">
      <c r="B21747" s="367"/>
      <c r="C21747" s="360"/>
      <c r="D21747" s="360"/>
      <c r="E21747" s="360"/>
      <c r="F21747" s="360"/>
      <c r="G21747" s="360"/>
      <c r="H21747" s="360"/>
      <c r="I21747" s="360"/>
      <c r="J21747" s="365"/>
      <c r="K21747" s="367"/>
      <c r="L21747" s="367"/>
    </row>
    <row r="21748" spans="2:12" ht="28.5">
      <c r="B21748" s="368"/>
      <c r="C21748" s="361" t="s">
        <v>25889</v>
      </c>
      <c r="D21748" s="361" t="s">
        <v>25890</v>
      </c>
      <c r="E21748" s="361" t="s">
        <v>25891</v>
      </c>
      <c r="F21748" s="362"/>
      <c r="G21748" s="362"/>
      <c r="H21748" s="361" t="s">
        <v>14332</v>
      </c>
      <c r="I21748" s="362"/>
      <c r="J21748" s="366"/>
      <c r="K21748" s="368"/>
      <c r="L21748" s="368"/>
    </row>
    <row r="21749" spans="2:12" ht="42.75">
      <c r="B21749" s="358" t="s">
        <v>25892</v>
      </c>
      <c r="C21749" s="358" t="s">
        <v>25879</v>
      </c>
      <c r="D21749" s="358" t="s">
        <v>25880</v>
      </c>
      <c r="E21749" s="358" t="s">
        <v>25881</v>
      </c>
      <c r="F21749" s="358" t="s">
        <v>25893</v>
      </c>
      <c r="G21749" s="358" t="s">
        <v>16363</v>
      </c>
      <c r="H21749" s="358" t="s">
        <v>14328</v>
      </c>
      <c r="I21749" s="358" t="s">
        <v>16363</v>
      </c>
      <c r="J21749" s="358"/>
      <c r="K21749" s="358" t="s">
        <v>28582</v>
      </c>
      <c r="L21749" s="358" t="s">
        <v>25894</v>
      </c>
    </row>
    <row r="21750" spans="2:12">
      <c r="B21750" s="367"/>
      <c r="C21750" s="360"/>
      <c r="D21750" s="360"/>
      <c r="E21750" s="360"/>
      <c r="F21750" s="360"/>
      <c r="G21750" s="360"/>
      <c r="H21750" s="360"/>
      <c r="I21750" s="360"/>
      <c r="J21750" s="365"/>
      <c r="K21750" s="367"/>
      <c r="L21750" s="367"/>
    </row>
    <row r="21751" spans="2:12" ht="28.5">
      <c r="B21751" s="367"/>
      <c r="C21751" s="359" t="s">
        <v>25895</v>
      </c>
      <c r="D21751" s="359" t="s">
        <v>25884</v>
      </c>
      <c r="E21751" s="359" t="s">
        <v>25885</v>
      </c>
      <c r="F21751" s="359" t="s">
        <v>14420</v>
      </c>
      <c r="G21751" s="359" t="s">
        <v>14429</v>
      </c>
      <c r="H21751" s="359" t="s">
        <v>14341</v>
      </c>
      <c r="I21751" s="359" t="s">
        <v>14429</v>
      </c>
      <c r="J21751" s="365"/>
      <c r="K21751" s="367"/>
      <c r="L21751" s="367"/>
    </row>
    <row r="21752" spans="2:12">
      <c r="B21752" s="367"/>
      <c r="C21752" s="360"/>
      <c r="D21752" s="360"/>
      <c r="E21752" s="360"/>
      <c r="F21752" s="360"/>
      <c r="G21752" s="360"/>
      <c r="H21752" s="360"/>
      <c r="I21752" s="360"/>
      <c r="J21752" s="365"/>
      <c r="K21752" s="367"/>
      <c r="L21752" s="367"/>
    </row>
    <row r="21753" spans="2:12" ht="28.5">
      <c r="B21753" s="367"/>
      <c r="C21753" s="359" t="s">
        <v>29745</v>
      </c>
      <c r="D21753" s="359" t="s">
        <v>25887</v>
      </c>
      <c r="E21753" s="359" t="s">
        <v>25888</v>
      </c>
      <c r="F21753" s="359" t="s">
        <v>14356</v>
      </c>
      <c r="G21753" s="359" t="s">
        <v>14340</v>
      </c>
      <c r="H21753" s="359" t="s">
        <v>14367</v>
      </c>
      <c r="I21753" s="359" t="s">
        <v>14340</v>
      </c>
      <c r="J21753" s="365"/>
      <c r="K21753" s="367"/>
      <c r="L21753" s="367"/>
    </row>
    <row r="21754" spans="2:12">
      <c r="B21754" s="367"/>
      <c r="C21754" s="360"/>
      <c r="D21754" s="360"/>
      <c r="E21754" s="360"/>
      <c r="F21754" s="360"/>
      <c r="G21754" s="360"/>
      <c r="H21754" s="360"/>
      <c r="I21754" s="360"/>
      <c r="J21754" s="365"/>
      <c r="K21754" s="367"/>
      <c r="L21754" s="367"/>
    </row>
    <row r="21755" spans="2:12" ht="28.5">
      <c r="B21755" s="368"/>
      <c r="C21755" s="361" t="s">
        <v>29746</v>
      </c>
      <c r="D21755" s="361" t="s">
        <v>25890</v>
      </c>
      <c r="E21755" s="361" t="s">
        <v>25891</v>
      </c>
      <c r="F21755" s="362"/>
      <c r="G21755" s="362"/>
      <c r="H21755" s="361" t="s">
        <v>14332</v>
      </c>
      <c r="I21755" s="362"/>
      <c r="J21755" s="366"/>
      <c r="K21755" s="368"/>
      <c r="L21755" s="368"/>
    </row>
    <row r="21756" spans="2:12" ht="42.75">
      <c r="B21756" s="358" t="s">
        <v>25896</v>
      </c>
      <c r="C21756" s="358" t="s">
        <v>28113</v>
      </c>
      <c r="D21756" s="358" t="s">
        <v>25897</v>
      </c>
      <c r="E21756" s="358" t="s">
        <v>25898</v>
      </c>
      <c r="F21756" s="358" t="s">
        <v>21511</v>
      </c>
      <c r="G21756" s="358" t="s">
        <v>16363</v>
      </c>
      <c r="H21756" s="358" t="s">
        <v>14328</v>
      </c>
      <c r="I21756" s="358" t="s">
        <v>16363</v>
      </c>
      <c r="J21756" s="358"/>
      <c r="K21756" s="358" t="s">
        <v>28582</v>
      </c>
      <c r="L21756" s="358"/>
    </row>
    <row r="21757" spans="2:12">
      <c r="B21757" s="367"/>
      <c r="C21757" s="360"/>
      <c r="D21757" s="367"/>
      <c r="E21757" s="367"/>
      <c r="F21757" s="360"/>
      <c r="G21757" s="360"/>
      <c r="H21757" s="360"/>
      <c r="I21757" s="360"/>
      <c r="J21757" s="365"/>
      <c r="K21757" s="367"/>
      <c r="L21757" s="365"/>
    </row>
    <row r="21758" spans="2:12">
      <c r="B21758" s="367"/>
      <c r="C21758" s="359" t="s">
        <v>28114</v>
      </c>
      <c r="D21758" s="367"/>
      <c r="E21758" s="367"/>
      <c r="F21758" s="359" t="s">
        <v>14356</v>
      </c>
      <c r="G21758" s="359" t="s">
        <v>14340</v>
      </c>
      <c r="H21758" s="359" t="s">
        <v>14341</v>
      </c>
      <c r="I21758" s="359" t="s">
        <v>14340</v>
      </c>
      <c r="J21758" s="365"/>
      <c r="K21758" s="367"/>
      <c r="L21758" s="365"/>
    </row>
    <row r="21759" spans="2:12">
      <c r="B21759" s="367"/>
      <c r="C21759" s="360"/>
      <c r="D21759" s="367"/>
      <c r="E21759" s="367"/>
      <c r="F21759" s="360"/>
      <c r="G21759" s="360"/>
      <c r="H21759" s="360"/>
      <c r="I21759" s="360"/>
      <c r="J21759" s="365"/>
      <c r="K21759" s="367"/>
      <c r="L21759" s="365"/>
    </row>
    <row r="21760" spans="2:12">
      <c r="B21760" s="367"/>
      <c r="C21760" s="360"/>
      <c r="D21760" s="367"/>
      <c r="E21760" s="367"/>
      <c r="F21760" s="359" t="s">
        <v>14420</v>
      </c>
      <c r="G21760" s="359" t="s">
        <v>14459</v>
      </c>
      <c r="H21760" s="359" t="s">
        <v>14367</v>
      </c>
      <c r="I21760" s="359" t="s">
        <v>14459</v>
      </c>
      <c r="J21760" s="365"/>
      <c r="K21760" s="367"/>
      <c r="L21760" s="365"/>
    </row>
    <row r="21761" spans="2:12">
      <c r="B21761" s="367"/>
      <c r="C21761" s="360"/>
      <c r="D21761" s="367"/>
      <c r="E21761" s="367"/>
      <c r="F21761" s="360"/>
      <c r="G21761" s="360"/>
      <c r="H21761" s="360"/>
      <c r="I21761" s="360"/>
      <c r="J21761" s="365"/>
      <c r="K21761" s="367"/>
      <c r="L21761" s="365"/>
    </row>
    <row r="21762" spans="2:12">
      <c r="B21762" s="368"/>
      <c r="C21762" s="362"/>
      <c r="D21762" s="368"/>
      <c r="E21762" s="368"/>
      <c r="F21762" s="362"/>
      <c r="G21762" s="362"/>
      <c r="H21762" s="361" t="s">
        <v>14332</v>
      </c>
      <c r="I21762" s="362"/>
      <c r="J21762" s="366"/>
      <c r="K21762" s="368"/>
      <c r="L21762" s="366"/>
    </row>
    <row r="21763" spans="2:12" ht="42.75">
      <c r="B21763" s="358" t="s">
        <v>25899</v>
      </c>
      <c r="C21763" s="358" t="s">
        <v>30491</v>
      </c>
      <c r="D21763" s="358" t="s">
        <v>25900</v>
      </c>
      <c r="E21763" s="358" t="s">
        <v>25901</v>
      </c>
      <c r="F21763" s="358" t="s">
        <v>29747</v>
      </c>
      <c r="G21763" s="358" t="s">
        <v>16363</v>
      </c>
      <c r="H21763" s="358" t="s">
        <v>14328</v>
      </c>
      <c r="I21763" s="358" t="s">
        <v>16363</v>
      </c>
      <c r="J21763" s="358"/>
      <c r="K21763" s="358"/>
      <c r="L21763" s="358"/>
    </row>
    <row r="21764" spans="2:12">
      <c r="B21764" s="367"/>
      <c r="C21764" s="367"/>
      <c r="D21764" s="367"/>
      <c r="E21764" s="367"/>
      <c r="F21764" s="360"/>
      <c r="G21764" s="360"/>
      <c r="H21764" s="360"/>
      <c r="I21764" s="360"/>
      <c r="J21764" s="365"/>
      <c r="K21764" s="365"/>
      <c r="L21764" s="365"/>
    </row>
    <row r="21765" spans="2:12" ht="28.5">
      <c r="B21765" s="367"/>
      <c r="C21765" s="367"/>
      <c r="D21765" s="367"/>
      <c r="E21765" s="367"/>
      <c r="F21765" s="359" t="s">
        <v>14374</v>
      </c>
      <c r="G21765" s="359" t="s">
        <v>14372</v>
      </c>
      <c r="H21765" s="359" t="s">
        <v>14370</v>
      </c>
      <c r="I21765" s="359" t="s">
        <v>14373</v>
      </c>
      <c r="J21765" s="365"/>
      <c r="K21765" s="365"/>
      <c r="L21765" s="365"/>
    </row>
    <row r="21766" spans="2:12">
      <c r="B21766" s="367"/>
      <c r="C21766" s="367"/>
      <c r="D21766" s="367"/>
      <c r="E21766" s="367"/>
      <c r="F21766" s="360"/>
      <c r="G21766" s="360"/>
      <c r="H21766" s="360"/>
      <c r="I21766" s="360"/>
      <c r="J21766" s="365"/>
      <c r="K21766" s="365"/>
      <c r="L21766" s="365"/>
    </row>
    <row r="21767" spans="2:12">
      <c r="B21767" s="368"/>
      <c r="C21767" s="368"/>
      <c r="D21767" s="368"/>
      <c r="E21767" s="368"/>
      <c r="F21767" s="362"/>
      <c r="G21767" s="361" t="s">
        <v>14373</v>
      </c>
      <c r="H21767" s="361" t="s">
        <v>14332</v>
      </c>
      <c r="I21767" s="362"/>
      <c r="J21767" s="366"/>
      <c r="K21767" s="366"/>
      <c r="L21767" s="366"/>
    </row>
    <row r="21768" spans="2:12" ht="42.75">
      <c r="B21768" s="358" t="s">
        <v>25902</v>
      </c>
      <c r="C21768" s="358" t="s">
        <v>25903</v>
      </c>
      <c r="D21768" s="358" t="s">
        <v>25904</v>
      </c>
      <c r="E21768" s="358" t="s">
        <v>25905</v>
      </c>
      <c r="F21768" s="358" t="s">
        <v>29748</v>
      </c>
      <c r="G21768" s="358" t="s">
        <v>16363</v>
      </c>
      <c r="H21768" s="358" t="s">
        <v>14328</v>
      </c>
      <c r="I21768" s="358" t="s">
        <v>16363</v>
      </c>
      <c r="J21768" s="358"/>
      <c r="K21768" s="358"/>
      <c r="L21768" s="358"/>
    </row>
    <row r="21769" spans="2:12">
      <c r="B21769" s="367"/>
      <c r="C21769" s="367"/>
      <c r="D21769" s="367"/>
      <c r="E21769" s="367"/>
      <c r="F21769" s="360"/>
      <c r="G21769" s="360"/>
      <c r="H21769" s="360"/>
      <c r="I21769" s="360"/>
      <c r="J21769" s="365"/>
      <c r="K21769" s="365"/>
      <c r="L21769" s="365"/>
    </row>
    <row r="21770" spans="2:12">
      <c r="B21770" s="367"/>
      <c r="C21770" s="367"/>
      <c r="D21770" s="367"/>
      <c r="E21770" s="367"/>
      <c r="F21770" s="359" t="s">
        <v>14391</v>
      </c>
      <c r="G21770" s="359" t="s">
        <v>14431</v>
      </c>
      <c r="H21770" s="359" t="s">
        <v>14341</v>
      </c>
      <c r="I21770" s="359" t="s">
        <v>14431</v>
      </c>
      <c r="J21770" s="365"/>
      <c r="K21770" s="365"/>
      <c r="L21770" s="365"/>
    </row>
    <row r="21771" spans="2:12">
      <c r="B21771" s="367"/>
      <c r="C21771" s="367"/>
      <c r="D21771" s="367"/>
      <c r="E21771" s="367"/>
      <c r="F21771" s="360"/>
      <c r="G21771" s="360"/>
      <c r="H21771" s="360"/>
      <c r="I21771" s="360"/>
      <c r="J21771" s="365"/>
      <c r="K21771" s="365"/>
      <c r="L21771" s="365"/>
    </row>
    <row r="21772" spans="2:12">
      <c r="B21772" s="367"/>
      <c r="C21772" s="367"/>
      <c r="D21772" s="367"/>
      <c r="E21772" s="367"/>
      <c r="F21772" s="359" t="s">
        <v>14371</v>
      </c>
      <c r="G21772" s="359" t="s">
        <v>14392</v>
      </c>
      <c r="H21772" s="359" t="s">
        <v>14367</v>
      </c>
      <c r="I21772" s="359" t="s">
        <v>14392</v>
      </c>
      <c r="J21772" s="365"/>
      <c r="K21772" s="365"/>
      <c r="L21772" s="365"/>
    </row>
    <row r="21773" spans="2:12">
      <c r="B21773" s="367"/>
      <c r="C21773" s="367"/>
      <c r="D21773" s="367"/>
      <c r="E21773" s="367"/>
      <c r="F21773" s="360"/>
      <c r="G21773" s="360"/>
      <c r="H21773" s="360"/>
      <c r="I21773" s="360"/>
      <c r="J21773" s="365"/>
      <c r="K21773" s="365"/>
      <c r="L21773" s="365"/>
    </row>
    <row r="21774" spans="2:12">
      <c r="B21774" s="367"/>
      <c r="C21774" s="367"/>
      <c r="D21774" s="367"/>
      <c r="E21774" s="367"/>
      <c r="F21774" s="360"/>
      <c r="G21774" s="359" t="s">
        <v>14372</v>
      </c>
      <c r="H21774" s="359" t="s">
        <v>14370</v>
      </c>
      <c r="I21774" s="359" t="s">
        <v>14372</v>
      </c>
      <c r="J21774" s="365"/>
      <c r="K21774" s="365"/>
      <c r="L21774" s="365"/>
    </row>
    <row r="21775" spans="2:12">
      <c r="B21775" s="367"/>
      <c r="C21775" s="367"/>
      <c r="D21775" s="367"/>
      <c r="E21775" s="367"/>
      <c r="F21775" s="360"/>
      <c r="G21775" s="360"/>
      <c r="H21775" s="360"/>
      <c r="I21775" s="360"/>
      <c r="J21775" s="365"/>
      <c r="K21775" s="365"/>
      <c r="L21775" s="365"/>
    </row>
    <row r="21776" spans="2:12">
      <c r="B21776" s="368"/>
      <c r="C21776" s="368"/>
      <c r="D21776" s="368"/>
      <c r="E21776" s="368"/>
      <c r="F21776" s="362"/>
      <c r="G21776" s="362"/>
      <c r="H21776" s="361" t="s">
        <v>14332</v>
      </c>
      <c r="I21776" s="362"/>
      <c r="J21776" s="366"/>
      <c r="K21776" s="366"/>
      <c r="L21776" s="366"/>
    </row>
    <row r="21777" spans="2:12" ht="42.75">
      <c r="B21777" s="358" t="s">
        <v>25906</v>
      </c>
      <c r="C21777" s="358" t="s">
        <v>25907</v>
      </c>
      <c r="D21777" s="358" t="s">
        <v>25908</v>
      </c>
      <c r="E21777" s="358" t="s">
        <v>25909</v>
      </c>
      <c r="F21777" s="358" t="s">
        <v>29749</v>
      </c>
      <c r="G21777" s="358" t="s">
        <v>20514</v>
      </c>
      <c r="H21777" s="358" t="s">
        <v>14954</v>
      </c>
      <c r="I21777" s="358" t="s">
        <v>20514</v>
      </c>
      <c r="J21777" s="358"/>
      <c r="K21777" s="358"/>
      <c r="L21777" s="358"/>
    </row>
    <row r="21778" spans="2:12">
      <c r="B21778" s="367"/>
      <c r="C21778" s="367"/>
      <c r="D21778" s="367"/>
      <c r="E21778" s="367"/>
      <c r="F21778" s="360"/>
      <c r="G21778" s="360"/>
      <c r="H21778" s="360"/>
      <c r="I21778" s="360"/>
      <c r="J21778" s="365"/>
      <c r="K21778" s="365"/>
      <c r="L21778" s="365"/>
    </row>
    <row r="21779" spans="2:12" ht="28.5">
      <c r="B21779" s="367"/>
      <c r="C21779" s="367"/>
      <c r="D21779" s="367"/>
      <c r="E21779" s="367"/>
      <c r="F21779" s="359" t="s">
        <v>14374</v>
      </c>
      <c r="G21779" s="359" t="s">
        <v>14372</v>
      </c>
      <c r="H21779" s="359" t="s">
        <v>14328</v>
      </c>
      <c r="I21779" s="359" t="s">
        <v>14373</v>
      </c>
      <c r="J21779" s="365"/>
      <c r="K21779" s="365"/>
      <c r="L21779" s="365"/>
    </row>
    <row r="21780" spans="2:12">
      <c r="B21780" s="367"/>
      <c r="C21780" s="367"/>
      <c r="D21780" s="367"/>
      <c r="E21780" s="367"/>
      <c r="F21780" s="360"/>
      <c r="G21780" s="360"/>
      <c r="H21780" s="360"/>
      <c r="I21780" s="360"/>
      <c r="J21780" s="365"/>
      <c r="K21780" s="365"/>
      <c r="L21780" s="365"/>
    </row>
    <row r="21781" spans="2:12">
      <c r="B21781" s="367"/>
      <c r="C21781" s="367"/>
      <c r="D21781" s="367"/>
      <c r="E21781" s="367"/>
      <c r="F21781" s="360"/>
      <c r="G21781" s="359" t="s">
        <v>14373</v>
      </c>
      <c r="H21781" s="359" t="s">
        <v>14370</v>
      </c>
      <c r="I21781" s="360"/>
      <c r="J21781" s="365"/>
      <c r="K21781" s="365"/>
      <c r="L21781" s="365"/>
    </row>
    <row r="21782" spans="2:12">
      <c r="B21782" s="367"/>
      <c r="C21782" s="367"/>
      <c r="D21782" s="367"/>
      <c r="E21782" s="367"/>
      <c r="F21782" s="360"/>
      <c r="G21782" s="360"/>
      <c r="H21782" s="360"/>
      <c r="I21782" s="360"/>
      <c r="J21782" s="365"/>
      <c r="K21782" s="365"/>
      <c r="L21782" s="365"/>
    </row>
    <row r="21783" spans="2:12">
      <c r="B21783" s="368"/>
      <c r="C21783" s="368"/>
      <c r="D21783" s="368"/>
      <c r="E21783" s="368"/>
      <c r="F21783" s="362"/>
      <c r="G21783" s="362"/>
      <c r="H21783" s="361" t="s">
        <v>14332</v>
      </c>
      <c r="I21783" s="362"/>
      <c r="J21783" s="366"/>
      <c r="K21783" s="366"/>
      <c r="L21783" s="366"/>
    </row>
    <row r="21784" spans="2:12" ht="42.75">
      <c r="B21784" s="358" t="s">
        <v>25910</v>
      </c>
      <c r="C21784" s="358" t="s">
        <v>25911</v>
      </c>
      <c r="D21784" s="358" t="s">
        <v>25912</v>
      </c>
      <c r="E21784" s="358" t="s">
        <v>8356</v>
      </c>
      <c r="F21784" s="358" t="s">
        <v>29750</v>
      </c>
      <c r="G21784" s="358" t="s">
        <v>16363</v>
      </c>
      <c r="H21784" s="358" t="s">
        <v>14328</v>
      </c>
      <c r="I21784" s="358" t="s">
        <v>16363</v>
      </c>
      <c r="J21784" s="358"/>
      <c r="K21784" s="358"/>
      <c r="L21784" s="358"/>
    </row>
    <row r="21785" spans="2:12">
      <c r="B21785" s="367"/>
      <c r="C21785" s="367"/>
      <c r="D21785" s="367"/>
      <c r="E21785" s="367"/>
      <c r="F21785" s="360"/>
      <c r="G21785" s="360"/>
      <c r="H21785" s="360"/>
      <c r="I21785" s="360"/>
      <c r="J21785" s="365"/>
      <c r="K21785" s="365"/>
      <c r="L21785" s="365"/>
    </row>
    <row r="21786" spans="2:12">
      <c r="B21786" s="367"/>
      <c r="C21786" s="367"/>
      <c r="D21786" s="367"/>
      <c r="E21786" s="367"/>
      <c r="F21786" s="359" t="s">
        <v>14389</v>
      </c>
      <c r="G21786" s="359" t="s">
        <v>14419</v>
      </c>
      <c r="H21786" s="359" t="s">
        <v>14367</v>
      </c>
      <c r="I21786" s="359" t="s">
        <v>14419</v>
      </c>
      <c r="J21786" s="365"/>
      <c r="K21786" s="365"/>
      <c r="L21786" s="365"/>
    </row>
    <row r="21787" spans="2:12">
      <c r="B21787" s="367"/>
      <c r="C21787" s="367"/>
      <c r="D21787" s="367"/>
      <c r="E21787" s="367"/>
      <c r="F21787" s="360"/>
      <c r="G21787" s="360"/>
      <c r="H21787" s="360"/>
      <c r="I21787" s="360"/>
      <c r="J21787" s="365"/>
      <c r="K21787" s="365"/>
      <c r="L21787" s="365"/>
    </row>
    <row r="21788" spans="2:12">
      <c r="B21788" s="367"/>
      <c r="C21788" s="367"/>
      <c r="D21788" s="367"/>
      <c r="E21788" s="367"/>
      <c r="F21788" s="359" t="s">
        <v>14371</v>
      </c>
      <c r="G21788" s="359" t="s">
        <v>14390</v>
      </c>
      <c r="H21788" s="359" t="s">
        <v>14370</v>
      </c>
      <c r="I21788" s="359" t="s">
        <v>14390</v>
      </c>
      <c r="J21788" s="365"/>
      <c r="K21788" s="365"/>
      <c r="L21788" s="365"/>
    </row>
    <row r="21789" spans="2:12">
      <c r="B21789" s="367"/>
      <c r="C21789" s="367"/>
      <c r="D21789" s="367"/>
      <c r="E21789" s="367"/>
      <c r="F21789" s="360"/>
      <c r="G21789" s="360"/>
      <c r="H21789" s="360"/>
      <c r="I21789" s="360"/>
      <c r="J21789" s="365"/>
      <c r="K21789" s="365"/>
      <c r="L21789" s="365"/>
    </row>
    <row r="21790" spans="2:12" ht="28.5">
      <c r="B21790" s="367"/>
      <c r="C21790" s="367"/>
      <c r="D21790" s="367"/>
      <c r="E21790" s="367"/>
      <c r="F21790" s="359" t="s">
        <v>14374</v>
      </c>
      <c r="G21790" s="359" t="s">
        <v>14372</v>
      </c>
      <c r="H21790" s="359" t="s">
        <v>14332</v>
      </c>
      <c r="I21790" s="359" t="s">
        <v>14373</v>
      </c>
      <c r="J21790" s="365"/>
      <c r="K21790" s="365"/>
      <c r="L21790" s="365"/>
    </row>
    <row r="21791" spans="2:12">
      <c r="B21791" s="367"/>
      <c r="C21791" s="367"/>
      <c r="D21791" s="367"/>
      <c r="E21791" s="367"/>
      <c r="F21791" s="360"/>
      <c r="G21791" s="360"/>
      <c r="H21791" s="360"/>
      <c r="I21791" s="360"/>
      <c r="J21791" s="365"/>
      <c r="K21791" s="365"/>
      <c r="L21791" s="365"/>
    </row>
    <row r="21792" spans="2:12">
      <c r="B21792" s="368"/>
      <c r="C21792" s="368"/>
      <c r="D21792" s="368"/>
      <c r="E21792" s="368"/>
      <c r="F21792" s="362"/>
      <c r="G21792" s="361" t="s">
        <v>14373</v>
      </c>
      <c r="H21792" s="362"/>
      <c r="I21792" s="362"/>
      <c r="J21792" s="366"/>
      <c r="K21792" s="366"/>
      <c r="L21792" s="366"/>
    </row>
    <row r="21793" spans="2:12" ht="28.5">
      <c r="B21793" s="358" t="s">
        <v>25913</v>
      </c>
      <c r="C21793" s="358" t="s">
        <v>28115</v>
      </c>
      <c r="D21793" s="358" t="s">
        <v>25914</v>
      </c>
      <c r="E21793" s="358" t="s">
        <v>25915</v>
      </c>
      <c r="F21793" s="358" t="s">
        <v>21511</v>
      </c>
      <c r="G21793" s="358" t="s">
        <v>16363</v>
      </c>
      <c r="H21793" s="358" t="s">
        <v>14328</v>
      </c>
      <c r="I21793" s="358" t="s">
        <v>16363</v>
      </c>
      <c r="J21793" s="358"/>
      <c r="K21793" s="358"/>
      <c r="L21793" s="358" t="s">
        <v>14513</v>
      </c>
    </row>
    <row r="21794" spans="2:12">
      <c r="B21794" s="367"/>
      <c r="C21794" s="360"/>
      <c r="D21794" s="367"/>
      <c r="E21794" s="367"/>
      <c r="F21794" s="360"/>
      <c r="G21794" s="360"/>
      <c r="H21794" s="360"/>
      <c r="I21794" s="360"/>
      <c r="J21794" s="365"/>
      <c r="K21794" s="365"/>
      <c r="L21794" s="367"/>
    </row>
    <row r="21795" spans="2:12" ht="28.5">
      <c r="B21795" s="368"/>
      <c r="C21795" s="361" t="s">
        <v>28116</v>
      </c>
      <c r="D21795" s="368"/>
      <c r="E21795" s="368"/>
      <c r="F21795" s="361" t="s">
        <v>14462</v>
      </c>
      <c r="G21795" s="361" t="s">
        <v>14463</v>
      </c>
      <c r="H21795" s="361" t="s">
        <v>14332</v>
      </c>
      <c r="I21795" s="361" t="s">
        <v>14463</v>
      </c>
      <c r="J21795" s="366"/>
      <c r="K21795" s="366"/>
      <c r="L21795" s="368"/>
    </row>
    <row r="21796" spans="2:12" ht="42.75">
      <c r="B21796" s="358" t="s">
        <v>25916</v>
      </c>
      <c r="C21796" s="358" t="s">
        <v>29751</v>
      </c>
      <c r="D21796" s="358" t="s">
        <v>25917</v>
      </c>
      <c r="E21796" s="358" t="s">
        <v>25918</v>
      </c>
      <c r="F21796" s="358" t="s">
        <v>29754</v>
      </c>
      <c r="G21796" s="358" t="s">
        <v>16363</v>
      </c>
      <c r="H21796" s="358" t="s">
        <v>14328</v>
      </c>
      <c r="I21796" s="358" t="s">
        <v>16363</v>
      </c>
      <c r="J21796" s="358"/>
      <c r="K21796" s="358"/>
      <c r="L21796" s="358" t="s">
        <v>14513</v>
      </c>
    </row>
    <row r="21797" spans="2:12">
      <c r="B21797" s="367"/>
      <c r="C21797" s="360"/>
      <c r="D21797" s="367"/>
      <c r="E21797" s="367"/>
      <c r="F21797" s="367"/>
      <c r="G21797" s="360"/>
      <c r="H21797" s="360"/>
      <c r="I21797" s="360"/>
      <c r="J21797" s="365"/>
      <c r="K21797" s="365"/>
      <c r="L21797" s="367"/>
    </row>
    <row r="21798" spans="2:12">
      <c r="B21798" s="367"/>
      <c r="C21798" s="359" t="s">
        <v>29752</v>
      </c>
      <c r="D21798" s="367"/>
      <c r="E21798" s="367"/>
      <c r="F21798" s="367"/>
      <c r="G21798" s="359" t="s">
        <v>14395</v>
      </c>
      <c r="H21798" s="359" t="s">
        <v>14370</v>
      </c>
      <c r="I21798" s="359" t="s">
        <v>14395</v>
      </c>
      <c r="J21798" s="365"/>
      <c r="K21798" s="365"/>
      <c r="L21798" s="367"/>
    </row>
    <row r="21799" spans="2:12">
      <c r="B21799" s="367"/>
      <c r="C21799" s="360"/>
      <c r="D21799" s="367"/>
      <c r="E21799" s="367"/>
      <c r="F21799" s="367"/>
      <c r="G21799" s="360"/>
      <c r="H21799" s="360"/>
      <c r="I21799" s="360"/>
      <c r="J21799" s="365"/>
      <c r="K21799" s="365"/>
      <c r="L21799" s="367"/>
    </row>
    <row r="21800" spans="2:12" ht="28.5">
      <c r="B21800" s="368"/>
      <c r="C21800" s="361" t="s">
        <v>29753</v>
      </c>
      <c r="D21800" s="368"/>
      <c r="E21800" s="368"/>
      <c r="F21800" s="368"/>
      <c r="G21800" s="362"/>
      <c r="H21800" s="361" t="s">
        <v>14332</v>
      </c>
      <c r="I21800" s="362"/>
      <c r="J21800" s="366"/>
      <c r="K21800" s="366"/>
      <c r="L21800" s="368"/>
    </row>
    <row r="21801" spans="2:12">
      <c r="B21801" s="358" t="s">
        <v>25919</v>
      </c>
      <c r="C21801" s="358" t="s">
        <v>25920</v>
      </c>
      <c r="D21801" s="358" t="s">
        <v>25921</v>
      </c>
      <c r="E21801" s="358" t="s">
        <v>25922</v>
      </c>
      <c r="F21801" s="358" t="s">
        <v>21511</v>
      </c>
      <c r="G21801" s="358" t="s">
        <v>16363</v>
      </c>
      <c r="H21801" s="358" t="s">
        <v>14328</v>
      </c>
      <c r="I21801" s="358" t="s">
        <v>16363</v>
      </c>
      <c r="J21801" s="358"/>
      <c r="K21801" s="358"/>
      <c r="L21801" s="358" t="s">
        <v>14513</v>
      </c>
    </row>
    <row r="21802" spans="2:12">
      <c r="B21802" s="367"/>
      <c r="C21802" s="367"/>
      <c r="D21802" s="367"/>
      <c r="E21802" s="367"/>
      <c r="F21802" s="360"/>
      <c r="G21802" s="360"/>
      <c r="H21802" s="360"/>
      <c r="I21802" s="360"/>
      <c r="J21802" s="365"/>
      <c r="K21802" s="365"/>
      <c r="L21802" s="367"/>
    </row>
    <row r="21803" spans="2:12">
      <c r="B21803" s="367"/>
      <c r="C21803" s="367"/>
      <c r="D21803" s="367"/>
      <c r="E21803" s="367"/>
      <c r="F21803" s="359" t="s">
        <v>14430</v>
      </c>
      <c r="G21803" s="359" t="s">
        <v>14431</v>
      </c>
      <c r="H21803" s="359" t="s">
        <v>14341</v>
      </c>
      <c r="I21803" s="359" t="s">
        <v>14431</v>
      </c>
      <c r="J21803" s="365"/>
      <c r="K21803" s="365"/>
      <c r="L21803" s="367"/>
    </row>
    <row r="21804" spans="2:12">
      <c r="B21804" s="367"/>
      <c r="C21804" s="367"/>
      <c r="D21804" s="367"/>
      <c r="E21804" s="367"/>
      <c r="F21804" s="360"/>
      <c r="G21804" s="360"/>
      <c r="H21804" s="360"/>
      <c r="I21804" s="360"/>
      <c r="J21804" s="365"/>
      <c r="K21804" s="365"/>
      <c r="L21804" s="367"/>
    </row>
    <row r="21805" spans="2:12">
      <c r="B21805" s="367"/>
      <c r="C21805" s="367"/>
      <c r="D21805" s="367"/>
      <c r="E21805" s="367"/>
      <c r="F21805" s="359" t="s">
        <v>14371</v>
      </c>
      <c r="G21805" s="359" t="s">
        <v>14372</v>
      </c>
      <c r="H21805" s="359" t="s">
        <v>14370</v>
      </c>
      <c r="I21805" s="359" t="s">
        <v>14372</v>
      </c>
      <c r="J21805" s="365"/>
      <c r="K21805" s="365"/>
      <c r="L21805" s="367"/>
    </row>
    <row r="21806" spans="2:12">
      <c r="B21806" s="367"/>
      <c r="C21806" s="367"/>
      <c r="D21806" s="367"/>
      <c r="E21806" s="367"/>
      <c r="F21806" s="360"/>
      <c r="G21806" s="360"/>
      <c r="H21806" s="360"/>
      <c r="I21806" s="360"/>
      <c r="J21806" s="365"/>
      <c r="K21806" s="365"/>
      <c r="L21806" s="367"/>
    </row>
    <row r="21807" spans="2:12">
      <c r="B21807" s="368"/>
      <c r="C21807" s="368"/>
      <c r="D21807" s="368"/>
      <c r="E21807" s="368"/>
      <c r="F21807" s="362"/>
      <c r="G21807" s="362"/>
      <c r="H21807" s="361" t="s">
        <v>25923</v>
      </c>
      <c r="I21807" s="362"/>
      <c r="J21807" s="366"/>
      <c r="K21807" s="366"/>
      <c r="L21807" s="368"/>
    </row>
    <row r="21808" spans="2:12" ht="28.5">
      <c r="B21808" s="358" t="s">
        <v>25924</v>
      </c>
      <c r="C21808" s="358" t="s">
        <v>25925</v>
      </c>
      <c r="D21808" s="358" t="s">
        <v>25926</v>
      </c>
      <c r="E21808" s="358" t="s">
        <v>25927</v>
      </c>
      <c r="F21808" s="358" t="s">
        <v>14418</v>
      </c>
      <c r="G21808" s="358" t="s">
        <v>14419</v>
      </c>
      <c r="H21808" s="358" t="s">
        <v>14328</v>
      </c>
      <c r="I21808" s="358" t="s">
        <v>14419</v>
      </c>
      <c r="J21808" s="358"/>
      <c r="K21808" s="358"/>
      <c r="L21808" s="358"/>
    </row>
    <row r="21809" spans="2:12">
      <c r="B21809" s="367"/>
      <c r="C21809" s="367"/>
      <c r="D21809" s="367"/>
      <c r="E21809" s="367"/>
      <c r="F21809" s="360"/>
      <c r="G21809" s="360"/>
      <c r="H21809" s="360"/>
      <c r="I21809" s="360"/>
      <c r="J21809" s="365"/>
      <c r="K21809" s="365"/>
      <c r="L21809" s="365"/>
    </row>
    <row r="21810" spans="2:12" ht="42.75">
      <c r="B21810" s="367"/>
      <c r="C21810" s="367"/>
      <c r="D21810" s="367"/>
      <c r="E21810" s="367"/>
      <c r="F21810" s="359" t="s">
        <v>29755</v>
      </c>
      <c r="G21810" s="359" t="s">
        <v>16363</v>
      </c>
      <c r="H21810" s="359" t="s">
        <v>14370</v>
      </c>
      <c r="I21810" s="359" t="s">
        <v>16363</v>
      </c>
      <c r="J21810" s="365"/>
      <c r="K21810" s="365"/>
      <c r="L21810" s="365"/>
    </row>
    <row r="21811" spans="2:12">
      <c r="B21811" s="367"/>
      <c r="C21811" s="367"/>
      <c r="D21811" s="367"/>
      <c r="E21811" s="367"/>
      <c r="F21811" s="360"/>
      <c r="G21811" s="360"/>
      <c r="H21811" s="360"/>
      <c r="I21811" s="360"/>
      <c r="J21811" s="365"/>
      <c r="K21811" s="365"/>
      <c r="L21811" s="365"/>
    </row>
    <row r="21812" spans="2:12">
      <c r="B21812" s="368"/>
      <c r="C21812" s="368"/>
      <c r="D21812" s="368"/>
      <c r="E21812" s="368"/>
      <c r="F21812" s="362"/>
      <c r="G21812" s="361" t="s">
        <v>14395</v>
      </c>
      <c r="H21812" s="361" t="s">
        <v>14332</v>
      </c>
      <c r="I21812" s="361" t="s">
        <v>14395</v>
      </c>
      <c r="J21812" s="366"/>
      <c r="K21812" s="366"/>
      <c r="L21812" s="366"/>
    </row>
    <row r="21813" spans="2:12" ht="28.5">
      <c r="B21813" s="358" t="s">
        <v>25928</v>
      </c>
      <c r="C21813" s="358" t="s">
        <v>25929</v>
      </c>
      <c r="D21813" s="358" t="s">
        <v>25930</v>
      </c>
      <c r="E21813" s="358" t="s">
        <v>8356</v>
      </c>
      <c r="F21813" s="358" t="s">
        <v>25931</v>
      </c>
      <c r="G21813" s="358" t="s">
        <v>20514</v>
      </c>
      <c r="H21813" s="358" t="s">
        <v>14954</v>
      </c>
      <c r="I21813" s="358" t="s">
        <v>20514</v>
      </c>
      <c r="J21813" s="358"/>
      <c r="K21813" s="358"/>
      <c r="L21813" s="358"/>
    </row>
    <row r="21814" spans="2:12">
      <c r="B21814" s="367"/>
      <c r="C21814" s="367"/>
      <c r="D21814" s="367"/>
      <c r="E21814" s="367"/>
      <c r="F21814" s="360"/>
      <c r="G21814" s="360"/>
      <c r="H21814" s="360"/>
      <c r="I21814" s="360"/>
      <c r="J21814" s="365"/>
      <c r="K21814" s="365"/>
      <c r="L21814" s="365"/>
    </row>
    <row r="21815" spans="2:12">
      <c r="B21815" s="367"/>
      <c r="C21815" s="367"/>
      <c r="D21815" s="367"/>
      <c r="E21815" s="367"/>
      <c r="F21815" s="359" t="s">
        <v>17310</v>
      </c>
      <c r="G21815" s="359" t="s">
        <v>17311</v>
      </c>
      <c r="H21815" s="359" t="s">
        <v>14328</v>
      </c>
      <c r="I21815" s="359" t="s">
        <v>17311</v>
      </c>
      <c r="J21815" s="365"/>
      <c r="K21815" s="365"/>
      <c r="L21815" s="365"/>
    </row>
    <row r="21816" spans="2:12">
      <c r="B21816" s="367"/>
      <c r="C21816" s="367"/>
      <c r="D21816" s="367"/>
      <c r="E21816" s="367"/>
      <c r="F21816" s="360"/>
      <c r="G21816" s="360"/>
      <c r="H21816" s="360"/>
      <c r="I21816" s="360"/>
      <c r="J21816" s="365"/>
      <c r="K21816" s="365"/>
      <c r="L21816" s="365"/>
    </row>
    <row r="21817" spans="2:12">
      <c r="B21817" s="367"/>
      <c r="C21817" s="367"/>
      <c r="D21817" s="367"/>
      <c r="E21817" s="367"/>
      <c r="F21817" s="359" t="s">
        <v>14389</v>
      </c>
      <c r="G21817" s="359" t="s">
        <v>14390</v>
      </c>
      <c r="H21817" s="359" t="s">
        <v>14381</v>
      </c>
      <c r="I21817" s="359" t="s">
        <v>14390</v>
      </c>
      <c r="J21817" s="365"/>
      <c r="K21817" s="365"/>
      <c r="L21817" s="365"/>
    </row>
    <row r="21818" spans="2:12">
      <c r="B21818" s="367"/>
      <c r="C21818" s="367"/>
      <c r="D21818" s="367"/>
      <c r="E21818" s="367"/>
      <c r="F21818" s="360"/>
      <c r="G21818" s="360"/>
      <c r="H21818" s="360"/>
      <c r="I21818" s="360"/>
      <c r="J21818" s="365"/>
      <c r="K21818" s="365"/>
      <c r="L21818" s="365"/>
    </row>
    <row r="21819" spans="2:12">
      <c r="B21819" s="367"/>
      <c r="C21819" s="367"/>
      <c r="D21819" s="367"/>
      <c r="E21819" s="367"/>
      <c r="F21819" s="359" t="s">
        <v>14391</v>
      </c>
      <c r="G21819" s="359" t="s">
        <v>14392</v>
      </c>
      <c r="H21819" s="359" t="s">
        <v>14367</v>
      </c>
      <c r="I21819" s="359" t="s">
        <v>14392</v>
      </c>
      <c r="J21819" s="365"/>
      <c r="K21819" s="365"/>
      <c r="L21819" s="365"/>
    </row>
    <row r="21820" spans="2:12">
      <c r="B21820" s="367"/>
      <c r="C21820" s="367"/>
      <c r="D21820" s="367"/>
      <c r="E21820" s="367"/>
      <c r="F21820" s="360"/>
      <c r="G21820" s="360"/>
      <c r="H21820" s="360"/>
      <c r="I21820" s="360"/>
      <c r="J21820" s="365"/>
      <c r="K21820" s="365"/>
      <c r="L21820" s="365"/>
    </row>
    <row r="21821" spans="2:12">
      <c r="B21821" s="368"/>
      <c r="C21821" s="368"/>
      <c r="D21821" s="368"/>
      <c r="E21821" s="368"/>
      <c r="F21821" s="362"/>
      <c r="G21821" s="362"/>
      <c r="H21821" s="361" t="s">
        <v>14332</v>
      </c>
      <c r="I21821" s="362"/>
      <c r="J21821" s="366"/>
      <c r="K21821" s="366"/>
      <c r="L21821" s="366"/>
    </row>
    <row r="21822" spans="2:12" ht="28.5">
      <c r="B21822" s="358" t="s">
        <v>25932</v>
      </c>
      <c r="C21822" s="358" t="s">
        <v>29756</v>
      </c>
      <c r="D21822" s="358" t="s">
        <v>25933</v>
      </c>
      <c r="E21822" s="358" t="s">
        <v>8356</v>
      </c>
      <c r="F21822" s="358" t="s">
        <v>25893</v>
      </c>
      <c r="G21822" s="358" t="s">
        <v>16363</v>
      </c>
      <c r="H21822" s="358" t="s">
        <v>14328</v>
      </c>
      <c r="I21822" s="358" t="s">
        <v>16363</v>
      </c>
      <c r="J21822" s="358"/>
      <c r="K21822" s="358"/>
      <c r="L21822" s="358"/>
    </row>
    <row r="21823" spans="2:12">
      <c r="B21823" s="367"/>
      <c r="C21823" s="367"/>
      <c r="D21823" s="367"/>
      <c r="E21823" s="367"/>
      <c r="F21823" s="360"/>
      <c r="G21823" s="360"/>
      <c r="H21823" s="360"/>
      <c r="I21823" s="360"/>
      <c r="J21823" s="365"/>
      <c r="K21823" s="365"/>
      <c r="L21823" s="365"/>
    </row>
    <row r="21824" spans="2:12">
      <c r="B21824" s="367"/>
      <c r="C21824" s="367"/>
      <c r="D21824" s="367"/>
      <c r="E21824" s="367"/>
      <c r="F21824" s="359" t="s">
        <v>14420</v>
      </c>
      <c r="G21824" s="359" t="s">
        <v>14429</v>
      </c>
      <c r="H21824" s="359" t="s">
        <v>14341</v>
      </c>
      <c r="I21824" s="359" t="s">
        <v>14429</v>
      </c>
      <c r="J21824" s="365"/>
      <c r="K21824" s="365"/>
      <c r="L21824" s="365"/>
    </row>
    <row r="21825" spans="2:12">
      <c r="B21825" s="367"/>
      <c r="C21825" s="367"/>
      <c r="D21825" s="367"/>
      <c r="E21825" s="367"/>
      <c r="F21825" s="360"/>
      <c r="G21825" s="360"/>
      <c r="H21825" s="360"/>
      <c r="I21825" s="360"/>
      <c r="J21825" s="365"/>
      <c r="K21825" s="365"/>
      <c r="L21825" s="365"/>
    </row>
    <row r="21826" spans="2:12">
      <c r="B21826" s="367"/>
      <c r="C21826" s="367"/>
      <c r="D21826" s="367"/>
      <c r="E21826" s="367"/>
      <c r="F21826" s="359" t="s">
        <v>14356</v>
      </c>
      <c r="G21826" s="359" t="s">
        <v>14340</v>
      </c>
      <c r="H21826" s="359" t="s">
        <v>14367</v>
      </c>
      <c r="I21826" s="359" t="s">
        <v>14340</v>
      </c>
      <c r="J21826" s="365"/>
      <c r="K21826" s="365"/>
      <c r="L21826" s="365"/>
    </row>
    <row r="21827" spans="2:12">
      <c r="B21827" s="367"/>
      <c r="C21827" s="367"/>
      <c r="D21827" s="367"/>
      <c r="E21827" s="367"/>
      <c r="F21827" s="360"/>
      <c r="G21827" s="360"/>
      <c r="H21827" s="360"/>
      <c r="I21827" s="360"/>
      <c r="J21827" s="365"/>
      <c r="K21827" s="365"/>
      <c r="L21827" s="365"/>
    </row>
    <row r="21828" spans="2:12">
      <c r="B21828" s="367"/>
      <c r="C21828" s="367"/>
      <c r="D21828" s="367"/>
      <c r="E21828" s="367"/>
      <c r="F21828" s="359" t="s">
        <v>14391</v>
      </c>
      <c r="G21828" s="359" t="s">
        <v>14392</v>
      </c>
      <c r="H21828" s="359" t="s">
        <v>14370</v>
      </c>
      <c r="I21828" s="359" t="s">
        <v>14392</v>
      </c>
      <c r="J21828" s="365"/>
      <c r="K21828" s="365"/>
      <c r="L21828" s="365"/>
    </row>
    <row r="21829" spans="2:12">
      <c r="B21829" s="367"/>
      <c r="C21829" s="367"/>
      <c r="D21829" s="367"/>
      <c r="E21829" s="367"/>
      <c r="F21829" s="360"/>
      <c r="G21829" s="360"/>
      <c r="H21829" s="360"/>
      <c r="I21829" s="360"/>
      <c r="J21829" s="365"/>
      <c r="K21829" s="365"/>
      <c r="L21829" s="365"/>
    </row>
    <row r="21830" spans="2:12" ht="28.5">
      <c r="B21830" s="368"/>
      <c r="C21830" s="368"/>
      <c r="D21830" s="368"/>
      <c r="E21830" s="368"/>
      <c r="F21830" s="361" t="s">
        <v>14394</v>
      </c>
      <c r="G21830" s="361" t="s">
        <v>14395</v>
      </c>
      <c r="H21830" s="361" t="s">
        <v>14332</v>
      </c>
      <c r="I21830" s="361" t="s">
        <v>14395</v>
      </c>
      <c r="J21830" s="366"/>
      <c r="K21830" s="366"/>
      <c r="L21830" s="366"/>
    </row>
    <row r="21831" spans="2:12">
      <c r="B21831" s="354" t="s">
        <v>14492</v>
      </c>
      <c r="C21831" s="369"/>
      <c r="D21831" s="369"/>
      <c r="E21831" s="369"/>
      <c r="F21831" s="369"/>
      <c r="G21831" s="369"/>
      <c r="H21831" s="369"/>
      <c r="I21831" s="369"/>
      <c r="J21831" s="369"/>
      <c r="K21831" s="369"/>
      <c r="L21831" s="370"/>
    </row>
    <row r="21832" spans="2:12">
      <c r="B21832" s="358" t="s">
        <v>25934</v>
      </c>
      <c r="C21832" s="358" t="s">
        <v>28117</v>
      </c>
      <c r="D21832" s="358" t="s">
        <v>25935</v>
      </c>
      <c r="E21832" s="358" t="s">
        <v>25936</v>
      </c>
      <c r="F21832" s="358" t="s">
        <v>14426</v>
      </c>
      <c r="G21832" s="358" t="s">
        <v>14427</v>
      </c>
      <c r="H21832" s="358" t="s">
        <v>14381</v>
      </c>
      <c r="I21832" s="358" t="s">
        <v>14427</v>
      </c>
      <c r="J21832" s="358"/>
      <c r="K21832" s="358"/>
      <c r="L21832" s="358"/>
    </row>
    <row r="21833" spans="2:12">
      <c r="B21833" s="367"/>
      <c r="C21833" s="367"/>
      <c r="D21833" s="367"/>
      <c r="E21833" s="367"/>
      <c r="F21833" s="367"/>
      <c r="G21833" s="367"/>
      <c r="H21833" s="360"/>
      <c r="I21833" s="367"/>
      <c r="J21833" s="365"/>
      <c r="K21833" s="365"/>
      <c r="L21833" s="365"/>
    </row>
    <row r="21834" spans="2:12">
      <c r="B21834" s="368"/>
      <c r="C21834" s="368"/>
      <c r="D21834" s="368"/>
      <c r="E21834" s="368"/>
      <c r="F21834" s="368"/>
      <c r="G21834" s="368"/>
      <c r="H21834" s="361" t="s">
        <v>14422</v>
      </c>
      <c r="I21834" s="368"/>
      <c r="J21834" s="366"/>
      <c r="K21834" s="366"/>
      <c r="L21834" s="366"/>
    </row>
    <row r="21835" spans="2:12">
      <c r="B21835" s="354" t="s">
        <v>28528</v>
      </c>
      <c r="C21835" s="369"/>
      <c r="D21835" s="369"/>
      <c r="E21835" s="369"/>
      <c r="F21835" s="369"/>
      <c r="G21835" s="369"/>
      <c r="H21835" s="369"/>
      <c r="I21835" s="369"/>
      <c r="J21835" s="369"/>
      <c r="K21835" s="369"/>
      <c r="L21835" s="370"/>
    </row>
    <row r="21836" spans="2:12">
      <c r="B21836" s="358" t="s">
        <v>25937</v>
      </c>
      <c r="C21836" s="358" t="s">
        <v>25938</v>
      </c>
      <c r="D21836" s="358" t="s">
        <v>25939</v>
      </c>
      <c r="E21836" s="358" t="s">
        <v>25940</v>
      </c>
      <c r="F21836" s="358" t="s">
        <v>14814</v>
      </c>
      <c r="G21836" s="358" t="s">
        <v>14815</v>
      </c>
      <c r="H21836" s="358" t="s">
        <v>14381</v>
      </c>
      <c r="I21836" s="358" t="s">
        <v>14815</v>
      </c>
      <c r="J21836" s="358"/>
      <c r="K21836" s="358"/>
      <c r="L21836" s="358"/>
    </row>
    <row r="21837" spans="2:12">
      <c r="B21837" s="367"/>
      <c r="C21837" s="367"/>
      <c r="D21837" s="367"/>
      <c r="E21837" s="367"/>
      <c r="F21837" s="367"/>
      <c r="G21837" s="367"/>
      <c r="H21837" s="360"/>
      <c r="I21837" s="367"/>
      <c r="J21837" s="365"/>
      <c r="K21837" s="365"/>
      <c r="L21837" s="365"/>
    </row>
    <row r="21838" spans="2:12">
      <c r="B21838" s="368"/>
      <c r="C21838" s="368"/>
      <c r="D21838" s="368"/>
      <c r="E21838" s="368"/>
      <c r="F21838" s="368"/>
      <c r="G21838" s="368"/>
      <c r="H21838" s="361" t="s">
        <v>14332</v>
      </c>
      <c r="I21838" s="368"/>
      <c r="J21838" s="366"/>
      <c r="K21838" s="366"/>
      <c r="L21838" s="366"/>
    </row>
    <row r="21839" spans="2:12">
      <c r="B21839" s="358" t="s">
        <v>25941</v>
      </c>
      <c r="C21839" s="358" t="s">
        <v>25942</v>
      </c>
      <c r="D21839" s="358" t="s">
        <v>25943</v>
      </c>
      <c r="E21839" s="358" t="s">
        <v>25944</v>
      </c>
      <c r="F21839" s="358" t="s">
        <v>14814</v>
      </c>
      <c r="G21839" s="358" t="s">
        <v>14815</v>
      </c>
      <c r="H21839" s="358" t="s">
        <v>14381</v>
      </c>
      <c r="I21839" s="358" t="s">
        <v>14815</v>
      </c>
      <c r="J21839" s="358"/>
      <c r="K21839" s="358"/>
      <c r="L21839" s="358"/>
    </row>
    <row r="21840" spans="2:12">
      <c r="B21840" s="367"/>
      <c r="C21840" s="367"/>
      <c r="D21840" s="367"/>
      <c r="E21840" s="367"/>
      <c r="F21840" s="367"/>
      <c r="G21840" s="367"/>
      <c r="H21840" s="360"/>
      <c r="I21840" s="367"/>
      <c r="J21840" s="365"/>
      <c r="K21840" s="365"/>
      <c r="L21840" s="365"/>
    </row>
    <row r="21841" spans="2:12">
      <c r="B21841" s="368"/>
      <c r="C21841" s="368"/>
      <c r="D21841" s="368"/>
      <c r="E21841" s="368"/>
      <c r="F21841" s="368"/>
      <c r="G21841" s="368"/>
      <c r="H21841" s="361" t="s">
        <v>14332</v>
      </c>
      <c r="I21841" s="368"/>
      <c r="J21841" s="366"/>
      <c r="K21841" s="366"/>
      <c r="L21841" s="366"/>
    </row>
    <row r="21842" spans="2:12">
      <c r="B21842" s="358" t="s">
        <v>25945</v>
      </c>
      <c r="C21842" s="358" t="s">
        <v>25946</v>
      </c>
      <c r="D21842" s="358" t="s">
        <v>25947</v>
      </c>
      <c r="E21842" s="358" t="s">
        <v>25948</v>
      </c>
      <c r="F21842" s="358" t="s">
        <v>14814</v>
      </c>
      <c r="G21842" s="358" t="s">
        <v>14815</v>
      </c>
      <c r="H21842" s="358" t="s">
        <v>14381</v>
      </c>
      <c r="I21842" s="358" t="s">
        <v>14815</v>
      </c>
      <c r="J21842" s="358"/>
      <c r="K21842" s="358"/>
      <c r="L21842" s="358"/>
    </row>
    <row r="21843" spans="2:12">
      <c r="B21843" s="367"/>
      <c r="C21843" s="367"/>
      <c r="D21843" s="367"/>
      <c r="E21843" s="367"/>
      <c r="F21843" s="367"/>
      <c r="G21843" s="367"/>
      <c r="H21843" s="360"/>
      <c r="I21843" s="367"/>
      <c r="J21843" s="365"/>
      <c r="K21843" s="365"/>
      <c r="L21843" s="365"/>
    </row>
    <row r="21844" spans="2:12">
      <c r="B21844" s="368"/>
      <c r="C21844" s="368"/>
      <c r="D21844" s="368"/>
      <c r="E21844" s="368"/>
      <c r="F21844" s="368"/>
      <c r="G21844" s="368"/>
      <c r="H21844" s="361" t="s">
        <v>14332</v>
      </c>
      <c r="I21844" s="368"/>
      <c r="J21844" s="366"/>
      <c r="K21844" s="366"/>
      <c r="L21844" s="366"/>
    </row>
    <row r="21845" spans="2:12" ht="28.5">
      <c r="B21845" s="358" t="s">
        <v>25949</v>
      </c>
      <c r="C21845" s="358" t="s">
        <v>25950</v>
      </c>
      <c r="D21845" s="358" t="s">
        <v>8356</v>
      </c>
      <c r="E21845" s="358" t="s">
        <v>8356</v>
      </c>
      <c r="F21845" s="358" t="s">
        <v>14814</v>
      </c>
      <c r="G21845" s="358" t="s">
        <v>14815</v>
      </c>
      <c r="H21845" s="358" t="s">
        <v>14381</v>
      </c>
      <c r="I21845" s="358" t="s">
        <v>14815</v>
      </c>
      <c r="J21845" s="358"/>
      <c r="K21845" s="358"/>
      <c r="L21845" s="358" t="s">
        <v>9491</v>
      </c>
    </row>
    <row r="21846" spans="2:12">
      <c r="B21846" s="367"/>
      <c r="C21846" s="367"/>
      <c r="D21846" s="367"/>
      <c r="E21846" s="367"/>
      <c r="F21846" s="367"/>
      <c r="G21846" s="367"/>
      <c r="H21846" s="360"/>
      <c r="I21846" s="367"/>
      <c r="J21846" s="365"/>
      <c r="K21846" s="365"/>
      <c r="L21846" s="367"/>
    </row>
    <row r="21847" spans="2:12">
      <c r="B21847" s="368"/>
      <c r="C21847" s="368"/>
      <c r="D21847" s="368"/>
      <c r="E21847" s="368"/>
      <c r="F21847" s="368"/>
      <c r="G21847" s="368"/>
      <c r="H21847" s="361" t="s">
        <v>14332</v>
      </c>
      <c r="I21847" s="368"/>
      <c r="J21847" s="366"/>
      <c r="K21847" s="366"/>
      <c r="L21847" s="368"/>
    </row>
    <row r="21848" spans="2:12">
      <c r="B21848" s="358" t="s">
        <v>25951</v>
      </c>
      <c r="C21848" s="358" t="s">
        <v>25952</v>
      </c>
      <c r="D21848" s="358" t="s">
        <v>25953</v>
      </c>
      <c r="E21848" s="358" t="s">
        <v>25954</v>
      </c>
      <c r="F21848" s="358" t="s">
        <v>14386</v>
      </c>
      <c r="G21848" s="358" t="s">
        <v>14387</v>
      </c>
      <c r="H21848" s="358" t="s">
        <v>14381</v>
      </c>
      <c r="I21848" s="358" t="s">
        <v>14387</v>
      </c>
      <c r="J21848" s="358"/>
      <c r="K21848" s="358"/>
      <c r="L21848" s="358"/>
    </row>
    <row r="21849" spans="2:12">
      <c r="B21849" s="367"/>
      <c r="C21849" s="367"/>
      <c r="D21849" s="367"/>
      <c r="E21849" s="367"/>
      <c r="F21849" s="360"/>
      <c r="G21849" s="360"/>
      <c r="H21849" s="360"/>
      <c r="I21849" s="360"/>
      <c r="J21849" s="365"/>
      <c r="K21849" s="365"/>
      <c r="L21849" s="365"/>
    </row>
    <row r="21850" spans="2:12">
      <c r="B21850" s="367"/>
      <c r="C21850" s="367"/>
      <c r="D21850" s="367"/>
      <c r="E21850" s="367"/>
      <c r="F21850" s="359" t="s">
        <v>14368</v>
      </c>
      <c r="G21850" s="359" t="s">
        <v>14388</v>
      </c>
      <c r="H21850" s="359" t="s">
        <v>14367</v>
      </c>
      <c r="I21850" s="359" t="s">
        <v>14388</v>
      </c>
      <c r="J21850" s="365"/>
      <c r="K21850" s="365"/>
      <c r="L21850" s="365"/>
    </row>
    <row r="21851" spans="2:12">
      <c r="B21851" s="367"/>
      <c r="C21851" s="367"/>
      <c r="D21851" s="367"/>
      <c r="E21851" s="367"/>
      <c r="F21851" s="360"/>
      <c r="G21851" s="360"/>
      <c r="H21851" s="360"/>
      <c r="I21851" s="360"/>
      <c r="J21851" s="365"/>
      <c r="K21851" s="365"/>
      <c r="L21851" s="365"/>
    </row>
    <row r="21852" spans="2:12">
      <c r="B21852" s="367"/>
      <c r="C21852" s="367"/>
      <c r="D21852" s="367"/>
      <c r="E21852" s="367"/>
      <c r="F21852" s="359" t="s">
        <v>14389</v>
      </c>
      <c r="G21852" s="359" t="s">
        <v>14390</v>
      </c>
      <c r="H21852" s="359" t="s">
        <v>14332</v>
      </c>
      <c r="I21852" s="359" t="s">
        <v>14390</v>
      </c>
      <c r="J21852" s="365"/>
      <c r="K21852" s="365"/>
      <c r="L21852" s="365"/>
    </row>
    <row r="21853" spans="2:12">
      <c r="B21853" s="367"/>
      <c r="C21853" s="367"/>
      <c r="D21853" s="367"/>
      <c r="E21853" s="367"/>
      <c r="F21853" s="360"/>
      <c r="G21853" s="360"/>
      <c r="H21853" s="360"/>
      <c r="I21853" s="360"/>
      <c r="J21853" s="365"/>
      <c r="K21853" s="365"/>
      <c r="L21853" s="365"/>
    </row>
    <row r="21854" spans="2:12">
      <c r="B21854" s="368"/>
      <c r="C21854" s="368"/>
      <c r="D21854" s="368"/>
      <c r="E21854" s="368"/>
      <c r="F21854" s="361" t="s">
        <v>14814</v>
      </c>
      <c r="G21854" s="361" t="s">
        <v>14815</v>
      </c>
      <c r="H21854" s="362"/>
      <c r="I21854" s="361" t="s">
        <v>14815</v>
      </c>
      <c r="J21854" s="366"/>
      <c r="K21854" s="366"/>
      <c r="L21854" s="366"/>
    </row>
    <row r="21855" spans="2:12">
      <c r="B21855" s="358" t="s">
        <v>25955</v>
      </c>
      <c r="C21855" s="358" t="s">
        <v>25956</v>
      </c>
      <c r="D21855" s="358" t="s">
        <v>25957</v>
      </c>
      <c r="E21855" s="358" t="s">
        <v>25958</v>
      </c>
      <c r="F21855" s="358" t="s">
        <v>14386</v>
      </c>
      <c r="G21855" s="358" t="s">
        <v>14387</v>
      </c>
      <c r="H21855" s="358" t="s">
        <v>14381</v>
      </c>
      <c r="I21855" s="358" t="s">
        <v>14387</v>
      </c>
      <c r="J21855" s="358"/>
      <c r="K21855" s="358"/>
      <c r="L21855" s="358"/>
    </row>
    <row r="21856" spans="2:12">
      <c r="B21856" s="367"/>
      <c r="C21856" s="367"/>
      <c r="D21856" s="367"/>
      <c r="E21856" s="367"/>
      <c r="F21856" s="360"/>
      <c r="G21856" s="360"/>
      <c r="H21856" s="360"/>
      <c r="I21856" s="360"/>
      <c r="J21856" s="365"/>
      <c r="K21856" s="365"/>
      <c r="L21856" s="365"/>
    </row>
    <row r="21857" spans="2:12">
      <c r="B21857" s="367"/>
      <c r="C21857" s="367"/>
      <c r="D21857" s="367"/>
      <c r="E21857" s="367"/>
      <c r="F21857" s="359" t="s">
        <v>14368</v>
      </c>
      <c r="G21857" s="359" t="s">
        <v>14388</v>
      </c>
      <c r="H21857" s="359" t="s">
        <v>14367</v>
      </c>
      <c r="I21857" s="359" t="s">
        <v>14388</v>
      </c>
      <c r="J21857" s="365"/>
      <c r="K21857" s="365"/>
      <c r="L21857" s="365"/>
    </row>
    <row r="21858" spans="2:12">
      <c r="B21858" s="367"/>
      <c r="C21858" s="367"/>
      <c r="D21858" s="367"/>
      <c r="E21858" s="367"/>
      <c r="F21858" s="360"/>
      <c r="G21858" s="360"/>
      <c r="H21858" s="360"/>
      <c r="I21858" s="360"/>
      <c r="J21858" s="365"/>
      <c r="K21858" s="365"/>
      <c r="L21858" s="365"/>
    </row>
    <row r="21859" spans="2:12">
      <c r="B21859" s="367"/>
      <c r="C21859" s="367"/>
      <c r="D21859" s="367"/>
      <c r="E21859" s="367"/>
      <c r="F21859" s="359" t="s">
        <v>14389</v>
      </c>
      <c r="G21859" s="359" t="s">
        <v>14390</v>
      </c>
      <c r="H21859" s="359" t="s">
        <v>14332</v>
      </c>
      <c r="I21859" s="359" t="s">
        <v>14390</v>
      </c>
      <c r="J21859" s="365"/>
      <c r="K21859" s="365"/>
      <c r="L21859" s="365"/>
    </row>
    <row r="21860" spans="2:12">
      <c r="B21860" s="367"/>
      <c r="C21860" s="367"/>
      <c r="D21860" s="367"/>
      <c r="E21860" s="367"/>
      <c r="F21860" s="360"/>
      <c r="G21860" s="360"/>
      <c r="H21860" s="360"/>
      <c r="I21860" s="360"/>
      <c r="J21860" s="365"/>
      <c r="K21860" s="365"/>
      <c r="L21860" s="365"/>
    </row>
    <row r="21861" spans="2:12">
      <c r="B21861" s="368"/>
      <c r="C21861" s="368"/>
      <c r="D21861" s="368"/>
      <c r="E21861" s="368"/>
      <c r="F21861" s="361" t="s">
        <v>14814</v>
      </c>
      <c r="G21861" s="361" t="s">
        <v>14815</v>
      </c>
      <c r="H21861" s="362"/>
      <c r="I21861" s="361" t="s">
        <v>14815</v>
      </c>
      <c r="J21861" s="366"/>
      <c r="K21861" s="366"/>
      <c r="L21861" s="366"/>
    </row>
    <row r="21862" spans="2:12">
      <c r="B21862" s="358" t="s">
        <v>25959</v>
      </c>
      <c r="C21862" s="358" t="s">
        <v>25960</v>
      </c>
      <c r="D21862" s="358" t="s">
        <v>25961</v>
      </c>
      <c r="E21862" s="358" t="s">
        <v>25962</v>
      </c>
      <c r="F21862" s="358" t="s">
        <v>14386</v>
      </c>
      <c r="G21862" s="358" t="s">
        <v>14387</v>
      </c>
      <c r="H21862" s="358" t="s">
        <v>14381</v>
      </c>
      <c r="I21862" s="358" t="s">
        <v>14387</v>
      </c>
      <c r="J21862" s="358"/>
      <c r="K21862" s="358"/>
      <c r="L21862" s="358"/>
    </row>
    <row r="21863" spans="2:12">
      <c r="B21863" s="367"/>
      <c r="C21863" s="367"/>
      <c r="D21863" s="367"/>
      <c r="E21863" s="367"/>
      <c r="F21863" s="360"/>
      <c r="G21863" s="360"/>
      <c r="H21863" s="360"/>
      <c r="I21863" s="360"/>
      <c r="J21863" s="365"/>
      <c r="K21863" s="365"/>
      <c r="L21863" s="365"/>
    </row>
    <row r="21864" spans="2:12">
      <c r="B21864" s="367"/>
      <c r="C21864" s="367"/>
      <c r="D21864" s="367"/>
      <c r="E21864" s="367"/>
      <c r="F21864" s="359" t="s">
        <v>14368</v>
      </c>
      <c r="G21864" s="359" t="s">
        <v>14388</v>
      </c>
      <c r="H21864" s="359" t="s">
        <v>14367</v>
      </c>
      <c r="I21864" s="359" t="s">
        <v>14388</v>
      </c>
      <c r="J21864" s="365"/>
      <c r="K21864" s="365"/>
      <c r="L21864" s="365"/>
    </row>
    <row r="21865" spans="2:12">
      <c r="B21865" s="367"/>
      <c r="C21865" s="367"/>
      <c r="D21865" s="367"/>
      <c r="E21865" s="367"/>
      <c r="F21865" s="360"/>
      <c r="G21865" s="360"/>
      <c r="H21865" s="360"/>
      <c r="I21865" s="360"/>
      <c r="J21865" s="365"/>
      <c r="K21865" s="365"/>
      <c r="L21865" s="365"/>
    </row>
    <row r="21866" spans="2:12">
      <c r="B21866" s="367"/>
      <c r="C21866" s="367"/>
      <c r="D21866" s="367"/>
      <c r="E21866" s="367"/>
      <c r="F21866" s="359" t="s">
        <v>14389</v>
      </c>
      <c r="G21866" s="359" t="s">
        <v>14390</v>
      </c>
      <c r="H21866" s="359" t="s">
        <v>14332</v>
      </c>
      <c r="I21866" s="359" t="s">
        <v>14390</v>
      </c>
      <c r="J21866" s="365"/>
      <c r="K21866" s="365"/>
      <c r="L21866" s="365"/>
    </row>
    <row r="21867" spans="2:12">
      <c r="B21867" s="367"/>
      <c r="C21867" s="367"/>
      <c r="D21867" s="367"/>
      <c r="E21867" s="367"/>
      <c r="F21867" s="360"/>
      <c r="G21867" s="360"/>
      <c r="H21867" s="360"/>
      <c r="I21867" s="360"/>
      <c r="J21867" s="365"/>
      <c r="K21867" s="365"/>
      <c r="L21867" s="365"/>
    </row>
    <row r="21868" spans="2:12">
      <c r="B21868" s="368"/>
      <c r="C21868" s="368"/>
      <c r="D21868" s="368"/>
      <c r="E21868" s="368"/>
      <c r="F21868" s="361" t="s">
        <v>14814</v>
      </c>
      <c r="G21868" s="361" t="s">
        <v>14815</v>
      </c>
      <c r="H21868" s="362"/>
      <c r="I21868" s="361" t="s">
        <v>14815</v>
      </c>
      <c r="J21868" s="366"/>
      <c r="K21868" s="366"/>
      <c r="L21868" s="366"/>
    </row>
    <row r="21869" spans="2:12">
      <c r="B21869" s="358" t="s">
        <v>25963</v>
      </c>
      <c r="C21869" s="358" t="s">
        <v>25964</v>
      </c>
      <c r="D21869" s="358" t="s">
        <v>25965</v>
      </c>
      <c r="E21869" s="358" t="s">
        <v>25966</v>
      </c>
      <c r="F21869" s="358" t="s">
        <v>14386</v>
      </c>
      <c r="G21869" s="358" t="s">
        <v>14387</v>
      </c>
      <c r="H21869" s="358" t="s">
        <v>14381</v>
      </c>
      <c r="I21869" s="358" t="s">
        <v>14387</v>
      </c>
      <c r="J21869" s="358"/>
      <c r="K21869" s="358"/>
      <c r="L21869" s="358"/>
    </row>
    <row r="21870" spans="2:12">
      <c r="B21870" s="367"/>
      <c r="C21870" s="367"/>
      <c r="D21870" s="367"/>
      <c r="E21870" s="367"/>
      <c r="F21870" s="360"/>
      <c r="G21870" s="360"/>
      <c r="H21870" s="360"/>
      <c r="I21870" s="360"/>
      <c r="J21870" s="365"/>
      <c r="K21870" s="365"/>
      <c r="L21870" s="365"/>
    </row>
    <row r="21871" spans="2:12">
      <c r="B21871" s="367"/>
      <c r="C21871" s="367"/>
      <c r="D21871" s="367"/>
      <c r="E21871" s="367"/>
      <c r="F21871" s="359" t="s">
        <v>14368</v>
      </c>
      <c r="G21871" s="359" t="s">
        <v>14388</v>
      </c>
      <c r="H21871" s="359" t="s">
        <v>14367</v>
      </c>
      <c r="I21871" s="359" t="s">
        <v>14388</v>
      </c>
      <c r="J21871" s="365"/>
      <c r="K21871" s="365"/>
      <c r="L21871" s="365"/>
    </row>
    <row r="21872" spans="2:12">
      <c r="B21872" s="367"/>
      <c r="C21872" s="367"/>
      <c r="D21872" s="367"/>
      <c r="E21872" s="367"/>
      <c r="F21872" s="360"/>
      <c r="G21872" s="360"/>
      <c r="H21872" s="360"/>
      <c r="I21872" s="360"/>
      <c r="J21872" s="365"/>
      <c r="K21872" s="365"/>
      <c r="L21872" s="365"/>
    </row>
    <row r="21873" spans="2:12">
      <c r="B21873" s="367"/>
      <c r="C21873" s="367"/>
      <c r="D21873" s="367"/>
      <c r="E21873" s="367"/>
      <c r="F21873" s="359" t="s">
        <v>14389</v>
      </c>
      <c r="G21873" s="359" t="s">
        <v>14390</v>
      </c>
      <c r="H21873" s="359" t="s">
        <v>14332</v>
      </c>
      <c r="I21873" s="359" t="s">
        <v>14390</v>
      </c>
      <c r="J21873" s="365"/>
      <c r="K21873" s="365"/>
      <c r="L21873" s="365"/>
    </row>
    <row r="21874" spans="2:12">
      <c r="B21874" s="367"/>
      <c r="C21874" s="367"/>
      <c r="D21874" s="367"/>
      <c r="E21874" s="367"/>
      <c r="F21874" s="360"/>
      <c r="G21874" s="360"/>
      <c r="H21874" s="360"/>
      <c r="I21874" s="360"/>
      <c r="J21874" s="365"/>
      <c r="K21874" s="365"/>
      <c r="L21874" s="365"/>
    </row>
    <row r="21875" spans="2:12">
      <c r="B21875" s="368"/>
      <c r="C21875" s="368"/>
      <c r="D21875" s="368"/>
      <c r="E21875" s="368"/>
      <c r="F21875" s="361" t="s">
        <v>14814</v>
      </c>
      <c r="G21875" s="361" t="s">
        <v>14815</v>
      </c>
      <c r="H21875" s="362"/>
      <c r="I21875" s="361" t="s">
        <v>14815</v>
      </c>
      <c r="J21875" s="366"/>
      <c r="K21875" s="366"/>
      <c r="L21875" s="366"/>
    </row>
    <row r="21876" spans="2:12">
      <c r="B21876" s="358" t="s">
        <v>25967</v>
      </c>
      <c r="C21876" s="358" t="s">
        <v>25968</v>
      </c>
      <c r="D21876" s="358" t="s">
        <v>25969</v>
      </c>
      <c r="E21876" s="358" t="s">
        <v>25970</v>
      </c>
      <c r="F21876" s="358" t="s">
        <v>14386</v>
      </c>
      <c r="G21876" s="358" t="s">
        <v>14387</v>
      </c>
      <c r="H21876" s="358" t="s">
        <v>14381</v>
      </c>
      <c r="I21876" s="358" t="s">
        <v>14387</v>
      </c>
      <c r="J21876" s="358"/>
      <c r="K21876" s="358"/>
      <c r="L21876" s="358"/>
    </row>
    <row r="21877" spans="2:12">
      <c r="B21877" s="367"/>
      <c r="C21877" s="367"/>
      <c r="D21877" s="367"/>
      <c r="E21877" s="367"/>
      <c r="F21877" s="360"/>
      <c r="G21877" s="360"/>
      <c r="H21877" s="360"/>
      <c r="I21877" s="360"/>
      <c r="J21877" s="365"/>
      <c r="K21877" s="365"/>
      <c r="L21877" s="365"/>
    </row>
    <row r="21878" spans="2:12">
      <c r="B21878" s="367"/>
      <c r="C21878" s="367"/>
      <c r="D21878" s="367"/>
      <c r="E21878" s="367"/>
      <c r="F21878" s="359" t="s">
        <v>14368</v>
      </c>
      <c r="G21878" s="359" t="s">
        <v>14388</v>
      </c>
      <c r="H21878" s="359" t="s">
        <v>14367</v>
      </c>
      <c r="I21878" s="359" t="s">
        <v>14388</v>
      </c>
      <c r="J21878" s="365"/>
      <c r="K21878" s="365"/>
      <c r="L21878" s="365"/>
    </row>
    <row r="21879" spans="2:12">
      <c r="B21879" s="367"/>
      <c r="C21879" s="367"/>
      <c r="D21879" s="367"/>
      <c r="E21879" s="367"/>
      <c r="F21879" s="360"/>
      <c r="G21879" s="360"/>
      <c r="H21879" s="360"/>
      <c r="I21879" s="360"/>
      <c r="J21879" s="365"/>
      <c r="K21879" s="365"/>
      <c r="L21879" s="365"/>
    </row>
    <row r="21880" spans="2:12">
      <c r="B21880" s="367"/>
      <c r="C21880" s="367"/>
      <c r="D21880" s="367"/>
      <c r="E21880" s="367"/>
      <c r="F21880" s="359" t="s">
        <v>14389</v>
      </c>
      <c r="G21880" s="359" t="s">
        <v>14390</v>
      </c>
      <c r="H21880" s="359" t="s">
        <v>14332</v>
      </c>
      <c r="I21880" s="359" t="s">
        <v>14390</v>
      </c>
      <c r="J21880" s="365"/>
      <c r="K21880" s="365"/>
      <c r="L21880" s="365"/>
    </row>
    <row r="21881" spans="2:12">
      <c r="B21881" s="367"/>
      <c r="C21881" s="367"/>
      <c r="D21881" s="367"/>
      <c r="E21881" s="367"/>
      <c r="F21881" s="360"/>
      <c r="G21881" s="360"/>
      <c r="H21881" s="360"/>
      <c r="I21881" s="360"/>
      <c r="J21881" s="365"/>
      <c r="K21881" s="365"/>
      <c r="L21881" s="365"/>
    </row>
    <row r="21882" spans="2:12">
      <c r="B21882" s="368"/>
      <c r="C21882" s="368"/>
      <c r="D21882" s="368"/>
      <c r="E21882" s="368"/>
      <c r="F21882" s="361" t="s">
        <v>14814</v>
      </c>
      <c r="G21882" s="361" t="s">
        <v>14815</v>
      </c>
      <c r="H21882" s="362"/>
      <c r="I21882" s="361" t="s">
        <v>14815</v>
      </c>
      <c r="J21882" s="366"/>
      <c r="K21882" s="366"/>
      <c r="L21882" s="366"/>
    </row>
    <row r="21883" spans="2:12">
      <c r="B21883" s="358" t="s">
        <v>25971</v>
      </c>
      <c r="C21883" s="358" t="s">
        <v>25972</v>
      </c>
      <c r="D21883" s="358" t="s">
        <v>25973</v>
      </c>
      <c r="E21883" s="358" t="s">
        <v>25974</v>
      </c>
      <c r="F21883" s="358" t="s">
        <v>14386</v>
      </c>
      <c r="G21883" s="358" t="s">
        <v>14387</v>
      </c>
      <c r="H21883" s="358" t="s">
        <v>14381</v>
      </c>
      <c r="I21883" s="358" t="s">
        <v>14387</v>
      </c>
      <c r="J21883" s="358"/>
      <c r="K21883" s="358"/>
      <c r="L21883" s="358"/>
    </row>
    <row r="21884" spans="2:12">
      <c r="B21884" s="367"/>
      <c r="C21884" s="367"/>
      <c r="D21884" s="367"/>
      <c r="E21884" s="367"/>
      <c r="F21884" s="360"/>
      <c r="G21884" s="360"/>
      <c r="H21884" s="360"/>
      <c r="I21884" s="360"/>
      <c r="J21884" s="365"/>
      <c r="K21884" s="365"/>
      <c r="L21884" s="365"/>
    </row>
    <row r="21885" spans="2:12">
      <c r="B21885" s="367"/>
      <c r="C21885" s="367"/>
      <c r="D21885" s="367"/>
      <c r="E21885" s="367"/>
      <c r="F21885" s="359" t="s">
        <v>14368</v>
      </c>
      <c r="G21885" s="359" t="s">
        <v>14388</v>
      </c>
      <c r="H21885" s="359" t="s">
        <v>14367</v>
      </c>
      <c r="I21885" s="359" t="s">
        <v>14388</v>
      </c>
      <c r="J21885" s="365"/>
      <c r="K21885" s="365"/>
      <c r="L21885" s="365"/>
    </row>
    <row r="21886" spans="2:12">
      <c r="B21886" s="367"/>
      <c r="C21886" s="367"/>
      <c r="D21886" s="367"/>
      <c r="E21886" s="367"/>
      <c r="F21886" s="360"/>
      <c r="G21886" s="360"/>
      <c r="H21886" s="360"/>
      <c r="I21886" s="360"/>
      <c r="J21886" s="365"/>
      <c r="K21886" s="365"/>
      <c r="L21886" s="365"/>
    </row>
    <row r="21887" spans="2:12">
      <c r="B21887" s="367"/>
      <c r="C21887" s="367"/>
      <c r="D21887" s="367"/>
      <c r="E21887" s="367"/>
      <c r="F21887" s="359" t="s">
        <v>14389</v>
      </c>
      <c r="G21887" s="359" t="s">
        <v>14390</v>
      </c>
      <c r="H21887" s="359" t="s">
        <v>14332</v>
      </c>
      <c r="I21887" s="359" t="s">
        <v>14390</v>
      </c>
      <c r="J21887" s="365"/>
      <c r="K21887" s="365"/>
      <c r="L21887" s="365"/>
    </row>
    <row r="21888" spans="2:12">
      <c r="B21888" s="367"/>
      <c r="C21888" s="367"/>
      <c r="D21888" s="367"/>
      <c r="E21888" s="367"/>
      <c r="F21888" s="360"/>
      <c r="G21888" s="360"/>
      <c r="H21888" s="360"/>
      <c r="I21888" s="360"/>
      <c r="J21888" s="365"/>
      <c r="K21888" s="365"/>
      <c r="L21888" s="365"/>
    </row>
    <row r="21889" spans="2:12">
      <c r="B21889" s="368"/>
      <c r="C21889" s="368"/>
      <c r="D21889" s="368"/>
      <c r="E21889" s="368"/>
      <c r="F21889" s="361" t="s">
        <v>14814</v>
      </c>
      <c r="G21889" s="361" t="s">
        <v>14815</v>
      </c>
      <c r="H21889" s="362"/>
      <c r="I21889" s="361" t="s">
        <v>14815</v>
      </c>
      <c r="J21889" s="366"/>
      <c r="K21889" s="366"/>
      <c r="L21889" s="366"/>
    </row>
    <row r="21890" spans="2:12">
      <c r="B21890" s="358" t="s">
        <v>25975</v>
      </c>
      <c r="C21890" s="358" t="s">
        <v>25976</v>
      </c>
      <c r="D21890" s="358" t="s">
        <v>25977</v>
      </c>
      <c r="E21890" s="358" t="s">
        <v>25978</v>
      </c>
      <c r="F21890" s="358" t="s">
        <v>14386</v>
      </c>
      <c r="G21890" s="358" t="s">
        <v>14387</v>
      </c>
      <c r="H21890" s="358" t="s">
        <v>14381</v>
      </c>
      <c r="I21890" s="358" t="s">
        <v>14387</v>
      </c>
      <c r="J21890" s="358"/>
      <c r="K21890" s="358"/>
      <c r="L21890" s="358"/>
    </row>
    <row r="21891" spans="2:12">
      <c r="B21891" s="367"/>
      <c r="C21891" s="367"/>
      <c r="D21891" s="367"/>
      <c r="E21891" s="367"/>
      <c r="F21891" s="360"/>
      <c r="G21891" s="360"/>
      <c r="H21891" s="360"/>
      <c r="I21891" s="360"/>
      <c r="J21891" s="365"/>
      <c r="K21891" s="365"/>
      <c r="L21891" s="365"/>
    </row>
    <row r="21892" spans="2:12">
      <c r="B21892" s="367"/>
      <c r="C21892" s="367"/>
      <c r="D21892" s="367"/>
      <c r="E21892" s="367"/>
      <c r="F21892" s="359" t="s">
        <v>14368</v>
      </c>
      <c r="G21892" s="359" t="s">
        <v>14388</v>
      </c>
      <c r="H21892" s="359" t="s">
        <v>14367</v>
      </c>
      <c r="I21892" s="359" t="s">
        <v>14388</v>
      </c>
      <c r="J21892" s="365"/>
      <c r="K21892" s="365"/>
      <c r="L21892" s="365"/>
    </row>
    <row r="21893" spans="2:12">
      <c r="B21893" s="367"/>
      <c r="C21893" s="367"/>
      <c r="D21893" s="367"/>
      <c r="E21893" s="367"/>
      <c r="F21893" s="360"/>
      <c r="G21893" s="360"/>
      <c r="H21893" s="360"/>
      <c r="I21893" s="360"/>
      <c r="J21893" s="365"/>
      <c r="K21893" s="365"/>
      <c r="L21893" s="365"/>
    </row>
    <row r="21894" spans="2:12">
      <c r="B21894" s="367"/>
      <c r="C21894" s="367"/>
      <c r="D21894" s="367"/>
      <c r="E21894" s="367"/>
      <c r="F21894" s="359" t="s">
        <v>14389</v>
      </c>
      <c r="G21894" s="359" t="s">
        <v>14390</v>
      </c>
      <c r="H21894" s="359" t="s">
        <v>14332</v>
      </c>
      <c r="I21894" s="359" t="s">
        <v>14390</v>
      </c>
      <c r="J21894" s="365"/>
      <c r="K21894" s="365"/>
      <c r="L21894" s="365"/>
    </row>
    <row r="21895" spans="2:12">
      <c r="B21895" s="367"/>
      <c r="C21895" s="367"/>
      <c r="D21895" s="367"/>
      <c r="E21895" s="367"/>
      <c r="F21895" s="360"/>
      <c r="G21895" s="360"/>
      <c r="H21895" s="360"/>
      <c r="I21895" s="360"/>
      <c r="J21895" s="365"/>
      <c r="K21895" s="365"/>
      <c r="L21895" s="365"/>
    </row>
    <row r="21896" spans="2:12">
      <c r="B21896" s="368"/>
      <c r="C21896" s="368"/>
      <c r="D21896" s="368"/>
      <c r="E21896" s="368"/>
      <c r="F21896" s="361" t="s">
        <v>14814</v>
      </c>
      <c r="G21896" s="361" t="s">
        <v>14815</v>
      </c>
      <c r="H21896" s="362"/>
      <c r="I21896" s="361" t="s">
        <v>14815</v>
      </c>
      <c r="J21896" s="366"/>
      <c r="K21896" s="366"/>
      <c r="L21896" s="366"/>
    </row>
    <row r="21897" spans="2:12">
      <c r="B21897" s="358" t="s">
        <v>25979</v>
      </c>
      <c r="C21897" s="358" t="s">
        <v>25980</v>
      </c>
      <c r="D21897" s="358" t="s">
        <v>25981</v>
      </c>
      <c r="E21897" s="358" t="s">
        <v>25982</v>
      </c>
      <c r="F21897" s="358" t="s">
        <v>14368</v>
      </c>
      <c r="G21897" s="358" t="s">
        <v>14388</v>
      </c>
      <c r="H21897" s="358" t="s">
        <v>14381</v>
      </c>
      <c r="I21897" s="358" t="s">
        <v>14388</v>
      </c>
      <c r="J21897" s="358"/>
      <c r="K21897" s="358"/>
      <c r="L21897" s="358"/>
    </row>
    <row r="21898" spans="2:12">
      <c r="B21898" s="367"/>
      <c r="C21898" s="367"/>
      <c r="D21898" s="367"/>
      <c r="E21898" s="367"/>
      <c r="F21898" s="360"/>
      <c r="G21898" s="360"/>
      <c r="H21898" s="360"/>
      <c r="I21898" s="360"/>
      <c r="J21898" s="365"/>
      <c r="K21898" s="365"/>
      <c r="L21898" s="365"/>
    </row>
    <row r="21899" spans="2:12">
      <c r="B21899" s="367"/>
      <c r="C21899" s="367"/>
      <c r="D21899" s="367"/>
      <c r="E21899" s="367"/>
      <c r="F21899" s="359" t="s">
        <v>14389</v>
      </c>
      <c r="G21899" s="359" t="s">
        <v>14390</v>
      </c>
      <c r="H21899" s="359" t="s">
        <v>14341</v>
      </c>
      <c r="I21899" s="359" t="s">
        <v>14390</v>
      </c>
      <c r="J21899" s="365"/>
      <c r="K21899" s="365"/>
      <c r="L21899" s="365"/>
    </row>
    <row r="21900" spans="2:12">
      <c r="B21900" s="367"/>
      <c r="C21900" s="367"/>
      <c r="D21900" s="367"/>
      <c r="E21900" s="367"/>
      <c r="F21900" s="360"/>
      <c r="G21900" s="360"/>
      <c r="H21900" s="360"/>
      <c r="I21900" s="360"/>
      <c r="J21900" s="365"/>
      <c r="K21900" s="365"/>
      <c r="L21900" s="365"/>
    </row>
    <row r="21901" spans="2:12">
      <c r="B21901" s="367"/>
      <c r="C21901" s="367"/>
      <c r="D21901" s="367"/>
      <c r="E21901" s="367"/>
      <c r="F21901" s="359" t="s">
        <v>14430</v>
      </c>
      <c r="G21901" s="359" t="s">
        <v>14431</v>
      </c>
      <c r="H21901" s="359" t="s">
        <v>14367</v>
      </c>
      <c r="I21901" s="359" t="s">
        <v>14431</v>
      </c>
      <c r="J21901" s="365"/>
      <c r="K21901" s="365"/>
      <c r="L21901" s="365"/>
    </row>
    <row r="21902" spans="2:12">
      <c r="B21902" s="367"/>
      <c r="C21902" s="367"/>
      <c r="D21902" s="367"/>
      <c r="E21902" s="367"/>
      <c r="F21902" s="360"/>
      <c r="G21902" s="360"/>
      <c r="H21902" s="360"/>
      <c r="I21902" s="360"/>
      <c r="J21902" s="365"/>
      <c r="K21902" s="365"/>
      <c r="L21902" s="365"/>
    </row>
    <row r="21903" spans="2:12">
      <c r="B21903" s="368"/>
      <c r="C21903" s="368"/>
      <c r="D21903" s="368"/>
      <c r="E21903" s="368"/>
      <c r="F21903" s="361" t="s">
        <v>14814</v>
      </c>
      <c r="G21903" s="361" t="s">
        <v>14815</v>
      </c>
      <c r="H21903" s="361" t="s">
        <v>14332</v>
      </c>
      <c r="I21903" s="361" t="s">
        <v>14815</v>
      </c>
      <c r="J21903" s="366"/>
      <c r="K21903" s="366"/>
      <c r="L21903" s="366"/>
    </row>
    <row r="21904" spans="2:12">
      <c r="B21904" s="358" t="s">
        <v>25983</v>
      </c>
      <c r="C21904" s="358" t="s">
        <v>25984</v>
      </c>
      <c r="D21904" s="358" t="s">
        <v>25985</v>
      </c>
      <c r="E21904" s="358" t="s">
        <v>25986</v>
      </c>
      <c r="F21904" s="358" t="s">
        <v>14386</v>
      </c>
      <c r="G21904" s="358" t="s">
        <v>14387</v>
      </c>
      <c r="H21904" s="358" t="s">
        <v>14381</v>
      </c>
      <c r="I21904" s="358" t="s">
        <v>14387</v>
      </c>
      <c r="J21904" s="358"/>
      <c r="K21904" s="358"/>
      <c r="L21904" s="358"/>
    </row>
    <row r="21905" spans="2:12">
      <c r="B21905" s="367"/>
      <c r="C21905" s="367"/>
      <c r="D21905" s="367"/>
      <c r="E21905" s="367"/>
      <c r="F21905" s="360"/>
      <c r="G21905" s="360"/>
      <c r="H21905" s="360"/>
      <c r="I21905" s="360"/>
      <c r="J21905" s="365"/>
      <c r="K21905" s="365"/>
      <c r="L21905" s="365"/>
    </row>
    <row r="21906" spans="2:12">
      <c r="B21906" s="367"/>
      <c r="C21906" s="367"/>
      <c r="D21906" s="367"/>
      <c r="E21906" s="367"/>
      <c r="F21906" s="359" t="s">
        <v>14368</v>
      </c>
      <c r="G21906" s="359" t="s">
        <v>14388</v>
      </c>
      <c r="H21906" s="359" t="s">
        <v>14367</v>
      </c>
      <c r="I21906" s="359" t="s">
        <v>14388</v>
      </c>
      <c r="J21906" s="365"/>
      <c r="K21906" s="365"/>
      <c r="L21906" s="365"/>
    </row>
    <row r="21907" spans="2:12">
      <c r="B21907" s="367"/>
      <c r="C21907" s="367"/>
      <c r="D21907" s="367"/>
      <c r="E21907" s="367"/>
      <c r="F21907" s="360"/>
      <c r="G21907" s="360"/>
      <c r="H21907" s="360"/>
      <c r="I21907" s="360"/>
      <c r="J21907" s="365"/>
      <c r="K21907" s="365"/>
      <c r="L21907" s="365"/>
    </row>
    <row r="21908" spans="2:12">
      <c r="B21908" s="367"/>
      <c r="C21908" s="367"/>
      <c r="D21908" s="367"/>
      <c r="E21908" s="367"/>
      <c r="F21908" s="359" t="s">
        <v>14389</v>
      </c>
      <c r="G21908" s="359" t="s">
        <v>14390</v>
      </c>
      <c r="H21908" s="359" t="s">
        <v>14332</v>
      </c>
      <c r="I21908" s="359" t="s">
        <v>14390</v>
      </c>
      <c r="J21908" s="365"/>
      <c r="K21908" s="365"/>
      <c r="L21908" s="365"/>
    </row>
    <row r="21909" spans="2:12">
      <c r="B21909" s="367"/>
      <c r="C21909" s="367"/>
      <c r="D21909" s="367"/>
      <c r="E21909" s="367"/>
      <c r="F21909" s="360"/>
      <c r="G21909" s="360"/>
      <c r="H21909" s="360"/>
      <c r="I21909" s="360"/>
      <c r="J21909" s="365"/>
      <c r="K21909" s="365"/>
      <c r="L21909" s="365"/>
    </row>
    <row r="21910" spans="2:12">
      <c r="B21910" s="368"/>
      <c r="C21910" s="368"/>
      <c r="D21910" s="368"/>
      <c r="E21910" s="368"/>
      <c r="F21910" s="361" t="s">
        <v>14814</v>
      </c>
      <c r="G21910" s="361" t="s">
        <v>14815</v>
      </c>
      <c r="H21910" s="362"/>
      <c r="I21910" s="361" t="s">
        <v>14815</v>
      </c>
      <c r="J21910" s="366"/>
      <c r="K21910" s="366"/>
      <c r="L21910" s="366"/>
    </row>
    <row r="21911" spans="2:12" ht="28.5">
      <c r="B21911" s="358" t="s">
        <v>25987</v>
      </c>
      <c r="C21911" s="358" t="s">
        <v>25988</v>
      </c>
      <c r="D21911" s="358" t="s">
        <v>8356</v>
      </c>
      <c r="E21911" s="358" t="s">
        <v>8356</v>
      </c>
      <c r="F21911" s="358" t="s">
        <v>14386</v>
      </c>
      <c r="G21911" s="358" t="s">
        <v>14387</v>
      </c>
      <c r="H21911" s="358" t="s">
        <v>14381</v>
      </c>
      <c r="I21911" s="358" t="s">
        <v>14387</v>
      </c>
      <c r="J21911" s="358"/>
      <c r="K21911" s="358"/>
      <c r="L21911" s="358"/>
    </row>
    <row r="21912" spans="2:12">
      <c r="B21912" s="367"/>
      <c r="C21912" s="367"/>
      <c r="D21912" s="367"/>
      <c r="E21912" s="367"/>
      <c r="F21912" s="360"/>
      <c r="G21912" s="360"/>
      <c r="H21912" s="360"/>
      <c r="I21912" s="360"/>
      <c r="J21912" s="365"/>
      <c r="K21912" s="365"/>
      <c r="L21912" s="365"/>
    </row>
    <row r="21913" spans="2:12">
      <c r="B21913" s="367"/>
      <c r="C21913" s="367"/>
      <c r="D21913" s="367"/>
      <c r="E21913" s="367"/>
      <c r="F21913" s="359" t="s">
        <v>14368</v>
      </c>
      <c r="G21913" s="359" t="s">
        <v>14388</v>
      </c>
      <c r="H21913" s="359" t="s">
        <v>14367</v>
      </c>
      <c r="I21913" s="359" t="s">
        <v>14388</v>
      </c>
      <c r="J21913" s="365"/>
      <c r="K21913" s="365"/>
      <c r="L21913" s="365"/>
    </row>
    <row r="21914" spans="2:12">
      <c r="B21914" s="367"/>
      <c r="C21914" s="367"/>
      <c r="D21914" s="367"/>
      <c r="E21914" s="367"/>
      <c r="F21914" s="360"/>
      <c r="G21914" s="360"/>
      <c r="H21914" s="360"/>
      <c r="I21914" s="360"/>
      <c r="J21914" s="365"/>
      <c r="K21914" s="365"/>
      <c r="L21914" s="365"/>
    </row>
    <row r="21915" spans="2:12">
      <c r="B21915" s="367"/>
      <c r="C21915" s="367"/>
      <c r="D21915" s="367"/>
      <c r="E21915" s="367"/>
      <c r="F21915" s="359" t="s">
        <v>14389</v>
      </c>
      <c r="G21915" s="359" t="s">
        <v>14390</v>
      </c>
      <c r="H21915" s="359" t="s">
        <v>14332</v>
      </c>
      <c r="I21915" s="359" t="s">
        <v>14390</v>
      </c>
      <c r="J21915" s="365"/>
      <c r="K21915" s="365"/>
      <c r="L21915" s="365"/>
    </row>
    <row r="21916" spans="2:12">
      <c r="B21916" s="367"/>
      <c r="C21916" s="367"/>
      <c r="D21916" s="367"/>
      <c r="E21916" s="367"/>
      <c r="F21916" s="360"/>
      <c r="G21916" s="360"/>
      <c r="H21916" s="360"/>
      <c r="I21916" s="360"/>
      <c r="J21916" s="365"/>
      <c r="K21916" s="365"/>
      <c r="L21916" s="365"/>
    </row>
    <row r="21917" spans="2:12">
      <c r="B21917" s="368"/>
      <c r="C21917" s="368"/>
      <c r="D21917" s="368"/>
      <c r="E21917" s="368"/>
      <c r="F21917" s="361" t="s">
        <v>14814</v>
      </c>
      <c r="G21917" s="361" t="s">
        <v>14815</v>
      </c>
      <c r="H21917" s="362"/>
      <c r="I21917" s="361" t="s">
        <v>14815</v>
      </c>
      <c r="J21917" s="366"/>
      <c r="K21917" s="366"/>
      <c r="L21917" s="366"/>
    </row>
    <row r="21918" spans="2:12">
      <c r="B21918" s="358" t="s">
        <v>25989</v>
      </c>
      <c r="C21918" s="358" t="s">
        <v>25990</v>
      </c>
      <c r="D21918" s="358" t="s">
        <v>25991</v>
      </c>
      <c r="E21918" s="358" t="s">
        <v>25992</v>
      </c>
      <c r="F21918" s="358" t="s">
        <v>14814</v>
      </c>
      <c r="G21918" s="358" t="s">
        <v>14815</v>
      </c>
      <c r="H21918" s="358" t="s">
        <v>14381</v>
      </c>
      <c r="I21918" s="358" t="s">
        <v>14815</v>
      </c>
      <c r="J21918" s="358"/>
      <c r="K21918" s="358"/>
      <c r="L21918" s="358"/>
    </row>
    <row r="21919" spans="2:12">
      <c r="B21919" s="367"/>
      <c r="C21919" s="367"/>
      <c r="D21919" s="367"/>
      <c r="E21919" s="367"/>
      <c r="F21919" s="367"/>
      <c r="G21919" s="367"/>
      <c r="H21919" s="360"/>
      <c r="I21919" s="367"/>
      <c r="J21919" s="365"/>
      <c r="K21919" s="365"/>
      <c r="L21919" s="365"/>
    </row>
    <row r="21920" spans="2:12">
      <c r="B21920" s="368"/>
      <c r="C21920" s="368"/>
      <c r="D21920" s="368"/>
      <c r="E21920" s="368"/>
      <c r="F21920" s="368"/>
      <c r="G21920" s="368"/>
      <c r="H21920" s="361" t="s">
        <v>14332</v>
      </c>
      <c r="I21920" s="368"/>
      <c r="J21920" s="366"/>
      <c r="K21920" s="366"/>
      <c r="L21920" s="366"/>
    </row>
    <row r="21921" spans="2:12" ht="28.5">
      <c r="B21921" s="358" t="s">
        <v>25993</v>
      </c>
      <c r="C21921" s="358" t="s">
        <v>25994</v>
      </c>
      <c r="D21921" s="358" t="s">
        <v>8356</v>
      </c>
      <c r="E21921" s="358" t="s">
        <v>8356</v>
      </c>
      <c r="F21921" s="358" t="s">
        <v>14814</v>
      </c>
      <c r="G21921" s="358" t="s">
        <v>14815</v>
      </c>
      <c r="H21921" s="358" t="s">
        <v>14381</v>
      </c>
      <c r="I21921" s="358" t="s">
        <v>14815</v>
      </c>
      <c r="J21921" s="358"/>
      <c r="K21921" s="358"/>
      <c r="L21921" s="358"/>
    </row>
    <row r="21922" spans="2:12">
      <c r="B21922" s="367"/>
      <c r="C21922" s="367"/>
      <c r="D21922" s="367"/>
      <c r="E21922" s="367"/>
      <c r="F21922" s="367"/>
      <c r="G21922" s="367"/>
      <c r="H21922" s="360"/>
      <c r="I21922" s="367"/>
      <c r="J21922" s="365"/>
      <c r="K21922" s="365"/>
      <c r="L21922" s="365"/>
    </row>
    <row r="21923" spans="2:12">
      <c r="B21923" s="368"/>
      <c r="C21923" s="368"/>
      <c r="D21923" s="368"/>
      <c r="E21923" s="368"/>
      <c r="F21923" s="368"/>
      <c r="G21923" s="368"/>
      <c r="H21923" s="361" t="s">
        <v>14332</v>
      </c>
      <c r="I21923" s="368"/>
      <c r="J21923" s="366"/>
      <c r="K21923" s="366"/>
      <c r="L21923" s="366"/>
    </row>
    <row r="21924" spans="2:12">
      <c r="B21924" s="358" t="s">
        <v>25995</v>
      </c>
      <c r="C21924" s="358" t="s">
        <v>25996</v>
      </c>
      <c r="D21924" s="358" t="s">
        <v>25997</v>
      </c>
      <c r="E21924" s="358" t="s">
        <v>25998</v>
      </c>
      <c r="F21924" s="358" t="s">
        <v>14814</v>
      </c>
      <c r="G21924" s="358" t="s">
        <v>14815</v>
      </c>
      <c r="H21924" s="358" t="s">
        <v>14381</v>
      </c>
      <c r="I21924" s="358" t="s">
        <v>14815</v>
      </c>
      <c r="J21924" s="358"/>
      <c r="K21924" s="358"/>
      <c r="L21924" s="358"/>
    </row>
    <row r="21925" spans="2:12">
      <c r="B21925" s="367"/>
      <c r="C21925" s="367"/>
      <c r="D21925" s="367"/>
      <c r="E21925" s="367"/>
      <c r="F21925" s="367"/>
      <c r="G21925" s="367"/>
      <c r="H21925" s="360"/>
      <c r="I21925" s="367"/>
      <c r="J21925" s="365"/>
      <c r="K21925" s="365"/>
      <c r="L21925" s="365"/>
    </row>
    <row r="21926" spans="2:12">
      <c r="B21926" s="368"/>
      <c r="C21926" s="368"/>
      <c r="D21926" s="368"/>
      <c r="E21926" s="368"/>
      <c r="F21926" s="368"/>
      <c r="G21926" s="368"/>
      <c r="H21926" s="361" t="s">
        <v>14332</v>
      </c>
      <c r="I21926" s="368"/>
      <c r="J21926" s="366"/>
      <c r="K21926" s="366"/>
      <c r="L21926" s="366"/>
    </row>
    <row r="21927" spans="2:12">
      <c r="B21927" s="358" t="s">
        <v>10663</v>
      </c>
      <c r="C21927" s="358" t="s">
        <v>25999</v>
      </c>
      <c r="D21927" s="358" t="s">
        <v>10664</v>
      </c>
      <c r="E21927" s="358" t="s">
        <v>10665</v>
      </c>
      <c r="F21927" s="358" t="s">
        <v>14376</v>
      </c>
      <c r="G21927" s="358" t="s">
        <v>14669</v>
      </c>
      <c r="H21927" s="358" t="s">
        <v>14381</v>
      </c>
      <c r="I21927" s="358" t="s">
        <v>14669</v>
      </c>
      <c r="J21927" s="358"/>
      <c r="K21927" s="358"/>
      <c r="L21927" s="358"/>
    </row>
    <row r="21928" spans="2:12">
      <c r="B21928" s="367"/>
      <c r="C21928" s="360"/>
      <c r="D21928" s="367"/>
      <c r="E21928" s="367"/>
      <c r="F21928" s="367"/>
      <c r="G21928" s="367"/>
      <c r="H21928" s="360"/>
      <c r="I21928" s="367"/>
      <c r="J21928" s="365"/>
      <c r="K21928" s="365"/>
      <c r="L21928" s="365"/>
    </row>
    <row r="21929" spans="2:12" ht="71.25">
      <c r="B21929" s="368"/>
      <c r="C21929" s="361" t="s">
        <v>30492</v>
      </c>
      <c r="D21929" s="368"/>
      <c r="E21929" s="368"/>
      <c r="F21929" s="368"/>
      <c r="G21929" s="368"/>
      <c r="H21929" s="361" t="s">
        <v>14332</v>
      </c>
      <c r="I21929" s="368"/>
      <c r="J21929" s="366"/>
      <c r="K21929" s="366"/>
      <c r="L21929" s="366"/>
    </row>
    <row r="21930" spans="2:12">
      <c r="B21930" s="358" t="s">
        <v>10667</v>
      </c>
      <c r="C21930" s="358" t="s">
        <v>29757</v>
      </c>
      <c r="D21930" s="358" t="s">
        <v>10668</v>
      </c>
      <c r="E21930" s="358" t="s">
        <v>10669</v>
      </c>
      <c r="F21930" s="358" t="s">
        <v>14376</v>
      </c>
      <c r="G21930" s="358" t="s">
        <v>14669</v>
      </c>
      <c r="H21930" s="358" t="s">
        <v>14381</v>
      </c>
      <c r="I21930" s="358" t="s">
        <v>14669</v>
      </c>
      <c r="J21930" s="358"/>
      <c r="K21930" s="358"/>
      <c r="L21930" s="358" t="s">
        <v>10670</v>
      </c>
    </row>
    <row r="21931" spans="2:12">
      <c r="B21931" s="367"/>
      <c r="C21931" s="360"/>
      <c r="D21931" s="367"/>
      <c r="E21931" s="367"/>
      <c r="F21931" s="360"/>
      <c r="G21931" s="360"/>
      <c r="H21931" s="360"/>
      <c r="I21931" s="360"/>
      <c r="J21931" s="365"/>
      <c r="K21931" s="365"/>
      <c r="L21931" s="367"/>
    </row>
    <row r="21932" spans="2:12" ht="57">
      <c r="B21932" s="368"/>
      <c r="C21932" s="361" t="s">
        <v>30493</v>
      </c>
      <c r="D21932" s="368"/>
      <c r="E21932" s="368"/>
      <c r="F21932" s="361" t="s">
        <v>14889</v>
      </c>
      <c r="G21932" s="361" t="s">
        <v>14890</v>
      </c>
      <c r="H21932" s="361" t="s">
        <v>14332</v>
      </c>
      <c r="I21932" s="361" t="s">
        <v>14890</v>
      </c>
      <c r="J21932" s="366"/>
      <c r="K21932" s="366"/>
      <c r="L21932" s="368"/>
    </row>
    <row r="21933" spans="2:12" ht="28.5">
      <c r="B21933" s="358" t="s">
        <v>10672</v>
      </c>
      <c r="C21933" s="358" t="s">
        <v>29758</v>
      </c>
      <c r="D21933" s="358" t="s">
        <v>10673</v>
      </c>
      <c r="E21933" s="358" t="s">
        <v>10674</v>
      </c>
      <c r="F21933" s="358" t="s">
        <v>28949</v>
      </c>
      <c r="G21933" s="358" t="s">
        <v>14669</v>
      </c>
      <c r="H21933" s="358" t="s">
        <v>14381</v>
      </c>
      <c r="I21933" s="358" t="s">
        <v>14669</v>
      </c>
      <c r="J21933" s="358"/>
      <c r="K21933" s="358"/>
      <c r="L21933" s="358" t="s">
        <v>10670</v>
      </c>
    </row>
    <row r="21934" spans="2:12">
      <c r="B21934" s="367"/>
      <c r="C21934" s="360"/>
      <c r="D21934" s="367"/>
      <c r="E21934" s="367"/>
      <c r="F21934" s="367"/>
      <c r="G21934" s="360"/>
      <c r="H21934" s="360"/>
      <c r="I21934" s="360"/>
      <c r="J21934" s="365"/>
      <c r="K21934" s="365"/>
      <c r="L21934" s="367"/>
    </row>
    <row r="21935" spans="2:12" ht="57">
      <c r="B21935" s="368"/>
      <c r="C21935" s="361" t="s">
        <v>30494</v>
      </c>
      <c r="D21935" s="368"/>
      <c r="E21935" s="368"/>
      <c r="F21935" s="368"/>
      <c r="G21935" s="361" t="s">
        <v>14890</v>
      </c>
      <c r="H21935" s="361" t="s">
        <v>14332</v>
      </c>
      <c r="I21935" s="361" t="s">
        <v>14890</v>
      </c>
      <c r="J21935" s="366"/>
      <c r="K21935" s="366"/>
      <c r="L21935" s="368"/>
    </row>
    <row r="21936" spans="2:12" ht="28.5">
      <c r="B21936" s="358" t="s">
        <v>10676</v>
      </c>
      <c r="C21936" s="358" t="s">
        <v>12653</v>
      </c>
      <c r="D21936" s="358" t="s">
        <v>10677</v>
      </c>
      <c r="E21936" s="358" t="s">
        <v>10678</v>
      </c>
      <c r="F21936" s="358" t="s">
        <v>28949</v>
      </c>
      <c r="G21936" s="358" t="s">
        <v>14669</v>
      </c>
      <c r="H21936" s="358" t="s">
        <v>14381</v>
      </c>
      <c r="I21936" s="358" t="s">
        <v>14669</v>
      </c>
      <c r="J21936" s="358"/>
      <c r="K21936" s="358"/>
      <c r="L21936" s="358" t="s">
        <v>10670</v>
      </c>
    </row>
    <row r="21937" spans="2:12">
      <c r="B21937" s="367"/>
      <c r="C21937" s="360"/>
      <c r="D21937" s="367"/>
      <c r="E21937" s="367"/>
      <c r="F21937" s="367"/>
      <c r="G21937" s="360"/>
      <c r="H21937" s="360"/>
      <c r="I21937" s="360"/>
      <c r="J21937" s="365"/>
      <c r="K21937" s="365"/>
      <c r="L21937" s="367"/>
    </row>
    <row r="21938" spans="2:12">
      <c r="B21938" s="367"/>
      <c r="C21938" s="359" t="s">
        <v>12652</v>
      </c>
      <c r="D21938" s="367"/>
      <c r="E21938" s="367"/>
      <c r="F21938" s="367"/>
      <c r="G21938" s="359" t="s">
        <v>14890</v>
      </c>
      <c r="H21938" s="359" t="s">
        <v>14332</v>
      </c>
      <c r="I21938" s="359" t="s">
        <v>14890</v>
      </c>
      <c r="J21938" s="365"/>
      <c r="K21938" s="365"/>
      <c r="L21938" s="367"/>
    </row>
    <row r="21939" spans="2:12">
      <c r="B21939" s="367"/>
      <c r="C21939" s="360"/>
      <c r="D21939" s="367"/>
      <c r="E21939" s="367"/>
      <c r="F21939" s="367"/>
      <c r="G21939" s="360"/>
      <c r="H21939" s="360"/>
      <c r="I21939" s="360"/>
      <c r="J21939" s="365"/>
      <c r="K21939" s="365"/>
      <c r="L21939" s="367"/>
    </row>
    <row r="21940" spans="2:12" ht="57">
      <c r="B21940" s="368"/>
      <c r="C21940" s="361" t="s">
        <v>30495</v>
      </c>
      <c r="D21940" s="368"/>
      <c r="E21940" s="368"/>
      <c r="F21940" s="368"/>
      <c r="G21940" s="362"/>
      <c r="H21940" s="362"/>
      <c r="I21940" s="362"/>
      <c r="J21940" s="366"/>
      <c r="K21940" s="366"/>
      <c r="L21940" s="368"/>
    </row>
    <row r="21941" spans="2:12" ht="28.5">
      <c r="B21941" s="358" t="s">
        <v>10679</v>
      </c>
      <c r="C21941" s="358" t="s">
        <v>30496</v>
      </c>
      <c r="D21941" s="358" t="s">
        <v>10680</v>
      </c>
      <c r="E21941" s="358" t="s">
        <v>10681</v>
      </c>
      <c r="F21941" s="358" t="s">
        <v>28949</v>
      </c>
      <c r="G21941" s="358" t="s">
        <v>14669</v>
      </c>
      <c r="H21941" s="358" t="s">
        <v>14381</v>
      </c>
      <c r="I21941" s="358" t="s">
        <v>14669</v>
      </c>
      <c r="J21941" s="358"/>
      <c r="K21941" s="358"/>
      <c r="L21941" s="358" t="s">
        <v>10670</v>
      </c>
    </row>
    <row r="21942" spans="2:12">
      <c r="B21942" s="367"/>
      <c r="C21942" s="367"/>
      <c r="D21942" s="367"/>
      <c r="E21942" s="367"/>
      <c r="F21942" s="367"/>
      <c r="G21942" s="360"/>
      <c r="H21942" s="360"/>
      <c r="I21942" s="360"/>
      <c r="J21942" s="365"/>
      <c r="K21942" s="365"/>
      <c r="L21942" s="367"/>
    </row>
    <row r="21943" spans="2:12">
      <c r="B21943" s="368"/>
      <c r="C21943" s="368"/>
      <c r="D21943" s="368"/>
      <c r="E21943" s="368"/>
      <c r="F21943" s="368"/>
      <c r="G21943" s="361" t="s">
        <v>14890</v>
      </c>
      <c r="H21943" s="361" t="s">
        <v>14332</v>
      </c>
      <c r="I21943" s="361" t="s">
        <v>14890</v>
      </c>
      <c r="J21943" s="366"/>
      <c r="K21943" s="366"/>
      <c r="L21943" s="368"/>
    </row>
    <row r="21944" spans="2:12" ht="28.5">
      <c r="B21944" s="358" t="s">
        <v>10683</v>
      </c>
      <c r="C21944" s="358" t="s">
        <v>29759</v>
      </c>
      <c r="D21944" s="358" t="s">
        <v>10684</v>
      </c>
      <c r="E21944" s="358" t="s">
        <v>10685</v>
      </c>
      <c r="F21944" s="358" t="s">
        <v>28949</v>
      </c>
      <c r="G21944" s="358" t="s">
        <v>14669</v>
      </c>
      <c r="H21944" s="358" t="s">
        <v>14381</v>
      </c>
      <c r="I21944" s="358" t="s">
        <v>14669</v>
      </c>
      <c r="J21944" s="358"/>
      <c r="K21944" s="358"/>
      <c r="L21944" s="358" t="s">
        <v>10670</v>
      </c>
    </row>
    <row r="21945" spans="2:12">
      <c r="B21945" s="367"/>
      <c r="C21945" s="367"/>
      <c r="D21945" s="367"/>
      <c r="E21945" s="367"/>
      <c r="F21945" s="367"/>
      <c r="G21945" s="360"/>
      <c r="H21945" s="360"/>
      <c r="I21945" s="360"/>
      <c r="J21945" s="365"/>
      <c r="K21945" s="365"/>
      <c r="L21945" s="367"/>
    </row>
    <row r="21946" spans="2:12">
      <c r="B21946" s="368"/>
      <c r="C21946" s="368"/>
      <c r="D21946" s="368"/>
      <c r="E21946" s="368"/>
      <c r="F21946" s="368"/>
      <c r="G21946" s="361" t="s">
        <v>14890</v>
      </c>
      <c r="H21946" s="361" t="s">
        <v>14332</v>
      </c>
      <c r="I21946" s="361" t="s">
        <v>14890</v>
      </c>
      <c r="J21946" s="366"/>
      <c r="K21946" s="366"/>
      <c r="L21946" s="368"/>
    </row>
    <row r="21947" spans="2:12" ht="28.5">
      <c r="B21947" s="358" t="s">
        <v>10687</v>
      </c>
      <c r="C21947" s="358" t="s">
        <v>29760</v>
      </c>
      <c r="D21947" s="358" t="s">
        <v>10688</v>
      </c>
      <c r="E21947" s="358" t="s">
        <v>10689</v>
      </c>
      <c r="F21947" s="358" t="s">
        <v>28949</v>
      </c>
      <c r="G21947" s="358" t="s">
        <v>14669</v>
      </c>
      <c r="H21947" s="358" t="s">
        <v>14381</v>
      </c>
      <c r="I21947" s="358" t="s">
        <v>14669</v>
      </c>
      <c r="J21947" s="358"/>
      <c r="K21947" s="358"/>
      <c r="L21947" s="358" t="s">
        <v>10670</v>
      </c>
    </row>
    <row r="21948" spans="2:12">
      <c r="B21948" s="367"/>
      <c r="C21948" s="367"/>
      <c r="D21948" s="367"/>
      <c r="E21948" s="367"/>
      <c r="F21948" s="367"/>
      <c r="G21948" s="360"/>
      <c r="H21948" s="360"/>
      <c r="I21948" s="360"/>
      <c r="J21948" s="365"/>
      <c r="K21948" s="365"/>
      <c r="L21948" s="367"/>
    </row>
    <row r="21949" spans="2:12">
      <c r="B21949" s="368"/>
      <c r="C21949" s="368"/>
      <c r="D21949" s="368"/>
      <c r="E21949" s="368"/>
      <c r="F21949" s="368"/>
      <c r="G21949" s="361" t="s">
        <v>14890</v>
      </c>
      <c r="H21949" s="361" t="s">
        <v>14332</v>
      </c>
      <c r="I21949" s="361" t="s">
        <v>14890</v>
      </c>
      <c r="J21949" s="366"/>
      <c r="K21949" s="366"/>
      <c r="L21949" s="368"/>
    </row>
    <row r="21950" spans="2:12" ht="28.5">
      <c r="B21950" s="358" t="s">
        <v>10691</v>
      </c>
      <c r="C21950" s="358" t="s">
        <v>29761</v>
      </c>
      <c r="D21950" s="358" t="s">
        <v>10692</v>
      </c>
      <c r="E21950" s="358" t="s">
        <v>10693</v>
      </c>
      <c r="F21950" s="358" t="s">
        <v>28949</v>
      </c>
      <c r="G21950" s="358" t="s">
        <v>14669</v>
      </c>
      <c r="H21950" s="358" t="s">
        <v>14381</v>
      </c>
      <c r="I21950" s="358" t="s">
        <v>14669</v>
      </c>
      <c r="J21950" s="358"/>
      <c r="K21950" s="358"/>
      <c r="L21950" s="358" t="s">
        <v>10670</v>
      </c>
    </row>
    <row r="21951" spans="2:12">
      <c r="B21951" s="367"/>
      <c r="C21951" s="367"/>
      <c r="D21951" s="367"/>
      <c r="E21951" s="367"/>
      <c r="F21951" s="367"/>
      <c r="G21951" s="360"/>
      <c r="H21951" s="360"/>
      <c r="I21951" s="360"/>
      <c r="J21951" s="365"/>
      <c r="K21951" s="365"/>
      <c r="L21951" s="367"/>
    </row>
    <row r="21952" spans="2:12">
      <c r="B21952" s="368"/>
      <c r="C21952" s="368"/>
      <c r="D21952" s="368"/>
      <c r="E21952" s="368"/>
      <c r="F21952" s="368"/>
      <c r="G21952" s="361" t="s">
        <v>14890</v>
      </c>
      <c r="H21952" s="361" t="s">
        <v>14332</v>
      </c>
      <c r="I21952" s="361" t="s">
        <v>14890</v>
      </c>
      <c r="J21952" s="366"/>
      <c r="K21952" s="366"/>
      <c r="L21952" s="368"/>
    </row>
    <row r="21953" spans="2:12" ht="28.5">
      <c r="B21953" s="358" t="s">
        <v>10696</v>
      </c>
      <c r="C21953" s="358" t="s">
        <v>12659</v>
      </c>
      <c r="D21953" s="358" t="s">
        <v>10697</v>
      </c>
      <c r="E21953" s="358" t="s">
        <v>10698</v>
      </c>
      <c r="F21953" s="358" t="s">
        <v>28949</v>
      </c>
      <c r="G21953" s="358" t="s">
        <v>14669</v>
      </c>
      <c r="H21953" s="358" t="s">
        <v>14381</v>
      </c>
      <c r="I21953" s="358" t="s">
        <v>14669</v>
      </c>
      <c r="J21953" s="358"/>
      <c r="K21953" s="358"/>
      <c r="L21953" s="358" t="s">
        <v>10670</v>
      </c>
    </row>
    <row r="21954" spans="2:12">
      <c r="B21954" s="367"/>
      <c r="C21954" s="360"/>
      <c r="D21954" s="367"/>
      <c r="E21954" s="367"/>
      <c r="F21954" s="367"/>
      <c r="G21954" s="360"/>
      <c r="H21954" s="360"/>
      <c r="I21954" s="360"/>
      <c r="J21954" s="365"/>
      <c r="K21954" s="365"/>
      <c r="L21954" s="367"/>
    </row>
    <row r="21955" spans="2:12">
      <c r="B21955" s="367"/>
      <c r="C21955" s="359" t="s">
        <v>12660</v>
      </c>
      <c r="D21955" s="367"/>
      <c r="E21955" s="367"/>
      <c r="F21955" s="367"/>
      <c r="G21955" s="359" t="s">
        <v>14890</v>
      </c>
      <c r="H21955" s="359" t="s">
        <v>14332</v>
      </c>
      <c r="I21955" s="359" t="s">
        <v>14890</v>
      </c>
      <c r="J21955" s="365"/>
      <c r="K21955" s="365"/>
      <c r="L21955" s="367"/>
    </row>
    <row r="21956" spans="2:12">
      <c r="B21956" s="367"/>
      <c r="C21956" s="360"/>
      <c r="D21956" s="367"/>
      <c r="E21956" s="367"/>
      <c r="F21956" s="367"/>
      <c r="G21956" s="360"/>
      <c r="H21956" s="360"/>
      <c r="I21956" s="360"/>
      <c r="J21956" s="365"/>
      <c r="K21956" s="365"/>
      <c r="L21956" s="367"/>
    </row>
    <row r="21957" spans="2:12" ht="42.75">
      <c r="B21957" s="368"/>
      <c r="C21957" s="361" t="s">
        <v>12661</v>
      </c>
      <c r="D21957" s="368"/>
      <c r="E21957" s="368"/>
      <c r="F21957" s="368"/>
      <c r="G21957" s="362"/>
      <c r="H21957" s="362"/>
      <c r="I21957" s="362"/>
      <c r="J21957" s="366"/>
      <c r="K21957" s="366"/>
      <c r="L21957" s="368"/>
    </row>
    <row r="21958" spans="2:12" ht="28.5">
      <c r="B21958" s="358" t="s">
        <v>10699</v>
      </c>
      <c r="C21958" s="358" t="s">
        <v>30497</v>
      </c>
      <c r="D21958" s="358" t="s">
        <v>10700</v>
      </c>
      <c r="E21958" s="358" t="s">
        <v>10701</v>
      </c>
      <c r="F21958" s="358" t="s">
        <v>28949</v>
      </c>
      <c r="G21958" s="358" t="s">
        <v>14669</v>
      </c>
      <c r="H21958" s="358" t="s">
        <v>14381</v>
      </c>
      <c r="I21958" s="358" t="s">
        <v>14669</v>
      </c>
      <c r="J21958" s="358"/>
      <c r="K21958" s="358"/>
      <c r="L21958" s="358" t="s">
        <v>10670</v>
      </c>
    </row>
    <row r="21959" spans="2:12">
      <c r="B21959" s="367"/>
      <c r="C21959" s="367"/>
      <c r="D21959" s="367"/>
      <c r="E21959" s="367"/>
      <c r="F21959" s="367"/>
      <c r="G21959" s="360"/>
      <c r="H21959" s="360"/>
      <c r="I21959" s="360"/>
      <c r="J21959" s="365"/>
      <c r="K21959" s="365"/>
      <c r="L21959" s="367"/>
    </row>
    <row r="21960" spans="2:12">
      <c r="B21960" s="368"/>
      <c r="C21960" s="368"/>
      <c r="D21960" s="368"/>
      <c r="E21960" s="368"/>
      <c r="F21960" s="368"/>
      <c r="G21960" s="361" t="s">
        <v>14890</v>
      </c>
      <c r="H21960" s="361" t="s">
        <v>14332</v>
      </c>
      <c r="I21960" s="361" t="s">
        <v>14890</v>
      </c>
      <c r="J21960" s="366"/>
      <c r="K21960" s="366"/>
      <c r="L21960" s="368"/>
    </row>
    <row r="21961" spans="2:12" ht="28.5">
      <c r="B21961" s="358" t="s">
        <v>10702</v>
      </c>
      <c r="C21961" s="358" t="s">
        <v>28118</v>
      </c>
      <c r="D21961" s="358" t="s">
        <v>10703</v>
      </c>
      <c r="E21961" s="358" t="s">
        <v>10704</v>
      </c>
      <c r="F21961" s="358" t="s">
        <v>28949</v>
      </c>
      <c r="G21961" s="358" t="s">
        <v>14669</v>
      </c>
      <c r="H21961" s="358" t="s">
        <v>14381</v>
      </c>
      <c r="I21961" s="358" t="s">
        <v>14669</v>
      </c>
      <c r="J21961" s="358"/>
      <c r="K21961" s="358"/>
      <c r="L21961" s="358" t="s">
        <v>10670</v>
      </c>
    </row>
    <row r="21962" spans="2:12">
      <c r="B21962" s="367"/>
      <c r="C21962" s="360"/>
      <c r="D21962" s="367"/>
      <c r="E21962" s="367"/>
      <c r="F21962" s="367"/>
      <c r="G21962" s="360"/>
      <c r="H21962" s="360"/>
      <c r="I21962" s="360"/>
      <c r="J21962" s="365"/>
      <c r="K21962" s="365"/>
      <c r="L21962" s="367"/>
    </row>
    <row r="21963" spans="2:12">
      <c r="B21963" s="367"/>
      <c r="C21963" s="359" t="s">
        <v>12660</v>
      </c>
      <c r="D21963" s="367"/>
      <c r="E21963" s="367"/>
      <c r="F21963" s="367"/>
      <c r="G21963" s="359" t="s">
        <v>14890</v>
      </c>
      <c r="H21963" s="359" t="s">
        <v>14332</v>
      </c>
      <c r="I21963" s="359" t="s">
        <v>14890</v>
      </c>
      <c r="J21963" s="365"/>
      <c r="K21963" s="365"/>
      <c r="L21963" s="367"/>
    </row>
    <row r="21964" spans="2:12">
      <c r="B21964" s="367"/>
      <c r="C21964" s="360"/>
      <c r="D21964" s="367"/>
      <c r="E21964" s="367"/>
      <c r="F21964" s="367"/>
      <c r="G21964" s="360"/>
      <c r="H21964" s="360"/>
      <c r="I21964" s="360"/>
      <c r="J21964" s="365"/>
      <c r="K21964" s="365"/>
      <c r="L21964" s="367"/>
    </row>
    <row r="21965" spans="2:12" ht="99.75">
      <c r="B21965" s="368"/>
      <c r="C21965" s="361" t="s">
        <v>30498</v>
      </c>
      <c r="D21965" s="368"/>
      <c r="E21965" s="368"/>
      <c r="F21965" s="368"/>
      <c r="G21965" s="362"/>
      <c r="H21965" s="362"/>
      <c r="I21965" s="362"/>
      <c r="J21965" s="366"/>
      <c r="K21965" s="366"/>
      <c r="L21965" s="368"/>
    </row>
    <row r="21966" spans="2:12" ht="28.5">
      <c r="B21966" s="358" t="s">
        <v>10705</v>
      </c>
      <c r="C21966" s="358" t="s">
        <v>28119</v>
      </c>
      <c r="D21966" s="358" t="s">
        <v>10706</v>
      </c>
      <c r="E21966" s="358" t="s">
        <v>10707</v>
      </c>
      <c r="F21966" s="358" t="s">
        <v>28949</v>
      </c>
      <c r="G21966" s="358" t="s">
        <v>14669</v>
      </c>
      <c r="H21966" s="358" t="s">
        <v>14381</v>
      </c>
      <c r="I21966" s="358" t="s">
        <v>14669</v>
      </c>
      <c r="J21966" s="358"/>
      <c r="K21966" s="358"/>
      <c r="L21966" s="358" t="s">
        <v>10670</v>
      </c>
    </row>
    <row r="21967" spans="2:12">
      <c r="B21967" s="367"/>
      <c r="C21967" s="360"/>
      <c r="D21967" s="367"/>
      <c r="E21967" s="367"/>
      <c r="F21967" s="367"/>
      <c r="G21967" s="360"/>
      <c r="H21967" s="360"/>
      <c r="I21967" s="360"/>
      <c r="J21967" s="365"/>
      <c r="K21967" s="365"/>
      <c r="L21967" s="367"/>
    </row>
    <row r="21968" spans="2:12">
      <c r="B21968" s="368"/>
      <c r="C21968" s="361" t="s">
        <v>12662</v>
      </c>
      <c r="D21968" s="368"/>
      <c r="E21968" s="368"/>
      <c r="F21968" s="368"/>
      <c r="G21968" s="361" t="s">
        <v>14890</v>
      </c>
      <c r="H21968" s="361" t="s">
        <v>14332</v>
      </c>
      <c r="I21968" s="361" t="s">
        <v>14890</v>
      </c>
      <c r="J21968" s="366"/>
      <c r="K21968" s="366"/>
      <c r="L21968" s="368"/>
    </row>
    <row r="21969" spans="2:12" ht="28.5">
      <c r="B21969" s="358" t="s">
        <v>10709</v>
      </c>
      <c r="C21969" s="358" t="s">
        <v>12663</v>
      </c>
      <c r="D21969" s="358" t="s">
        <v>10710</v>
      </c>
      <c r="E21969" s="358" t="s">
        <v>10711</v>
      </c>
      <c r="F21969" s="358" t="s">
        <v>28949</v>
      </c>
      <c r="G21969" s="358" t="s">
        <v>14669</v>
      </c>
      <c r="H21969" s="358" t="s">
        <v>14381</v>
      </c>
      <c r="I21969" s="358" t="s">
        <v>14669</v>
      </c>
      <c r="J21969" s="358"/>
      <c r="K21969" s="358"/>
      <c r="L21969" s="358" t="s">
        <v>10670</v>
      </c>
    </row>
    <row r="21970" spans="2:12">
      <c r="B21970" s="367"/>
      <c r="C21970" s="360"/>
      <c r="D21970" s="367"/>
      <c r="E21970" s="367"/>
      <c r="F21970" s="367"/>
      <c r="G21970" s="360"/>
      <c r="H21970" s="360"/>
      <c r="I21970" s="360"/>
      <c r="J21970" s="365"/>
      <c r="K21970" s="365"/>
      <c r="L21970" s="367"/>
    </row>
    <row r="21971" spans="2:12">
      <c r="B21971" s="367"/>
      <c r="C21971" s="359" t="s">
        <v>12664</v>
      </c>
      <c r="D21971" s="367"/>
      <c r="E21971" s="367"/>
      <c r="F21971" s="367"/>
      <c r="G21971" s="359" t="s">
        <v>14890</v>
      </c>
      <c r="H21971" s="359" t="s">
        <v>14332</v>
      </c>
      <c r="I21971" s="359" t="s">
        <v>14890</v>
      </c>
      <c r="J21971" s="365"/>
      <c r="K21971" s="365"/>
      <c r="L21971" s="367"/>
    </row>
    <row r="21972" spans="2:12">
      <c r="B21972" s="367"/>
      <c r="C21972" s="360"/>
      <c r="D21972" s="367"/>
      <c r="E21972" s="367"/>
      <c r="F21972" s="367"/>
      <c r="G21972" s="360"/>
      <c r="H21972" s="360"/>
      <c r="I21972" s="360"/>
      <c r="J21972" s="365"/>
      <c r="K21972" s="365"/>
      <c r="L21972" s="367"/>
    </row>
    <row r="21973" spans="2:12" ht="71.25">
      <c r="B21973" s="368"/>
      <c r="C21973" s="361" t="s">
        <v>30499</v>
      </c>
      <c r="D21973" s="368"/>
      <c r="E21973" s="368"/>
      <c r="F21973" s="368"/>
      <c r="G21973" s="362"/>
      <c r="H21973" s="362"/>
      <c r="I21973" s="362"/>
      <c r="J21973" s="366"/>
      <c r="K21973" s="366"/>
      <c r="L21973" s="368"/>
    </row>
    <row r="21974" spans="2:12" ht="28.5">
      <c r="B21974" s="358" t="s">
        <v>10713</v>
      </c>
      <c r="C21974" s="358" t="s">
        <v>29762</v>
      </c>
      <c r="D21974" s="358" t="s">
        <v>10714</v>
      </c>
      <c r="E21974" s="358" t="s">
        <v>10715</v>
      </c>
      <c r="F21974" s="358" t="s">
        <v>28949</v>
      </c>
      <c r="G21974" s="358" t="s">
        <v>14669</v>
      </c>
      <c r="H21974" s="358" t="s">
        <v>14381</v>
      </c>
      <c r="I21974" s="358" t="s">
        <v>14669</v>
      </c>
      <c r="J21974" s="358"/>
      <c r="K21974" s="358"/>
      <c r="L21974" s="358" t="s">
        <v>10670</v>
      </c>
    </row>
    <row r="21975" spans="2:12">
      <c r="B21975" s="367"/>
      <c r="C21975" s="360"/>
      <c r="D21975" s="367"/>
      <c r="E21975" s="367"/>
      <c r="F21975" s="367"/>
      <c r="G21975" s="360"/>
      <c r="H21975" s="360"/>
      <c r="I21975" s="360"/>
      <c r="J21975" s="365"/>
      <c r="K21975" s="365"/>
      <c r="L21975" s="367"/>
    </row>
    <row r="21976" spans="2:12" ht="85.5">
      <c r="B21976" s="368"/>
      <c r="C21976" s="361" t="s">
        <v>30500</v>
      </c>
      <c r="D21976" s="368"/>
      <c r="E21976" s="368"/>
      <c r="F21976" s="368"/>
      <c r="G21976" s="361" t="s">
        <v>14890</v>
      </c>
      <c r="H21976" s="361" t="s">
        <v>14332</v>
      </c>
      <c r="I21976" s="361" t="s">
        <v>14890</v>
      </c>
      <c r="J21976" s="366"/>
      <c r="K21976" s="366"/>
      <c r="L21976" s="368"/>
    </row>
    <row r="21977" spans="2:12" ht="28.5">
      <c r="B21977" s="358" t="s">
        <v>10718</v>
      </c>
      <c r="C21977" s="358" t="s">
        <v>12666</v>
      </c>
      <c r="D21977" s="358" t="s">
        <v>10719</v>
      </c>
      <c r="E21977" s="358" t="s">
        <v>10720</v>
      </c>
      <c r="F21977" s="358" t="s">
        <v>28949</v>
      </c>
      <c r="G21977" s="358" t="s">
        <v>14669</v>
      </c>
      <c r="H21977" s="358" t="s">
        <v>14381</v>
      </c>
      <c r="I21977" s="358" t="s">
        <v>14669</v>
      </c>
      <c r="J21977" s="358"/>
      <c r="K21977" s="358"/>
      <c r="L21977" s="358" t="s">
        <v>10670</v>
      </c>
    </row>
    <row r="21978" spans="2:12">
      <c r="B21978" s="367"/>
      <c r="C21978" s="360"/>
      <c r="D21978" s="367"/>
      <c r="E21978" s="367"/>
      <c r="F21978" s="367"/>
      <c r="G21978" s="360"/>
      <c r="H21978" s="360"/>
      <c r="I21978" s="360"/>
      <c r="J21978" s="365"/>
      <c r="K21978" s="365"/>
      <c r="L21978" s="367"/>
    </row>
    <row r="21979" spans="2:12">
      <c r="B21979" s="367"/>
      <c r="C21979" s="359" t="s">
        <v>12664</v>
      </c>
      <c r="D21979" s="367"/>
      <c r="E21979" s="367"/>
      <c r="F21979" s="367"/>
      <c r="G21979" s="359" t="s">
        <v>14890</v>
      </c>
      <c r="H21979" s="359" t="s">
        <v>14332</v>
      </c>
      <c r="I21979" s="359" t="s">
        <v>14890</v>
      </c>
      <c r="J21979" s="365"/>
      <c r="K21979" s="365"/>
      <c r="L21979" s="367"/>
    </row>
    <row r="21980" spans="2:12">
      <c r="B21980" s="367"/>
      <c r="C21980" s="360"/>
      <c r="D21980" s="367"/>
      <c r="E21980" s="367"/>
      <c r="F21980" s="367"/>
      <c r="G21980" s="360"/>
      <c r="H21980" s="360"/>
      <c r="I21980" s="360"/>
      <c r="J21980" s="365"/>
      <c r="K21980" s="365"/>
      <c r="L21980" s="367"/>
    </row>
    <row r="21981" spans="2:12" ht="42.75">
      <c r="B21981" s="368"/>
      <c r="C21981" s="361" t="s">
        <v>12667</v>
      </c>
      <c r="D21981" s="368"/>
      <c r="E21981" s="368"/>
      <c r="F21981" s="368"/>
      <c r="G21981" s="362"/>
      <c r="H21981" s="362"/>
      <c r="I21981" s="362"/>
      <c r="J21981" s="366"/>
      <c r="K21981" s="366"/>
      <c r="L21981" s="368"/>
    </row>
    <row r="21982" spans="2:12" ht="28.5">
      <c r="B21982" s="358" t="s">
        <v>10722</v>
      </c>
      <c r="C21982" s="358" t="s">
        <v>12668</v>
      </c>
      <c r="D21982" s="358" t="s">
        <v>10723</v>
      </c>
      <c r="E21982" s="358" t="s">
        <v>10724</v>
      </c>
      <c r="F21982" s="358" t="s">
        <v>28949</v>
      </c>
      <c r="G21982" s="358" t="s">
        <v>14669</v>
      </c>
      <c r="H21982" s="358" t="s">
        <v>14381</v>
      </c>
      <c r="I21982" s="358" t="s">
        <v>14669</v>
      </c>
      <c r="J21982" s="358"/>
      <c r="K21982" s="358"/>
      <c r="L21982" s="358" t="s">
        <v>10670</v>
      </c>
    </row>
    <row r="21983" spans="2:12">
      <c r="B21983" s="367"/>
      <c r="C21983" s="360"/>
      <c r="D21983" s="367"/>
      <c r="E21983" s="367"/>
      <c r="F21983" s="367"/>
      <c r="G21983" s="360"/>
      <c r="H21983" s="360"/>
      <c r="I21983" s="360"/>
      <c r="J21983" s="365"/>
      <c r="K21983" s="365"/>
      <c r="L21983" s="367"/>
    </row>
    <row r="21984" spans="2:12">
      <c r="B21984" s="367"/>
      <c r="C21984" s="359" t="s">
        <v>12664</v>
      </c>
      <c r="D21984" s="367"/>
      <c r="E21984" s="367"/>
      <c r="F21984" s="367"/>
      <c r="G21984" s="359" t="s">
        <v>14890</v>
      </c>
      <c r="H21984" s="359" t="s">
        <v>14332</v>
      </c>
      <c r="I21984" s="359" t="s">
        <v>14890</v>
      </c>
      <c r="J21984" s="365"/>
      <c r="K21984" s="365"/>
      <c r="L21984" s="367"/>
    </row>
    <row r="21985" spans="2:12">
      <c r="B21985" s="367"/>
      <c r="C21985" s="360"/>
      <c r="D21985" s="367"/>
      <c r="E21985" s="367"/>
      <c r="F21985" s="367"/>
      <c r="G21985" s="360"/>
      <c r="H21985" s="360"/>
      <c r="I21985" s="360"/>
      <c r="J21985" s="365"/>
      <c r="K21985" s="365"/>
      <c r="L21985" s="367"/>
    </row>
    <row r="21986" spans="2:12" ht="57">
      <c r="B21986" s="367"/>
      <c r="C21986" s="359" t="s">
        <v>30501</v>
      </c>
      <c r="D21986" s="367"/>
      <c r="E21986" s="367"/>
      <c r="F21986" s="367"/>
      <c r="G21986" s="360"/>
      <c r="H21986" s="360"/>
      <c r="I21986" s="360"/>
      <c r="J21986" s="365"/>
      <c r="K21986" s="365"/>
      <c r="L21986" s="367"/>
    </row>
    <row r="21987" spans="2:12">
      <c r="B21987" s="367"/>
      <c r="C21987" s="360"/>
      <c r="D21987" s="367"/>
      <c r="E21987" s="367"/>
      <c r="F21987" s="367"/>
      <c r="G21987" s="360"/>
      <c r="H21987" s="360"/>
      <c r="I21987" s="360"/>
      <c r="J21987" s="365"/>
      <c r="K21987" s="365"/>
      <c r="L21987" s="367"/>
    </row>
    <row r="21988" spans="2:12" ht="28.5">
      <c r="B21988" s="368"/>
      <c r="C21988" s="361" t="s">
        <v>30502</v>
      </c>
      <c r="D21988" s="368"/>
      <c r="E21988" s="368"/>
      <c r="F21988" s="368"/>
      <c r="G21988" s="362"/>
      <c r="H21988" s="362"/>
      <c r="I21988" s="362"/>
      <c r="J21988" s="366"/>
      <c r="K21988" s="366"/>
      <c r="L21988" s="368"/>
    </row>
    <row r="21989" spans="2:12" ht="28.5">
      <c r="B21989" s="358" t="s">
        <v>10726</v>
      </c>
      <c r="C21989" s="358" t="s">
        <v>12669</v>
      </c>
      <c r="D21989" s="358" t="s">
        <v>10727</v>
      </c>
      <c r="E21989" s="358" t="s">
        <v>10728</v>
      </c>
      <c r="F21989" s="358" t="s">
        <v>28949</v>
      </c>
      <c r="G21989" s="358" t="s">
        <v>14669</v>
      </c>
      <c r="H21989" s="358" t="s">
        <v>14381</v>
      </c>
      <c r="I21989" s="358" t="s">
        <v>14669</v>
      </c>
      <c r="J21989" s="358"/>
      <c r="K21989" s="358"/>
      <c r="L21989" s="358" t="s">
        <v>10670</v>
      </c>
    </row>
    <row r="21990" spans="2:12">
      <c r="B21990" s="367"/>
      <c r="C21990" s="360"/>
      <c r="D21990" s="367"/>
      <c r="E21990" s="367"/>
      <c r="F21990" s="367"/>
      <c r="G21990" s="360"/>
      <c r="H21990" s="360"/>
      <c r="I21990" s="360"/>
      <c r="J21990" s="365"/>
      <c r="K21990" s="365"/>
      <c r="L21990" s="367"/>
    </row>
    <row r="21991" spans="2:12">
      <c r="B21991" s="368"/>
      <c r="C21991" s="361" t="s">
        <v>12670</v>
      </c>
      <c r="D21991" s="368"/>
      <c r="E21991" s="368"/>
      <c r="F21991" s="368"/>
      <c r="G21991" s="361" t="s">
        <v>14890</v>
      </c>
      <c r="H21991" s="361" t="s">
        <v>14332</v>
      </c>
      <c r="I21991" s="361" t="s">
        <v>14890</v>
      </c>
      <c r="J21991" s="366"/>
      <c r="K21991" s="366"/>
      <c r="L21991" s="368"/>
    </row>
    <row r="21992" spans="2:12" ht="28.5">
      <c r="B21992" s="358" t="s">
        <v>10730</v>
      </c>
      <c r="C21992" s="358" t="s">
        <v>29763</v>
      </c>
      <c r="D21992" s="358" t="s">
        <v>10731</v>
      </c>
      <c r="E21992" s="358" t="s">
        <v>10732</v>
      </c>
      <c r="F21992" s="358" t="s">
        <v>28949</v>
      </c>
      <c r="G21992" s="358" t="s">
        <v>14669</v>
      </c>
      <c r="H21992" s="358" t="s">
        <v>14381</v>
      </c>
      <c r="I21992" s="358" t="s">
        <v>14669</v>
      </c>
      <c r="J21992" s="358"/>
      <c r="K21992" s="358"/>
      <c r="L21992" s="358" t="s">
        <v>10670</v>
      </c>
    </row>
    <row r="21993" spans="2:12">
      <c r="B21993" s="367"/>
      <c r="C21993" s="360"/>
      <c r="D21993" s="367"/>
      <c r="E21993" s="367"/>
      <c r="F21993" s="367"/>
      <c r="G21993" s="360"/>
      <c r="H21993" s="360"/>
      <c r="I21993" s="360"/>
      <c r="J21993" s="365"/>
      <c r="K21993" s="365"/>
      <c r="L21993" s="367"/>
    </row>
    <row r="21994" spans="2:12" ht="85.5">
      <c r="B21994" s="368"/>
      <c r="C21994" s="361" t="s">
        <v>30503</v>
      </c>
      <c r="D21994" s="368"/>
      <c r="E21994" s="368"/>
      <c r="F21994" s="368"/>
      <c r="G21994" s="361" t="s">
        <v>14890</v>
      </c>
      <c r="H21994" s="361" t="s">
        <v>14332</v>
      </c>
      <c r="I21994" s="361" t="s">
        <v>14890</v>
      </c>
      <c r="J21994" s="366"/>
      <c r="K21994" s="366"/>
      <c r="L21994" s="368"/>
    </row>
    <row r="21995" spans="2:12" ht="28.5">
      <c r="B21995" s="358" t="s">
        <v>10734</v>
      </c>
      <c r="C21995" s="358" t="s">
        <v>12673</v>
      </c>
      <c r="D21995" s="358" t="s">
        <v>10735</v>
      </c>
      <c r="E21995" s="358" t="s">
        <v>10736</v>
      </c>
      <c r="F21995" s="358" t="s">
        <v>28949</v>
      </c>
      <c r="G21995" s="358" t="s">
        <v>14669</v>
      </c>
      <c r="H21995" s="358" t="s">
        <v>14381</v>
      </c>
      <c r="I21995" s="358" t="s">
        <v>14669</v>
      </c>
      <c r="J21995" s="358"/>
      <c r="K21995" s="358"/>
      <c r="L21995" s="358" t="s">
        <v>10670</v>
      </c>
    </row>
    <row r="21996" spans="2:12">
      <c r="B21996" s="367"/>
      <c r="C21996" s="360"/>
      <c r="D21996" s="367"/>
      <c r="E21996" s="367"/>
      <c r="F21996" s="367"/>
      <c r="G21996" s="360"/>
      <c r="H21996" s="360"/>
      <c r="I21996" s="360"/>
      <c r="J21996" s="365"/>
      <c r="K21996" s="365"/>
      <c r="L21996" s="367"/>
    </row>
    <row r="21997" spans="2:12">
      <c r="B21997" s="367"/>
      <c r="C21997" s="359" t="s">
        <v>12672</v>
      </c>
      <c r="D21997" s="367"/>
      <c r="E21997" s="367"/>
      <c r="F21997" s="367"/>
      <c r="G21997" s="359" t="s">
        <v>14890</v>
      </c>
      <c r="H21997" s="359" t="s">
        <v>14332</v>
      </c>
      <c r="I21997" s="359" t="s">
        <v>14890</v>
      </c>
      <c r="J21997" s="365"/>
      <c r="K21997" s="365"/>
      <c r="L21997" s="367"/>
    </row>
    <row r="21998" spans="2:12">
      <c r="B21998" s="367"/>
      <c r="C21998" s="360"/>
      <c r="D21998" s="367"/>
      <c r="E21998" s="367"/>
      <c r="F21998" s="367"/>
      <c r="G21998" s="360"/>
      <c r="H21998" s="360"/>
      <c r="I21998" s="360"/>
      <c r="J21998" s="365"/>
      <c r="K21998" s="365"/>
      <c r="L21998" s="367"/>
    </row>
    <row r="21999" spans="2:12" ht="99.75">
      <c r="B21999" s="368"/>
      <c r="C21999" s="361" t="s">
        <v>30504</v>
      </c>
      <c r="D21999" s="368"/>
      <c r="E21999" s="368"/>
      <c r="F21999" s="368"/>
      <c r="G21999" s="362"/>
      <c r="H21999" s="362"/>
      <c r="I21999" s="362"/>
      <c r="J21999" s="366"/>
      <c r="K21999" s="366"/>
      <c r="L21999" s="368"/>
    </row>
    <row r="22000" spans="2:12" ht="114">
      <c r="B22000" s="358" t="s">
        <v>10738</v>
      </c>
      <c r="C22000" s="358" t="s">
        <v>30505</v>
      </c>
      <c r="D22000" s="358" t="s">
        <v>10739</v>
      </c>
      <c r="E22000" s="358" t="s">
        <v>10740</v>
      </c>
      <c r="F22000" s="358" t="s">
        <v>28949</v>
      </c>
      <c r="G22000" s="358" t="s">
        <v>14669</v>
      </c>
      <c r="H22000" s="358" t="s">
        <v>14381</v>
      </c>
      <c r="I22000" s="358" t="s">
        <v>14669</v>
      </c>
      <c r="J22000" s="358"/>
      <c r="K22000" s="358"/>
      <c r="L22000" s="358" t="s">
        <v>10670</v>
      </c>
    </row>
    <row r="22001" spans="2:12">
      <c r="B22001" s="367"/>
      <c r="C22001" s="367"/>
      <c r="D22001" s="367"/>
      <c r="E22001" s="367"/>
      <c r="F22001" s="367"/>
      <c r="G22001" s="360"/>
      <c r="H22001" s="360"/>
      <c r="I22001" s="360"/>
      <c r="J22001" s="365"/>
      <c r="K22001" s="365"/>
      <c r="L22001" s="367"/>
    </row>
    <row r="22002" spans="2:12">
      <c r="B22002" s="368"/>
      <c r="C22002" s="368"/>
      <c r="D22002" s="368"/>
      <c r="E22002" s="368"/>
      <c r="F22002" s="368"/>
      <c r="G22002" s="361" t="s">
        <v>14890</v>
      </c>
      <c r="H22002" s="361" t="s">
        <v>14332</v>
      </c>
      <c r="I22002" s="361" t="s">
        <v>14890</v>
      </c>
      <c r="J22002" s="366"/>
      <c r="K22002" s="366"/>
      <c r="L22002" s="368"/>
    </row>
    <row r="22003" spans="2:12" ht="28.5">
      <c r="B22003" s="358" t="s">
        <v>10742</v>
      </c>
      <c r="C22003" s="358" t="s">
        <v>26000</v>
      </c>
      <c r="D22003" s="358" t="s">
        <v>10743</v>
      </c>
      <c r="E22003" s="358" t="s">
        <v>10744</v>
      </c>
      <c r="F22003" s="358" t="s">
        <v>28949</v>
      </c>
      <c r="G22003" s="358" t="s">
        <v>14669</v>
      </c>
      <c r="H22003" s="358" t="s">
        <v>14381</v>
      </c>
      <c r="I22003" s="358" t="s">
        <v>14669</v>
      </c>
      <c r="J22003" s="358"/>
      <c r="K22003" s="358"/>
      <c r="L22003" s="358" t="s">
        <v>10670</v>
      </c>
    </row>
    <row r="22004" spans="2:12">
      <c r="B22004" s="367"/>
      <c r="C22004" s="360"/>
      <c r="D22004" s="367"/>
      <c r="E22004" s="367"/>
      <c r="F22004" s="367"/>
      <c r="G22004" s="360"/>
      <c r="H22004" s="360"/>
      <c r="I22004" s="360"/>
      <c r="J22004" s="365"/>
      <c r="K22004" s="365"/>
      <c r="L22004" s="367"/>
    </row>
    <row r="22005" spans="2:12" ht="57">
      <c r="B22005" s="368"/>
      <c r="C22005" s="361" t="s">
        <v>30506</v>
      </c>
      <c r="D22005" s="368"/>
      <c r="E22005" s="368"/>
      <c r="F22005" s="368"/>
      <c r="G22005" s="361" t="s">
        <v>14890</v>
      </c>
      <c r="H22005" s="361" t="s">
        <v>14332</v>
      </c>
      <c r="I22005" s="361" t="s">
        <v>14890</v>
      </c>
      <c r="J22005" s="366"/>
      <c r="K22005" s="366"/>
      <c r="L22005" s="368"/>
    </row>
    <row r="22006" spans="2:12" ht="28.5">
      <c r="B22006" s="358" t="s">
        <v>10746</v>
      </c>
      <c r="C22006" s="358" t="s">
        <v>26001</v>
      </c>
      <c r="D22006" s="358" t="s">
        <v>10747</v>
      </c>
      <c r="E22006" s="358" t="s">
        <v>10748</v>
      </c>
      <c r="F22006" s="358" t="s">
        <v>28949</v>
      </c>
      <c r="G22006" s="358" t="s">
        <v>14669</v>
      </c>
      <c r="H22006" s="358" t="s">
        <v>14381</v>
      </c>
      <c r="I22006" s="358" t="s">
        <v>14669</v>
      </c>
      <c r="J22006" s="358"/>
      <c r="K22006" s="358"/>
      <c r="L22006" s="358" t="s">
        <v>10670</v>
      </c>
    </row>
    <row r="22007" spans="2:12">
      <c r="B22007" s="367"/>
      <c r="C22007" s="360"/>
      <c r="D22007" s="367"/>
      <c r="E22007" s="367"/>
      <c r="F22007" s="367"/>
      <c r="G22007" s="360"/>
      <c r="H22007" s="360"/>
      <c r="I22007" s="360"/>
      <c r="J22007" s="365"/>
      <c r="K22007" s="365"/>
      <c r="L22007" s="367"/>
    </row>
    <row r="22008" spans="2:12" ht="71.25">
      <c r="B22008" s="368"/>
      <c r="C22008" s="361" t="s">
        <v>30507</v>
      </c>
      <c r="D22008" s="368"/>
      <c r="E22008" s="368"/>
      <c r="F22008" s="368"/>
      <c r="G22008" s="361" t="s">
        <v>14890</v>
      </c>
      <c r="H22008" s="361" t="s">
        <v>14332</v>
      </c>
      <c r="I22008" s="361" t="s">
        <v>14890</v>
      </c>
      <c r="J22008" s="366"/>
      <c r="K22008" s="366"/>
      <c r="L22008" s="368"/>
    </row>
    <row r="22009" spans="2:12" ht="28.5">
      <c r="B22009" s="358" t="s">
        <v>10750</v>
      </c>
      <c r="C22009" s="358" t="s">
        <v>29764</v>
      </c>
      <c r="D22009" s="358" t="s">
        <v>10751</v>
      </c>
      <c r="E22009" s="358" t="s">
        <v>10752</v>
      </c>
      <c r="F22009" s="358" t="s">
        <v>28949</v>
      </c>
      <c r="G22009" s="358" t="s">
        <v>14669</v>
      </c>
      <c r="H22009" s="358" t="s">
        <v>14381</v>
      </c>
      <c r="I22009" s="358" t="s">
        <v>14669</v>
      </c>
      <c r="J22009" s="358"/>
      <c r="K22009" s="358"/>
      <c r="L22009" s="358" t="s">
        <v>10670</v>
      </c>
    </row>
    <row r="22010" spans="2:12">
      <c r="B22010" s="367"/>
      <c r="C22010" s="360"/>
      <c r="D22010" s="367"/>
      <c r="E22010" s="367"/>
      <c r="F22010" s="367"/>
      <c r="G22010" s="360"/>
      <c r="H22010" s="360"/>
      <c r="I22010" s="360"/>
      <c r="J22010" s="365"/>
      <c r="K22010" s="365"/>
      <c r="L22010" s="367"/>
    </row>
    <row r="22011" spans="2:12" ht="71.25">
      <c r="B22011" s="368"/>
      <c r="C22011" s="361" t="s">
        <v>30508</v>
      </c>
      <c r="D22011" s="368"/>
      <c r="E22011" s="368"/>
      <c r="F22011" s="368"/>
      <c r="G22011" s="361" t="s">
        <v>14890</v>
      </c>
      <c r="H22011" s="361" t="s">
        <v>14332</v>
      </c>
      <c r="I22011" s="361" t="s">
        <v>14890</v>
      </c>
      <c r="J22011" s="366"/>
      <c r="K22011" s="366"/>
      <c r="L22011" s="368"/>
    </row>
    <row r="22012" spans="2:12" ht="28.5">
      <c r="B22012" s="358" t="s">
        <v>10755</v>
      </c>
      <c r="C22012" s="358" t="s">
        <v>12680</v>
      </c>
      <c r="D22012" s="358" t="s">
        <v>10756</v>
      </c>
      <c r="E22012" s="358" t="s">
        <v>10757</v>
      </c>
      <c r="F22012" s="358" t="s">
        <v>28949</v>
      </c>
      <c r="G22012" s="358" t="s">
        <v>14669</v>
      </c>
      <c r="H22012" s="358" t="s">
        <v>14381</v>
      </c>
      <c r="I22012" s="358" t="s">
        <v>14669</v>
      </c>
      <c r="J22012" s="358"/>
      <c r="K22012" s="358"/>
      <c r="L22012" s="358" t="s">
        <v>10670</v>
      </c>
    </row>
    <row r="22013" spans="2:12">
      <c r="B22013" s="367"/>
      <c r="C22013" s="360"/>
      <c r="D22013" s="367"/>
      <c r="E22013" s="367"/>
      <c r="F22013" s="367"/>
      <c r="G22013" s="360"/>
      <c r="H22013" s="360"/>
      <c r="I22013" s="360"/>
      <c r="J22013" s="365"/>
      <c r="K22013" s="365"/>
      <c r="L22013" s="367"/>
    </row>
    <row r="22014" spans="2:12" ht="42.75">
      <c r="B22014" s="367"/>
      <c r="C22014" s="359" t="s">
        <v>29765</v>
      </c>
      <c r="D22014" s="367"/>
      <c r="E22014" s="367"/>
      <c r="F22014" s="367"/>
      <c r="G22014" s="359" t="s">
        <v>14890</v>
      </c>
      <c r="H22014" s="359" t="s">
        <v>14332</v>
      </c>
      <c r="I22014" s="359" t="s">
        <v>14890</v>
      </c>
      <c r="J22014" s="365"/>
      <c r="K22014" s="365"/>
      <c r="L22014" s="367"/>
    </row>
    <row r="22015" spans="2:12">
      <c r="B22015" s="367"/>
      <c r="C22015" s="360"/>
      <c r="D22015" s="367"/>
      <c r="E22015" s="367"/>
      <c r="F22015" s="367"/>
      <c r="G22015" s="360"/>
      <c r="H22015" s="360"/>
      <c r="I22015" s="360"/>
      <c r="J22015" s="365"/>
      <c r="K22015" s="365"/>
      <c r="L22015" s="367"/>
    </row>
    <row r="22016" spans="2:12" ht="28.5">
      <c r="B22016" s="368"/>
      <c r="C22016" s="361" t="s">
        <v>29766</v>
      </c>
      <c r="D22016" s="368"/>
      <c r="E22016" s="368"/>
      <c r="F22016" s="368"/>
      <c r="G22016" s="362"/>
      <c r="H22016" s="362"/>
      <c r="I22016" s="362"/>
      <c r="J22016" s="366"/>
      <c r="K22016" s="366"/>
      <c r="L22016" s="368"/>
    </row>
    <row r="22017" spans="2:12" ht="28.5">
      <c r="B22017" s="358" t="s">
        <v>10760</v>
      </c>
      <c r="C22017" s="358" t="s">
        <v>12683</v>
      </c>
      <c r="D22017" s="358" t="s">
        <v>10761</v>
      </c>
      <c r="E22017" s="358" t="s">
        <v>10762</v>
      </c>
      <c r="F22017" s="358" t="s">
        <v>28949</v>
      </c>
      <c r="G22017" s="358" t="s">
        <v>14669</v>
      </c>
      <c r="H22017" s="358" t="s">
        <v>14381</v>
      </c>
      <c r="I22017" s="358" t="s">
        <v>14669</v>
      </c>
      <c r="J22017" s="358"/>
      <c r="K22017" s="358"/>
      <c r="L22017" s="358" t="s">
        <v>10670</v>
      </c>
    </row>
    <row r="22018" spans="2:12">
      <c r="B22018" s="367"/>
      <c r="C22018" s="360"/>
      <c r="D22018" s="367"/>
      <c r="E22018" s="367"/>
      <c r="F22018" s="367"/>
      <c r="G22018" s="360"/>
      <c r="H22018" s="360"/>
      <c r="I22018" s="360"/>
      <c r="J22018" s="365"/>
      <c r="K22018" s="365"/>
      <c r="L22018" s="367"/>
    </row>
    <row r="22019" spans="2:12" ht="71.25">
      <c r="B22019" s="368"/>
      <c r="C22019" s="361" t="s">
        <v>29767</v>
      </c>
      <c r="D22019" s="368"/>
      <c r="E22019" s="368"/>
      <c r="F22019" s="368"/>
      <c r="G22019" s="361" t="s">
        <v>14890</v>
      </c>
      <c r="H22019" s="361" t="s">
        <v>14332</v>
      </c>
      <c r="I22019" s="361" t="s">
        <v>14890</v>
      </c>
      <c r="J22019" s="366"/>
      <c r="K22019" s="366"/>
      <c r="L22019" s="368"/>
    </row>
    <row r="22020" spans="2:12" ht="28.5">
      <c r="B22020" s="358" t="s">
        <v>10765</v>
      </c>
      <c r="C22020" s="358" t="s">
        <v>29768</v>
      </c>
      <c r="D22020" s="358" t="s">
        <v>10766</v>
      </c>
      <c r="E22020" s="358" t="s">
        <v>10767</v>
      </c>
      <c r="F22020" s="358" t="s">
        <v>28949</v>
      </c>
      <c r="G22020" s="358" t="s">
        <v>14669</v>
      </c>
      <c r="H22020" s="358" t="s">
        <v>14381</v>
      </c>
      <c r="I22020" s="358" t="s">
        <v>14669</v>
      </c>
      <c r="J22020" s="358"/>
      <c r="K22020" s="358"/>
      <c r="L22020" s="358" t="s">
        <v>10670</v>
      </c>
    </row>
    <row r="22021" spans="2:12">
      <c r="B22021" s="367"/>
      <c r="C22021" s="360"/>
      <c r="D22021" s="367"/>
      <c r="E22021" s="367"/>
      <c r="F22021" s="367"/>
      <c r="G22021" s="360"/>
      <c r="H22021" s="360"/>
      <c r="I22021" s="360"/>
      <c r="J22021" s="365"/>
      <c r="K22021" s="365"/>
      <c r="L22021" s="367"/>
    </row>
    <row r="22022" spans="2:12" ht="57">
      <c r="B22022" s="368"/>
      <c r="C22022" s="361" t="s">
        <v>12687</v>
      </c>
      <c r="D22022" s="368"/>
      <c r="E22022" s="368"/>
      <c r="F22022" s="368"/>
      <c r="G22022" s="361" t="s">
        <v>14890</v>
      </c>
      <c r="H22022" s="361" t="s">
        <v>14332</v>
      </c>
      <c r="I22022" s="361" t="s">
        <v>14890</v>
      </c>
      <c r="J22022" s="366"/>
      <c r="K22022" s="366"/>
      <c r="L22022" s="368"/>
    </row>
    <row r="22023" spans="2:12" ht="28.5">
      <c r="B22023" s="358" t="s">
        <v>10769</v>
      </c>
      <c r="C22023" s="358" t="s">
        <v>29769</v>
      </c>
      <c r="D22023" s="358" t="s">
        <v>10770</v>
      </c>
      <c r="E22023" s="358" t="s">
        <v>10771</v>
      </c>
      <c r="F22023" s="358" t="s">
        <v>28949</v>
      </c>
      <c r="G22023" s="358" t="s">
        <v>14669</v>
      </c>
      <c r="H22023" s="358" t="s">
        <v>14381</v>
      </c>
      <c r="I22023" s="358" t="s">
        <v>14669</v>
      </c>
      <c r="J22023" s="358"/>
      <c r="K22023" s="358"/>
      <c r="L22023" s="358" t="s">
        <v>10670</v>
      </c>
    </row>
    <row r="22024" spans="2:12">
      <c r="B22024" s="367"/>
      <c r="C22024" s="360"/>
      <c r="D22024" s="367"/>
      <c r="E22024" s="367"/>
      <c r="F22024" s="367"/>
      <c r="G22024" s="360"/>
      <c r="H22024" s="360"/>
      <c r="I22024" s="360"/>
      <c r="J22024" s="365"/>
      <c r="K22024" s="365"/>
      <c r="L22024" s="367"/>
    </row>
    <row r="22025" spans="2:12" ht="71.25">
      <c r="B22025" s="368"/>
      <c r="C22025" s="361" t="s">
        <v>30509</v>
      </c>
      <c r="D22025" s="368"/>
      <c r="E22025" s="368"/>
      <c r="F22025" s="368"/>
      <c r="G22025" s="361" t="s">
        <v>14890</v>
      </c>
      <c r="H22025" s="361" t="s">
        <v>14332</v>
      </c>
      <c r="I22025" s="361" t="s">
        <v>14890</v>
      </c>
      <c r="J22025" s="366"/>
      <c r="K22025" s="366"/>
      <c r="L22025" s="368"/>
    </row>
    <row r="22026" spans="2:12" ht="28.5">
      <c r="B22026" s="358" t="s">
        <v>10773</v>
      </c>
      <c r="C22026" s="358" t="s">
        <v>12690</v>
      </c>
      <c r="D22026" s="358" t="s">
        <v>10774</v>
      </c>
      <c r="E22026" s="358" t="s">
        <v>10775</v>
      </c>
      <c r="F22026" s="358" t="s">
        <v>28949</v>
      </c>
      <c r="G22026" s="358" t="s">
        <v>14669</v>
      </c>
      <c r="H22026" s="358" t="s">
        <v>14381</v>
      </c>
      <c r="I22026" s="358" t="s">
        <v>14669</v>
      </c>
      <c r="J22026" s="358"/>
      <c r="K22026" s="358"/>
      <c r="L22026" s="358" t="s">
        <v>10670</v>
      </c>
    </row>
    <row r="22027" spans="2:12">
      <c r="B22027" s="367"/>
      <c r="C22027" s="360"/>
      <c r="D22027" s="367"/>
      <c r="E22027" s="367"/>
      <c r="F22027" s="367"/>
      <c r="G22027" s="360"/>
      <c r="H22027" s="360"/>
      <c r="I22027" s="360"/>
      <c r="J22027" s="365"/>
      <c r="K22027" s="365"/>
      <c r="L22027" s="367"/>
    </row>
    <row r="22028" spans="2:12">
      <c r="B22028" s="367"/>
      <c r="C22028" s="359" t="s">
        <v>12691</v>
      </c>
      <c r="D22028" s="367"/>
      <c r="E22028" s="367"/>
      <c r="F22028" s="367"/>
      <c r="G22028" s="359" t="s">
        <v>14890</v>
      </c>
      <c r="H22028" s="359" t="s">
        <v>14332</v>
      </c>
      <c r="I22028" s="359" t="s">
        <v>14890</v>
      </c>
      <c r="J22028" s="365"/>
      <c r="K22028" s="365"/>
      <c r="L22028" s="367"/>
    </row>
    <row r="22029" spans="2:12">
      <c r="B22029" s="367"/>
      <c r="C22029" s="360"/>
      <c r="D22029" s="367"/>
      <c r="E22029" s="367"/>
      <c r="F22029" s="367"/>
      <c r="G22029" s="360"/>
      <c r="H22029" s="360"/>
      <c r="I22029" s="360"/>
      <c r="J22029" s="365"/>
      <c r="K22029" s="365"/>
      <c r="L22029" s="367"/>
    </row>
    <row r="22030" spans="2:12" ht="71.25">
      <c r="B22030" s="368"/>
      <c r="C22030" s="361" t="s">
        <v>30510</v>
      </c>
      <c r="D22030" s="368"/>
      <c r="E22030" s="368"/>
      <c r="F22030" s="368"/>
      <c r="G22030" s="362"/>
      <c r="H22030" s="362"/>
      <c r="I22030" s="362"/>
      <c r="J22030" s="366"/>
      <c r="K22030" s="366"/>
      <c r="L22030" s="368"/>
    </row>
    <row r="22031" spans="2:12" ht="28.5">
      <c r="B22031" s="358" t="s">
        <v>10777</v>
      </c>
      <c r="C22031" s="358" t="s">
        <v>12692</v>
      </c>
      <c r="D22031" s="358" t="s">
        <v>10778</v>
      </c>
      <c r="E22031" s="358" t="s">
        <v>10779</v>
      </c>
      <c r="F22031" s="358" t="s">
        <v>28949</v>
      </c>
      <c r="G22031" s="358" t="s">
        <v>14669</v>
      </c>
      <c r="H22031" s="358" t="s">
        <v>14381</v>
      </c>
      <c r="I22031" s="358" t="s">
        <v>14669</v>
      </c>
      <c r="J22031" s="358"/>
      <c r="K22031" s="358"/>
      <c r="L22031" s="358" t="s">
        <v>10670</v>
      </c>
    </row>
    <row r="22032" spans="2:12">
      <c r="B22032" s="367"/>
      <c r="C22032" s="360"/>
      <c r="D22032" s="367"/>
      <c r="E22032" s="367"/>
      <c r="F22032" s="367"/>
      <c r="G22032" s="360"/>
      <c r="H22032" s="360"/>
      <c r="I22032" s="360"/>
      <c r="J22032" s="365"/>
      <c r="K22032" s="365"/>
      <c r="L22032" s="367"/>
    </row>
    <row r="22033" spans="2:12">
      <c r="B22033" s="368"/>
      <c r="C22033" s="361" t="s">
        <v>12693</v>
      </c>
      <c r="D22033" s="368"/>
      <c r="E22033" s="368"/>
      <c r="F22033" s="368"/>
      <c r="G22033" s="361" t="s">
        <v>14890</v>
      </c>
      <c r="H22033" s="361" t="s">
        <v>14332</v>
      </c>
      <c r="I22033" s="361" t="s">
        <v>14890</v>
      </c>
      <c r="J22033" s="366"/>
      <c r="K22033" s="366"/>
      <c r="L22033" s="368"/>
    </row>
    <row r="22034" spans="2:12" ht="28.5">
      <c r="B22034" s="358" t="s">
        <v>10782</v>
      </c>
      <c r="C22034" s="358" t="s">
        <v>12694</v>
      </c>
      <c r="D22034" s="358" t="s">
        <v>10783</v>
      </c>
      <c r="E22034" s="358" t="s">
        <v>10784</v>
      </c>
      <c r="F22034" s="358" t="s">
        <v>28949</v>
      </c>
      <c r="G22034" s="358" t="s">
        <v>14669</v>
      </c>
      <c r="H22034" s="358" t="s">
        <v>14381</v>
      </c>
      <c r="I22034" s="358" t="s">
        <v>14669</v>
      </c>
      <c r="J22034" s="358"/>
      <c r="K22034" s="358"/>
      <c r="L22034" s="358" t="s">
        <v>10670</v>
      </c>
    </row>
    <row r="22035" spans="2:12">
      <c r="B22035" s="367"/>
      <c r="C22035" s="360"/>
      <c r="D22035" s="367"/>
      <c r="E22035" s="367"/>
      <c r="F22035" s="367"/>
      <c r="G22035" s="360"/>
      <c r="H22035" s="360"/>
      <c r="I22035" s="360"/>
      <c r="J22035" s="365"/>
      <c r="K22035" s="365"/>
      <c r="L22035" s="367"/>
    </row>
    <row r="22036" spans="2:12">
      <c r="B22036" s="367"/>
      <c r="C22036" s="359" t="s">
        <v>12691</v>
      </c>
      <c r="D22036" s="367"/>
      <c r="E22036" s="367"/>
      <c r="F22036" s="367"/>
      <c r="G22036" s="359" t="s">
        <v>14890</v>
      </c>
      <c r="H22036" s="359" t="s">
        <v>14332</v>
      </c>
      <c r="I22036" s="359" t="s">
        <v>14890</v>
      </c>
      <c r="J22036" s="365"/>
      <c r="K22036" s="365"/>
      <c r="L22036" s="367"/>
    </row>
    <row r="22037" spans="2:12">
      <c r="B22037" s="367"/>
      <c r="C22037" s="360"/>
      <c r="D22037" s="367"/>
      <c r="E22037" s="367"/>
      <c r="F22037" s="367"/>
      <c r="G22037" s="360"/>
      <c r="H22037" s="360"/>
      <c r="I22037" s="360"/>
      <c r="J22037" s="365"/>
      <c r="K22037" s="365"/>
      <c r="L22037" s="367"/>
    </row>
    <row r="22038" spans="2:12" ht="57">
      <c r="B22038" s="368"/>
      <c r="C22038" s="361" t="s">
        <v>12695</v>
      </c>
      <c r="D22038" s="368"/>
      <c r="E22038" s="368"/>
      <c r="F22038" s="368"/>
      <c r="G22038" s="362"/>
      <c r="H22038" s="362"/>
      <c r="I22038" s="362"/>
      <c r="J22038" s="366"/>
      <c r="K22038" s="366"/>
      <c r="L22038" s="368"/>
    </row>
    <row r="22039" spans="2:12" ht="28.5">
      <c r="B22039" s="358" t="s">
        <v>10786</v>
      </c>
      <c r="C22039" s="358" t="s">
        <v>12696</v>
      </c>
      <c r="D22039" s="358" t="s">
        <v>10787</v>
      </c>
      <c r="E22039" s="358" t="s">
        <v>10788</v>
      </c>
      <c r="F22039" s="358" t="s">
        <v>28949</v>
      </c>
      <c r="G22039" s="358" t="s">
        <v>14669</v>
      </c>
      <c r="H22039" s="358" t="s">
        <v>14381</v>
      </c>
      <c r="I22039" s="358" t="s">
        <v>14669</v>
      </c>
      <c r="J22039" s="358"/>
      <c r="K22039" s="358"/>
      <c r="L22039" s="358" t="s">
        <v>10670</v>
      </c>
    </row>
    <row r="22040" spans="2:12">
      <c r="B22040" s="367"/>
      <c r="C22040" s="360"/>
      <c r="D22040" s="367"/>
      <c r="E22040" s="367"/>
      <c r="F22040" s="367"/>
      <c r="G22040" s="360"/>
      <c r="H22040" s="360"/>
      <c r="I22040" s="360"/>
      <c r="J22040" s="365"/>
      <c r="K22040" s="365"/>
      <c r="L22040" s="367"/>
    </row>
    <row r="22041" spans="2:12">
      <c r="B22041" s="367"/>
      <c r="C22041" s="359" t="s">
        <v>12691</v>
      </c>
      <c r="D22041" s="367"/>
      <c r="E22041" s="367"/>
      <c r="F22041" s="367"/>
      <c r="G22041" s="359" t="s">
        <v>14890</v>
      </c>
      <c r="H22041" s="359" t="s">
        <v>14332</v>
      </c>
      <c r="I22041" s="359" t="s">
        <v>14890</v>
      </c>
      <c r="J22041" s="365"/>
      <c r="K22041" s="365"/>
      <c r="L22041" s="367"/>
    </row>
    <row r="22042" spans="2:12">
      <c r="B22042" s="367"/>
      <c r="C22042" s="360"/>
      <c r="D22042" s="367"/>
      <c r="E22042" s="367"/>
      <c r="F22042" s="367"/>
      <c r="G22042" s="360"/>
      <c r="H22042" s="360"/>
      <c r="I22042" s="360"/>
      <c r="J22042" s="365"/>
      <c r="K22042" s="365"/>
      <c r="L22042" s="367"/>
    </row>
    <row r="22043" spans="2:12" ht="85.5">
      <c r="B22043" s="368"/>
      <c r="C22043" s="361" t="s">
        <v>30511</v>
      </c>
      <c r="D22043" s="368"/>
      <c r="E22043" s="368"/>
      <c r="F22043" s="368"/>
      <c r="G22043" s="362"/>
      <c r="H22043" s="362"/>
      <c r="I22043" s="362"/>
      <c r="J22043" s="366"/>
      <c r="K22043" s="366"/>
      <c r="L22043" s="368"/>
    </row>
    <row r="22044" spans="2:12" ht="28.5">
      <c r="B22044" s="358" t="s">
        <v>10790</v>
      </c>
      <c r="C22044" s="358" t="s">
        <v>29770</v>
      </c>
      <c r="D22044" s="358" t="s">
        <v>10791</v>
      </c>
      <c r="E22044" s="358" t="s">
        <v>10792</v>
      </c>
      <c r="F22044" s="358" t="s">
        <v>28949</v>
      </c>
      <c r="G22044" s="358" t="s">
        <v>14669</v>
      </c>
      <c r="H22044" s="358" t="s">
        <v>14381</v>
      </c>
      <c r="I22044" s="358" t="s">
        <v>14669</v>
      </c>
      <c r="J22044" s="358"/>
      <c r="K22044" s="358"/>
      <c r="L22044" s="358" t="s">
        <v>10670</v>
      </c>
    </row>
    <row r="22045" spans="2:12">
      <c r="B22045" s="367"/>
      <c r="C22045" s="360"/>
      <c r="D22045" s="367"/>
      <c r="E22045" s="367"/>
      <c r="F22045" s="367"/>
      <c r="G22045" s="360"/>
      <c r="H22045" s="360"/>
      <c r="I22045" s="360"/>
      <c r="J22045" s="365"/>
      <c r="K22045" s="365"/>
      <c r="L22045" s="367"/>
    </row>
    <row r="22046" spans="2:12" ht="71.25">
      <c r="B22046" s="367"/>
      <c r="C22046" s="359" t="s">
        <v>30512</v>
      </c>
      <c r="D22046" s="367"/>
      <c r="E22046" s="367"/>
      <c r="F22046" s="367"/>
      <c r="G22046" s="359" t="s">
        <v>14890</v>
      </c>
      <c r="H22046" s="359" t="s">
        <v>14332</v>
      </c>
      <c r="I22046" s="359" t="s">
        <v>14890</v>
      </c>
      <c r="J22046" s="365"/>
      <c r="K22046" s="365"/>
      <c r="L22046" s="367"/>
    </row>
    <row r="22047" spans="2:12">
      <c r="B22047" s="367"/>
      <c r="C22047" s="360"/>
      <c r="D22047" s="367"/>
      <c r="E22047" s="367"/>
      <c r="F22047" s="367"/>
      <c r="G22047" s="360"/>
      <c r="H22047" s="360"/>
      <c r="I22047" s="360"/>
      <c r="J22047" s="365"/>
      <c r="K22047" s="365"/>
      <c r="L22047" s="367"/>
    </row>
    <row r="22048" spans="2:12" ht="28.5">
      <c r="B22048" s="368"/>
      <c r="C22048" s="361" t="s">
        <v>29771</v>
      </c>
      <c r="D22048" s="368"/>
      <c r="E22048" s="368"/>
      <c r="F22048" s="368"/>
      <c r="G22048" s="362"/>
      <c r="H22048" s="362"/>
      <c r="I22048" s="362"/>
      <c r="J22048" s="366"/>
      <c r="K22048" s="366"/>
      <c r="L22048" s="368"/>
    </row>
    <row r="22049" spans="2:12" ht="28.5">
      <c r="B22049" s="358" t="s">
        <v>10794</v>
      </c>
      <c r="C22049" s="358" t="s">
        <v>12698</v>
      </c>
      <c r="D22049" s="358" t="s">
        <v>10795</v>
      </c>
      <c r="E22049" s="358" t="s">
        <v>10796</v>
      </c>
      <c r="F22049" s="358" t="s">
        <v>28949</v>
      </c>
      <c r="G22049" s="358" t="s">
        <v>14669</v>
      </c>
      <c r="H22049" s="358" t="s">
        <v>14381</v>
      </c>
      <c r="I22049" s="358" t="s">
        <v>14669</v>
      </c>
      <c r="J22049" s="358"/>
      <c r="K22049" s="358"/>
      <c r="L22049" s="358" t="s">
        <v>10670</v>
      </c>
    </row>
    <row r="22050" spans="2:12">
      <c r="B22050" s="367"/>
      <c r="C22050" s="360"/>
      <c r="D22050" s="367"/>
      <c r="E22050" s="367"/>
      <c r="F22050" s="367"/>
      <c r="G22050" s="360"/>
      <c r="H22050" s="360"/>
      <c r="I22050" s="360"/>
      <c r="J22050" s="365"/>
      <c r="K22050" s="365"/>
      <c r="L22050" s="367"/>
    </row>
    <row r="22051" spans="2:12">
      <c r="B22051" s="368"/>
      <c r="C22051" s="361" t="s">
        <v>12693</v>
      </c>
      <c r="D22051" s="368"/>
      <c r="E22051" s="368"/>
      <c r="F22051" s="368"/>
      <c r="G22051" s="361" t="s">
        <v>14890</v>
      </c>
      <c r="H22051" s="361" t="s">
        <v>14332</v>
      </c>
      <c r="I22051" s="361" t="s">
        <v>14890</v>
      </c>
      <c r="J22051" s="366"/>
      <c r="K22051" s="366"/>
      <c r="L22051" s="368"/>
    </row>
    <row r="22052" spans="2:12" ht="28.5">
      <c r="B22052" s="358" t="s">
        <v>10798</v>
      </c>
      <c r="C22052" s="358" t="s">
        <v>12699</v>
      </c>
      <c r="D22052" s="358" t="s">
        <v>10799</v>
      </c>
      <c r="E22052" s="358" t="s">
        <v>10800</v>
      </c>
      <c r="F22052" s="358" t="s">
        <v>28949</v>
      </c>
      <c r="G22052" s="358" t="s">
        <v>14669</v>
      </c>
      <c r="H22052" s="358" t="s">
        <v>14381</v>
      </c>
      <c r="I22052" s="358" t="s">
        <v>14669</v>
      </c>
      <c r="J22052" s="358"/>
      <c r="K22052" s="358"/>
      <c r="L22052" s="358" t="s">
        <v>10670</v>
      </c>
    </row>
    <row r="22053" spans="2:12">
      <c r="B22053" s="367"/>
      <c r="C22053" s="360"/>
      <c r="D22053" s="367"/>
      <c r="E22053" s="367"/>
      <c r="F22053" s="367"/>
      <c r="G22053" s="360"/>
      <c r="H22053" s="360"/>
      <c r="I22053" s="360"/>
      <c r="J22053" s="365"/>
      <c r="K22053" s="365"/>
      <c r="L22053" s="367"/>
    </row>
    <row r="22054" spans="2:12">
      <c r="B22054" s="367"/>
      <c r="C22054" s="359" t="s">
        <v>12700</v>
      </c>
      <c r="D22054" s="367"/>
      <c r="E22054" s="367"/>
      <c r="F22054" s="367"/>
      <c r="G22054" s="359" t="s">
        <v>14890</v>
      </c>
      <c r="H22054" s="359" t="s">
        <v>14332</v>
      </c>
      <c r="I22054" s="359" t="s">
        <v>14890</v>
      </c>
      <c r="J22054" s="365"/>
      <c r="K22054" s="365"/>
      <c r="L22054" s="367"/>
    </row>
    <row r="22055" spans="2:12">
      <c r="B22055" s="367"/>
      <c r="C22055" s="360"/>
      <c r="D22055" s="367"/>
      <c r="E22055" s="367"/>
      <c r="F22055" s="367"/>
      <c r="G22055" s="360"/>
      <c r="H22055" s="360"/>
      <c r="I22055" s="360"/>
      <c r="J22055" s="365"/>
      <c r="K22055" s="365"/>
      <c r="L22055" s="367"/>
    </row>
    <row r="22056" spans="2:12" ht="99.75">
      <c r="B22056" s="368"/>
      <c r="C22056" s="361" t="s">
        <v>30513</v>
      </c>
      <c r="D22056" s="368"/>
      <c r="E22056" s="368"/>
      <c r="F22056" s="368"/>
      <c r="G22056" s="362"/>
      <c r="H22056" s="362"/>
      <c r="I22056" s="362"/>
      <c r="J22056" s="366"/>
      <c r="K22056" s="366"/>
      <c r="L22056" s="368"/>
    </row>
    <row r="22057" spans="2:12" ht="28.5">
      <c r="B22057" s="358" t="s">
        <v>10802</v>
      </c>
      <c r="C22057" s="358" t="s">
        <v>12701</v>
      </c>
      <c r="D22057" s="358" t="s">
        <v>10803</v>
      </c>
      <c r="E22057" s="358" t="s">
        <v>10804</v>
      </c>
      <c r="F22057" s="358" t="s">
        <v>28949</v>
      </c>
      <c r="G22057" s="358" t="s">
        <v>14669</v>
      </c>
      <c r="H22057" s="358" t="s">
        <v>14381</v>
      </c>
      <c r="I22057" s="358" t="s">
        <v>14669</v>
      </c>
      <c r="J22057" s="358"/>
      <c r="K22057" s="358"/>
      <c r="L22057" s="358" t="s">
        <v>10670</v>
      </c>
    </row>
    <row r="22058" spans="2:12">
      <c r="B22058" s="367"/>
      <c r="C22058" s="360"/>
      <c r="D22058" s="367"/>
      <c r="E22058" s="367"/>
      <c r="F22058" s="367"/>
      <c r="G22058" s="360"/>
      <c r="H22058" s="360"/>
      <c r="I22058" s="360"/>
      <c r="J22058" s="365"/>
      <c r="K22058" s="365"/>
      <c r="L22058" s="367"/>
    </row>
    <row r="22059" spans="2:12">
      <c r="B22059" s="367"/>
      <c r="C22059" s="359" t="s">
        <v>12700</v>
      </c>
      <c r="D22059" s="367"/>
      <c r="E22059" s="367"/>
      <c r="F22059" s="367"/>
      <c r="G22059" s="359" t="s">
        <v>14890</v>
      </c>
      <c r="H22059" s="359" t="s">
        <v>14332</v>
      </c>
      <c r="I22059" s="359" t="s">
        <v>14890</v>
      </c>
      <c r="J22059" s="365"/>
      <c r="K22059" s="365"/>
      <c r="L22059" s="367"/>
    </row>
    <row r="22060" spans="2:12">
      <c r="B22060" s="367"/>
      <c r="C22060" s="360"/>
      <c r="D22060" s="367"/>
      <c r="E22060" s="367"/>
      <c r="F22060" s="367"/>
      <c r="G22060" s="360"/>
      <c r="H22060" s="360"/>
      <c r="I22060" s="360"/>
      <c r="J22060" s="365"/>
      <c r="K22060" s="365"/>
      <c r="L22060" s="367"/>
    </row>
    <row r="22061" spans="2:12" ht="71.25">
      <c r="B22061" s="368"/>
      <c r="C22061" s="361" t="s">
        <v>30514</v>
      </c>
      <c r="D22061" s="368"/>
      <c r="E22061" s="368"/>
      <c r="F22061" s="368"/>
      <c r="G22061" s="362"/>
      <c r="H22061" s="362"/>
      <c r="I22061" s="362"/>
      <c r="J22061" s="366"/>
      <c r="K22061" s="366"/>
      <c r="L22061" s="368"/>
    </row>
    <row r="22062" spans="2:12" ht="28.5">
      <c r="B22062" s="358" t="s">
        <v>10806</v>
      </c>
      <c r="C22062" s="358" t="s">
        <v>29772</v>
      </c>
      <c r="D22062" s="358" t="s">
        <v>10807</v>
      </c>
      <c r="E22062" s="358" t="s">
        <v>10808</v>
      </c>
      <c r="F22062" s="358" t="s">
        <v>28949</v>
      </c>
      <c r="G22062" s="358" t="s">
        <v>14669</v>
      </c>
      <c r="H22062" s="358" t="s">
        <v>14381</v>
      </c>
      <c r="I22062" s="358" t="s">
        <v>14669</v>
      </c>
      <c r="J22062" s="358"/>
      <c r="K22062" s="358"/>
      <c r="L22062" s="358" t="s">
        <v>10670</v>
      </c>
    </row>
    <row r="22063" spans="2:12">
      <c r="B22063" s="367"/>
      <c r="C22063" s="360"/>
      <c r="D22063" s="367"/>
      <c r="E22063" s="367"/>
      <c r="F22063" s="367"/>
      <c r="G22063" s="360"/>
      <c r="H22063" s="360"/>
      <c r="I22063" s="360"/>
      <c r="J22063" s="365"/>
      <c r="K22063" s="365"/>
      <c r="L22063" s="367"/>
    </row>
    <row r="22064" spans="2:12" ht="99.75">
      <c r="B22064" s="368"/>
      <c r="C22064" s="361" t="s">
        <v>30515</v>
      </c>
      <c r="D22064" s="368"/>
      <c r="E22064" s="368"/>
      <c r="F22064" s="368"/>
      <c r="G22064" s="361" t="s">
        <v>14890</v>
      </c>
      <c r="H22064" s="361" t="s">
        <v>14332</v>
      </c>
      <c r="I22064" s="361" t="s">
        <v>14890</v>
      </c>
      <c r="J22064" s="366"/>
      <c r="K22064" s="366"/>
      <c r="L22064" s="368"/>
    </row>
    <row r="22065" spans="2:12" ht="28.5">
      <c r="B22065" s="358" t="s">
        <v>10810</v>
      </c>
      <c r="C22065" s="358" t="s">
        <v>12703</v>
      </c>
      <c r="D22065" s="358" t="s">
        <v>10811</v>
      </c>
      <c r="E22065" s="358" t="s">
        <v>10812</v>
      </c>
      <c r="F22065" s="358" t="s">
        <v>28949</v>
      </c>
      <c r="G22065" s="358" t="s">
        <v>14669</v>
      </c>
      <c r="H22065" s="358" t="s">
        <v>14381</v>
      </c>
      <c r="I22065" s="358" t="s">
        <v>14669</v>
      </c>
      <c r="J22065" s="358"/>
      <c r="K22065" s="358"/>
      <c r="L22065" s="358" t="s">
        <v>10670</v>
      </c>
    </row>
    <row r="22066" spans="2:12">
      <c r="B22066" s="367"/>
      <c r="C22066" s="360"/>
      <c r="D22066" s="367"/>
      <c r="E22066" s="367"/>
      <c r="F22066" s="367"/>
      <c r="G22066" s="360"/>
      <c r="H22066" s="360"/>
      <c r="I22066" s="360"/>
      <c r="J22066" s="365"/>
      <c r="K22066" s="365"/>
      <c r="L22066" s="367"/>
    </row>
    <row r="22067" spans="2:12">
      <c r="B22067" s="367"/>
      <c r="C22067" s="359" t="s">
        <v>12700</v>
      </c>
      <c r="D22067" s="367"/>
      <c r="E22067" s="367"/>
      <c r="F22067" s="367"/>
      <c r="G22067" s="359" t="s">
        <v>14890</v>
      </c>
      <c r="H22067" s="359" t="s">
        <v>14332</v>
      </c>
      <c r="I22067" s="359" t="s">
        <v>14890</v>
      </c>
      <c r="J22067" s="365"/>
      <c r="K22067" s="365"/>
      <c r="L22067" s="367"/>
    </row>
    <row r="22068" spans="2:12">
      <c r="B22068" s="367"/>
      <c r="C22068" s="360"/>
      <c r="D22068" s="367"/>
      <c r="E22068" s="367"/>
      <c r="F22068" s="367"/>
      <c r="G22068" s="360"/>
      <c r="H22068" s="360"/>
      <c r="I22068" s="360"/>
      <c r="J22068" s="365"/>
      <c r="K22068" s="365"/>
      <c r="L22068" s="367"/>
    </row>
    <row r="22069" spans="2:12" ht="85.5">
      <c r="B22069" s="368"/>
      <c r="C22069" s="361" t="s">
        <v>30516</v>
      </c>
      <c r="D22069" s="368"/>
      <c r="E22069" s="368"/>
      <c r="F22069" s="368"/>
      <c r="G22069" s="362"/>
      <c r="H22069" s="362"/>
      <c r="I22069" s="362"/>
      <c r="J22069" s="366"/>
      <c r="K22069" s="366"/>
      <c r="L22069" s="368"/>
    </row>
    <row r="22070" spans="2:12" ht="28.5">
      <c r="B22070" s="358" t="s">
        <v>10814</v>
      </c>
      <c r="C22070" s="358" t="s">
        <v>29773</v>
      </c>
      <c r="D22070" s="358" t="s">
        <v>10815</v>
      </c>
      <c r="E22070" s="358" t="s">
        <v>10816</v>
      </c>
      <c r="F22070" s="358" t="s">
        <v>28949</v>
      </c>
      <c r="G22070" s="358" t="s">
        <v>14669</v>
      </c>
      <c r="H22070" s="358" t="s">
        <v>14381</v>
      </c>
      <c r="I22070" s="358" t="s">
        <v>14669</v>
      </c>
      <c r="J22070" s="358"/>
      <c r="K22070" s="358"/>
      <c r="L22070" s="358" t="s">
        <v>10670</v>
      </c>
    </row>
    <row r="22071" spans="2:12">
      <c r="B22071" s="367"/>
      <c r="C22071" s="360"/>
      <c r="D22071" s="367"/>
      <c r="E22071" s="367"/>
      <c r="F22071" s="367"/>
      <c r="G22071" s="360"/>
      <c r="H22071" s="360"/>
      <c r="I22071" s="360"/>
      <c r="J22071" s="365"/>
      <c r="K22071" s="365"/>
      <c r="L22071" s="367"/>
    </row>
    <row r="22072" spans="2:12" ht="85.5">
      <c r="B22072" s="368"/>
      <c r="C22072" s="361" t="s">
        <v>30517</v>
      </c>
      <c r="D22072" s="368"/>
      <c r="E22072" s="368"/>
      <c r="F22072" s="368"/>
      <c r="G22072" s="361" t="s">
        <v>14890</v>
      </c>
      <c r="H22072" s="361" t="s">
        <v>14332</v>
      </c>
      <c r="I22072" s="361" t="s">
        <v>14890</v>
      </c>
      <c r="J22072" s="366"/>
      <c r="K22072" s="366"/>
      <c r="L22072" s="368"/>
    </row>
    <row r="22073" spans="2:12" ht="28.5">
      <c r="B22073" s="358" t="s">
        <v>10818</v>
      </c>
      <c r="C22073" s="358" t="s">
        <v>26002</v>
      </c>
      <c r="D22073" s="358" t="s">
        <v>10819</v>
      </c>
      <c r="E22073" s="358" t="s">
        <v>10820</v>
      </c>
      <c r="F22073" s="358" t="s">
        <v>14376</v>
      </c>
      <c r="G22073" s="358" t="s">
        <v>14669</v>
      </c>
      <c r="H22073" s="358" t="s">
        <v>14381</v>
      </c>
      <c r="I22073" s="358" t="s">
        <v>14669</v>
      </c>
      <c r="J22073" s="358"/>
      <c r="K22073" s="358"/>
      <c r="L22073" s="358" t="s">
        <v>10821</v>
      </c>
    </row>
    <row r="22074" spans="2:12">
      <c r="B22074" s="367"/>
      <c r="C22074" s="360"/>
      <c r="D22074" s="367"/>
      <c r="E22074" s="367"/>
      <c r="F22074" s="367"/>
      <c r="G22074" s="367"/>
      <c r="H22074" s="360"/>
      <c r="I22074" s="367"/>
      <c r="J22074" s="365"/>
      <c r="K22074" s="365"/>
      <c r="L22074" s="367"/>
    </row>
    <row r="22075" spans="2:12">
      <c r="B22075" s="367"/>
      <c r="C22075" s="359" t="s">
        <v>10828</v>
      </c>
      <c r="D22075" s="367"/>
      <c r="E22075" s="367"/>
      <c r="F22075" s="367"/>
      <c r="G22075" s="367"/>
      <c r="H22075" s="359" t="s">
        <v>14332</v>
      </c>
      <c r="I22075" s="367"/>
      <c r="J22075" s="365"/>
      <c r="K22075" s="365"/>
      <c r="L22075" s="367"/>
    </row>
    <row r="22076" spans="2:12">
      <c r="B22076" s="367"/>
      <c r="C22076" s="360"/>
      <c r="D22076" s="367"/>
      <c r="E22076" s="367"/>
      <c r="F22076" s="367"/>
      <c r="G22076" s="367"/>
      <c r="H22076" s="360"/>
      <c r="I22076" s="367"/>
      <c r="J22076" s="365"/>
      <c r="K22076" s="365"/>
      <c r="L22076" s="367"/>
    </row>
    <row r="22077" spans="2:12" ht="71.25">
      <c r="B22077" s="368"/>
      <c r="C22077" s="361" t="s">
        <v>30518</v>
      </c>
      <c r="D22077" s="368"/>
      <c r="E22077" s="368"/>
      <c r="F22077" s="368"/>
      <c r="G22077" s="368"/>
      <c r="H22077" s="362"/>
      <c r="I22077" s="368"/>
      <c r="J22077" s="366"/>
      <c r="K22077" s="366"/>
      <c r="L22077" s="368"/>
    </row>
    <row r="22078" spans="2:12">
      <c r="B22078" s="358" t="s">
        <v>10824</v>
      </c>
      <c r="C22078" s="358" t="s">
        <v>26003</v>
      </c>
      <c r="D22078" s="358" t="s">
        <v>10825</v>
      </c>
      <c r="E22078" s="358" t="s">
        <v>10826</v>
      </c>
      <c r="F22078" s="358" t="s">
        <v>14376</v>
      </c>
      <c r="G22078" s="358" t="s">
        <v>14669</v>
      </c>
      <c r="H22078" s="358" t="s">
        <v>14381</v>
      </c>
      <c r="I22078" s="358" t="s">
        <v>14669</v>
      </c>
      <c r="J22078" s="358"/>
      <c r="K22078" s="358"/>
      <c r="L22078" s="358" t="s">
        <v>10821</v>
      </c>
    </row>
    <row r="22079" spans="2:12">
      <c r="B22079" s="367"/>
      <c r="C22079" s="360"/>
      <c r="D22079" s="367"/>
      <c r="E22079" s="367"/>
      <c r="F22079" s="367"/>
      <c r="G22079" s="367"/>
      <c r="H22079" s="360"/>
      <c r="I22079" s="367"/>
      <c r="J22079" s="365"/>
      <c r="K22079" s="365"/>
      <c r="L22079" s="367"/>
    </row>
    <row r="22080" spans="2:12">
      <c r="B22080" s="367"/>
      <c r="C22080" s="359" t="s">
        <v>10828</v>
      </c>
      <c r="D22080" s="367"/>
      <c r="E22080" s="367"/>
      <c r="F22080" s="367"/>
      <c r="G22080" s="367"/>
      <c r="H22080" s="359" t="s">
        <v>14332</v>
      </c>
      <c r="I22080" s="367"/>
      <c r="J22080" s="365"/>
      <c r="K22080" s="365"/>
      <c r="L22080" s="367"/>
    </row>
    <row r="22081" spans="2:12">
      <c r="B22081" s="367"/>
      <c r="C22081" s="360"/>
      <c r="D22081" s="367"/>
      <c r="E22081" s="367"/>
      <c r="F22081" s="367"/>
      <c r="G22081" s="367"/>
      <c r="H22081" s="360"/>
      <c r="I22081" s="367"/>
      <c r="J22081" s="365"/>
      <c r="K22081" s="365"/>
      <c r="L22081" s="367"/>
    </row>
    <row r="22082" spans="2:12" ht="57">
      <c r="B22082" s="368"/>
      <c r="C22082" s="361" t="s">
        <v>26004</v>
      </c>
      <c r="D22082" s="368"/>
      <c r="E22082" s="368"/>
      <c r="F22082" s="368"/>
      <c r="G22082" s="368"/>
      <c r="H22082" s="362"/>
      <c r="I22082" s="368"/>
      <c r="J22082" s="366"/>
      <c r="K22082" s="366"/>
      <c r="L22082" s="368"/>
    </row>
    <row r="22083" spans="2:12" ht="28.5">
      <c r="B22083" s="358" t="s">
        <v>10830</v>
      </c>
      <c r="C22083" s="358" t="s">
        <v>29774</v>
      </c>
      <c r="D22083" s="358" t="s">
        <v>10831</v>
      </c>
      <c r="E22083" s="358" t="s">
        <v>10832</v>
      </c>
      <c r="F22083" s="358" t="s">
        <v>14376</v>
      </c>
      <c r="G22083" s="358" t="s">
        <v>14669</v>
      </c>
      <c r="H22083" s="358" t="s">
        <v>14381</v>
      </c>
      <c r="I22083" s="358" t="s">
        <v>14669</v>
      </c>
      <c r="J22083" s="358"/>
      <c r="K22083" s="358"/>
      <c r="L22083" s="358" t="s">
        <v>10821</v>
      </c>
    </row>
    <row r="22084" spans="2:12">
      <c r="B22084" s="367"/>
      <c r="C22084" s="360"/>
      <c r="D22084" s="367"/>
      <c r="E22084" s="367"/>
      <c r="F22084" s="367"/>
      <c r="G22084" s="367"/>
      <c r="H22084" s="360"/>
      <c r="I22084" s="367"/>
      <c r="J22084" s="365"/>
      <c r="K22084" s="365"/>
      <c r="L22084" s="367"/>
    </row>
    <row r="22085" spans="2:12" ht="57">
      <c r="B22085" s="368"/>
      <c r="C22085" s="361" t="s">
        <v>10829</v>
      </c>
      <c r="D22085" s="368"/>
      <c r="E22085" s="368"/>
      <c r="F22085" s="368"/>
      <c r="G22085" s="368"/>
      <c r="H22085" s="361" t="s">
        <v>14332</v>
      </c>
      <c r="I22085" s="368"/>
      <c r="J22085" s="366"/>
      <c r="K22085" s="366"/>
      <c r="L22085" s="368"/>
    </row>
    <row r="22086" spans="2:12" ht="85.5">
      <c r="B22086" s="358" t="s">
        <v>10834</v>
      </c>
      <c r="C22086" s="358" t="s">
        <v>30519</v>
      </c>
      <c r="D22086" s="358" t="s">
        <v>10835</v>
      </c>
      <c r="E22086" s="358" t="s">
        <v>10836</v>
      </c>
      <c r="F22086" s="358" t="s">
        <v>14376</v>
      </c>
      <c r="G22086" s="358" t="s">
        <v>14669</v>
      </c>
      <c r="H22086" s="358" t="s">
        <v>14381</v>
      </c>
      <c r="I22086" s="358" t="s">
        <v>14669</v>
      </c>
      <c r="J22086" s="358"/>
      <c r="K22086" s="358"/>
      <c r="L22086" s="358"/>
    </row>
    <row r="22087" spans="2:12">
      <c r="B22087" s="367"/>
      <c r="C22087" s="367"/>
      <c r="D22087" s="367"/>
      <c r="E22087" s="367"/>
      <c r="F22087" s="367"/>
      <c r="G22087" s="367"/>
      <c r="H22087" s="360"/>
      <c r="I22087" s="367"/>
      <c r="J22087" s="365"/>
      <c r="K22087" s="365"/>
      <c r="L22087" s="365"/>
    </row>
    <row r="22088" spans="2:12">
      <c r="B22088" s="368"/>
      <c r="C22088" s="368"/>
      <c r="D22088" s="368"/>
      <c r="E22088" s="368"/>
      <c r="F22088" s="368"/>
      <c r="G22088" s="368"/>
      <c r="H22088" s="361" t="s">
        <v>14332</v>
      </c>
      <c r="I22088" s="368"/>
      <c r="J22088" s="366"/>
      <c r="K22088" s="366"/>
      <c r="L22088" s="366"/>
    </row>
    <row r="22089" spans="2:12">
      <c r="B22089" s="358" t="s">
        <v>26006</v>
      </c>
      <c r="C22089" s="358" t="s">
        <v>29775</v>
      </c>
      <c r="D22089" s="358" t="s">
        <v>26007</v>
      </c>
      <c r="E22089" s="358" t="s">
        <v>26008</v>
      </c>
      <c r="F22089" s="358" t="s">
        <v>14376</v>
      </c>
      <c r="G22089" s="358" t="s">
        <v>14669</v>
      </c>
      <c r="H22089" s="358" t="s">
        <v>14381</v>
      </c>
      <c r="I22089" s="358" t="s">
        <v>14669</v>
      </c>
      <c r="J22089" s="358"/>
      <c r="K22089" s="358"/>
      <c r="L22089" s="358" t="s">
        <v>10821</v>
      </c>
    </row>
    <row r="22090" spans="2:12">
      <c r="B22090" s="367"/>
      <c r="C22090" s="360"/>
      <c r="D22090" s="367"/>
      <c r="E22090" s="367"/>
      <c r="F22090" s="367"/>
      <c r="G22090" s="367"/>
      <c r="H22090" s="360"/>
      <c r="I22090" s="367"/>
      <c r="J22090" s="365"/>
      <c r="K22090" s="365"/>
      <c r="L22090" s="367"/>
    </row>
    <row r="22091" spans="2:12" ht="71.25">
      <c r="B22091" s="368"/>
      <c r="C22091" s="361" t="s">
        <v>30520</v>
      </c>
      <c r="D22091" s="368"/>
      <c r="E22091" s="368"/>
      <c r="F22091" s="368"/>
      <c r="G22091" s="368"/>
      <c r="H22091" s="361" t="s">
        <v>14332</v>
      </c>
      <c r="I22091" s="368"/>
      <c r="J22091" s="366"/>
      <c r="K22091" s="366"/>
      <c r="L22091" s="368"/>
    </row>
    <row r="22092" spans="2:12" ht="99.75">
      <c r="B22092" s="358" t="s">
        <v>10838</v>
      </c>
      <c r="C22092" s="358" t="s">
        <v>30521</v>
      </c>
      <c r="D22092" s="358" t="s">
        <v>10839</v>
      </c>
      <c r="E22092" s="358" t="s">
        <v>10840</v>
      </c>
      <c r="F22092" s="358" t="s">
        <v>14376</v>
      </c>
      <c r="G22092" s="358" t="s">
        <v>14669</v>
      </c>
      <c r="H22092" s="358" t="s">
        <v>14381</v>
      </c>
      <c r="I22092" s="358" t="s">
        <v>14669</v>
      </c>
      <c r="J22092" s="358"/>
      <c r="K22092" s="358"/>
      <c r="L22092" s="358" t="s">
        <v>10821</v>
      </c>
    </row>
    <row r="22093" spans="2:12">
      <c r="B22093" s="367"/>
      <c r="C22093" s="367"/>
      <c r="D22093" s="367"/>
      <c r="E22093" s="367"/>
      <c r="F22093" s="367"/>
      <c r="G22093" s="367"/>
      <c r="H22093" s="360"/>
      <c r="I22093" s="367"/>
      <c r="J22093" s="365"/>
      <c r="K22093" s="365"/>
      <c r="L22093" s="367"/>
    </row>
    <row r="22094" spans="2:12">
      <c r="B22094" s="368"/>
      <c r="C22094" s="368"/>
      <c r="D22094" s="368"/>
      <c r="E22094" s="368"/>
      <c r="F22094" s="368"/>
      <c r="G22094" s="368"/>
      <c r="H22094" s="361" t="s">
        <v>14332</v>
      </c>
      <c r="I22094" s="368"/>
      <c r="J22094" s="366"/>
      <c r="K22094" s="366"/>
      <c r="L22094" s="368"/>
    </row>
    <row r="22095" spans="2:12">
      <c r="B22095" s="358" t="s">
        <v>10842</v>
      </c>
      <c r="C22095" s="358" t="s">
        <v>29776</v>
      </c>
      <c r="D22095" s="358" t="s">
        <v>10843</v>
      </c>
      <c r="E22095" s="358" t="s">
        <v>10844</v>
      </c>
      <c r="F22095" s="358" t="s">
        <v>14376</v>
      </c>
      <c r="G22095" s="358" t="s">
        <v>14669</v>
      </c>
      <c r="H22095" s="358" t="s">
        <v>14381</v>
      </c>
      <c r="I22095" s="358" t="s">
        <v>14669</v>
      </c>
      <c r="J22095" s="358"/>
      <c r="K22095" s="358"/>
      <c r="L22095" s="358" t="s">
        <v>10821</v>
      </c>
    </row>
    <row r="22096" spans="2:12">
      <c r="B22096" s="367"/>
      <c r="C22096" s="360"/>
      <c r="D22096" s="367"/>
      <c r="E22096" s="367"/>
      <c r="F22096" s="367"/>
      <c r="G22096" s="367"/>
      <c r="H22096" s="360"/>
      <c r="I22096" s="367"/>
      <c r="J22096" s="365"/>
      <c r="K22096" s="365"/>
      <c r="L22096" s="367"/>
    </row>
    <row r="22097" spans="2:12" ht="71.25">
      <c r="B22097" s="368"/>
      <c r="C22097" s="361" t="s">
        <v>30522</v>
      </c>
      <c r="D22097" s="368"/>
      <c r="E22097" s="368"/>
      <c r="F22097" s="368"/>
      <c r="G22097" s="368"/>
      <c r="H22097" s="361" t="s">
        <v>14332</v>
      </c>
      <c r="I22097" s="368"/>
      <c r="J22097" s="366"/>
      <c r="K22097" s="366"/>
      <c r="L22097" s="368"/>
    </row>
    <row r="22098" spans="2:12">
      <c r="B22098" s="358" t="s">
        <v>10846</v>
      </c>
      <c r="C22098" s="358" t="s">
        <v>26009</v>
      </c>
      <c r="D22098" s="358" t="s">
        <v>10847</v>
      </c>
      <c r="E22098" s="358" t="s">
        <v>10848</v>
      </c>
      <c r="F22098" s="358" t="s">
        <v>14376</v>
      </c>
      <c r="G22098" s="358" t="s">
        <v>14669</v>
      </c>
      <c r="H22098" s="358" t="s">
        <v>14381</v>
      </c>
      <c r="I22098" s="358" t="s">
        <v>14669</v>
      </c>
      <c r="J22098" s="358"/>
      <c r="K22098" s="358"/>
      <c r="L22098" s="358" t="s">
        <v>10821</v>
      </c>
    </row>
    <row r="22099" spans="2:12">
      <c r="B22099" s="367"/>
      <c r="C22099" s="360"/>
      <c r="D22099" s="367"/>
      <c r="E22099" s="367"/>
      <c r="F22099" s="367"/>
      <c r="G22099" s="367"/>
      <c r="H22099" s="360"/>
      <c r="I22099" s="367"/>
      <c r="J22099" s="365"/>
      <c r="K22099" s="365"/>
      <c r="L22099" s="367"/>
    </row>
    <row r="22100" spans="2:12">
      <c r="B22100" s="367"/>
      <c r="C22100" s="359" t="s">
        <v>26005</v>
      </c>
      <c r="D22100" s="367"/>
      <c r="E22100" s="367"/>
      <c r="F22100" s="367"/>
      <c r="G22100" s="367"/>
      <c r="H22100" s="359" t="s">
        <v>14332</v>
      </c>
      <c r="I22100" s="367"/>
      <c r="J22100" s="365"/>
      <c r="K22100" s="365"/>
      <c r="L22100" s="367"/>
    </row>
    <row r="22101" spans="2:12">
      <c r="B22101" s="367"/>
      <c r="C22101" s="360"/>
      <c r="D22101" s="367"/>
      <c r="E22101" s="367"/>
      <c r="F22101" s="367"/>
      <c r="G22101" s="367"/>
      <c r="H22101" s="360"/>
      <c r="I22101" s="367"/>
      <c r="J22101" s="365"/>
      <c r="K22101" s="365"/>
      <c r="L22101" s="367"/>
    </row>
    <row r="22102" spans="2:12" ht="85.5">
      <c r="B22102" s="368"/>
      <c r="C22102" s="361" t="s">
        <v>30523</v>
      </c>
      <c r="D22102" s="368"/>
      <c r="E22102" s="368"/>
      <c r="F22102" s="368"/>
      <c r="G22102" s="368"/>
      <c r="H22102" s="362"/>
      <c r="I22102" s="368"/>
      <c r="J22102" s="366"/>
      <c r="K22102" s="366"/>
      <c r="L22102" s="368"/>
    </row>
    <row r="22103" spans="2:12">
      <c r="B22103" s="358" t="s">
        <v>10850</v>
      </c>
      <c r="C22103" s="358" t="s">
        <v>29777</v>
      </c>
      <c r="D22103" s="358" t="s">
        <v>10851</v>
      </c>
      <c r="E22103" s="358" t="s">
        <v>10852</v>
      </c>
      <c r="F22103" s="358" t="s">
        <v>14376</v>
      </c>
      <c r="G22103" s="358" t="s">
        <v>14669</v>
      </c>
      <c r="H22103" s="358" t="s">
        <v>14381</v>
      </c>
      <c r="I22103" s="358" t="s">
        <v>14669</v>
      </c>
      <c r="J22103" s="358"/>
      <c r="K22103" s="358"/>
      <c r="L22103" s="358" t="s">
        <v>10821</v>
      </c>
    </row>
    <row r="22104" spans="2:12">
      <c r="B22104" s="367"/>
      <c r="C22104" s="360"/>
      <c r="D22104" s="367"/>
      <c r="E22104" s="367"/>
      <c r="F22104" s="367"/>
      <c r="G22104" s="367"/>
      <c r="H22104" s="360"/>
      <c r="I22104" s="367"/>
      <c r="J22104" s="365"/>
      <c r="K22104" s="365"/>
      <c r="L22104" s="367"/>
    </row>
    <row r="22105" spans="2:12" ht="28.5">
      <c r="B22105" s="367"/>
      <c r="C22105" s="359" t="s">
        <v>29778</v>
      </c>
      <c r="D22105" s="367"/>
      <c r="E22105" s="367"/>
      <c r="F22105" s="367"/>
      <c r="G22105" s="367"/>
      <c r="H22105" s="359" t="s">
        <v>14332</v>
      </c>
      <c r="I22105" s="367"/>
      <c r="J22105" s="365"/>
      <c r="K22105" s="365"/>
      <c r="L22105" s="367"/>
    </row>
    <row r="22106" spans="2:12">
      <c r="B22106" s="367"/>
      <c r="C22106" s="360"/>
      <c r="D22106" s="367"/>
      <c r="E22106" s="367"/>
      <c r="F22106" s="367"/>
      <c r="G22106" s="367"/>
      <c r="H22106" s="360"/>
      <c r="I22106" s="367"/>
      <c r="J22106" s="365"/>
      <c r="K22106" s="365"/>
      <c r="L22106" s="367"/>
    </row>
    <row r="22107" spans="2:12" ht="42.75">
      <c r="B22107" s="368"/>
      <c r="C22107" s="361" t="s">
        <v>30524</v>
      </c>
      <c r="D22107" s="368"/>
      <c r="E22107" s="368"/>
      <c r="F22107" s="368"/>
      <c r="G22107" s="368"/>
      <c r="H22107" s="362"/>
      <c r="I22107" s="368"/>
      <c r="J22107" s="366"/>
      <c r="K22107" s="366"/>
      <c r="L22107" s="368"/>
    </row>
    <row r="22108" spans="2:12">
      <c r="B22108" s="358" t="s">
        <v>10854</v>
      </c>
      <c r="C22108" s="358" t="s">
        <v>26010</v>
      </c>
      <c r="D22108" s="358" t="s">
        <v>10855</v>
      </c>
      <c r="E22108" s="358" t="s">
        <v>10856</v>
      </c>
      <c r="F22108" s="358" t="s">
        <v>14376</v>
      </c>
      <c r="G22108" s="358" t="s">
        <v>14669</v>
      </c>
      <c r="H22108" s="358" t="s">
        <v>14381</v>
      </c>
      <c r="I22108" s="358" t="s">
        <v>14669</v>
      </c>
      <c r="J22108" s="358"/>
      <c r="K22108" s="358"/>
      <c r="L22108" s="358" t="s">
        <v>10821</v>
      </c>
    </row>
    <row r="22109" spans="2:12">
      <c r="B22109" s="367"/>
      <c r="C22109" s="360"/>
      <c r="D22109" s="367"/>
      <c r="E22109" s="367"/>
      <c r="F22109" s="367"/>
      <c r="G22109" s="367"/>
      <c r="H22109" s="360"/>
      <c r="I22109" s="367"/>
      <c r="J22109" s="365"/>
      <c r="K22109" s="365"/>
      <c r="L22109" s="367"/>
    </row>
    <row r="22110" spans="2:12">
      <c r="B22110" s="367"/>
      <c r="C22110" s="359" t="s">
        <v>26011</v>
      </c>
      <c r="D22110" s="367"/>
      <c r="E22110" s="367"/>
      <c r="F22110" s="367"/>
      <c r="G22110" s="367"/>
      <c r="H22110" s="359" t="s">
        <v>14332</v>
      </c>
      <c r="I22110" s="367"/>
      <c r="J22110" s="365"/>
      <c r="K22110" s="365"/>
      <c r="L22110" s="367"/>
    </row>
    <row r="22111" spans="2:12">
      <c r="B22111" s="367"/>
      <c r="C22111" s="360"/>
      <c r="D22111" s="367"/>
      <c r="E22111" s="367"/>
      <c r="F22111" s="367"/>
      <c r="G22111" s="367"/>
      <c r="H22111" s="360"/>
      <c r="I22111" s="367"/>
      <c r="J22111" s="365"/>
      <c r="K22111" s="365"/>
      <c r="L22111" s="367"/>
    </row>
    <row r="22112" spans="2:12" ht="71.25">
      <c r="B22112" s="368"/>
      <c r="C22112" s="361" t="s">
        <v>30525</v>
      </c>
      <c r="D22112" s="368"/>
      <c r="E22112" s="368"/>
      <c r="F22112" s="368"/>
      <c r="G22112" s="368"/>
      <c r="H22112" s="362"/>
      <c r="I22112" s="368"/>
      <c r="J22112" s="366"/>
      <c r="K22112" s="366"/>
      <c r="L22112" s="368"/>
    </row>
    <row r="22113" spans="2:12">
      <c r="B22113" s="358" t="s">
        <v>10858</v>
      </c>
      <c r="C22113" s="358" t="s">
        <v>26012</v>
      </c>
      <c r="D22113" s="358" t="s">
        <v>10859</v>
      </c>
      <c r="E22113" s="358" t="s">
        <v>10860</v>
      </c>
      <c r="F22113" s="358" t="s">
        <v>14376</v>
      </c>
      <c r="G22113" s="358" t="s">
        <v>14669</v>
      </c>
      <c r="H22113" s="358" t="s">
        <v>14381</v>
      </c>
      <c r="I22113" s="358" t="s">
        <v>14669</v>
      </c>
      <c r="J22113" s="358"/>
      <c r="K22113" s="358"/>
      <c r="L22113" s="358" t="s">
        <v>10821</v>
      </c>
    </row>
    <row r="22114" spans="2:12">
      <c r="B22114" s="367"/>
      <c r="C22114" s="360"/>
      <c r="D22114" s="367"/>
      <c r="E22114" s="367"/>
      <c r="F22114" s="367"/>
      <c r="G22114" s="367"/>
      <c r="H22114" s="360"/>
      <c r="I22114" s="367"/>
      <c r="J22114" s="365"/>
      <c r="K22114" s="365"/>
      <c r="L22114" s="367"/>
    </row>
    <row r="22115" spans="2:12">
      <c r="B22115" s="367"/>
      <c r="C22115" s="359" t="s">
        <v>26011</v>
      </c>
      <c r="D22115" s="367"/>
      <c r="E22115" s="367"/>
      <c r="F22115" s="367"/>
      <c r="G22115" s="367"/>
      <c r="H22115" s="359" t="s">
        <v>14332</v>
      </c>
      <c r="I22115" s="367"/>
      <c r="J22115" s="365"/>
      <c r="K22115" s="365"/>
      <c r="L22115" s="367"/>
    </row>
    <row r="22116" spans="2:12">
      <c r="B22116" s="367"/>
      <c r="C22116" s="360"/>
      <c r="D22116" s="367"/>
      <c r="E22116" s="367"/>
      <c r="F22116" s="367"/>
      <c r="G22116" s="367"/>
      <c r="H22116" s="360"/>
      <c r="I22116" s="367"/>
      <c r="J22116" s="365"/>
      <c r="K22116" s="365"/>
      <c r="L22116" s="367"/>
    </row>
    <row r="22117" spans="2:12" ht="71.25">
      <c r="B22117" s="368"/>
      <c r="C22117" s="361" t="s">
        <v>30526</v>
      </c>
      <c r="D22117" s="368"/>
      <c r="E22117" s="368"/>
      <c r="F22117" s="368"/>
      <c r="G22117" s="368"/>
      <c r="H22117" s="362"/>
      <c r="I22117" s="368"/>
      <c r="J22117" s="366"/>
      <c r="K22117" s="366"/>
      <c r="L22117" s="368"/>
    </row>
    <row r="22118" spans="2:12" ht="28.5">
      <c r="B22118" s="358" t="s">
        <v>10862</v>
      </c>
      <c r="C22118" s="358" t="s">
        <v>26013</v>
      </c>
      <c r="D22118" s="358" t="s">
        <v>10863</v>
      </c>
      <c r="E22118" s="358" t="s">
        <v>10864</v>
      </c>
      <c r="F22118" s="358" t="s">
        <v>14376</v>
      </c>
      <c r="G22118" s="358" t="s">
        <v>14669</v>
      </c>
      <c r="H22118" s="358" t="s">
        <v>14381</v>
      </c>
      <c r="I22118" s="358" t="s">
        <v>14669</v>
      </c>
      <c r="J22118" s="358"/>
      <c r="K22118" s="358"/>
      <c r="L22118" s="358" t="s">
        <v>10821</v>
      </c>
    </row>
    <row r="22119" spans="2:12">
      <c r="B22119" s="367"/>
      <c r="C22119" s="360"/>
      <c r="D22119" s="367"/>
      <c r="E22119" s="367"/>
      <c r="F22119" s="367"/>
      <c r="G22119" s="367"/>
      <c r="H22119" s="360"/>
      <c r="I22119" s="367"/>
      <c r="J22119" s="365"/>
      <c r="K22119" s="365"/>
      <c r="L22119" s="367"/>
    </row>
    <row r="22120" spans="2:12" ht="99.75">
      <c r="B22120" s="368"/>
      <c r="C22120" s="361" t="s">
        <v>30527</v>
      </c>
      <c r="D22120" s="368"/>
      <c r="E22120" s="368"/>
      <c r="F22120" s="368"/>
      <c r="G22120" s="368"/>
      <c r="H22120" s="361" t="s">
        <v>14332</v>
      </c>
      <c r="I22120" s="368"/>
      <c r="J22120" s="366"/>
      <c r="K22120" s="366"/>
      <c r="L22120" s="368"/>
    </row>
    <row r="22121" spans="2:12" ht="28.5">
      <c r="B22121" s="358" t="s">
        <v>10865</v>
      </c>
      <c r="C22121" s="358" t="s">
        <v>29779</v>
      </c>
      <c r="D22121" s="358" t="s">
        <v>10866</v>
      </c>
      <c r="E22121" s="358" t="s">
        <v>10867</v>
      </c>
      <c r="F22121" s="358" t="s">
        <v>14376</v>
      </c>
      <c r="G22121" s="358" t="s">
        <v>14669</v>
      </c>
      <c r="H22121" s="358" t="s">
        <v>14381</v>
      </c>
      <c r="I22121" s="358" t="s">
        <v>14669</v>
      </c>
      <c r="J22121" s="358"/>
      <c r="K22121" s="358"/>
      <c r="L22121" s="358" t="s">
        <v>10821</v>
      </c>
    </row>
    <row r="22122" spans="2:12">
      <c r="B22122" s="367"/>
      <c r="C22122" s="360"/>
      <c r="D22122" s="367"/>
      <c r="E22122" s="367"/>
      <c r="F22122" s="367"/>
      <c r="G22122" s="367"/>
      <c r="H22122" s="360"/>
      <c r="I22122" s="367"/>
      <c r="J22122" s="365"/>
      <c r="K22122" s="365"/>
      <c r="L22122" s="367"/>
    </row>
    <row r="22123" spans="2:12" ht="85.5">
      <c r="B22123" s="368"/>
      <c r="C22123" s="361" t="s">
        <v>28120</v>
      </c>
      <c r="D22123" s="368"/>
      <c r="E22123" s="368"/>
      <c r="F22123" s="368"/>
      <c r="G22123" s="368"/>
      <c r="H22123" s="361" t="s">
        <v>14332</v>
      </c>
      <c r="I22123" s="368"/>
      <c r="J22123" s="366"/>
      <c r="K22123" s="366"/>
      <c r="L22123" s="368"/>
    </row>
    <row r="22124" spans="2:12">
      <c r="B22124" s="358" t="s">
        <v>10869</v>
      </c>
      <c r="C22124" s="358" t="s">
        <v>10868</v>
      </c>
      <c r="D22124" s="358" t="s">
        <v>10870</v>
      </c>
      <c r="E22124" s="358" t="s">
        <v>10871</v>
      </c>
      <c r="F22124" s="358" t="s">
        <v>14376</v>
      </c>
      <c r="G22124" s="358" t="s">
        <v>14669</v>
      </c>
      <c r="H22124" s="358" t="s">
        <v>14381</v>
      </c>
      <c r="I22124" s="358" t="s">
        <v>14669</v>
      </c>
      <c r="J22124" s="358"/>
      <c r="K22124" s="358"/>
      <c r="L22124" s="358" t="s">
        <v>10821</v>
      </c>
    </row>
    <row r="22125" spans="2:12">
      <c r="B22125" s="367"/>
      <c r="C22125" s="367"/>
      <c r="D22125" s="367"/>
      <c r="E22125" s="367"/>
      <c r="F22125" s="367"/>
      <c r="G22125" s="367"/>
      <c r="H22125" s="360"/>
      <c r="I22125" s="367"/>
      <c r="J22125" s="365"/>
      <c r="K22125" s="365"/>
      <c r="L22125" s="367"/>
    </row>
    <row r="22126" spans="2:12">
      <c r="B22126" s="368"/>
      <c r="C22126" s="368"/>
      <c r="D22126" s="368"/>
      <c r="E22126" s="368"/>
      <c r="F22126" s="368"/>
      <c r="G22126" s="368"/>
      <c r="H22126" s="361" t="s">
        <v>14332</v>
      </c>
      <c r="I22126" s="368"/>
      <c r="J22126" s="366"/>
      <c r="K22126" s="366"/>
      <c r="L22126" s="368"/>
    </row>
    <row r="22127" spans="2:12">
      <c r="B22127" s="354" t="s">
        <v>13666</v>
      </c>
      <c r="C22127" s="369"/>
      <c r="D22127" s="369"/>
      <c r="E22127" s="369"/>
      <c r="F22127" s="369"/>
      <c r="G22127" s="369"/>
      <c r="H22127" s="369"/>
      <c r="I22127" s="369"/>
      <c r="J22127" s="369"/>
      <c r="K22127" s="369"/>
      <c r="L22127" s="370"/>
    </row>
    <row r="22128" spans="2:12" ht="85.5">
      <c r="B22128" s="358" t="s">
        <v>9533</v>
      </c>
      <c r="C22128" s="358" t="s">
        <v>29781</v>
      </c>
      <c r="D22128" s="358" t="s">
        <v>522</v>
      </c>
      <c r="E22128" s="358" t="s">
        <v>523</v>
      </c>
      <c r="F22128" s="358" t="s">
        <v>16528</v>
      </c>
      <c r="G22128" s="358" t="s">
        <v>14669</v>
      </c>
      <c r="H22128" s="358" t="s">
        <v>14381</v>
      </c>
      <c r="I22128" s="358" t="s">
        <v>14669</v>
      </c>
      <c r="J22128" s="358"/>
      <c r="K22128" s="358"/>
      <c r="L22128" s="358"/>
    </row>
    <row r="22129" spans="2:12">
      <c r="B22129" s="367"/>
      <c r="C22129" s="367"/>
      <c r="D22129" s="367"/>
      <c r="E22129" s="367"/>
      <c r="F22129" s="360"/>
      <c r="G22129" s="360"/>
      <c r="H22129" s="360"/>
      <c r="I22129" s="360"/>
      <c r="J22129" s="365"/>
      <c r="K22129" s="365"/>
      <c r="L22129" s="365"/>
    </row>
    <row r="22130" spans="2:12">
      <c r="B22130" s="367"/>
      <c r="C22130" s="367"/>
      <c r="D22130" s="367"/>
      <c r="E22130" s="367"/>
      <c r="F22130" s="359" t="s">
        <v>14889</v>
      </c>
      <c r="G22130" s="359" t="s">
        <v>14890</v>
      </c>
      <c r="H22130" s="359" t="s">
        <v>14332</v>
      </c>
      <c r="I22130" s="359" t="s">
        <v>14890</v>
      </c>
      <c r="J22130" s="365"/>
      <c r="K22130" s="365"/>
      <c r="L22130" s="365"/>
    </row>
    <row r="22131" spans="2:12">
      <c r="B22131" s="367"/>
      <c r="C22131" s="367"/>
      <c r="D22131" s="367"/>
      <c r="E22131" s="367"/>
      <c r="F22131" s="360"/>
      <c r="G22131" s="360"/>
      <c r="H22131" s="360"/>
      <c r="I22131" s="360"/>
      <c r="J22131" s="365"/>
      <c r="K22131" s="365"/>
      <c r="L22131" s="365"/>
    </row>
    <row r="22132" spans="2:12">
      <c r="B22132" s="368"/>
      <c r="C22132" s="368"/>
      <c r="D22132" s="368"/>
      <c r="E22132" s="368"/>
      <c r="F22132" s="361" t="s">
        <v>14424</v>
      </c>
      <c r="G22132" s="361" t="s">
        <v>14425</v>
      </c>
      <c r="H22132" s="362"/>
      <c r="I22132" s="361" t="s">
        <v>14425</v>
      </c>
      <c r="J22132" s="366"/>
      <c r="K22132" s="366"/>
      <c r="L22132" s="366"/>
    </row>
    <row r="22133" spans="2:12">
      <c r="B22133" s="354" t="s">
        <v>28528</v>
      </c>
      <c r="C22133" s="369"/>
      <c r="D22133" s="369"/>
      <c r="E22133" s="369"/>
      <c r="F22133" s="369"/>
      <c r="G22133" s="369"/>
      <c r="H22133" s="369"/>
      <c r="I22133" s="369"/>
      <c r="J22133" s="369"/>
      <c r="K22133" s="369"/>
      <c r="L22133" s="370"/>
    </row>
    <row r="22134" spans="2:12" ht="99.75">
      <c r="B22134" s="358" t="s">
        <v>10873</v>
      </c>
      <c r="C22134" s="358" t="s">
        <v>30528</v>
      </c>
      <c r="D22134" s="358" t="s">
        <v>10874</v>
      </c>
      <c r="E22134" s="358" t="s">
        <v>10875</v>
      </c>
      <c r="F22134" s="358" t="s">
        <v>14376</v>
      </c>
      <c r="G22134" s="358" t="s">
        <v>14669</v>
      </c>
      <c r="H22134" s="358" t="s">
        <v>14381</v>
      </c>
      <c r="I22134" s="358" t="s">
        <v>14669</v>
      </c>
      <c r="J22134" s="358"/>
      <c r="K22134" s="358"/>
      <c r="L22134" s="358" t="s">
        <v>10821</v>
      </c>
    </row>
    <row r="22135" spans="2:12">
      <c r="B22135" s="367"/>
      <c r="C22135" s="367"/>
      <c r="D22135" s="367"/>
      <c r="E22135" s="367"/>
      <c r="F22135" s="367"/>
      <c r="G22135" s="367"/>
      <c r="H22135" s="360"/>
      <c r="I22135" s="367"/>
      <c r="J22135" s="365"/>
      <c r="K22135" s="365"/>
      <c r="L22135" s="367"/>
    </row>
    <row r="22136" spans="2:12">
      <c r="B22136" s="368"/>
      <c r="C22136" s="368"/>
      <c r="D22136" s="368"/>
      <c r="E22136" s="368"/>
      <c r="F22136" s="368"/>
      <c r="G22136" s="368"/>
      <c r="H22136" s="361" t="s">
        <v>14332</v>
      </c>
      <c r="I22136" s="368"/>
      <c r="J22136" s="366"/>
      <c r="K22136" s="366"/>
      <c r="L22136" s="368"/>
    </row>
    <row r="22137" spans="2:12">
      <c r="B22137" s="358" t="s">
        <v>10877</v>
      </c>
      <c r="C22137" s="358" t="s">
        <v>26015</v>
      </c>
      <c r="D22137" s="358" t="s">
        <v>10878</v>
      </c>
      <c r="E22137" s="358" t="s">
        <v>10879</v>
      </c>
      <c r="F22137" s="358" t="s">
        <v>14376</v>
      </c>
      <c r="G22137" s="358" t="s">
        <v>14669</v>
      </c>
      <c r="H22137" s="358" t="s">
        <v>14381</v>
      </c>
      <c r="I22137" s="358" t="s">
        <v>14669</v>
      </c>
      <c r="J22137" s="358"/>
      <c r="K22137" s="358"/>
      <c r="L22137" s="358" t="s">
        <v>10821</v>
      </c>
    </row>
    <row r="22138" spans="2:12">
      <c r="B22138" s="367"/>
      <c r="C22138" s="360"/>
      <c r="D22138" s="367"/>
      <c r="E22138" s="367"/>
      <c r="F22138" s="367"/>
      <c r="G22138" s="367"/>
      <c r="H22138" s="360"/>
      <c r="I22138" s="367"/>
      <c r="J22138" s="365"/>
      <c r="K22138" s="365"/>
      <c r="L22138" s="367"/>
    </row>
    <row r="22139" spans="2:12" ht="99.75">
      <c r="B22139" s="368"/>
      <c r="C22139" s="361" t="s">
        <v>30529</v>
      </c>
      <c r="D22139" s="368"/>
      <c r="E22139" s="368"/>
      <c r="F22139" s="368"/>
      <c r="G22139" s="368"/>
      <c r="H22139" s="361" t="s">
        <v>14332</v>
      </c>
      <c r="I22139" s="368"/>
      <c r="J22139" s="366"/>
      <c r="K22139" s="366"/>
      <c r="L22139" s="368"/>
    </row>
    <row r="22140" spans="2:12">
      <c r="B22140" s="358" t="s">
        <v>10881</v>
      </c>
      <c r="C22140" s="358" t="s">
        <v>29782</v>
      </c>
      <c r="D22140" s="358" t="s">
        <v>10882</v>
      </c>
      <c r="E22140" s="358" t="s">
        <v>10883</v>
      </c>
      <c r="F22140" s="358" t="s">
        <v>14376</v>
      </c>
      <c r="G22140" s="358" t="s">
        <v>14669</v>
      </c>
      <c r="H22140" s="358" t="s">
        <v>14381</v>
      </c>
      <c r="I22140" s="358" t="s">
        <v>14669</v>
      </c>
      <c r="J22140" s="358"/>
      <c r="K22140" s="358"/>
      <c r="L22140" s="358" t="s">
        <v>10821</v>
      </c>
    </row>
    <row r="22141" spans="2:12">
      <c r="B22141" s="367"/>
      <c r="C22141" s="360"/>
      <c r="D22141" s="367"/>
      <c r="E22141" s="367"/>
      <c r="F22141" s="367"/>
      <c r="G22141" s="367"/>
      <c r="H22141" s="360"/>
      <c r="I22141" s="367"/>
      <c r="J22141" s="365"/>
      <c r="K22141" s="365"/>
      <c r="L22141" s="367"/>
    </row>
    <row r="22142" spans="2:12" ht="57">
      <c r="B22142" s="368"/>
      <c r="C22142" s="361" t="s">
        <v>30530</v>
      </c>
      <c r="D22142" s="368"/>
      <c r="E22142" s="368"/>
      <c r="F22142" s="368"/>
      <c r="G22142" s="368"/>
      <c r="H22142" s="361" t="s">
        <v>14332</v>
      </c>
      <c r="I22142" s="368"/>
      <c r="J22142" s="366"/>
      <c r="K22142" s="366"/>
      <c r="L22142" s="368"/>
    </row>
    <row r="22143" spans="2:12">
      <c r="B22143" s="358" t="s">
        <v>10886</v>
      </c>
      <c r="C22143" s="358" t="s">
        <v>26016</v>
      </c>
      <c r="D22143" s="358" t="s">
        <v>10887</v>
      </c>
      <c r="E22143" s="358" t="s">
        <v>10888</v>
      </c>
      <c r="F22143" s="358" t="s">
        <v>14376</v>
      </c>
      <c r="G22143" s="358" t="s">
        <v>14669</v>
      </c>
      <c r="H22143" s="358" t="s">
        <v>14381</v>
      </c>
      <c r="I22143" s="358" t="s">
        <v>14669</v>
      </c>
      <c r="J22143" s="358"/>
      <c r="K22143" s="358"/>
      <c r="L22143" s="358" t="s">
        <v>10821</v>
      </c>
    </row>
    <row r="22144" spans="2:12">
      <c r="B22144" s="367"/>
      <c r="C22144" s="360"/>
      <c r="D22144" s="367"/>
      <c r="E22144" s="367"/>
      <c r="F22144" s="367"/>
      <c r="G22144" s="367"/>
      <c r="H22144" s="360"/>
      <c r="I22144" s="367"/>
      <c r="J22144" s="365"/>
      <c r="K22144" s="365"/>
      <c r="L22144" s="367"/>
    </row>
    <row r="22145" spans="2:12">
      <c r="B22145" s="367"/>
      <c r="C22145" s="359" t="s">
        <v>26017</v>
      </c>
      <c r="D22145" s="367"/>
      <c r="E22145" s="367"/>
      <c r="F22145" s="367"/>
      <c r="G22145" s="367"/>
      <c r="H22145" s="359" t="s">
        <v>14332</v>
      </c>
      <c r="I22145" s="367"/>
      <c r="J22145" s="365"/>
      <c r="K22145" s="365"/>
      <c r="L22145" s="367"/>
    </row>
    <row r="22146" spans="2:12">
      <c r="B22146" s="367"/>
      <c r="C22146" s="360"/>
      <c r="D22146" s="367"/>
      <c r="E22146" s="367"/>
      <c r="F22146" s="367"/>
      <c r="G22146" s="367"/>
      <c r="H22146" s="360"/>
      <c r="I22146" s="367"/>
      <c r="J22146" s="365"/>
      <c r="K22146" s="365"/>
      <c r="L22146" s="367"/>
    </row>
    <row r="22147" spans="2:12" ht="85.5">
      <c r="B22147" s="368"/>
      <c r="C22147" s="361" t="s">
        <v>29783</v>
      </c>
      <c r="D22147" s="368"/>
      <c r="E22147" s="368"/>
      <c r="F22147" s="368"/>
      <c r="G22147" s="368"/>
      <c r="H22147" s="362"/>
      <c r="I22147" s="368"/>
      <c r="J22147" s="366"/>
      <c r="K22147" s="366"/>
      <c r="L22147" s="368"/>
    </row>
    <row r="22148" spans="2:12">
      <c r="B22148" s="358" t="s">
        <v>10891</v>
      </c>
      <c r="C22148" s="358" t="s">
        <v>29784</v>
      </c>
      <c r="D22148" s="358" t="s">
        <v>10892</v>
      </c>
      <c r="E22148" s="358" t="s">
        <v>10893</v>
      </c>
      <c r="F22148" s="358" t="s">
        <v>14376</v>
      </c>
      <c r="G22148" s="358" t="s">
        <v>14669</v>
      </c>
      <c r="H22148" s="358" t="s">
        <v>14381</v>
      </c>
      <c r="I22148" s="358" t="s">
        <v>14669</v>
      </c>
      <c r="J22148" s="358"/>
      <c r="K22148" s="358"/>
      <c r="L22148" s="358" t="s">
        <v>10821</v>
      </c>
    </row>
    <row r="22149" spans="2:12">
      <c r="B22149" s="367"/>
      <c r="C22149" s="360"/>
      <c r="D22149" s="367"/>
      <c r="E22149" s="367"/>
      <c r="F22149" s="367"/>
      <c r="G22149" s="367"/>
      <c r="H22149" s="360"/>
      <c r="I22149" s="367"/>
      <c r="J22149" s="365"/>
      <c r="K22149" s="365"/>
      <c r="L22149" s="367"/>
    </row>
    <row r="22150" spans="2:12" ht="42.75">
      <c r="B22150" s="368"/>
      <c r="C22150" s="361" t="s">
        <v>26018</v>
      </c>
      <c r="D22150" s="368"/>
      <c r="E22150" s="368"/>
      <c r="F22150" s="368"/>
      <c r="G22150" s="368"/>
      <c r="H22150" s="361" t="s">
        <v>14332</v>
      </c>
      <c r="I22150" s="368"/>
      <c r="J22150" s="366"/>
      <c r="K22150" s="366"/>
      <c r="L22150" s="368"/>
    </row>
    <row r="22151" spans="2:12" ht="28.5">
      <c r="B22151" s="358" t="s">
        <v>10896</v>
      </c>
      <c r="C22151" s="358" t="s">
        <v>29785</v>
      </c>
      <c r="D22151" s="358" t="s">
        <v>10897</v>
      </c>
      <c r="E22151" s="358" t="s">
        <v>10898</v>
      </c>
      <c r="F22151" s="358" t="s">
        <v>14376</v>
      </c>
      <c r="G22151" s="358" t="s">
        <v>14669</v>
      </c>
      <c r="H22151" s="358" t="s">
        <v>14381</v>
      </c>
      <c r="I22151" s="358" t="s">
        <v>14669</v>
      </c>
      <c r="J22151" s="358"/>
      <c r="K22151" s="358"/>
      <c r="L22151" s="358" t="s">
        <v>10821</v>
      </c>
    </row>
    <row r="22152" spans="2:12">
      <c r="B22152" s="367"/>
      <c r="C22152" s="360"/>
      <c r="D22152" s="367"/>
      <c r="E22152" s="367"/>
      <c r="F22152" s="367"/>
      <c r="G22152" s="367"/>
      <c r="H22152" s="360"/>
      <c r="I22152" s="367"/>
      <c r="J22152" s="365"/>
      <c r="K22152" s="365"/>
      <c r="L22152" s="367"/>
    </row>
    <row r="22153" spans="2:12" ht="57">
      <c r="B22153" s="368"/>
      <c r="C22153" s="361" t="s">
        <v>26019</v>
      </c>
      <c r="D22153" s="368"/>
      <c r="E22153" s="368"/>
      <c r="F22153" s="368"/>
      <c r="G22153" s="368"/>
      <c r="H22153" s="361" t="s">
        <v>14332</v>
      </c>
      <c r="I22153" s="368"/>
      <c r="J22153" s="366"/>
      <c r="K22153" s="366"/>
      <c r="L22153" s="368"/>
    </row>
    <row r="22154" spans="2:12">
      <c r="B22154" s="358" t="s">
        <v>10900</v>
      </c>
      <c r="C22154" s="358" t="s">
        <v>26020</v>
      </c>
      <c r="D22154" s="358" t="s">
        <v>10901</v>
      </c>
      <c r="E22154" s="358" t="s">
        <v>10902</v>
      </c>
      <c r="F22154" s="358" t="s">
        <v>14376</v>
      </c>
      <c r="G22154" s="358" t="s">
        <v>14669</v>
      </c>
      <c r="H22154" s="358" t="s">
        <v>14381</v>
      </c>
      <c r="I22154" s="358" t="s">
        <v>14669</v>
      </c>
      <c r="J22154" s="358"/>
      <c r="K22154" s="358"/>
      <c r="L22154" s="358" t="s">
        <v>10821</v>
      </c>
    </row>
    <row r="22155" spans="2:12">
      <c r="B22155" s="367"/>
      <c r="C22155" s="360"/>
      <c r="D22155" s="367"/>
      <c r="E22155" s="367"/>
      <c r="F22155" s="367"/>
      <c r="G22155" s="367"/>
      <c r="H22155" s="360"/>
      <c r="I22155" s="367"/>
      <c r="J22155" s="365"/>
      <c r="K22155" s="365"/>
      <c r="L22155" s="367"/>
    </row>
    <row r="22156" spans="2:12">
      <c r="B22156" s="367"/>
      <c r="C22156" s="359" t="s">
        <v>26017</v>
      </c>
      <c r="D22156" s="367"/>
      <c r="E22156" s="367"/>
      <c r="F22156" s="367"/>
      <c r="G22156" s="367"/>
      <c r="H22156" s="359" t="s">
        <v>14332</v>
      </c>
      <c r="I22156" s="367"/>
      <c r="J22156" s="365"/>
      <c r="K22156" s="365"/>
      <c r="L22156" s="367"/>
    </row>
    <row r="22157" spans="2:12">
      <c r="B22157" s="367"/>
      <c r="C22157" s="360"/>
      <c r="D22157" s="367"/>
      <c r="E22157" s="367"/>
      <c r="F22157" s="367"/>
      <c r="G22157" s="367"/>
      <c r="H22157" s="360"/>
      <c r="I22157" s="367"/>
      <c r="J22157" s="365"/>
      <c r="K22157" s="365"/>
      <c r="L22157" s="367"/>
    </row>
    <row r="22158" spans="2:12" ht="99.75">
      <c r="B22158" s="368"/>
      <c r="C22158" s="361" t="s">
        <v>28121</v>
      </c>
      <c r="D22158" s="368"/>
      <c r="E22158" s="368"/>
      <c r="F22158" s="368"/>
      <c r="G22158" s="368"/>
      <c r="H22158" s="362"/>
      <c r="I22158" s="368"/>
      <c r="J22158" s="366"/>
      <c r="K22158" s="366"/>
      <c r="L22158" s="368"/>
    </row>
    <row r="22159" spans="2:12">
      <c r="B22159" s="358" t="s">
        <v>10905</v>
      </c>
      <c r="C22159" s="358" t="s">
        <v>26021</v>
      </c>
      <c r="D22159" s="358" t="s">
        <v>10906</v>
      </c>
      <c r="E22159" s="358" t="s">
        <v>10907</v>
      </c>
      <c r="F22159" s="358" t="s">
        <v>14376</v>
      </c>
      <c r="G22159" s="358" t="s">
        <v>14669</v>
      </c>
      <c r="H22159" s="358" t="s">
        <v>14381</v>
      </c>
      <c r="I22159" s="358" t="s">
        <v>14669</v>
      </c>
      <c r="J22159" s="358"/>
      <c r="K22159" s="358"/>
      <c r="L22159" s="358" t="s">
        <v>10821</v>
      </c>
    </row>
    <row r="22160" spans="2:12">
      <c r="B22160" s="367"/>
      <c r="C22160" s="360"/>
      <c r="D22160" s="367"/>
      <c r="E22160" s="367"/>
      <c r="F22160" s="367"/>
      <c r="G22160" s="367"/>
      <c r="H22160" s="360"/>
      <c r="I22160" s="367"/>
      <c r="J22160" s="365"/>
      <c r="K22160" s="365"/>
      <c r="L22160" s="367"/>
    </row>
    <row r="22161" spans="2:12">
      <c r="B22161" s="367"/>
      <c r="C22161" s="359" t="s">
        <v>26017</v>
      </c>
      <c r="D22161" s="367"/>
      <c r="E22161" s="367"/>
      <c r="F22161" s="367"/>
      <c r="G22161" s="367"/>
      <c r="H22161" s="359" t="s">
        <v>14332</v>
      </c>
      <c r="I22161" s="367"/>
      <c r="J22161" s="365"/>
      <c r="K22161" s="365"/>
      <c r="L22161" s="367"/>
    </row>
    <row r="22162" spans="2:12">
      <c r="B22162" s="367"/>
      <c r="C22162" s="360"/>
      <c r="D22162" s="367"/>
      <c r="E22162" s="367"/>
      <c r="F22162" s="367"/>
      <c r="G22162" s="367"/>
      <c r="H22162" s="360"/>
      <c r="I22162" s="367"/>
      <c r="J22162" s="365"/>
      <c r="K22162" s="365"/>
      <c r="L22162" s="367"/>
    </row>
    <row r="22163" spans="2:12" ht="42.75">
      <c r="B22163" s="368"/>
      <c r="C22163" s="361" t="s">
        <v>26022</v>
      </c>
      <c r="D22163" s="368"/>
      <c r="E22163" s="368"/>
      <c r="F22163" s="368"/>
      <c r="G22163" s="368"/>
      <c r="H22163" s="362"/>
      <c r="I22163" s="368"/>
      <c r="J22163" s="366"/>
      <c r="K22163" s="366"/>
      <c r="L22163" s="368"/>
    </row>
    <row r="22164" spans="2:12">
      <c r="B22164" s="358" t="s">
        <v>10910</v>
      </c>
      <c r="C22164" s="358" t="s">
        <v>29786</v>
      </c>
      <c r="D22164" s="358" t="s">
        <v>10911</v>
      </c>
      <c r="E22164" s="358" t="s">
        <v>10912</v>
      </c>
      <c r="F22164" s="358" t="s">
        <v>14376</v>
      </c>
      <c r="G22164" s="358" t="s">
        <v>14669</v>
      </c>
      <c r="H22164" s="358" t="s">
        <v>14381</v>
      </c>
      <c r="I22164" s="358" t="s">
        <v>14669</v>
      </c>
      <c r="J22164" s="358"/>
      <c r="K22164" s="358"/>
      <c r="L22164" s="358" t="s">
        <v>10821</v>
      </c>
    </row>
    <row r="22165" spans="2:12">
      <c r="B22165" s="367"/>
      <c r="C22165" s="360"/>
      <c r="D22165" s="367"/>
      <c r="E22165" s="367"/>
      <c r="F22165" s="367"/>
      <c r="G22165" s="367"/>
      <c r="H22165" s="360"/>
      <c r="I22165" s="367"/>
      <c r="J22165" s="365"/>
      <c r="K22165" s="365"/>
      <c r="L22165" s="367"/>
    </row>
    <row r="22166" spans="2:12">
      <c r="B22166" s="368"/>
      <c r="C22166" s="361" t="s">
        <v>26023</v>
      </c>
      <c r="D22166" s="368"/>
      <c r="E22166" s="368"/>
      <c r="F22166" s="368"/>
      <c r="G22166" s="368"/>
      <c r="H22166" s="361" t="s">
        <v>14332</v>
      </c>
      <c r="I22166" s="368"/>
      <c r="J22166" s="366"/>
      <c r="K22166" s="366"/>
      <c r="L22166" s="368"/>
    </row>
    <row r="22167" spans="2:12">
      <c r="B22167" s="358" t="s">
        <v>10914</v>
      </c>
      <c r="C22167" s="358" t="s">
        <v>26024</v>
      </c>
      <c r="D22167" s="358" t="s">
        <v>10915</v>
      </c>
      <c r="E22167" s="358" t="s">
        <v>10916</v>
      </c>
      <c r="F22167" s="358" t="s">
        <v>14376</v>
      </c>
      <c r="G22167" s="358" t="s">
        <v>14669</v>
      </c>
      <c r="H22167" s="358" t="s">
        <v>14381</v>
      </c>
      <c r="I22167" s="358" t="s">
        <v>14669</v>
      </c>
      <c r="J22167" s="358"/>
      <c r="K22167" s="358"/>
      <c r="L22167" s="358" t="s">
        <v>10821</v>
      </c>
    </row>
    <row r="22168" spans="2:12">
      <c r="B22168" s="367"/>
      <c r="C22168" s="360"/>
      <c r="D22168" s="367"/>
      <c r="E22168" s="367"/>
      <c r="F22168" s="367"/>
      <c r="G22168" s="367"/>
      <c r="H22168" s="360"/>
      <c r="I22168" s="367"/>
      <c r="J22168" s="365"/>
      <c r="K22168" s="365"/>
      <c r="L22168" s="367"/>
    </row>
    <row r="22169" spans="2:12" ht="99.75">
      <c r="B22169" s="368"/>
      <c r="C22169" s="361" t="s">
        <v>30531</v>
      </c>
      <c r="D22169" s="368"/>
      <c r="E22169" s="368"/>
      <c r="F22169" s="368"/>
      <c r="G22169" s="368"/>
      <c r="H22169" s="361" t="s">
        <v>14332</v>
      </c>
      <c r="I22169" s="368"/>
      <c r="J22169" s="366"/>
      <c r="K22169" s="366"/>
      <c r="L22169" s="368"/>
    </row>
    <row r="22170" spans="2:12" ht="28.5">
      <c r="B22170" s="358" t="s">
        <v>10918</v>
      </c>
      <c r="C22170" s="358" t="s">
        <v>26025</v>
      </c>
      <c r="D22170" s="358" t="s">
        <v>10919</v>
      </c>
      <c r="E22170" s="358" t="s">
        <v>10920</v>
      </c>
      <c r="F22170" s="358" t="s">
        <v>14376</v>
      </c>
      <c r="G22170" s="358" t="s">
        <v>14669</v>
      </c>
      <c r="H22170" s="358" t="s">
        <v>14381</v>
      </c>
      <c r="I22170" s="358" t="s">
        <v>14669</v>
      </c>
      <c r="J22170" s="358"/>
      <c r="K22170" s="358"/>
      <c r="L22170" s="358" t="s">
        <v>10821</v>
      </c>
    </row>
    <row r="22171" spans="2:12">
      <c r="B22171" s="367"/>
      <c r="C22171" s="360"/>
      <c r="D22171" s="367"/>
      <c r="E22171" s="367"/>
      <c r="F22171" s="367"/>
      <c r="G22171" s="367"/>
      <c r="H22171" s="360"/>
      <c r="I22171" s="367"/>
      <c r="J22171" s="365"/>
      <c r="K22171" s="365"/>
      <c r="L22171" s="367"/>
    </row>
    <row r="22172" spans="2:12" ht="114">
      <c r="B22172" s="368"/>
      <c r="C22172" s="361" t="s">
        <v>30532</v>
      </c>
      <c r="D22172" s="368"/>
      <c r="E22172" s="368"/>
      <c r="F22172" s="368"/>
      <c r="G22172" s="368"/>
      <c r="H22172" s="361" t="s">
        <v>14332</v>
      </c>
      <c r="I22172" s="368"/>
      <c r="J22172" s="366"/>
      <c r="K22172" s="366"/>
      <c r="L22172" s="368"/>
    </row>
    <row r="22173" spans="2:12" ht="28.5">
      <c r="B22173" s="358" t="s">
        <v>10922</v>
      </c>
      <c r="C22173" s="358" t="s">
        <v>26026</v>
      </c>
      <c r="D22173" s="358" t="s">
        <v>10923</v>
      </c>
      <c r="E22173" s="358" t="s">
        <v>10924</v>
      </c>
      <c r="F22173" s="358" t="s">
        <v>14376</v>
      </c>
      <c r="G22173" s="358" t="s">
        <v>14669</v>
      </c>
      <c r="H22173" s="358" t="s">
        <v>14381</v>
      </c>
      <c r="I22173" s="358" t="s">
        <v>14669</v>
      </c>
      <c r="J22173" s="358"/>
      <c r="K22173" s="358"/>
      <c r="L22173" s="358" t="s">
        <v>10821</v>
      </c>
    </row>
    <row r="22174" spans="2:12">
      <c r="B22174" s="367"/>
      <c r="C22174" s="360"/>
      <c r="D22174" s="367"/>
      <c r="E22174" s="367"/>
      <c r="F22174" s="367"/>
      <c r="G22174" s="367"/>
      <c r="H22174" s="360"/>
      <c r="I22174" s="367"/>
      <c r="J22174" s="365"/>
      <c r="K22174" s="365"/>
      <c r="L22174" s="367"/>
    </row>
    <row r="22175" spans="2:12">
      <c r="B22175" s="367"/>
      <c r="C22175" s="359" t="s">
        <v>26014</v>
      </c>
      <c r="D22175" s="367"/>
      <c r="E22175" s="367"/>
      <c r="F22175" s="367"/>
      <c r="G22175" s="367"/>
      <c r="H22175" s="359" t="s">
        <v>14332</v>
      </c>
      <c r="I22175" s="367"/>
      <c r="J22175" s="365"/>
      <c r="K22175" s="365"/>
      <c r="L22175" s="367"/>
    </row>
    <row r="22176" spans="2:12">
      <c r="B22176" s="367"/>
      <c r="C22176" s="360"/>
      <c r="D22176" s="367"/>
      <c r="E22176" s="367"/>
      <c r="F22176" s="367"/>
      <c r="G22176" s="367"/>
      <c r="H22176" s="360"/>
      <c r="I22176" s="367"/>
      <c r="J22176" s="365"/>
      <c r="K22176" s="365"/>
      <c r="L22176" s="367"/>
    </row>
    <row r="22177" spans="2:12" ht="85.5">
      <c r="B22177" s="368"/>
      <c r="C22177" s="361" t="s">
        <v>28122</v>
      </c>
      <c r="D22177" s="368"/>
      <c r="E22177" s="368"/>
      <c r="F22177" s="368"/>
      <c r="G22177" s="368"/>
      <c r="H22177" s="362"/>
      <c r="I22177" s="368"/>
      <c r="J22177" s="366"/>
      <c r="K22177" s="366"/>
      <c r="L22177" s="368"/>
    </row>
    <row r="22178" spans="2:12">
      <c r="B22178" s="358" t="s">
        <v>10926</v>
      </c>
      <c r="C22178" s="358" t="s">
        <v>29787</v>
      </c>
      <c r="D22178" s="358" t="s">
        <v>10927</v>
      </c>
      <c r="E22178" s="358" t="s">
        <v>10928</v>
      </c>
      <c r="F22178" s="358" t="s">
        <v>14376</v>
      </c>
      <c r="G22178" s="358" t="s">
        <v>14669</v>
      </c>
      <c r="H22178" s="358" t="s">
        <v>14381</v>
      </c>
      <c r="I22178" s="358" t="s">
        <v>14669</v>
      </c>
      <c r="J22178" s="358"/>
      <c r="K22178" s="358"/>
      <c r="L22178" s="358" t="s">
        <v>10821</v>
      </c>
    </row>
    <row r="22179" spans="2:12">
      <c r="B22179" s="367"/>
      <c r="C22179" s="360"/>
      <c r="D22179" s="367"/>
      <c r="E22179" s="367"/>
      <c r="F22179" s="367"/>
      <c r="G22179" s="367"/>
      <c r="H22179" s="360"/>
      <c r="I22179" s="367"/>
      <c r="J22179" s="365"/>
      <c r="K22179" s="365"/>
      <c r="L22179" s="367"/>
    </row>
    <row r="22180" spans="2:12" ht="57">
      <c r="B22180" s="368"/>
      <c r="C22180" s="361" t="s">
        <v>30533</v>
      </c>
      <c r="D22180" s="368"/>
      <c r="E22180" s="368"/>
      <c r="F22180" s="368"/>
      <c r="G22180" s="368"/>
      <c r="H22180" s="361" t="s">
        <v>14332</v>
      </c>
      <c r="I22180" s="368"/>
      <c r="J22180" s="366"/>
      <c r="K22180" s="366"/>
      <c r="L22180" s="368"/>
    </row>
    <row r="22181" spans="2:12">
      <c r="B22181" s="358" t="s">
        <v>10930</v>
      </c>
      <c r="C22181" s="358" t="s">
        <v>29788</v>
      </c>
      <c r="D22181" s="358" t="s">
        <v>10931</v>
      </c>
      <c r="E22181" s="358" t="s">
        <v>10932</v>
      </c>
      <c r="F22181" s="358" t="s">
        <v>14376</v>
      </c>
      <c r="G22181" s="358" t="s">
        <v>14669</v>
      </c>
      <c r="H22181" s="358" t="s">
        <v>14381</v>
      </c>
      <c r="I22181" s="358" t="s">
        <v>14669</v>
      </c>
      <c r="J22181" s="358"/>
      <c r="K22181" s="358"/>
      <c r="L22181" s="358" t="s">
        <v>10821</v>
      </c>
    </row>
    <row r="22182" spans="2:12">
      <c r="B22182" s="367"/>
      <c r="C22182" s="360"/>
      <c r="D22182" s="367"/>
      <c r="E22182" s="367"/>
      <c r="F22182" s="367"/>
      <c r="G22182" s="367"/>
      <c r="H22182" s="360"/>
      <c r="I22182" s="367"/>
      <c r="J22182" s="365"/>
      <c r="K22182" s="365"/>
      <c r="L22182" s="367"/>
    </row>
    <row r="22183" spans="2:12" ht="71.25">
      <c r="B22183" s="368"/>
      <c r="C22183" s="361" t="s">
        <v>30534</v>
      </c>
      <c r="D22183" s="368"/>
      <c r="E22183" s="368"/>
      <c r="F22183" s="368"/>
      <c r="G22183" s="368"/>
      <c r="H22183" s="361" t="s">
        <v>14332</v>
      </c>
      <c r="I22183" s="368"/>
      <c r="J22183" s="366"/>
      <c r="K22183" s="366"/>
      <c r="L22183" s="368"/>
    </row>
    <row r="22184" spans="2:12">
      <c r="B22184" s="358" t="s">
        <v>10934</v>
      </c>
      <c r="C22184" s="358" t="s">
        <v>26027</v>
      </c>
      <c r="D22184" s="358" t="s">
        <v>10935</v>
      </c>
      <c r="E22184" s="358" t="s">
        <v>10936</v>
      </c>
      <c r="F22184" s="358" t="s">
        <v>14376</v>
      </c>
      <c r="G22184" s="358" t="s">
        <v>14669</v>
      </c>
      <c r="H22184" s="358" t="s">
        <v>14381</v>
      </c>
      <c r="I22184" s="358" t="s">
        <v>14669</v>
      </c>
      <c r="J22184" s="358"/>
      <c r="K22184" s="358"/>
      <c r="L22184" s="358" t="s">
        <v>10821</v>
      </c>
    </row>
    <row r="22185" spans="2:12">
      <c r="B22185" s="367"/>
      <c r="C22185" s="360"/>
      <c r="D22185" s="367"/>
      <c r="E22185" s="367"/>
      <c r="F22185" s="367"/>
      <c r="G22185" s="367"/>
      <c r="H22185" s="360"/>
      <c r="I22185" s="367"/>
      <c r="J22185" s="365"/>
      <c r="K22185" s="365"/>
      <c r="L22185" s="367"/>
    </row>
    <row r="22186" spans="2:12">
      <c r="B22186" s="367"/>
      <c r="C22186" s="359" t="s">
        <v>26028</v>
      </c>
      <c r="D22186" s="367"/>
      <c r="E22186" s="367"/>
      <c r="F22186" s="367"/>
      <c r="G22186" s="367"/>
      <c r="H22186" s="359" t="s">
        <v>14332</v>
      </c>
      <c r="I22186" s="367"/>
      <c r="J22186" s="365"/>
      <c r="K22186" s="365"/>
      <c r="L22186" s="367"/>
    </row>
    <row r="22187" spans="2:12">
      <c r="B22187" s="367"/>
      <c r="C22187" s="360"/>
      <c r="D22187" s="367"/>
      <c r="E22187" s="367"/>
      <c r="F22187" s="367"/>
      <c r="G22187" s="367"/>
      <c r="H22187" s="360"/>
      <c r="I22187" s="367"/>
      <c r="J22187" s="365"/>
      <c r="K22187" s="365"/>
      <c r="L22187" s="367"/>
    </row>
    <row r="22188" spans="2:12" ht="71.25">
      <c r="B22188" s="368"/>
      <c r="C22188" s="361" t="s">
        <v>28123</v>
      </c>
      <c r="D22188" s="368"/>
      <c r="E22188" s="368"/>
      <c r="F22188" s="368"/>
      <c r="G22188" s="368"/>
      <c r="H22188" s="362"/>
      <c r="I22188" s="368"/>
      <c r="J22188" s="366"/>
      <c r="K22188" s="366"/>
      <c r="L22188" s="368"/>
    </row>
    <row r="22189" spans="2:12">
      <c r="B22189" s="358" t="s">
        <v>10938</v>
      </c>
      <c r="C22189" s="358" t="s">
        <v>26029</v>
      </c>
      <c r="D22189" s="358" t="s">
        <v>10939</v>
      </c>
      <c r="E22189" s="358" t="s">
        <v>10940</v>
      </c>
      <c r="F22189" s="358" t="s">
        <v>14376</v>
      </c>
      <c r="G22189" s="358" t="s">
        <v>14669</v>
      </c>
      <c r="H22189" s="358" t="s">
        <v>14381</v>
      </c>
      <c r="I22189" s="358" t="s">
        <v>14669</v>
      </c>
      <c r="J22189" s="358"/>
      <c r="K22189" s="358"/>
      <c r="L22189" s="358" t="s">
        <v>10821</v>
      </c>
    </row>
    <row r="22190" spans="2:12">
      <c r="B22190" s="367"/>
      <c r="C22190" s="360"/>
      <c r="D22190" s="367"/>
      <c r="E22190" s="367"/>
      <c r="F22190" s="367"/>
      <c r="G22190" s="367"/>
      <c r="H22190" s="360"/>
      <c r="I22190" s="367"/>
      <c r="J22190" s="365"/>
      <c r="K22190" s="365"/>
      <c r="L22190" s="367"/>
    </row>
    <row r="22191" spans="2:12">
      <c r="B22191" s="367"/>
      <c r="C22191" s="359" t="s">
        <v>29789</v>
      </c>
      <c r="D22191" s="367"/>
      <c r="E22191" s="367"/>
      <c r="F22191" s="367"/>
      <c r="G22191" s="367"/>
      <c r="H22191" s="359" t="s">
        <v>14332</v>
      </c>
      <c r="I22191" s="367"/>
      <c r="J22191" s="365"/>
      <c r="K22191" s="365"/>
      <c r="L22191" s="367"/>
    </row>
    <row r="22192" spans="2:12">
      <c r="B22192" s="367"/>
      <c r="C22192" s="360"/>
      <c r="D22192" s="367"/>
      <c r="E22192" s="367"/>
      <c r="F22192" s="367"/>
      <c r="G22192" s="367"/>
      <c r="H22192" s="360"/>
      <c r="I22192" s="367"/>
      <c r="J22192" s="365"/>
      <c r="K22192" s="365"/>
      <c r="L22192" s="367"/>
    </row>
    <row r="22193" spans="2:12" ht="71.25">
      <c r="B22193" s="368"/>
      <c r="C22193" s="361" t="s">
        <v>30535</v>
      </c>
      <c r="D22193" s="368"/>
      <c r="E22193" s="368"/>
      <c r="F22193" s="368"/>
      <c r="G22193" s="368"/>
      <c r="H22193" s="362"/>
      <c r="I22193" s="368"/>
      <c r="J22193" s="366"/>
      <c r="K22193" s="366"/>
      <c r="L22193" s="368"/>
    </row>
    <row r="22194" spans="2:12">
      <c r="B22194" s="358" t="s">
        <v>10942</v>
      </c>
      <c r="C22194" s="358" t="s">
        <v>26030</v>
      </c>
      <c r="D22194" s="358" t="s">
        <v>10943</v>
      </c>
      <c r="E22194" s="358" t="s">
        <v>10944</v>
      </c>
      <c r="F22194" s="358" t="s">
        <v>14376</v>
      </c>
      <c r="G22194" s="358" t="s">
        <v>14669</v>
      </c>
      <c r="H22194" s="358" t="s">
        <v>14381</v>
      </c>
      <c r="I22194" s="358" t="s">
        <v>14669</v>
      </c>
      <c r="J22194" s="358"/>
      <c r="K22194" s="358"/>
      <c r="L22194" s="358" t="s">
        <v>10821</v>
      </c>
    </row>
    <row r="22195" spans="2:12">
      <c r="B22195" s="367"/>
      <c r="C22195" s="360"/>
      <c r="D22195" s="367"/>
      <c r="E22195" s="367"/>
      <c r="F22195" s="367"/>
      <c r="G22195" s="367"/>
      <c r="H22195" s="360"/>
      <c r="I22195" s="367"/>
      <c r="J22195" s="365"/>
      <c r="K22195" s="365"/>
      <c r="L22195" s="367"/>
    </row>
    <row r="22196" spans="2:12">
      <c r="B22196" s="367"/>
      <c r="C22196" s="359" t="s">
        <v>26031</v>
      </c>
      <c r="D22196" s="367"/>
      <c r="E22196" s="367"/>
      <c r="F22196" s="367"/>
      <c r="G22196" s="367"/>
      <c r="H22196" s="359" t="s">
        <v>14332</v>
      </c>
      <c r="I22196" s="367"/>
      <c r="J22196" s="365"/>
      <c r="K22196" s="365"/>
      <c r="L22196" s="367"/>
    </row>
    <row r="22197" spans="2:12">
      <c r="B22197" s="367"/>
      <c r="C22197" s="360"/>
      <c r="D22197" s="367"/>
      <c r="E22197" s="367"/>
      <c r="F22197" s="367"/>
      <c r="G22197" s="367"/>
      <c r="H22197" s="360"/>
      <c r="I22197" s="367"/>
      <c r="J22197" s="365"/>
      <c r="K22197" s="365"/>
      <c r="L22197" s="367"/>
    </row>
    <row r="22198" spans="2:12" ht="71.25">
      <c r="B22198" s="368"/>
      <c r="C22198" s="361" t="s">
        <v>30536</v>
      </c>
      <c r="D22198" s="368"/>
      <c r="E22198" s="368"/>
      <c r="F22198" s="368"/>
      <c r="G22198" s="368"/>
      <c r="H22198" s="362"/>
      <c r="I22198" s="368"/>
      <c r="J22198" s="366"/>
      <c r="K22198" s="366"/>
      <c r="L22198" s="368"/>
    </row>
    <row r="22199" spans="2:12" ht="42.75">
      <c r="B22199" s="358" t="s">
        <v>10945</v>
      </c>
      <c r="C22199" s="358" t="s">
        <v>30537</v>
      </c>
      <c r="D22199" s="358" t="s">
        <v>10946</v>
      </c>
      <c r="E22199" s="358" t="s">
        <v>10947</v>
      </c>
      <c r="F22199" s="358" t="s">
        <v>14376</v>
      </c>
      <c r="G22199" s="358" t="s">
        <v>14669</v>
      </c>
      <c r="H22199" s="358" t="s">
        <v>14381</v>
      </c>
      <c r="I22199" s="358" t="s">
        <v>14669</v>
      </c>
      <c r="J22199" s="358"/>
      <c r="K22199" s="358"/>
      <c r="L22199" s="358" t="s">
        <v>10821</v>
      </c>
    </row>
    <row r="22200" spans="2:12">
      <c r="B22200" s="367"/>
      <c r="C22200" s="360"/>
      <c r="D22200" s="367"/>
      <c r="E22200" s="367"/>
      <c r="F22200" s="367"/>
      <c r="G22200" s="367"/>
      <c r="H22200" s="360"/>
      <c r="I22200" s="367"/>
      <c r="J22200" s="365"/>
      <c r="K22200" s="365"/>
      <c r="L22200" s="367"/>
    </row>
    <row r="22201" spans="2:12" ht="99.75">
      <c r="B22201" s="368"/>
      <c r="C22201" s="361" t="s">
        <v>30538</v>
      </c>
      <c r="D22201" s="368"/>
      <c r="E22201" s="368"/>
      <c r="F22201" s="368"/>
      <c r="G22201" s="368"/>
      <c r="H22201" s="361" t="s">
        <v>14332</v>
      </c>
      <c r="I22201" s="368"/>
      <c r="J22201" s="366"/>
      <c r="K22201" s="366"/>
      <c r="L22201" s="368"/>
    </row>
    <row r="22202" spans="2:12" ht="28.5">
      <c r="B22202" s="358" t="s">
        <v>10948</v>
      </c>
      <c r="C22202" s="358" t="s">
        <v>28124</v>
      </c>
      <c r="D22202" s="358" t="s">
        <v>10949</v>
      </c>
      <c r="E22202" s="358" t="s">
        <v>10950</v>
      </c>
      <c r="F22202" s="358" t="s">
        <v>14376</v>
      </c>
      <c r="G22202" s="358" t="s">
        <v>14669</v>
      </c>
      <c r="H22202" s="358" t="s">
        <v>14381</v>
      </c>
      <c r="I22202" s="358" t="s">
        <v>14669</v>
      </c>
      <c r="J22202" s="358"/>
      <c r="K22202" s="358"/>
      <c r="L22202" s="358" t="s">
        <v>10821</v>
      </c>
    </row>
    <row r="22203" spans="2:12">
      <c r="B22203" s="367"/>
      <c r="C22203" s="360"/>
      <c r="D22203" s="367"/>
      <c r="E22203" s="367"/>
      <c r="F22203" s="367"/>
      <c r="G22203" s="367"/>
      <c r="H22203" s="360"/>
      <c r="I22203" s="367"/>
      <c r="J22203" s="365"/>
      <c r="K22203" s="365"/>
      <c r="L22203" s="367"/>
    </row>
    <row r="22204" spans="2:12">
      <c r="B22204" s="367"/>
      <c r="C22204" s="359" t="s">
        <v>26032</v>
      </c>
      <c r="D22204" s="367"/>
      <c r="E22204" s="367"/>
      <c r="F22204" s="367"/>
      <c r="G22204" s="367"/>
      <c r="H22204" s="359" t="s">
        <v>14332</v>
      </c>
      <c r="I22204" s="367"/>
      <c r="J22204" s="365"/>
      <c r="K22204" s="365"/>
      <c r="L22204" s="367"/>
    </row>
    <row r="22205" spans="2:12">
      <c r="B22205" s="367"/>
      <c r="C22205" s="360"/>
      <c r="D22205" s="367"/>
      <c r="E22205" s="367"/>
      <c r="F22205" s="367"/>
      <c r="G22205" s="367"/>
      <c r="H22205" s="360"/>
      <c r="I22205" s="367"/>
      <c r="J22205" s="365"/>
      <c r="K22205" s="365"/>
      <c r="L22205" s="367"/>
    </row>
    <row r="22206" spans="2:12" ht="85.5">
      <c r="B22206" s="368"/>
      <c r="C22206" s="361" t="s">
        <v>30539</v>
      </c>
      <c r="D22206" s="368"/>
      <c r="E22206" s="368"/>
      <c r="F22206" s="368"/>
      <c r="G22206" s="368"/>
      <c r="H22206" s="362"/>
      <c r="I22206" s="368"/>
      <c r="J22206" s="366"/>
      <c r="K22206" s="366"/>
      <c r="L22206" s="368"/>
    </row>
    <row r="22207" spans="2:12" ht="28.5">
      <c r="B22207" s="358" t="s">
        <v>10951</v>
      </c>
      <c r="C22207" s="358" t="s">
        <v>28125</v>
      </c>
      <c r="D22207" s="358" t="s">
        <v>10952</v>
      </c>
      <c r="E22207" s="358" t="s">
        <v>10953</v>
      </c>
      <c r="F22207" s="358" t="s">
        <v>14376</v>
      </c>
      <c r="G22207" s="358" t="s">
        <v>14669</v>
      </c>
      <c r="H22207" s="358" t="s">
        <v>14381</v>
      </c>
      <c r="I22207" s="358" t="s">
        <v>14669</v>
      </c>
      <c r="J22207" s="358"/>
      <c r="K22207" s="358"/>
      <c r="L22207" s="358" t="s">
        <v>10821</v>
      </c>
    </row>
    <row r="22208" spans="2:12">
      <c r="B22208" s="367"/>
      <c r="C22208" s="360"/>
      <c r="D22208" s="367"/>
      <c r="E22208" s="367"/>
      <c r="F22208" s="367"/>
      <c r="G22208" s="367"/>
      <c r="H22208" s="360"/>
      <c r="I22208" s="367"/>
      <c r="J22208" s="365"/>
      <c r="K22208" s="365"/>
      <c r="L22208" s="367"/>
    </row>
    <row r="22209" spans="2:12">
      <c r="B22209" s="367"/>
      <c r="C22209" s="359" t="s">
        <v>26032</v>
      </c>
      <c r="D22209" s="367"/>
      <c r="E22209" s="367"/>
      <c r="F22209" s="367"/>
      <c r="G22209" s="367"/>
      <c r="H22209" s="359" t="s">
        <v>14332</v>
      </c>
      <c r="I22209" s="367"/>
      <c r="J22209" s="365"/>
      <c r="K22209" s="365"/>
      <c r="L22209" s="367"/>
    </row>
    <row r="22210" spans="2:12">
      <c r="B22210" s="367"/>
      <c r="C22210" s="360"/>
      <c r="D22210" s="367"/>
      <c r="E22210" s="367"/>
      <c r="F22210" s="367"/>
      <c r="G22210" s="367"/>
      <c r="H22210" s="360"/>
      <c r="I22210" s="367"/>
      <c r="J22210" s="365"/>
      <c r="K22210" s="365"/>
      <c r="L22210" s="367"/>
    </row>
    <row r="22211" spans="2:12" ht="85.5">
      <c r="B22211" s="368"/>
      <c r="C22211" s="361" t="s">
        <v>30540</v>
      </c>
      <c r="D22211" s="368"/>
      <c r="E22211" s="368"/>
      <c r="F22211" s="368"/>
      <c r="G22211" s="368"/>
      <c r="H22211" s="362"/>
      <c r="I22211" s="368"/>
      <c r="J22211" s="366"/>
      <c r="K22211" s="366"/>
      <c r="L22211" s="368"/>
    </row>
    <row r="22212" spans="2:12">
      <c r="B22212" s="358" t="s">
        <v>10955</v>
      </c>
      <c r="C22212" s="358" t="s">
        <v>29790</v>
      </c>
      <c r="D22212" s="358" t="s">
        <v>10956</v>
      </c>
      <c r="E22212" s="358" t="s">
        <v>10957</v>
      </c>
      <c r="F22212" s="358" t="s">
        <v>14376</v>
      </c>
      <c r="G22212" s="358" t="s">
        <v>14669</v>
      </c>
      <c r="H22212" s="358" t="s">
        <v>14381</v>
      </c>
      <c r="I22212" s="358" t="s">
        <v>14669</v>
      </c>
      <c r="J22212" s="358"/>
      <c r="K22212" s="358"/>
      <c r="L22212" s="358" t="s">
        <v>10821</v>
      </c>
    </row>
    <row r="22213" spans="2:12">
      <c r="B22213" s="367"/>
      <c r="C22213" s="360"/>
      <c r="D22213" s="367"/>
      <c r="E22213" s="367"/>
      <c r="F22213" s="367"/>
      <c r="G22213" s="367"/>
      <c r="H22213" s="360"/>
      <c r="I22213" s="367"/>
      <c r="J22213" s="365"/>
      <c r="K22213" s="365"/>
      <c r="L22213" s="367"/>
    </row>
    <row r="22214" spans="2:12" ht="85.5">
      <c r="B22214" s="368"/>
      <c r="C22214" s="361" t="s">
        <v>30541</v>
      </c>
      <c r="D22214" s="368"/>
      <c r="E22214" s="368"/>
      <c r="F22214" s="368"/>
      <c r="G22214" s="368"/>
      <c r="H22214" s="361" t="s">
        <v>14332</v>
      </c>
      <c r="I22214" s="368"/>
      <c r="J22214" s="366"/>
      <c r="K22214" s="366"/>
      <c r="L22214" s="368"/>
    </row>
    <row r="22215" spans="2:12" ht="28.5">
      <c r="B22215" s="358" t="s">
        <v>10959</v>
      </c>
      <c r="C22215" s="358" t="s">
        <v>29791</v>
      </c>
      <c r="D22215" s="358" t="s">
        <v>10960</v>
      </c>
      <c r="E22215" s="358" t="s">
        <v>10961</v>
      </c>
      <c r="F22215" s="358" t="s">
        <v>14376</v>
      </c>
      <c r="G22215" s="358" t="s">
        <v>14669</v>
      </c>
      <c r="H22215" s="358" t="s">
        <v>14381</v>
      </c>
      <c r="I22215" s="358" t="s">
        <v>14669</v>
      </c>
      <c r="J22215" s="358"/>
      <c r="K22215" s="358"/>
      <c r="L22215" s="358" t="s">
        <v>10821</v>
      </c>
    </row>
    <row r="22216" spans="2:12">
      <c r="B22216" s="367"/>
      <c r="C22216" s="360"/>
      <c r="D22216" s="367"/>
      <c r="E22216" s="367"/>
      <c r="F22216" s="367"/>
      <c r="G22216" s="367"/>
      <c r="H22216" s="360"/>
      <c r="I22216" s="367"/>
      <c r="J22216" s="365"/>
      <c r="K22216" s="365"/>
      <c r="L22216" s="367"/>
    </row>
    <row r="22217" spans="2:12" ht="57">
      <c r="B22217" s="368"/>
      <c r="C22217" s="361" t="s">
        <v>30542</v>
      </c>
      <c r="D22217" s="368"/>
      <c r="E22217" s="368"/>
      <c r="F22217" s="368"/>
      <c r="G22217" s="368"/>
      <c r="H22217" s="361" t="s">
        <v>14332</v>
      </c>
      <c r="I22217" s="368"/>
      <c r="J22217" s="366"/>
      <c r="K22217" s="366"/>
      <c r="L22217" s="368"/>
    </row>
    <row r="22218" spans="2:12" ht="28.5">
      <c r="B22218" s="358" t="s">
        <v>10964</v>
      </c>
      <c r="C22218" s="358" t="s">
        <v>29792</v>
      </c>
      <c r="D22218" s="358" t="s">
        <v>10965</v>
      </c>
      <c r="E22218" s="358" t="s">
        <v>10966</v>
      </c>
      <c r="F22218" s="358" t="s">
        <v>14376</v>
      </c>
      <c r="G22218" s="358" t="s">
        <v>14669</v>
      </c>
      <c r="H22218" s="358" t="s">
        <v>14381</v>
      </c>
      <c r="I22218" s="358" t="s">
        <v>14669</v>
      </c>
      <c r="J22218" s="358"/>
      <c r="K22218" s="358"/>
      <c r="L22218" s="358" t="s">
        <v>10821</v>
      </c>
    </row>
    <row r="22219" spans="2:12">
      <c r="B22219" s="367"/>
      <c r="C22219" s="360"/>
      <c r="D22219" s="367"/>
      <c r="E22219" s="367"/>
      <c r="F22219" s="367"/>
      <c r="G22219" s="367"/>
      <c r="H22219" s="360"/>
      <c r="I22219" s="367"/>
      <c r="J22219" s="365"/>
      <c r="K22219" s="365"/>
      <c r="L22219" s="367"/>
    </row>
    <row r="22220" spans="2:12" ht="57">
      <c r="B22220" s="368"/>
      <c r="C22220" s="361" t="s">
        <v>26033</v>
      </c>
      <c r="D22220" s="368"/>
      <c r="E22220" s="368"/>
      <c r="F22220" s="368"/>
      <c r="G22220" s="368"/>
      <c r="H22220" s="361" t="s">
        <v>14332</v>
      </c>
      <c r="I22220" s="368"/>
      <c r="J22220" s="366"/>
      <c r="K22220" s="366"/>
      <c r="L22220" s="368"/>
    </row>
    <row r="22221" spans="2:12">
      <c r="B22221" s="358" t="s">
        <v>26034</v>
      </c>
      <c r="C22221" s="358" t="s">
        <v>29793</v>
      </c>
      <c r="D22221" s="358" t="s">
        <v>495</v>
      </c>
      <c r="E22221" s="358" t="s">
        <v>496</v>
      </c>
      <c r="F22221" s="358" t="s">
        <v>14376</v>
      </c>
      <c r="G22221" s="358" t="s">
        <v>14669</v>
      </c>
      <c r="H22221" s="358" t="s">
        <v>14381</v>
      </c>
      <c r="I22221" s="358" t="s">
        <v>14669</v>
      </c>
      <c r="J22221" s="358"/>
      <c r="K22221" s="358"/>
      <c r="L22221" s="358" t="s">
        <v>10821</v>
      </c>
    </row>
    <row r="22222" spans="2:12">
      <c r="B22222" s="367"/>
      <c r="C22222" s="360"/>
      <c r="D22222" s="367"/>
      <c r="E22222" s="367"/>
      <c r="F22222" s="367"/>
      <c r="G22222" s="367"/>
      <c r="H22222" s="360"/>
      <c r="I22222" s="367"/>
      <c r="J22222" s="365"/>
      <c r="K22222" s="365"/>
      <c r="L22222" s="367"/>
    </row>
    <row r="22223" spans="2:12" ht="71.25">
      <c r="B22223" s="368"/>
      <c r="C22223" s="361" t="s">
        <v>30543</v>
      </c>
      <c r="D22223" s="368"/>
      <c r="E22223" s="368"/>
      <c r="F22223" s="368"/>
      <c r="G22223" s="368"/>
      <c r="H22223" s="361" t="s">
        <v>14332</v>
      </c>
      <c r="I22223" s="368"/>
      <c r="J22223" s="366"/>
      <c r="K22223" s="366"/>
      <c r="L22223" s="368"/>
    </row>
    <row r="22224" spans="2:12" ht="28.5">
      <c r="B22224" s="358" t="s">
        <v>10968</v>
      </c>
      <c r="C22224" s="358" t="s">
        <v>29794</v>
      </c>
      <c r="D22224" s="358" t="s">
        <v>10969</v>
      </c>
      <c r="E22224" s="358" t="s">
        <v>10970</v>
      </c>
      <c r="F22224" s="358" t="s">
        <v>14376</v>
      </c>
      <c r="G22224" s="358" t="s">
        <v>14669</v>
      </c>
      <c r="H22224" s="358" t="s">
        <v>14381</v>
      </c>
      <c r="I22224" s="358" t="s">
        <v>14669</v>
      </c>
      <c r="J22224" s="358"/>
      <c r="K22224" s="358"/>
      <c r="L22224" s="358" t="s">
        <v>10821</v>
      </c>
    </row>
    <row r="22225" spans="2:12">
      <c r="B22225" s="367"/>
      <c r="C22225" s="360"/>
      <c r="D22225" s="367"/>
      <c r="E22225" s="367"/>
      <c r="F22225" s="367"/>
      <c r="G22225" s="367"/>
      <c r="H22225" s="360"/>
      <c r="I22225" s="367"/>
      <c r="J22225" s="365"/>
      <c r="K22225" s="365"/>
      <c r="L22225" s="367"/>
    </row>
    <row r="22226" spans="2:12" ht="57">
      <c r="B22226" s="368"/>
      <c r="C22226" s="361" t="s">
        <v>30544</v>
      </c>
      <c r="D22226" s="368"/>
      <c r="E22226" s="368"/>
      <c r="F22226" s="368"/>
      <c r="G22226" s="368"/>
      <c r="H22226" s="361" t="s">
        <v>14332</v>
      </c>
      <c r="I22226" s="368"/>
      <c r="J22226" s="366"/>
      <c r="K22226" s="366"/>
      <c r="L22226" s="368"/>
    </row>
    <row r="22227" spans="2:12">
      <c r="B22227" s="358" t="s">
        <v>9536</v>
      </c>
      <c r="C22227" s="358" t="s">
        <v>29795</v>
      </c>
      <c r="D22227" s="358" t="s">
        <v>9537</v>
      </c>
      <c r="E22227" s="358" t="s">
        <v>9538</v>
      </c>
      <c r="F22227" s="358" t="s">
        <v>16528</v>
      </c>
      <c r="G22227" s="358" t="s">
        <v>14669</v>
      </c>
      <c r="H22227" s="358" t="s">
        <v>14381</v>
      </c>
      <c r="I22227" s="358" t="s">
        <v>14669</v>
      </c>
      <c r="J22227" s="358"/>
      <c r="K22227" s="358"/>
      <c r="L22227" s="358"/>
    </row>
    <row r="22228" spans="2:12">
      <c r="B22228" s="367"/>
      <c r="C22228" s="360"/>
      <c r="D22228" s="367"/>
      <c r="E22228" s="367"/>
      <c r="F22228" s="367"/>
      <c r="G22228" s="367"/>
      <c r="H22228" s="360"/>
      <c r="I22228" s="367"/>
      <c r="J22228" s="365"/>
      <c r="K22228" s="365"/>
      <c r="L22228" s="365"/>
    </row>
    <row r="22229" spans="2:12" ht="57">
      <c r="B22229" s="368"/>
      <c r="C22229" s="361" t="s">
        <v>29796</v>
      </c>
      <c r="D22229" s="368"/>
      <c r="E22229" s="368"/>
      <c r="F22229" s="368"/>
      <c r="G22229" s="368"/>
      <c r="H22229" s="361" t="s">
        <v>14332</v>
      </c>
      <c r="I22229" s="368"/>
      <c r="J22229" s="366"/>
      <c r="K22229" s="366"/>
      <c r="L22229" s="366"/>
    </row>
    <row r="22230" spans="2:12" ht="128.25">
      <c r="B22230" s="358" t="s">
        <v>9540</v>
      </c>
      <c r="C22230" s="358" t="s">
        <v>30545</v>
      </c>
      <c r="D22230" s="358" t="s">
        <v>9541</v>
      </c>
      <c r="E22230" s="358" t="s">
        <v>9542</v>
      </c>
      <c r="F22230" s="358" t="s">
        <v>16528</v>
      </c>
      <c r="G22230" s="358" t="s">
        <v>14669</v>
      </c>
      <c r="H22230" s="358" t="s">
        <v>14381</v>
      </c>
      <c r="I22230" s="358" t="s">
        <v>14669</v>
      </c>
      <c r="J22230" s="358"/>
      <c r="K22230" s="358"/>
      <c r="L22230" s="358"/>
    </row>
    <row r="22231" spans="2:12">
      <c r="B22231" s="367"/>
      <c r="C22231" s="367"/>
      <c r="D22231" s="367"/>
      <c r="E22231" s="367"/>
      <c r="F22231" s="367"/>
      <c r="G22231" s="367"/>
      <c r="H22231" s="360"/>
      <c r="I22231" s="367"/>
      <c r="J22231" s="365"/>
      <c r="K22231" s="365"/>
      <c r="L22231" s="365"/>
    </row>
    <row r="22232" spans="2:12">
      <c r="B22232" s="368"/>
      <c r="C22232" s="368"/>
      <c r="D22232" s="368"/>
      <c r="E22232" s="368"/>
      <c r="F22232" s="368"/>
      <c r="G22232" s="368"/>
      <c r="H22232" s="361" t="s">
        <v>14332</v>
      </c>
      <c r="I22232" s="368"/>
      <c r="J22232" s="366"/>
      <c r="K22232" s="366"/>
      <c r="L22232" s="366"/>
    </row>
    <row r="22233" spans="2:12">
      <c r="B22233" s="358" t="s">
        <v>9544</v>
      </c>
      <c r="C22233" s="358" t="s">
        <v>29797</v>
      </c>
      <c r="D22233" s="358" t="s">
        <v>9545</v>
      </c>
      <c r="E22233" s="358" t="s">
        <v>9546</v>
      </c>
      <c r="F22233" s="358" t="s">
        <v>16528</v>
      </c>
      <c r="G22233" s="358" t="s">
        <v>14669</v>
      </c>
      <c r="H22233" s="358" t="s">
        <v>14381</v>
      </c>
      <c r="I22233" s="358" t="s">
        <v>14669</v>
      </c>
      <c r="J22233" s="358"/>
      <c r="K22233" s="358"/>
      <c r="L22233" s="358"/>
    </row>
    <row r="22234" spans="2:12">
      <c r="B22234" s="367"/>
      <c r="C22234" s="360"/>
      <c r="D22234" s="367"/>
      <c r="E22234" s="367"/>
      <c r="F22234" s="367"/>
      <c r="G22234" s="367"/>
      <c r="H22234" s="360"/>
      <c r="I22234" s="367"/>
      <c r="J22234" s="365"/>
      <c r="K22234" s="365"/>
      <c r="L22234" s="365"/>
    </row>
    <row r="22235" spans="2:12" ht="99.75">
      <c r="B22235" s="368"/>
      <c r="C22235" s="361" t="s">
        <v>30546</v>
      </c>
      <c r="D22235" s="368"/>
      <c r="E22235" s="368"/>
      <c r="F22235" s="368"/>
      <c r="G22235" s="368"/>
      <c r="H22235" s="361" t="s">
        <v>14332</v>
      </c>
      <c r="I22235" s="368"/>
      <c r="J22235" s="366"/>
      <c r="K22235" s="366"/>
      <c r="L22235" s="366"/>
    </row>
    <row r="22236" spans="2:12" ht="28.5">
      <c r="B22236" s="358" t="s">
        <v>10972</v>
      </c>
      <c r="C22236" s="358" t="s">
        <v>29798</v>
      </c>
      <c r="D22236" s="358" t="s">
        <v>10973</v>
      </c>
      <c r="E22236" s="358" t="s">
        <v>10974</v>
      </c>
      <c r="F22236" s="358" t="s">
        <v>28949</v>
      </c>
      <c r="G22236" s="358" t="s">
        <v>14669</v>
      </c>
      <c r="H22236" s="358" t="s">
        <v>14381</v>
      </c>
      <c r="I22236" s="358" t="s">
        <v>14669</v>
      </c>
      <c r="J22236" s="358"/>
      <c r="K22236" s="358"/>
      <c r="L22236" s="358" t="s">
        <v>29799</v>
      </c>
    </row>
    <row r="22237" spans="2:12">
      <c r="B22237" s="367"/>
      <c r="C22237" s="360"/>
      <c r="D22237" s="367"/>
      <c r="E22237" s="367"/>
      <c r="F22237" s="367"/>
      <c r="G22237" s="360"/>
      <c r="H22237" s="360"/>
      <c r="I22237" s="360"/>
      <c r="J22237" s="365"/>
      <c r="K22237" s="365"/>
      <c r="L22237" s="367"/>
    </row>
    <row r="22238" spans="2:12" ht="71.25">
      <c r="B22238" s="368"/>
      <c r="C22238" s="361" t="s">
        <v>30547</v>
      </c>
      <c r="D22238" s="368"/>
      <c r="E22238" s="368"/>
      <c r="F22238" s="368"/>
      <c r="G22238" s="361" t="s">
        <v>14890</v>
      </c>
      <c r="H22238" s="361" t="s">
        <v>14332</v>
      </c>
      <c r="I22238" s="361" t="s">
        <v>14890</v>
      </c>
      <c r="J22238" s="366"/>
      <c r="K22238" s="366"/>
      <c r="L22238" s="368"/>
    </row>
    <row r="22239" spans="2:12" ht="28.5">
      <c r="B22239" s="358" t="s">
        <v>10978</v>
      </c>
      <c r="C22239" s="358" t="s">
        <v>29800</v>
      </c>
      <c r="D22239" s="358" t="s">
        <v>10979</v>
      </c>
      <c r="E22239" s="358" t="s">
        <v>10980</v>
      </c>
      <c r="F22239" s="358" t="s">
        <v>28949</v>
      </c>
      <c r="G22239" s="358" t="s">
        <v>14669</v>
      </c>
      <c r="H22239" s="358" t="s">
        <v>14381</v>
      </c>
      <c r="I22239" s="358" t="s">
        <v>14669</v>
      </c>
      <c r="J22239" s="358"/>
      <c r="K22239" s="358"/>
      <c r="L22239" s="358" t="s">
        <v>29799</v>
      </c>
    </row>
    <row r="22240" spans="2:12">
      <c r="B22240" s="367"/>
      <c r="C22240" s="360"/>
      <c r="D22240" s="367"/>
      <c r="E22240" s="367"/>
      <c r="F22240" s="367"/>
      <c r="G22240" s="360"/>
      <c r="H22240" s="360"/>
      <c r="I22240" s="360"/>
      <c r="J22240" s="365"/>
      <c r="K22240" s="365"/>
      <c r="L22240" s="367"/>
    </row>
    <row r="22241" spans="2:12" ht="85.5">
      <c r="B22241" s="368"/>
      <c r="C22241" s="361" t="s">
        <v>30548</v>
      </c>
      <c r="D22241" s="368"/>
      <c r="E22241" s="368"/>
      <c r="F22241" s="368"/>
      <c r="G22241" s="361" t="s">
        <v>14890</v>
      </c>
      <c r="H22241" s="361" t="s">
        <v>14332</v>
      </c>
      <c r="I22241" s="361" t="s">
        <v>14890</v>
      </c>
      <c r="J22241" s="366"/>
      <c r="K22241" s="366"/>
      <c r="L22241" s="368"/>
    </row>
    <row r="22242" spans="2:12" ht="85.5">
      <c r="B22242" s="358" t="s">
        <v>10983</v>
      </c>
      <c r="C22242" s="358" t="s">
        <v>29801</v>
      </c>
      <c r="D22242" s="358" t="s">
        <v>10984</v>
      </c>
      <c r="E22242" s="358" t="s">
        <v>10985</v>
      </c>
      <c r="F22242" s="358" t="s">
        <v>28949</v>
      </c>
      <c r="G22242" s="358" t="s">
        <v>14669</v>
      </c>
      <c r="H22242" s="358" t="s">
        <v>14381</v>
      </c>
      <c r="I22242" s="358" t="s">
        <v>14669</v>
      </c>
      <c r="J22242" s="358"/>
      <c r="K22242" s="358"/>
      <c r="L22242" s="358" t="s">
        <v>29799</v>
      </c>
    </row>
    <row r="22243" spans="2:12">
      <c r="B22243" s="367"/>
      <c r="C22243" s="367"/>
      <c r="D22243" s="367"/>
      <c r="E22243" s="367"/>
      <c r="F22243" s="367"/>
      <c r="G22243" s="360"/>
      <c r="H22243" s="360"/>
      <c r="I22243" s="360"/>
      <c r="J22243" s="365"/>
      <c r="K22243" s="365"/>
      <c r="L22243" s="367"/>
    </row>
    <row r="22244" spans="2:12">
      <c r="B22244" s="368"/>
      <c r="C22244" s="368"/>
      <c r="D22244" s="368"/>
      <c r="E22244" s="368"/>
      <c r="F22244" s="368"/>
      <c r="G22244" s="361" t="s">
        <v>14890</v>
      </c>
      <c r="H22244" s="361" t="s">
        <v>14332</v>
      </c>
      <c r="I22244" s="361" t="s">
        <v>14890</v>
      </c>
      <c r="J22244" s="366"/>
      <c r="K22244" s="366"/>
      <c r="L22244" s="368"/>
    </row>
    <row r="22245" spans="2:12" ht="28.5">
      <c r="B22245" s="358" t="s">
        <v>10987</v>
      </c>
      <c r="C22245" s="358" t="s">
        <v>29802</v>
      </c>
      <c r="D22245" s="358" t="s">
        <v>10988</v>
      </c>
      <c r="E22245" s="358" t="s">
        <v>10989</v>
      </c>
      <c r="F22245" s="358" t="s">
        <v>28949</v>
      </c>
      <c r="G22245" s="358" t="s">
        <v>14669</v>
      </c>
      <c r="H22245" s="358" t="s">
        <v>14381</v>
      </c>
      <c r="I22245" s="358" t="s">
        <v>14669</v>
      </c>
      <c r="J22245" s="358"/>
      <c r="K22245" s="358"/>
      <c r="L22245" s="358" t="s">
        <v>29799</v>
      </c>
    </row>
    <row r="22246" spans="2:12">
      <c r="B22246" s="367"/>
      <c r="C22246" s="360"/>
      <c r="D22246" s="367"/>
      <c r="E22246" s="367"/>
      <c r="F22246" s="367"/>
      <c r="G22246" s="360"/>
      <c r="H22246" s="360"/>
      <c r="I22246" s="360"/>
      <c r="J22246" s="365"/>
      <c r="K22246" s="365"/>
      <c r="L22246" s="367"/>
    </row>
    <row r="22247" spans="2:12" ht="85.5">
      <c r="B22247" s="368"/>
      <c r="C22247" s="361" t="s">
        <v>30549</v>
      </c>
      <c r="D22247" s="368"/>
      <c r="E22247" s="368"/>
      <c r="F22247" s="368"/>
      <c r="G22247" s="361" t="s">
        <v>14890</v>
      </c>
      <c r="H22247" s="361" t="s">
        <v>14332</v>
      </c>
      <c r="I22247" s="361" t="s">
        <v>14890</v>
      </c>
      <c r="J22247" s="366"/>
      <c r="K22247" s="366"/>
      <c r="L22247" s="368"/>
    </row>
    <row r="22248" spans="2:12" ht="28.5">
      <c r="B22248" s="358" t="s">
        <v>10992</v>
      </c>
      <c r="C22248" s="358" t="s">
        <v>29803</v>
      </c>
      <c r="D22248" s="358" t="s">
        <v>10993</v>
      </c>
      <c r="E22248" s="358" t="s">
        <v>10994</v>
      </c>
      <c r="F22248" s="358" t="s">
        <v>28949</v>
      </c>
      <c r="G22248" s="358" t="s">
        <v>14669</v>
      </c>
      <c r="H22248" s="358" t="s">
        <v>14381</v>
      </c>
      <c r="I22248" s="358" t="s">
        <v>14669</v>
      </c>
      <c r="J22248" s="358"/>
      <c r="K22248" s="358"/>
      <c r="L22248" s="358" t="s">
        <v>29799</v>
      </c>
    </row>
    <row r="22249" spans="2:12">
      <c r="B22249" s="367"/>
      <c r="C22249" s="360"/>
      <c r="D22249" s="367"/>
      <c r="E22249" s="367"/>
      <c r="F22249" s="367"/>
      <c r="G22249" s="360"/>
      <c r="H22249" s="360"/>
      <c r="I22249" s="360"/>
      <c r="J22249" s="365"/>
      <c r="K22249" s="365"/>
      <c r="L22249" s="367"/>
    </row>
    <row r="22250" spans="2:12" ht="57">
      <c r="B22250" s="368"/>
      <c r="C22250" s="361" t="s">
        <v>12712</v>
      </c>
      <c r="D22250" s="368"/>
      <c r="E22250" s="368"/>
      <c r="F22250" s="368"/>
      <c r="G22250" s="361" t="s">
        <v>14890</v>
      </c>
      <c r="H22250" s="361" t="s">
        <v>14332</v>
      </c>
      <c r="I22250" s="361" t="s">
        <v>14890</v>
      </c>
      <c r="J22250" s="366"/>
      <c r="K22250" s="366"/>
      <c r="L22250" s="368"/>
    </row>
    <row r="22251" spans="2:12" ht="28.5">
      <c r="B22251" s="358" t="s">
        <v>10997</v>
      </c>
      <c r="C22251" s="358" t="s">
        <v>12713</v>
      </c>
      <c r="D22251" s="358" t="s">
        <v>10998</v>
      </c>
      <c r="E22251" s="358" t="s">
        <v>10999</v>
      </c>
      <c r="F22251" s="358" t="s">
        <v>28949</v>
      </c>
      <c r="G22251" s="358" t="s">
        <v>14669</v>
      </c>
      <c r="H22251" s="358" t="s">
        <v>14381</v>
      </c>
      <c r="I22251" s="358" t="s">
        <v>14669</v>
      </c>
      <c r="J22251" s="358"/>
      <c r="K22251" s="358"/>
      <c r="L22251" s="358" t="s">
        <v>29799</v>
      </c>
    </row>
    <row r="22252" spans="2:12">
      <c r="B22252" s="367"/>
      <c r="C22252" s="360"/>
      <c r="D22252" s="367"/>
      <c r="E22252" s="367"/>
      <c r="F22252" s="367"/>
      <c r="G22252" s="360"/>
      <c r="H22252" s="360"/>
      <c r="I22252" s="360"/>
      <c r="J22252" s="365"/>
      <c r="K22252" s="365"/>
      <c r="L22252" s="367"/>
    </row>
    <row r="22253" spans="2:12">
      <c r="B22253" s="367"/>
      <c r="C22253" s="359" t="s">
        <v>12711</v>
      </c>
      <c r="D22253" s="367"/>
      <c r="E22253" s="367"/>
      <c r="F22253" s="367"/>
      <c r="G22253" s="359" t="s">
        <v>14890</v>
      </c>
      <c r="H22253" s="359" t="s">
        <v>14332</v>
      </c>
      <c r="I22253" s="359" t="s">
        <v>14890</v>
      </c>
      <c r="J22253" s="365"/>
      <c r="K22253" s="365"/>
      <c r="L22253" s="367"/>
    </row>
    <row r="22254" spans="2:12">
      <c r="B22254" s="367"/>
      <c r="C22254" s="360"/>
      <c r="D22254" s="367"/>
      <c r="E22254" s="367"/>
      <c r="F22254" s="367"/>
      <c r="G22254" s="360"/>
      <c r="H22254" s="360"/>
      <c r="I22254" s="360"/>
      <c r="J22254" s="365"/>
      <c r="K22254" s="365"/>
      <c r="L22254" s="367"/>
    </row>
    <row r="22255" spans="2:12" ht="71.25">
      <c r="B22255" s="368"/>
      <c r="C22255" s="361" t="s">
        <v>12714</v>
      </c>
      <c r="D22255" s="368"/>
      <c r="E22255" s="368"/>
      <c r="F22255" s="368"/>
      <c r="G22255" s="362"/>
      <c r="H22255" s="362"/>
      <c r="I22255" s="362"/>
      <c r="J22255" s="366"/>
      <c r="K22255" s="366"/>
      <c r="L22255" s="368"/>
    </row>
    <row r="22256" spans="2:12" ht="28.5">
      <c r="B22256" s="358" t="s">
        <v>11002</v>
      </c>
      <c r="C22256" s="358" t="s">
        <v>12715</v>
      </c>
      <c r="D22256" s="358" t="s">
        <v>11003</v>
      </c>
      <c r="E22256" s="358" t="s">
        <v>11004</v>
      </c>
      <c r="F22256" s="358" t="s">
        <v>28949</v>
      </c>
      <c r="G22256" s="358" t="s">
        <v>14669</v>
      </c>
      <c r="H22256" s="358" t="s">
        <v>14381</v>
      </c>
      <c r="I22256" s="358" t="s">
        <v>14669</v>
      </c>
      <c r="J22256" s="358"/>
      <c r="K22256" s="358"/>
      <c r="L22256" s="358" t="s">
        <v>29799</v>
      </c>
    </row>
    <row r="22257" spans="2:12">
      <c r="B22257" s="367"/>
      <c r="C22257" s="360"/>
      <c r="D22257" s="367"/>
      <c r="E22257" s="367"/>
      <c r="F22257" s="367"/>
      <c r="G22257" s="360"/>
      <c r="H22257" s="360"/>
      <c r="I22257" s="360"/>
      <c r="J22257" s="365"/>
      <c r="K22257" s="365"/>
      <c r="L22257" s="367"/>
    </row>
    <row r="22258" spans="2:12">
      <c r="B22258" s="367"/>
      <c r="C22258" s="359" t="s">
        <v>12711</v>
      </c>
      <c r="D22258" s="367"/>
      <c r="E22258" s="367"/>
      <c r="F22258" s="367"/>
      <c r="G22258" s="359" t="s">
        <v>14890</v>
      </c>
      <c r="H22258" s="359" t="s">
        <v>14332</v>
      </c>
      <c r="I22258" s="359" t="s">
        <v>14890</v>
      </c>
      <c r="J22258" s="365"/>
      <c r="K22258" s="365"/>
      <c r="L22258" s="367"/>
    </row>
    <row r="22259" spans="2:12">
      <c r="B22259" s="367"/>
      <c r="C22259" s="360"/>
      <c r="D22259" s="367"/>
      <c r="E22259" s="367"/>
      <c r="F22259" s="367"/>
      <c r="G22259" s="360"/>
      <c r="H22259" s="360"/>
      <c r="I22259" s="360"/>
      <c r="J22259" s="365"/>
      <c r="K22259" s="365"/>
      <c r="L22259" s="367"/>
    </row>
    <row r="22260" spans="2:12" ht="57">
      <c r="B22260" s="368"/>
      <c r="C22260" s="361" t="s">
        <v>12716</v>
      </c>
      <c r="D22260" s="368"/>
      <c r="E22260" s="368"/>
      <c r="F22260" s="368"/>
      <c r="G22260" s="362"/>
      <c r="H22260" s="362"/>
      <c r="I22260" s="362"/>
      <c r="J22260" s="366"/>
      <c r="K22260" s="366"/>
      <c r="L22260" s="368"/>
    </row>
    <row r="22261" spans="2:12" ht="28.5">
      <c r="B22261" s="358" t="s">
        <v>11006</v>
      </c>
      <c r="C22261" s="358" t="s">
        <v>12717</v>
      </c>
      <c r="D22261" s="358" t="s">
        <v>11007</v>
      </c>
      <c r="E22261" s="358" t="s">
        <v>11008</v>
      </c>
      <c r="F22261" s="358" t="s">
        <v>28949</v>
      </c>
      <c r="G22261" s="358" t="s">
        <v>14669</v>
      </c>
      <c r="H22261" s="358" t="s">
        <v>14381</v>
      </c>
      <c r="I22261" s="358" t="s">
        <v>14669</v>
      </c>
      <c r="J22261" s="358"/>
      <c r="K22261" s="358"/>
      <c r="L22261" s="358" t="s">
        <v>29799</v>
      </c>
    </row>
    <row r="22262" spans="2:12">
      <c r="B22262" s="367"/>
      <c r="C22262" s="360"/>
      <c r="D22262" s="367"/>
      <c r="E22262" s="367"/>
      <c r="F22262" s="367"/>
      <c r="G22262" s="360"/>
      <c r="H22262" s="360"/>
      <c r="I22262" s="360"/>
      <c r="J22262" s="365"/>
      <c r="K22262" s="365"/>
      <c r="L22262" s="367"/>
    </row>
    <row r="22263" spans="2:12">
      <c r="B22263" s="367"/>
      <c r="C22263" s="359" t="s">
        <v>12711</v>
      </c>
      <c r="D22263" s="367"/>
      <c r="E22263" s="367"/>
      <c r="F22263" s="367"/>
      <c r="G22263" s="359" t="s">
        <v>14890</v>
      </c>
      <c r="H22263" s="359" t="s">
        <v>14332</v>
      </c>
      <c r="I22263" s="359" t="s">
        <v>14890</v>
      </c>
      <c r="J22263" s="365"/>
      <c r="K22263" s="365"/>
      <c r="L22263" s="367"/>
    </row>
    <row r="22264" spans="2:12">
      <c r="B22264" s="367"/>
      <c r="C22264" s="360"/>
      <c r="D22264" s="367"/>
      <c r="E22264" s="367"/>
      <c r="F22264" s="367"/>
      <c r="G22264" s="360"/>
      <c r="H22264" s="360"/>
      <c r="I22264" s="360"/>
      <c r="J22264" s="365"/>
      <c r="K22264" s="365"/>
      <c r="L22264" s="367"/>
    </row>
    <row r="22265" spans="2:12" ht="57">
      <c r="B22265" s="368"/>
      <c r="C22265" s="361" t="s">
        <v>30550</v>
      </c>
      <c r="D22265" s="368"/>
      <c r="E22265" s="368"/>
      <c r="F22265" s="368"/>
      <c r="G22265" s="362"/>
      <c r="H22265" s="362"/>
      <c r="I22265" s="362"/>
      <c r="J22265" s="366"/>
      <c r="K22265" s="366"/>
      <c r="L22265" s="368"/>
    </row>
    <row r="22266" spans="2:12" ht="28.5">
      <c r="B22266" s="358" t="s">
        <v>11010</v>
      </c>
      <c r="C22266" s="358" t="s">
        <v>12718</v>
      </c>
      <c r="D22266" s="358" t="s">
        <v>11011</v>
      </c>
      <c r="E22266" s="358" t="s">
        <v>11012</v>
      </c>
      <c r="F22266" s="358" t="s">
        <v>28949</v>
      </c>
      <c r="G22266" s="358" t="s">
        <v>14669</v>
      </c>
      <c r="H22266" s="358" t="s">
        <v>14381</v>
      </c>
      <c r="I22266" s="358" t="s">
        <v>14669</v>
      </c>
      <c r="J22266" s="358"/>
      <c r="K22266" s="358"/>
      <c r="L22266" s="358" t="s">
        <v>29799</v>
      </c>
    </row>
    <row r="22267" spans="2:12">
      <c r="B22267" s="367"/>
      <c r="C22267" s="360"/>
      <c r="D22267" s="367"/>
      <c r="E22267" s="367"/>
      <c r="F22267" s="367"/>
      <c r="G22267" s="360"/>
      <c r="H22267" s="360"/>
      <c r="I22267" s="360"/>
      <c r="J22267" s="365"/>
      <c r="K22267" s="365"/>
      <c r="L22267" s="367"/>
    </row>
    <row r="22268" spans="2:12">
      <c r="B22268" s="367"/>
      <c r="C22268" s="359" t="s">
        <v>12719</v>
      </c>
      <c r="D22268" s="367"/>
      <c r="E22268" s="367"/>
      <c r="F22268" s="367"/>
      <c r="G22268" s="359" t="s">
        <v>14890</v>
      </c>
      <c r="H22268" s="359" t="s">
        <v>14332</v>
      </c>
      <c r="I22268" s="359" t="s">
        <v>14890</v>
      </c>
      <c r="J22268" s="365"/>
      <c r="K22268" s="365"/>
      <c r="L22268" s="367"/>
    </row>
    <row r="22269" spans="2:12">
      <c r="B22269" s="367"/>
      <c r="C22269" s="360"/>
      <c r="D22269" s="367"/>
      <c r="E22269" s="367"/>
      <c r="F22269" s="367"/>
      <c r="G22269" s="360"/>
      <c r="H22269" s="360"/>
      <c r="I22269" s="360"/>
      <c r="J22269" s="365"/>
      <c r="K22269" s="365"/>
      <c r="L22269" s="367"/>
    </row>
    <row r="22270" spans="2:12" ht="71.25">
      <c r="B22270" s="368"/>
      <c r="C22270" s="361" t="s">
        <v>30551</v>
      </c>
      <c r="D22270" s="368"/>
      <c r="E22270" s="368"/>
      <c r="F22270" s="368"/>
      <c r="G22270" s="362"/>
      <c r="H22270" s="362"/>
      <c r="I22270" s="362"/>
      <c r="J22270" s="366"/>
      <c r="K22270" s="366"/>
      <c r="L22270" s="368"/>
    </row>
    <row r="22271" spans="2:12" ht="28.5">
      <c r="B22271" s="358" t="s">
        <v>11014</v>
      </c>
      <c r="C22271" s="358" t="s">
        <v>29804</v>
      </c>
      <c r="D22271" s="358" t="s">
        <v>11015</v>
      </c>
      <c r="E22271" s="358" t="s">
        <v>11016</v>
      </c>
      <c r="F22271" s="358" t="s">
        <v>28949</v>
      </c>
      <c r="G22271" s="358" t="s">
        <v>14669</v>
      </c>
      <c r="H22271" s="358" t="s">
        <v>14381</v>
      </c>
      <c r="I22271" s="358" t="s">
        <v>14669</v>
      </c>
      <c r="J22271" s="358"/>
      <c r="K22271" s="358"/>
      <c r="L22271" s="358" t="s">
        <v>29799</v>
      </c>
    </row>
    <row r="22272" spans="2:12">
      <c r="B22272" s="367"/>
      <c r="C22272" s="360"/>
      <c r="D22272" s="367"/>
      <c r="E22272" s="367"/>
      <c r="F22272" s="367"/>
      <c r="G22272" s="360"/>
      <c r="H22272" s="360"/>
      <c r="I22272" s="360"/>
      <c r="J22272" s="365"/>
      <c r="K22272" s="365"/>
      <c r="L22272" s="367"/>
    </row>
    <row r="22273" spans="2:12" ht="57">
      <c r="B22273" s="368"/>
      <c r="C22273" s="361" t="s">
        <v>30552</v>
      </c>
      <c r="D22273" s="368"/>
      <c r="E22273" s="368"/>
      <c r="F22273" s="368"/>
      <c r="G22273" s="361" t="s">
        <v>14890</v>
      </c>
      <c r="H22273" s="361" t="s">
        <v>14332</v>
      </c>
      <c r="I22273" s="361" t="s">
        <v>14890</v>
      </c>
      <c r="J22273" s="366"/>
      <c r="K22273" s="366"/>
      <c r="L22273" s="368"/>
    </row>
    <row r="22274" spans="2:12" ht="28.5">
      <c r="B22274" s="358" t="s">
        <v>11018</v>
      </c>
      <c r="C22274" s="358" t="s">
        <v>29805</v>
      </c>
      <c r="D22274" s="358" t="s">
        <v>11019</v>
      </c>
      <c r="E22274" s="358" t="s">
        <v>11020</v>
      </c>
      <c r="F22274" s="358" t="s">
        <v>28949</v>
      </c>
      <c r="G22274" s="358" t="s">
        <v>14669</v>
      </c>
      <c r="H22274" s="358" t="s">
        <v>14381</v>
      </c>
      <c r="I22274" s="358" t="s">
        <v>14669</v>
      </c>
      <c r="J22274" s="358"/>
      <c r="K22274" s="358"/>
      <c r="L22274" s="358" t="s">
        <v>29799</v>
      </c>
    </row>
    <row r="22275" spans="2:12">
      <c r="B22275" s="367"/>
      <c r="C22275" s="360"/>
      <c r="D22275" s="367"/>
      <c r="E22275" s="367"/>
      <c r="F22275" s="367"/>
      <c r="G22275" s="360"/>
      <c r="H22275" s="360"/>
      <c r="I22275" s="360"/>
      <c r="J22275" s="365"/>
      <c r="K22275" s="365"/>
      <c r="L22275" s="367"/>
    </row>
    <row r="22276" spans="2:12" ht="85.5">
      <c r="B22276" s="368"/>
      <c r="C22276" s="361" t="s">
        <v>30553</v>
      </c>
      <c r="D22276" s="368"/>
      <c r="E22276" s="368"/>
      <c r="F22276" s="368"/>
      <c r="G22276" s="361" t="s">
        <v>14890</v>
      </c>
      <c r="H22276" s="361" t="s">
        <v>14332</v>
      </c>
      <c r="I22276" s="361" t="s">
        <v>14890</v>
      </c>
      <c r="J22276" s="366"/>
      <c r="K22276" s="366"/>
      <c r="L22276" s="368"/>
    </row>
    <row r="22277" spans="2:12" ht="99.75">
      <c r="B22277" s="358" t="s">
        <v>11022</v>
      </c>
      <c r="C22277" s="358" t="s">
        <v>30554</v>
      </c>
      <c r="D22277" s="358" t="s">
        <v>11023</v>
      </c>
      <c r="E22277" s="358" t="s">
        <v>11024</v>
      </c>
      <c r="F22277" s="358" t="s">
        <v>28949</v>
      </c>
      <c r="G22277" s="358" t="s">
        <v>14669</v>
      </c>
      <c r="H22277" s="358" t="s">
        <v>14381</v>
      </c>
      <c r="I22277" s="358" t="s">
        <v>14669</v>
      </c>
      <c r="J22277" s="358"/>
      <c r="K22277" s="358"/>
      <c r="L22277" s="358" t="s">
        <v>29799</v>
      </c>
    </row>
    <row r="22278" spans="2:12">
      <c r="B22278" s="367"/>
      <c r="C22278" s="367"/>
      <c r="D22278" s="367"/>
      <c r="E22278" s="367"/>
      <c r="F22278" s="367"/>
      <c r="G22278" s="360"/>
      <c r="H22278" s="360"/>
      <c r="I22278" s="360"/>
      <c r="J22278" s="365"/>
      <c r="K22278" s="365"/>
      <c r="L22278" s="367"/>
    </row>
    <row r="22279" spans="2:12">
      <c r="B22279" s="368"/>
      <c r="C22279" s="368"/>
      <c r="D22279" s="368"/>
      <c r="E22279" s="368"/>
      <c r="F22279" s="368"/>
      <c r="G22279" s="361" t="s">
        <v>14890</v>
      </c>
      <c r="H22279" s="361" t="s">
        <v>14332</v>
      </c>
      <c r="I22279" s="361" t="s">
        <v>14890</v>
      </c>
      <c r="J22279" s="366"/>
      <c r="K22279" s="366"/>
      <c r="L22279" s="368"/>
    </row>
    <row r="22280" spans="2:12" ht="28.5">
      <c r="B22280" s="358" t="s">
        <v>11026</v>
      </c>
      <c r="C22280" s="358" t="s">
        <v>12724</v>
      </c>
      <c r="D22280" s="358" t="s">
        <v>11027</v>
      </c>
      <c r="E22280" s="358" t="s">
        <v>11028</v>
      </c>
      <c r="F22280" s="358" t="s">
        <v>28949</v>
      </c>
      <c r="G22280" s="358" t="s">
        <v>14669</v>
      </c>
      <c r="H22280" s="358" t="s">
        <v>14381</v>
      </c>
      <c r="I22280" s="358" t="s">
        <v>14669</v>
      </c>
      <c r="J22280" s="358"/>
      <c r="K22280" s="358"/>
      <c r="L22280" s="358" t="s">
        <v>29799</v>
      </c>
    </row>
    <row r="22281" spans="2:12">
      <c r="B22281" s="367"/>
      <c r="C22281" s="360"/>
      <c r="D22281" s="367"/>
      <c r="E22281" s="367"/>
      <c r="F22281" s="367"/>
      <c r="G22281" s="360"/>
      <c r="H22281" s="360"/>
      <c r="I22281" s="360"/>
      <c r="J22281" s="365"/>
      <c r="K22281" s="365"/>
      <c r="L22281" s="367"/>
    </row>
    <row r="22282" spans="2:12" ht="85.5">
      <c r="B22282" s="368"/>
      <c r="C22282" s="361" t="s">
        <v>30555</v>
      </c>
      <c r="D22282" s="368"/>
      <c r="E22282" s="368"/>
      <c r="F22282" s="368"/>
      <c r="G22282" s="361" t="s">
        <v>14890</v>
      </c>
      <c r="H22282" s="361" t="s">
        <v>14332</v>
      </c>
      <c r="I22282" s="361" t="s">
        <v>14890</v>
      </c>
      <c r="J22282" s="366"/>
      <c r="K22282" s="366"/>
      <c r="L22282" s="368"/>
    </row>
    <row r="22283" spans="2:12" ht="28.5">
      <c r="B22283" s="358" t="s">
        <v>11030</v>
      </c>
      <c r="C22283" s="358" t="s">
        <v>12725</v>
      </c>
      <c r="D22283" s="358" t="s">
        <v>11031</v>
      </c>
      <c r="E22283" s="358" t="s">
        <v>11032</v>
      </c>
      <c r="F22283" s="358" t="s">
        <v>28949</v>
      </c>
      <c r="G22283" s="358" t="s">
        <v>14669</v>
      </c>
      <c r="H22283" s="358" t="s">
        <v>14381</v>
      </c>
      <c r="I22283" s="358" t="s">
        <v>14669</v>
      </c>
      <c r="J22283" s="358"/>
      <c r="K22283" s="358"/>
      <c r="L22283" s="358" t="s">
        <v>29799</v>
      </c>
    </row>
    <row r="22284" spans="2:12">
      <c r="B22284" s="367"/>
      <c r="C22284" s="360"/>
      <c r="D22284" s="367"/>
      <c r="E22284" s="367"/>
      <c r="F22284" s="367"/>
      <c r="G22284" s="360"/>
      <c r="H22284" s="360"/>
      <c r="I22284" s="360"/>
      <c r="J22284" s="365"/>
      <c r="K22284" s="365"/>
      <c r="L22284" s="367"/>
    </row>
    <row r="22285" spans="2:12">
      <c r="B22285" s="367"/>
      <c r="C22285" s="359" t="s">
        <v>11034</v>
      </c>
      <c r="D22285" s="367"/>
      <c r="E22285" s="367"/>
      <c r="F22285" s="367"/>
      <c r="G22285" s="359" t="s">
        <v>14890</v>
      </c>
      <c r="H22285" s="359" t="s">
        <v>14332</v>
      </c>
      <c r="I22285" s="359" t="s">
        <v>14890</v>
      </c>
      <c r="J22285" s="365"/>
      <c r="K22285" s="365"/>
      <c r="L22285" s="367"/>
    </row>
    <row r="22286" spans="2:12">
      <c r="B22286" s="367"/>
      <c r="C22286" s="360"/>
      <c r="D22286" s="367"/>
      <c r="E22286" s="367"/>
      <c r="F22286" s="367"/>
      <c r="G22286" s="360"/>
      <c r="H22286" s="360"/>
      <c r="I22286" s="360"/>
      <c r="J22286" s="365"/>
      <c r="K22286" s="365"/>
      <c r="L22286" s="367"/>
    </row>
    <row r="22287" spans="2:12" ht="99.75">
      <c r="B22287" s="368"/>
      <c r="C22287" s="361" t="s">
        <v>30556</v>
      </c>
      <c r="D22287" s="368"/>
      <c r="E22287" s="368"/>
      <c r="F22287" s="368"/>
      <c r="G22287" s="362"/>
      <c r="H22287" s="362"/>
      <c r="I22287" s="362"/>
      <c r="J22287" s="366"/>
      <c r="K22287" s="366"/>
      <c r="L22287" s="368"/>
    </row>
    <row r="22288" spans="2:12">
      <c r="B22288" s="358" t="s">
        <v>11035</v>
      </c>
      <c r="C22288" s="358" t="s">
        <v>11033</v>
      </c>
      <c r="D22288" s="358" t="s">
        <v>11036</v>
      </c>
      <c r="E22288" s="358" t="s">
        <v>11037</v>
      </c>
      <c r="F22288" s="358" t="s">
        <v>14376</v>
      </c>
      <c r="G22288" s="358" t="s">
        <v>14669</v>
      </c>
      <c r="H22288" s="358" t="s">
        <v>14381</v>
      </c>
      <c r="I22288" s="358" t="s">
        <v>14669</v>
      </c>
      <c r="J22288" s="358"/>
      <c r="K22288" s="358"/>
      <c r="L22288" s="358" t="s">
        <v>10821</v>
      </c>
    </row>
    <row r="22289" spans="2:12">
      <c r="B22289" s="367"/>
      <c r="C22289" s="360"/>
      <c r="D22289" s="367"/>
      <c r="E22289" s="367"/>
      <c r="F22289" s="367"/>
      <c r="G22289" s="367"/>
      <c r="H22289" s="360"/>
      <c r="I22289" s="367"/>
      <c r="J22289" s="365"/>
      <c r="K22289" s="365"/>
      <c r="L22289" s="367"/>
    </row>
    <row r="22290" spans="2:12" ht="71.25">
      <c r="B22290" s="368"/>
      <c r="C22290" s="361" t="s">
        <v>30557</v>
      </c>
      <c r="D22290" s="368"/>
      <c r="E22290" s="368"/>
      <c r="F22290" s="368"/>
      <c r="G22290" s="368"/>
      <c r="H22290" s="361" t="s">
        <v>14332</v>
      </c>
      <c r="I22290" s="368"/>
      <c r="J22290" s="366"/>
      <c r="K22290" s="366"/>
      <c r="L22290" s="368"/>
    </row>
    <row r="22291" spans="2:12">
      <c r="B22291" s="358" t="s">
        <v>11039</v>
      </c>
      <c r="C22291" s="358" t="s">
        <v>11038</v>
      </c>
      <c r="D22291" s="358" t="s">
        <v>11040</v>
      </c>
      <c r="E22291" s="358" t="s">
        <v>11041</v>
      </c>
      <c r="F22291" s="358" t="s">
        <v>14376</v>
      </c>
      <c r="G22291" s="358" t="s">
        <v>14669</v>
      </c>
      <c r="H22291" s="358" t="s">
        <v>14381</v>
      </c>
      <c r="I22291" s="358" t="s">
        <v>14669</v>
      </c>
      <c r="J22291" s="358"/>
      <c r="K22291" s="358"/>
      <c r="L22291" s="358" t="s">
        <v>10821</v>
      </c>
    </row>
    <row r="22292" spans="2:12">
      <c r="B22292" s="367"/>
      <c r="C22292" s="360"/>
      <c r="D22292" s="367"/>
      <c r="E22292" s="367"/>
      <c r="F22292" s="367"/>
      <c r="G22292" s="367"/>
      <c r="H22292" s="360"/>
      <c r="I22292" s="367"/>
      <c r="J22292" s="365"/>
      <c r="K22292" s="365"/>
      <c r="L22292" s="367"/>
    </row>
    <row r="22293" spans="2:12" ht="85.5">
      <c r="B22293" s="368"/>
      <c r="C22293" s="361" t="s">
        <v>30558</v>
      </c>
      <c r="D22293" s="368"/>
      <c r="E22293" s="368"/>
      <c r="F22293" s="368"/>
      <c r="G22293" s="368"/>
      <c r="H22293" s="361" t="s">
        <v>14332</v>
      </c>
      <c r="I22293" s="368"/>
      <c r="J22293" s="366"/>
      <c r="K22293" s="366"/>
      <c r="L22293" s="368"/>
    </row>
    <row r="22294" spans="2:12">
      <c r="B22294" s="358" t="s">
        <v>11043</v>
      </c>
      <c r="C22294" s="358" t="s">
        <v>11042</v>
      </c>
      <c r="D22294" s="358" t="s">
        <v>11044</v>
      </c>
      <c r="E22294" s="358" t="s">
        <v>11045</v>
      </c>
      <c r="F22294" s="358" t="s">
        <v>14376</v>
      </c>
      <c r="G22294" s="358" t="s">
        <v>14669</v>
      </c>
      <c r="H22294" s="358" t="s">
        <v>14381</v>
      </c>
      <c r="I22294" s="358" t="s">
        <v>14669</v>
      </c>
      <c r="J22294" s="358"/>
      <c r="K22294" s="358"/>
      <c r="L22294" s="358" t="s">
        <v>10821</v>
      </c>
    </row>
    <row r="22295" spans="2:12">
      <c r="B22295" s="367"/>
      <c r="C22295" s="360"/>
      <c r="D22295" s="367"/>
      <c r="E22295" s="367"/>
      <c r="F22295" s="367"/>
      <c r="G22295" s="367"/>
      <c r="H22295" s="360"/>
      <c r="I22295" s="367"/>
      <c r="J22295" s="365"/>
      <c r="K22295" s="365"/>
      <c r="L22295" s="367"/>
    </row>
    <row r="22296" spans="2:12">
      <c r="B22296" s="367"/>
      <c r="C22296" s="359" t="s">
        <v>11034</v>
      </c>
      <c r="D22296" s="367"/>
      <c r="E22296" s="367"/>
      <c r="F22296" s="367"/>
      <c r="G22296" s="367"/>
      <c r="H22296" s="359" t="s">
        <v>14332</v>
      </c>
      <c r="I22296" s="367"/>
      <c r="J22296" s="365"/>
      <c r="K22296" s="365"/>
      <c r="L22296" s="367"/>
    </row>
    <row r="22297" spans="2:12">
      <c r="B22297" s="367"/>
      <c r="C22297" s="360"/>
      <c r="D22297" s="367"/>
      <c r="E22297" s="367"/>
      <c r="F22297" s="367"/>
      <c r="G22297" s="367"/>
      <c r="H22297" s="360"/>
      <c r="I22297" s="367"/>
      <c r="J22297" s="365"/>
      <c r="K22297" s="365"/>
      <c r="L22297" s="367"/>
    </row>
    <row r="22298" spans="2:12" ht="99.75">
      <c r="B22298" s="368"/>
      <c r="C22298" s="361" t="s">
        <v>30559</v>
      </c>
      <c r="D22298" s="368"/>
      <c r="E22298" s="368"/>
      <c r="F22298" s="368"/>
      <c r="G22298" s="368"/>
      <c r="H22298" s="362"/>
      <c r="I22298" s="368"/>
      <c r="J22298" s="366"/>
      <c r="K22298" s="366"/>
      <c r="L22298" s="368"/>
    </row>
    <row r="22299" spans="2:12">
      <c r="B22299" s="358" t="s">
        <v>11046</v>
      </c>
      <c r="C22299" s="358" t="s">
        <v>26035</v>
      </c>
      <c r="D22299" s="358" t="s">
        <v>11047</v>
      </c>
      <c r="E22299" s="358" t="s">
        <v>1717</v>
      </c>
      <c r="F22299" s="358" t="s">
        <v>14376</v>
      </c>
      <c r="G22299" s="358" t="s">
        <v>14669</v>
      </c>
      <c r="H22299" s="358" t="s">
        <v>14381</v>
      </c>
      <c r="I22299" s="358" t="s">
        <v>14669</v>
      </c>
      <c r="J22299" s="358"/>
      <c r="K22299" s="358"/>
      <c r="L22299" s="358"/>
    </row>
    <row r="22300" spans="2:12">
      <c r="B22300" s="367"/>
      <c r="C22300" s="360"/>
      <c r="D22300" s="367"/>
      <c r="E22300" s="367"/>
      <c r="F22300" s="367"/>
      <c r="G22300" s="367"/>
      <c r="H22300" s="360"/>
      <c r="I22300" s="367"/>
      <c r="J22300" s="365"/>
      <c r="K22300" s="365"/>
      <c r="L22300" s="365"/>
    </row>
    <row r="22301" spans="2:12" ht="57">
      <c r="B22301" s="368"/>
      <c r="C22301" s="361" t="s">
        <v>26036</v>
      </c>
      <c r="D22301" s="368"/>
      <c r="E22301" s="368"/>
      <c r="F22301" s="368"/>
      <c r="G22301" s="368"/>
      <c r="H22301" s="361" t="s">
        <v>14332</v>
      </c>
      <c r="I22301" s="368"/>
      <c r="J22301" s="366"/>
      <c r="K22301" s="366"/>
      <c r="L22301" s="366"/>
    </row>
    <row r="22302" spans="2:12">
      <c r="B22302" s="358" t="s">
        <v>11050</v>
      </c>
      <c r="C22302" s="358" t="s">
        <v>11048</v>
      </c>
      <c r="D22302" s="358" t="s">
        <v>11051</v>
      </c>
      <c r="E22302" s="358" t="s">
        <v>11052</v>
      </c>
      <c r="F22302" s="358" t="s">
        <v>14376</v>
      </c>
      <c r="G22302" s="358" t="s">
        <v>14669</v>
      </c>
      <c r="H22302" s="358" t="s">
        <v>14381</v>
      </c>
      <c r="I22302" s="358" t="s">
        <v>14669</v>
      </c>
      <c r="J22302" s="358"/>
      <c r="K22302" s="358"/>
      <c r="L22302" s="358" t="s">
        <v>10821</v>
      </c>
    </row>
    <row r="22303" spans="2:12">
      <c r="B22303" s="367"/>
      <c r="C22303" s="360"/>
      <c r="D22303" s="367"/>
      <c r="E22303" s="367"/>
      <c r="F22303" s="367"/>
      <c r="G22303" s="367"/>
      <c r="H22303" s="360"/>
      <c r="I22303" s="367"/>
      <c r="J22303" s="365"/>
      <c r="K22303" s="365"/>
      <c r="L22303" s="367"/>
    </row>
    <row r="22304" spans="2:12">
      <c r="B22304" s="367"/>
      <c r="C22304" s="359" t="s">
        <v>11049</v>
      </c>
      <c r="D22304" s="367"/>
      <c r="E22304" s="367"/>
      <c r="F22304" s="367"/>
      <c r="G22304" s="367"/>
      <c r="H22304" s="359" t="s">
        <v>14332</v>
      </c>
      <c r="I22304" s="367"/>
      <c r="J22304" s="365"/>
      <c r="K22304" s="365"/>
      <c r="L22304" s="367"/>
    </row>
    <row r="22305" spans="2:12">
      <c r="B22305" s="367"/>
      <c r="C22305" s="360"/>
      <c r="D22305" s="367"/>
      <c r="E22305" s="367"/>
      <c r="F22305" s="367"/>
      <c r="G22305" s="367"/>
      <c r="H22305" s="360"/>
      <c r="I22305" s="367"/>
      <c r="J22305" s="365"/>
      <c r="K22305" s="365"/>
      <c r="L22305" s="367"/>
    </row>
    <row r="22306" spans="2:12" ht="71.25">
      <c r="B22306" s="368"/>
      <c r="C22306" s="361" t="s">
        <v>30560</v>
      </c>
      <c r="D22306" s="368"/>
      <c r="E22306" s="368"/>
      <c r="F22306" s="368"/>
      <c r="G22306" s="368"/>
      <c r="H22306" s="362"/>
      <c r="I22306" s="368"/>
      <c r="J22306" s="366"/>
      <c r="K22306" s="366"/>
      <c r="L22306" s="368"/>
    </row>
    <row r="22307" spans="2:12" ht="28.5">
      <c r="B22307" s="358" t="s">
        <v>11055</v>
      </c>
      <c r="C22307" s="358" t="s">
        <v>12726</v>
      </c>
      <c r="D22307" s="358" t="s">
        <v>498</v>
      </c>
      <c r="E22307" s="358" t="s">
        <v>499</v>
      </c>
      <c r="F22307" s="358" t="s">
        <v>28949</v>
      </c>
      <c r="G22307" s="358" t="s">
        <v>14669</v>
      </c>
      <c r="H22307" s="358" t="s">
        <v>14381</v>
      </c>
      <c r="I22307" s="358" t="s">
        <v>14669</v>
      </c>
      <c r="J22307" s="358"/>
      <c r="K22307" s="358"/>
      <c r="L22307" s="358" t="s">
        <v>29799</v>
      </c>
    </row>
    <row r="22308" spans="2:12">
      <c r="B22308" s="367"/>
      <c r="C22308" s="360"/>
      <c r="D22308" s="367"/>
      <c r="E22308" s="367"/>
      <c r="F22308" s="367"/>
      <c r="G22308" s="360"/>
      <c r="H22308" s="360"/>
      <c r="I22308" s="360"/>
      <c r="J22308" s="365"/>
      <c r="K22308" s="365"/>
      <c r="L22308" s="367"/>
    </row>
    <row r="22309" spans="2:12">
      <c r="B22309" s="367"/>
      <c r="C22309" s="359" t="s">
        <v>12727</v>
      </c>
      <c r="D22309" s="367"/>
      <c r="E22309" s="367"/>
      <c r="F22309" s="367"/>
      <c r="G22309" s="359" t="s">
        <v>14890</v>
      </c>
      <c r="H22309" s="359" t="s">
        <v>14332</v>
      </c>
      <c r="I22309" s="359" t="s">
        <v>14890</v>
      </c>
      <c r="J22309" s="365"/>
      <c r="K22309" s="365"/>
      <c r="L22309" s="367"/>
    </row>
    <row r="22310" spans="2:12">
      <c r="B22310" s="367"/>
      <c r="C22310" s="360"/>
      <c r="D22310" s="367"/>
      <c r="E22310" s="367"/>
      <c r="F22310" s="367"/>
      <c r="G22310" s="360"/>
      <c r="H22310" s="360"/>
      <c r="I22310" s="360"/>
      <c r="J22310" s="365"/>
      <c r="K22310" s="365"/>
      <c r="L22310" s="367"/>
    </row>
    <row r="22311" spans="2:12" ht="57">
      <c r="B22311" s="368"/>
      <c r="C22311" s="361" t="s">
        <v>12728</v>
      </c>
      <c r="D22311" s="368"/>
      <c r="E22311" s="368"/>
      <c r="F22311" s="368"/>
      <c r="G22311" s="362"/>
      <c r="H22311" s="362"/>
      <c r="I22311" s="362"/>
      <c r="J22311" s="366"/>
      <c r="K22311" s="366"/>
      <c r="L22311" s="368"/>
    </row>
    <row r="22312" spans="2:12" ht="28.5">
      <c r="B22312" s="358" t="s">
        <v>11058</v>
      </c>
      <c r="C22312" s="358" t="s">
        <v>29806</v>
      </c>
      <c r="D22312" s="358" t="s">
        <v>507</v>
      </c>
      <c r="E22312" s="358" t="s">
        <v>508</v>
      </c>
      <c r="F22312" s="358" t="s">
        <v>28949</v>
      </c>
      <c r="G22312" s="358" t="s">
        <v>14669</v>
      </c>
      <c r="H22312" s="358" t="s">
        <v>14381</v>
      </c>
      <c r="I22312" s="358" t="s">
        <v>14669</v>
      </c>
      <c r="J22312" s="358"/>
      <c r="K22312" s="358"/>
      <c r="L22312" s="358" t="s">
        <v>29799</v>
      </c>
    </row>
    <row r="22313" spans="2:12">
      <c r="B22313" s="367"/>
      <c r="C22313" s="360"/>
      <c r="D22313" s="367"/>
      <c r="E22313" s="367"/>
      <c r="F22313" s="367"/>
      <c r="G22313" s="360"/>
      <c r="H22313" s="360"/>
      <c r="I22313" s="360"/>
      <c r="J22313" s="365"/>
      <c r="K22313" s="365"/>
      <c r="L22313" s="367"/>
    </row>
    <row r="22314" spans="2:12" ht="57">
      <c r="B22314" s="368"/>
      <c r="C22314" s="361" t="s">
        <v>12730</v>
      </c>
      <c r="D22314" s="368"/>
      <c r="E22314" s="368"/>
      <c r="F22314" s="368"/>
      <c r="G22314" s="361" t="s">
        <v>14890</v>
      </c>
      <c r="H22314" s="361" t="s">
        <v>14332</v>
      </c>
      <c r="I22314" s="361" t="s">
        <v>14890</v>
      </c>
      <c r="J22314" s="366"/>
      <c r="K22314" s="366"/>
      <c r="L22314" s="368"/>
    </row>
    <row r="22315" spans="2:12" ht="28.5">
      <c r="B22315" s="358" t="s">
        <v>11060</v>
      </c>
      <c r="C22315" s="358" t="s">
        <v>29807</v>
      </c>
      <c r="D22315" s="358" t="s">
        <v>11061</v>
      </c>
      <c r="E22315" s="358" t="s">
        <v>11062</v>
      </c>
      <c r="F22315" s="358" t="s">
        <v>28949</v>
      </c>
      <c r="G22315" s="358" t="s">
        <v>14669</v>
      </c>
      <c r="H22315" s="358" t="s">
        <v>14381</v>
      </c>
      <c r="I22315" s="358" t="s">
        <v>14669</v>
      </c>
      <c r="J22315" s="358"/>
      <c r="K22315" s="358"/>
      <c r="L22315" s="358" t="s">
        <v>29799</v>
      </c>
    </row>
    <row r="22316" spans="2:12">
      <c r="B22316" s="367"/>
      <c r="C22316" s="360"/>
      <c r="D22316" s="367"/>
      <c r="E22316" s="367"/>
      <c r="F22316" s="367"/>
      <c r="G22316" s="360"/>
      <c r="H22316" s="360"/>
      <c r="I22316" s="360"/>
      <c r="J22316" s="365"/>
      <c r="K22316" s="365"/>
      <c r="L22316" s="367"/>
    </row>
    <row r="22317" spans="2:12" ht="71.25">
      <c r="B22317" s="368"/>
      <c r="C22317" s="361" t="s">
        <v>30561</v>
      </c>
      <c r="D22317" s="368"/>
      <c r="E22317" s="368"/>
      <c r="F22317" s="368"/>
      <c r="G22317" s="361" t="s">
        <v>14890</v>
      </c>
      <c r="H22317" s="361" t="s">
        <v>14332</v>
      </c>
      <c r="I22317" s="361" t="s">
        <v>14890</v>
      </c>
      <c r="J22317" s="366"/>
      <c r="K22317" s="366"/>
      <c r="L22317" s="368"/>
    </row>
    <row r="22318" spans="2:12" ht="28.5">
      <c r="B22318" s="358" t="s">
        <v>11064</v>
      </c>
      <c r="C22318" s="358" t="s">
        <v>29808</v>
      </c>
      <c r="D22318" s="358" t="s">
        <v>501</v>
      </c>
      <c r="E22318" s="358" t="s">
        <v>502</v>
      </c>
      <c r="F22318" s="358" t="s">
        <v>28949</v>
      </c>
      <c r="G22318" s="358" t="s">
        <v>14669</v>
      </c>
      <c r="H22318" s="358" t="s">
        <v>14381</v>
      </c>
      <c r="I22318" s="358" t="s">
        <v>14669</v>
      </c>
      <c r="J22318" s="358"/>
      <c r="K22318" s="358"/>
      <c r="L22318" s="358" t="s">
        <v>29799</v>
      </c>
    </row>
    <row r="22319" spans="2:12">
      <c r="B22319" s="367"/>
      <c r="C22319" s="360"/>
      <c r="D22319" s="367"/>
      <c r="E22319" s="367"/>
      <c r="F22319" s="367"/>
      <c r="G22319" s="360"/>
      <c r="H22319" s="360"/>
      <c r="I22319" s="360"/>
      <c r="J22319" s="365"/>
      <c r="K22319" s="365"/>
      <c r="L22319" s="367"/>
    </row>
    <row r="22320" spans="2:12" ht="85.5">
      <c r="B22320" s="368"/>
      <c r="C22320" s="361" t="s">
        <v>30562</v>
      </c>
      <c r="D22320" s="368"/>
      <c r="E22320" s="368"/>
      <c r="F22320" s="368"/>
      <c r="G22320" s="361" t="s">
        <v>14890</v>
      </c>
      <c r="H22320" s="361" t="s">
        <v>14332</v>
      </c>
      <c r="I22320" s="361" t="s">
        <v>14890</v>
      </c>
      <c r="J22320" s="366"/>
      <c r="K22320" s="366"/>
      <c r="L22320" s="368"/>
    </row>
    <row r="22321" spans="2:12" ht="28.5">
      <c r="B22321" s="358" t="s">
        <v>11066</v>
      </c>
      <c r="C22321" s="358" t="s">
        <v>29809</v>
      </c>
      <c r="D22321" s="358" t="s">
        <v>11067</v>
      </c>
      <c r="E22321" s="358" t="s">
        <v>11068</v>
      </c>
      <c r="F22321" s="358" t="s">
        <v>28949</v>
      </c>
      <c r="G22321" s="358" t="s">
        <v>14669</v>
      </c>
      <c r="H22321" s="358" t="s">
        <v>14381</v>
      </c>
      <c r="I22321" s="358" t="s">
        <v>14669</v>
      </c>
      <c r="J22321" s="358"/>
      <c r="K22321" s="358"/>
      <c r="L22321" s="358" t="s">
        <v>29799</v>
      </c>
    </row>
    <row r="22322" spans="2:12">
      <c r="B22322" s="367"/>
      <c r="C22322" s="360"/>
      <c r="D22322" s="367"/>
      <c r="E22322" s="367"/>
      <c r="F22322" s="367"/>
      <c r="G22322" s="360"/>
      <c r="H22322" s="360"/>
      <c r="I22322" s="360"/>
      <c r="J22322" s="365"/>
      <c r="K22322" s="365"/>
      <c r="L22322" s="367"/>
    </row>
    <row r="22323" spans="2:12" ht="85.5">
      <c r="B22323" s="368"/>
      <c r="C22323" s="361" t="s">
        <v>30563</v>
      </c>
      <c r="D22323" s="368"/>
      <c r="E22323" s="368"/>
      <c r="F22323" s="368"/>
      <c r="G22323" s="361" t="s">
        <v>14890</v>
      </c>
      <c r="H22323" s="361" t="s">
        <v>14332</v>
      </c>
      <c r="I22323" s="361" t="s">
        <v>14890</v>
      </c>
      <c r="J22323" s="366"/>
      <c r="K22323" s="366"/>
      <c r="L22323" s="368"/>
    </row>
    <row r="22324" spans="2:12" ht="28.5">
      <c r="B22324" s="358" t="s">
        <v>11070</v>
      </c>
      <c r="C22324" s="358" t="s">
        <v>12734</v>
      </c>
      <c r="D22324" s="358" t="s">
        <v>504</v>
      </c>
      <c r="E22324" s="358" t="s">
        <v>505</v>
      </c>
      <c r="F22324" s="358" t="s">
        <v>28949</v>
      </c>
      <c r="G22324" s="358" t="s">
        <v>14669</v>
      </c>
      <c r="H22324" s="358" t="s">
        <v>14381</v>
      </c>
      <c r="I22324" s="358" t="s">
        <v>14669</v>
      </c>
      <c r="J22324" s="358"/>
      <c r="K22324" s="358"/>
      <c r="L22324" s="358" t="s">
        <v>29799</v>
      </c>
    </row>
    <row r="22325" spans="2:12">
      <c r="B22325" s="367"/>
      <c r="C22325" s="360"/>
      <c r="D22325" s="367"/>
      <c r="E22325" s="367"/>
      <c r="F22325" s="367"/>
      <c r="G22325" s="360"/>
      <c r="H22325" s="360"/>
      <c r="I22325" s="360"/>
      <c r="J22325" s="365"/>
      <c r="K22325" s="365"/>
      <c r="L22325" s="367"/>
    </row>
    <row r="22326" spans="2:12">
      <c r="B22326" s="367"/>
      <c r="C22326" s="359" t="s">
        <v>12727</v>
      </c>
      <c r="D22326" s="367"/>
      <c r="E22326" s="367"/>
      <c r="F22326" s="367"/>
      <c r="G22326" s="359" t="s">
        <v>14890</v>
      </c>
      <c r="H22326" s="359" t="s">
        <v>14332</v>
      </c>
      <c r="I22326" s="359" t="s">
        <v>14890</v>
      </c>
      <c r="J22326" s="365"/>
      <c r="K22326" s="365"/>
      <c r="L22326" s="367"/>
    </row>
    <row r="22327" spans="2:12">
      <c r="B22327" s="367"/>
      <c r="C22327" s="360"/>
      <c r="D22327" s="367"/>
      <c r="E22327" s="367"/>
      <c r="F22327" s="367"/>
      <c r="G22327" s="360"/>
      <c r="H22327" s="360"/>
      <c r="I22327" s="360"/>
      <c r="J22327" s="365"/>
      <c r="K22327" s="365"/>
      <c r="L22327" s="367"/>
    </row>
    <row r="22328" spans="2:12" ht="85.5">
      <c r="B22328" s="368"/>
      <c r="C22328" s="361" t="s">
        <v>30564</v>
      </c>
      <c r="D22328" s="368"/>
      <c r="E22328" s="368"/>
      <c r="F22328" s="368"/>
      <c r="G22328" s="362"/>
      <c r="H22328" s="362"/>
      <c r="I22328" s="362"/>
      <c r="J22328" s="366"/>
      <c r="K22328" s="366"/>
      <c r="L22328" s="368"/>
    </row>
    <row r="22329" spans="2:12" ht="28.5">
      <c r="B22329" s="358" t="s">
        <v>11072</v>
      </c>
      <c r="C22329" s="358" t="s">
        <v>29810</v>
      </c>
      <c r="D22329" s="358" t="s">
        <v>11073</v>
      </c>
      <c r="E22329" s="358" t="s">
        <v>11074</v>
      </c>
      <c r="F22329" s="358" t="s">
        <v>28949</v>
      </c>
      <c r="G22329" s="358" t="s">
        <v>14669</v>
      </c>
      <c r="H22329" s="358" t="s">
        <v>14381</v>
      </c>
      <c r="I22329" s="358" t="s">
        <v>14669</v>
      </c>
      <c r="J22329" s="358"/>
      <c r="K22329" s="358"/>
      <c r="L22329" s="358" t="s">
        <v>29799</v>
      </c>
    </row>
    <row r="22330" spans="2:12">
      <c r="B22330" s="367"/>
      <c r="C22330" s="360"/>
      <c r="D22330" s="367"/>
      <c r="E22330" s="367"/>
      <c r="F22330" s="367"/>
      <c r="G22330" s="360"/>
      <c r="H22330" s="360"/>
      <c r="I22330" s="360"/>
      <c r="J22330" s="365"/>
      <c r="K22330" s="365"/>
      <c r="L22330" s="367"/>
    </row>
    <row r="22331" spans="2:12" ht="57">
      <c r="B22331" s="368"/>
      <c r="C22331" s="361" t="s">
        <v>30565</v>
      </c>
      <c r="D22331" s="368"/>
      <c r="E22331" s="368"/>
      <c r="F22331" s="368"/>
      <c r="G22331" s="361" t="s">
        <v>14890</v>
      </c>
      <c r="H22331" s="361" t="s">
        <v>14332</v>
      </c>
      <c r="I22331" s="361" t="s">
        <v>14890</v>
      </c>
      <c r="J22331" s="366"/>
      <c r="K22331" s="366"/>
      <c r="L22331" s="368"/>
    </row>
    <row r="22332" spans="2:12" ht="28.5">
      <c r="B22332" s="358" t="s">
        <v>11077</v>
      </c>
      <c r="C22332" s="358" t="s">
        <v>26037</v>
      </c>
      <c r="D22332" s="358" t="s">
        <v>11078</v>
      </c>
      <c r="E22332" s="358" t="s">
        <v>11079</v>
      </c>
      <c r="F22332" s="358" t="s">
        <v>28949</v>
      </c>
      <c r="G22332" s="358" t="s">
        <v>14669</v>
      </c>
      <c r="H22332" s="358" t="s">
        <v>14381</v>
      </c>
      <c r="I22332" s="358" t="s">
        <v>14669</v>
      </c>
      <c r="J22332" s="358"/>
      <c r="K22332" s="358"/>
      <c r="L22332" s="358" t="s">
        <v>29799</v>
      </c>
    </row>
    <row r="22333" spans="2:12">
      <c r="B22333" s="367"/>
      <c r="C22333" s="360"/>
      <c r="D22333" s="367"/>
      <c r="E22333" s="367"/>
      <c r="F22333" s="367"/>
      <c r="G22333" s="360"/>
      <c r="H22333" s="360"/>
      <c r="I22333" s="360"/>
      <c r="J22333" s="365"/>
      <c r="K22333" s="365"/>
      <c r="L22333" s="367"/>
    </row>
    <row r="22334" spans="2:12" ht="57">
      <c r="B22334" s="368"/>
      <c r="C22334" s="361" t="s">
        <v>11076</v>
      </c>
      <c r="D22334" s="368"/>
      <c r="E22334" s="368"/>
      <c r="F22334" s="368"/>
      <c r="G22334" s="361" t="s">
        <v>14890</v>
      </c>
      <c r="H22334" s="361" t="s">
        <v>14332</v>
      </c>
      <c r="I22334" s="361" t="s">
        <v>14890</v>
      </c>
      <c r="J22334" s="366"/>
      <c r="K22334" s="366"/>
      <c r="L22334" s="368"/>
    </row>
    <row r="22335" spans="2:12" ht="28.5">
      <c r="B22335" s="358" t="s">
        <v>11081</v>
      </c>
      <c r="C22335" s="358" t="s">
        <v>29811</v>
      </c>
      <c r="D22335" s="358" t="s">
        <v>11082</v>
      </c>
      <c r="E22335" s="358" t="s">
        <v>11083</v>
      </c>
      <c r="F22335" s="358" t="s">
        <v>28949</v>
      </c>
      <c r="G22335" s="358" t="s">
        <v>14669</v>
      </c>
      <c r="H22335" s="358" t="s">
        <v>14381</v>
      </c>
      <c r="I22335" s="358" t="s">
        <v>14669</v>
      </c>
      <c r="J22335" s="358"/>
      <c r="K22335" s="358"/>
      <c r="L22335" s="358" t="s">
        <v>29799</v>
      </c>
    </row>
    <row r="22336" spans="2:12">
      <c r="B22336" s="367"/>
      <c r="C22336" s="360"/>
      <c r="D22336" s="367"/>
      <c r="E22336" s="367"/>
      <c r="F22336" s="367"/>
      <c r="G22336" s="360"/>
      <c r="H22336" s="360"/>
      <c r="I22336" s="360"/>
      <c r="J22336" s="365"/>
      <c r="K22336" s="365"/>
      <c r="L22336" s="367"/>
    </row>
    <row r="22337" spans="2:12" ht="85.5">
      <c r="B22337" s="368"/>
      <c r="C22337" s="361" t="s">
        <v>30566</v>
      </c>
      <c r="D22337" s="368"/>
      <c r="E22337" s="368"/>
      <c r="F22337" s="368"/>
      <c r="G22337" s="361" t="s">
        <v>14890</v>
      </c>
      <c r="H22337" s="361" t="s">
        <v>14332</v>
      </c>
      <c r="I22337" s="361" t="s">
        <v>14890</v>
      </c>
      <c r="J22337" s="366"/>
      <c r="K22337" s="366"/>
      <c r="L22337" s="368"/>
    </row>
    <row r="22338" spans="2:12" ht="28.5">
      <c r="B22338" s="358" t="s">
        <v>11086</v>
      </c>
      <c r="C22338" s="358" t="s">
        <v>12739</v>
      </c>
      <c r="D22338" s="358" t="s">
        <v>11087</v>
      </c>
      <c r="E22338" s="358" t="s">
        <v>11088</v>
      </c>
      <c r="F22338" s="358" t="s">
        <v>28949</v>
      </c>
      <c r="G22338" s="358" t="s">
        <v>14669</v>
      </c>
      <c r="H22338" s="358" t="s">
        <v>14381</v>
      </c>
      <c r="I22338" s="358" t="s">
        <v>14669</v>
      </c>
      <c r="J22338" s="358"/>
      <c r="K22338" s="358"/>
      <c r="L22338" s="358" t="s">
        <v>29799</v>
      </c>
    </row>
    <row r="22339" spans="2:12">
      <c r="B22339" s="367"/>
      <c r="C22339" s="360"/>
      <c r="D22339" s="367"/>
      <c r="E22339" s="367"/>
      <c r="F22339" s="367"/>
      <c r="G22339" s="360"/>
      <c r="H22339" s="360"/>
      <c r="I22339" s="360"/>
      <c r="J22339" s="365"/>
      <c r="K22339" s="365"/>
      <c r="L22339" s="367"/>
    </row>
    <row r="22340" spans="2:12">
      <c r="B22340" s="367"/>
      <c r="C22340" s="359" t="s">
        <v>12738</v>
      </c>
      <c r="D22340" s="367"/>
      <c r="E22340" s="367"/>
      <c r="F22340" s="367"/>
      <c r="G22340" s="359" t="s">
        <v>14890</v>
      </c>
      <c r="H22340" s="359" t="s">
        <v>14332</v>
      </c>
      <c r="I22340" s="359" t="s">
        <v>14890</v>
      </c>
      <c r="J22340" s="365"/>
      <c r="K22340" s="365"/>
      <c r="L22340" s="367"/>
    </row>
    <row r="22341" spans="2:12">
      <c r="B22341" s="367"/>
      <c r="C22341" s="360"/>
      <c r="D22341" s="367"/>
      <c r="E22341" s="367"/>
      <c r="F22341" s="367"/>
      <c r="G22341" s="360"/>
      <c r="H22341" s="360"/>
      <c r="I22341" s="360"/>
      <c r="J22341" s="365"/>
      <c r="K22341" s="365"/>
      <c r="L22341" s="367"/>
    </row>
    <row r="22342" spans="2:12" ht="57">
      <c r="B22342" s="368"/>
      <c r="C22342" s="361" t="s">
        <v>12740</v>
      </c>
      <c r="D22342" s="368"/>
      <c r="E22342" s="368"/>
      <c r="F22342" s="368"/>
      <c r="G22342" s="362"/>
      <c r="H22342" s="362"/>
      <c r="I22342" s="362"/>
      <c r="J22342" s="366"/>
      <c r="K22342" s="366"/>
      <c r="L22342" s="368"/>
    </row>
    <row r="22343" spans="2:12" ht="28.5">
      <c r="B22343" s="358" t="s">
        <v>11091</v>
      </c>
      <c r="C22343" s="358" t="s">
        <v>29812</v>
      </c>
      <c r="D22343" s="358" t="s">
        <v>11092</v>
      </c>
      <c r="E22343" s="358" t="s">
        <v>11093</v>
      </c>
      <c r="F22343" s="358" t="s">
        <v>28949</v>
      </c>
      <c r="G22343" s="358" t="s">
        <v>14669</v>
      </c>
      <c r="H22343" s="358" t="s">
        <v>14381</v>
      </c>
      <c r="I22343" s="358" t="s">
        <v>14669</v>
      </c>
      <c r="J22343" s="358"/>
      <c r="K22343" s="358"/>
      <c r="L22343" s="358" t="s">
        <v>29799</v>
      </c>
    </row>
    <row r="22344" spans="2:12">
      <c r="B22344" s="367"/>
      <c r="C22344" s="360"/>
      <c r="D22344" s="367"/>
      <c r="E22344" s="367"/>
      <c r="F22344" s="367"/>
      <c r="G22344" s="360"/>
      <c r="H22344" s="360"/>
      <c r="I22344" s="360"/>
      <c r="J22344" s="365"/>
      <c r="K22344" s="365"/>
      <c r="L22344" s="367"/>
    </row>
    <row r="22345" spans="2:12" ht="57">
      <c r="B22345" s="368"/>
      <c r="C22345" s="361" t="s">
        <v>12742</v>
      </c>
      <c r="D22345" s="368"/>
      <c r="E22345" s="368"/>
      <c r="F22345" s="368"/>
      <c r="G22345" s="361" t="s">
        <v>14890</v>
      </c>
      <c r="H22345" s="361" t="s">
        <v>14332</v>
      </c>
      <c r="I22345" s="361" t="s">
        <v>14890</v>
      </c>
      <c r="J22345" s="366"/>
      <c r="K22345" s="366"/>
      <c r="L22345" s="368"/>
    </row>
    <row r="22346" spans="2:12" ht="28.5">
      <c r="B22346" s="358" t="s">
        <v>11096</v>
      </c>
      <c r="C22346" s="358" t="s">
        <v>29813</v>
      </c>
      <c r="D22346" s="358" t="s">
        <v>11097</v>
      </c>
      <c r="E22346" s="358" t="s">
        <v>11098</v>
      </c>
      <c r="F22346" s="358" t="s">
        <v>28949</v>
      </c>
      <c r="G22346" s="358" t="s">
        <v>14669</v>
      </c>
      <c r="H22346" s="358" t="s">
        <v>14381</v>
      </c>
      <c r="I22346" s="358" t="s">
        <v>14669</v>
      </c>
      <c r="J22346" s="358"/>
      <c r="K22346" s="358"/>
      <c r="L22346" s="358" t="s">
        <v>29799</v>
      </c>
    </row>
    <row r="22347" spans="2:12">
      <c r="B22347" s="367"/>
      <c r="C22347" s="360"/>
      <c r="D22347" s="367"/>
      <c r="E22347" s="367"/>
      <c r="F22347" s="367"/>
      <c r="G22347" s="360"/>
      <c r="H22347" s="360"/>
      <c r="I22347" s="360"/>
      <c r="J22347" s="365"/>
      <c r="K22347" s="365"/>
      <c r="L22347" s="367"/>
    </row>
    <row r="22348" spans="2:12" ht="57">
      <c r="B22348" s="368"/>
      <c r="C22348" s="361" t="s">
        <v>12744</v>
      </c>
      <c r="D22348" s="368"/>
      <c r="E22348" s="368"/>
      <c r="F22348" s="368"/>
      <c r="G22348" s="361" t="s">
        <v>14890</v>
      </c>
      <c r="H22348" s="361" t="s">
        <v>14332</v>
      </c>
      <c r="I22348" s="361" t="s">
        <v>14890</v>
      </c>
      <c r="J22348" s="366"/>
      <c r="K22348" s="366"/>
      <c r="L22348" s="368"/>
    </row>
    <row r="22349" spans="2:12" ht="28.5">
      <c r="B22349" s="358" t="s">
        <v>11100</v>
      </c>
      <c r="C22349" s="358" t="s">
        <v>12745</v>
      </c>
      <c r="D22349" s="358" t="s">
        <v>11101</v>
      </c>
      <c r="E22349" s="358" t="s">
        <v>11102</v>
      </c>
      <c r="F22349" s="358" t="s">
        <v>28949</v>
      </c>
      <c r="G22349" s="358" t="s">
        <v>14669</v>
      </c>
      <c r="H22349" s="358" t="s">
        <v>14381</v>
      </c>
      <c r="I22349" s="358" t="s">
        <v>14669</v>
      </c>
      <c r="J22349" s="358"/>
      <c r="K22349" s="358"/>
      <c r="L22349" s="358" t="s">
        <v>29799</v>
      </c>
    </row>
    <row r="22350" spans="2:12">
      <c r="B22350" s="367"/>
      <c r="C22350" s="360"/>
      <c r="D22350" s="367"/>
      <c r="E22350" s="367"/>
      <c r="F22350" s="367"/>
      <c r="G22350" s="360"/>
      <c r="H22350" s="360"/>
      <c r="I22350" s="360"/>
      <c r="J22350" s="365"/>
      <c r="K22350" s="365"/>
      <c r="L22350" s="367"/>
    </row>
    <row r="22351" spans="2:12" ht="57">
      <c r="B22351" s="368"/>
      <c r="C22351" s="361" t="s">
        <v>29814</v>
      </c>
      <c r="D22351" s="368"/>
      <c r="E22351" s="368"/>
      <c r="F22351" s="368"/>
      <c r="G22351" s="361" t="s">
        <v>14890</v>
      </c>
      <c r="H22351" s="361" t="s">
        <v>14332</v>
      </c>
      <c r="I22351" s="361" t="s">
        <v>14890</v>
      </c>
      <c r="J22351" s="366"/>
      <c r="K22351" s="366"/>
      <c r="L22351" s="368"/>
    </row>
    <row r="22352" spans="2:12" ht="28.5">
      <c r="B22352" s="358" t="s">
        <v>11106</v>
      </c>
      <c r="C22352" s="358" t="s">
        <v>29815</v>
      </c>
      <c r="D22352" s="358" t="s">
        <v>11107</v>
      </c>
      <c r="E22352" s="358" t="s">
        <v>11108</v>
      </c>
      <c r="F22352" s="358" t="s">
        <v>28949</v>
      </c>
      <c r="G22352" s="358" t="s">
        <v>14669</v>
      </c>
      <c r="H22352" s="358" t="s">
        <v>14381</v>
      </c>
      <c r="I22352" s="358" t="s">
        <v>14669</v>
      </c>
      <c r="J22352" s="358"/>
      <c r="K22352" s="358"/>
      <c r="L22352" s="358" t="s">
        <v>29799</v>
      </c>
    </row>
    <row r="22353" spans="2:12">
      <c r="B22353" s="367"/>
      <c r="C22353" s="360"/>
      <c r="D22353" s="367"/>
      <c r="E22353" s="367"/>
      <c r="F22353" s="367"/>
      <c r="G22353" s="360"/>
      <c r="H22353" s="360"/>
      <c r="I22353" s="360"/>
      <c r="J22353" s="365"/>
      <c r="K22353" s="365"/>
      <c r="L22353" s="367"/>
    </row>
    <row r="22354" spans="2:12" ht="71.25">
      <c r="B22354" s="368"/>
      <c r="C22354" s="361" t="s">
        <v>11105</v>
      </c>
      <c r="D22354" s="368"/>
      <c r="E22354" s="368"/>
      <c r="F22354" s="368"/>
      <c r="G22354" s="361" t="s">
        <v>14890</v>
      </c>
      <c r="H22354" s="361" t="s">
        <v>14332</v>
      </c>
      <c r="I22354" s="361" t="s">
        <v>14890</v>
      </c>
      <c r="J22354" s="366"/>
      <c r="K22354" s="366"/>
      <c r="L22354" s="368"/>
    </row>
    <row r="22355" spans="2:12" ht="28.5">
      <c r="B22355" s="358" t="s">
        <v>11111</v>
      </c>
      <c r="C22355" s="358" t="s">
        <v>29816</v>
      </c>
      <c r="D22355" s="358" t="s">
        <v>11112</v>
      </c>
      <c r="E22355" s="358" t="s">
        <v>11113</v>
      </c>
      <c r="F22355" s="358" t="s">
        <v>28949</v>
      </c>
      <c r="G22355" s="358" t="s">
        <v>14669</v>
      </c>
      <c r="H22355" s="358" t="s">
        <v>14381</v>
      </c>
      <c r="I22355" s="358" t="s">
        <v>14669</v>
      </c>
      <c r="J22355" s="358"/>
      <c r="K22355" s="358"/>
      <c r="L22355" s="358" t="s">
        <v>29799</v>
      </c>
    </row>
    <row r="22356" spans="2:12">
      <c r="B22356" s="367"/>
      <c r="C22356" s="360"/>
      <c r="D22356" s="367"/>
      <c r="E22356" s="367"/>
      <c r="F22356" s="367"/>
      <c r="G22356" s="360"/>
      <c r="H22356" s="360"/>
      <c r="I22356" s="360"/>
      <c r="J22356" s="365"/>
      <c r="K22356" s="365"/>
      <c r="L22356" s="367"/>
    </row>
    <row r="22357" spans="2:12">
      <c r="B22357" s="367"/>
      <c r="C22357" s="359" t="s">
        <v>29817</v>
      </c>
      <c r="D22357" s="367"/>
      <c r="E22357" s="367"/>
      <c r="F22357" s="367"/>
      <c r="G22357" s="359" t="s">
        <v>14890</v>
      </c>
      <c r="H22357" s="359" t="s">
        <v>14332</v>
      </c>
      <c r="I22357" s="359" t="s">
        <v>14890</v>
      </c>
      <c r="J22357" s="365"/>
      <c r="K22357" s="365"/>
      <c r="L22357" s="367"/>
    </row>
    <row r="22358" spans="2:12">
      <c r="B22358" s="367"/>
      <c r="C22358" s="360"/>
      <c r="D22358" s="367"/>
      <c r="E22358" s="367"/>
      <c r="F22358" s="367"/>
      <c r="G22358" s="360"/>
      <c r="H22358" s="360"/>
      <c r="I22358" s="360"/>
      <c r="J22358" s="365"/>
      <c r="K22358" s="365"/>
      <c r="L22358" s="367"/>
    </row>
    <row r="22359" spans="2:12">
      <c r="B22359" s="368"/>
      <c r="C22359" s="361" t="s">
        <v>29818</v>
      </c>
      <c r="D22359" s="368"/>
      <c r="E22359" s="368"/>
      <c r="F22359" s="368"/>
      <c r="G22359" s="362"/>
      <c r="H22359" s="362"/>
      <c r="I22359" s="362"/>
      <c r="J22359" s="366"/>
      <c r="K22359" s="366"/>
      <c r="L22359" s="368"/>
    </row>
    <row r="22360" spans="2:12" ht="28.5">
      <c r="B22360" s="358" t="s">
        <v>11115</v>
      </c>
      <c r="C22360" s="358" t="s">
        <v>29819</v>
      </c>
      <c r="D22360" s="358" t="s">
        <v>11116</v>
      </c>
      <c r="E22360" s="358" t="s">
        <v>11117</v>
      </c>
      <c r="F22360" s="358" t="s">
        <v>28949</v>
      </c>
      <c r="G22360" s="358" t="s">
        <v>14669</v>
      </c>
      <c r="H22360" s="358" t="s">
        <v>14381</v>
      </c>
      <c r="I22360" s="358" t="s">
        <v>14669</v>
      </c>
      <c r="J22360" s="358"/>
      <c r="K22360" s="358"/>
      <c r="L22360" s="358" t="s">
        <v>29799</v>
      </c>
    </row>
    <row r="22361" spans="2:12">
      <c r="B22361" s="367"/>
      <c r="C22361" s="360"/>
      <c r="D22361" s="367"/>
      <c r="E22361" s="367"/>
      <c r="F22361" s="367"/>
      <c r="G22361" s="360"/>
      <c r="H22361" s="360"/>
      <c r="I22361" s="360"/>
      <c r="J22361" s="365"/>
      <c r="K22361" s="365"/>
      <c r="L22361" s="367"/>
    </row>
    <row r="22362" spans="2:12">
      <c r="B22362" s="367"/>
      <c r="C22362" s="359" t="s">
        <v>11104</v>
      </c>
      <c r="D22362" s="367"/>
      <c r="E22362" s="367"/>
      <c r="F22362" s="367"/>
      <c r="G22362" s="359" t="s">
        <v>14890</v>
      </c>
      <c r="H22362" s="359" t="s">
        <v>14332</v>
      </c>
      <c r="I22362" s="359" t="s">
        <v>14890</v>
      </c>
      <c r="J22362" s="365"/>
      <c r="K22362" s="365"/>
      <c r="L22362" s="367"/>
    </row>
    <row r="22363" spans="2:12">
      <c r="B22363" s="367"/>
      <c r="C22363" s="360"/>
      <c r="D22363" s="367"/>
      <c r="E22363" s="367"/>
      <c r="F22363" s="367"/>
      <c r="G22363" s="360"/>
      <c r="H22363" s="360"/>
      <c r="I22363" s="360"/>
      <c r="J22363" s="365"/>
      <c r="K22363" s="365"/>
      <c r="L22363" s="367"/>
    </row>
    <row r="22364" spans="2:12" ht="57">
      <c r="B22364" s="368"/>
      <c r="C22364" s="361" t="s">
        <v>28126</v>
      </c>
      <c r="D22364" s="368"/>
      <c r="E22364" s="368"/>
      <c r="F22364" s="368"/>
      <c r="G22364" s="362"/>
      <c r="H22364" s="362"/>
      <c r="I22364" s="362"/>
      <c r="J22364" s="366"/>
      <c r="K22364" s="366"/>
      <c r="L22364" s="368"/>
    </row>
    <row r="22365" spans="2:12" ht="28.5">
      <c r="B22365" s="358" t="s">
        <v>11119</v>
      </c>
      <c r="C22365" s="358" t="s">
        <v>29820</v>
      </c>
      <c r="D22365" s="358" t="s">
        <v>11120</v>
      </c>
      <c r="E22365" s="358" t="s">
        <v>11121</v>
      </c>
      <c r="F22365" s="358" t="s">
        <v>28949</v>
      </c>
      <c r="G22365" s="358" t="s">
        <v>14669</v>
      </c>
      <c r="H22365" s="358" t="s">
        <v>14381</v>
      </c>
      <c r="I22365" s="358" t="s">
        <v>14669</v>
      </c>
      <c r="J22365" s="358"/>
      <c r="K22365" s="358"/>
      <c r="L22365" s="358" t="s">
        <v>29799</v>
      </c>
    </row>
    <row r="22366" spans="2:12">
      <c r="B22366" s="367"/>
      <c r="C22366" s="360"/>
      <c r="D22366" s="367"/>
      <c r="E22366" s="367"/>
      <c r="F22366" s="367"/>
      <c r="G22366" s="360"/>
      <c r="H22366" s="360"/>
      <c r="I22366" s="360"/>
      <c r="J22366" s="365"/>
      <c r="K22366" s="365"/>
      <c r="L22366" s="367"/>
    </row>
    <row r="22367" spans="2:12" ht="57">
      <c r="B22367" s="368"/>
      <c r="C22367" s="361" t="s">
        <v>30567</v>
      </c>
      <c r="D22367" s="368"/>
      <c r="E22367" s="368"/>
      <c r="F22367" s="368"/>
      <c r="G22367" s="361" t="s">
        <v>14890</v>
      </c>
      <c r="H22367" s="361" t="s">
        <v>14332</v>
      </c>
      <c r="I22367" s="361" t="s">
        <v>14890</v>
      </c>
      <c r="J22367" s="366"/>
      <c r="K22367" s="366"/>
      <c r="L22367" s="368"/>
    </row>
    <row r="22368" spans="2:12" ht="28.5">
      <c r="B22368" s="358" t="s">
        <v>11124</v>
      </c>
      <c r="C22368" s="358" t="s">
        <v>12751</v>
      </c>
      <c r="D22368" s="358" t="s">
        <v>11125</v>
      </c>
      <c r="E22368" s="358" t="s">
        <v>11126</v>
      </c>
      <c r="F22368" s="358" t="s">
        <v>28949</v>
      </c>
      <c r="G22368" s="358" t="s">
        <v>14669</v>
      </c>
      <c r="H22368" s="358" t="s">
        <v>14381</v>
      </c>
      <c r="I22368" s="358" t="s">
        <v>14669</v>
      </c>
      <c r="J22368" s="358"/>
      <c r="K22368" s="358"/>
      <c r="L22368" s="358" t="s">
        <v>29799</v>
      </c>
    </row>
    <row r="22369" spans="2:12">
      <c r="B22369" s="367"/>
      <c r="C22369" s="360"/>
      <c r="D22369" s="367"/>
      <c r="E22369" s="367"/>
      <c r="F22369" s="367"/>
      <c r="G22369" s="360"/>
      <c r="H22369" s="360"/>
      <c r="I22369" s="360"/>
      <c r="J22369" s="365"/>
      <c r="K22369" s="365"/>
      <c r="L22369" s="367"/>
    </row>
    <row r="22370" spans="2:12">
      <c r="B22370" s="367"/>
      <c r="C22370" s="359" t="s">
        <v>12750</v>
      </c>
      <c r="D22370" s="367"/>
      <c r="E22370" s="367"/>
      <c r="F22370" s="367"/>
      <c r="G22370" s="359" t="s">
        <v>14890</v>
      </c>
      <c r="H22370" s="359" t="s">
        <v>14332</v>
      </c>
      <c r="I22370" s="359" t="s">
        <v>14890</v>
      </c>
      <c r="J22370" s="365"/>
      <c r="K22370" s="365"/>
      <c r="L22370" s="367"/>
    </row>
    <row r="22371" spans="2:12">
      <c r="B22371" s="367"/>
      <c r="C22371" s="360"/>
      <c r="D22371" s="367"/>
      <c r="E22371" s="367"/>
      <c r="F22371" s="367"/>
      <c r="G22371" s="360"/>
      <c r="H22371" s="360"/>
      <c r="I22371" s="360"/>
      <c r="J22371" s="365"/>
      <c r="K22371" s="365"/>
      <c r="L22371" s="367"/>
    </row>
    <row r="22372" spans="2:12" ht="42.75">
      <c r="B22372" s="368"/>
      <c r="C22372" s="361" t="s">
        <v>29821</v>
      </c>
      <c r="D22372" s="368"/>
      <c r="E22372" s="368"/>
      <c r="F22372" s="368"/>
      <c r="G22372" s="362"/>
      <c r="H22372" s="362"/>
      <c r="I22372" s="362"/>
      <c r="J22372" s="366"/>
      <c r="K22372" s="366"/>
      <c r="L22372" s="368"/>
    </row>
    <row r="22373" spans="2:12" ht="28.5">
      <c r="B22373" s="358" t="s">
        <v>11128</v>
      </c>
      <c r="C22373" s="358" t="s">
        <v>12753</v>
      </c>
      <c r="D22373" s="358" t="s">
        <v>11129</v>
      </c>
      <c r="E22373" s="358" t="s">
        <v>11130</v>
      </c>
      <c r="F22373" s="358" t="s">
        <v>28949</v>
      </c>
      <c r="G22373" s="358" t="s">
        <v>14669</v>
      </c>
      <c r="H22373" s="358" t="s">
        <v>14381</v>
      </c>
      <c r="I22373" s="358" t="s">
        <v>14669</v>
      </c>
      <c r="J22373" s="358"/>
      <c r="K22373" s="358"/>
      <c r="L22373" s="358" t="s">
        <v>29799</v>
      </c>
    </row>
    <row r="22374" spans="2:12">
      <c r="B22374" s="367"/>
      <c r="C22374" s="360"/>
      <c r="D22374" s="367"/>
      <c r="E22374" s="367"/>
      <c r="F22374" s="367"/>
      <c r="G22374" s="360"/>
      <c r="H22374" s="360"/>
      <c r="I22374" s="360"/>
      <c r="J22374" s="365"/>
      <c r="K22374" s="365"/>
      <c r="L22374" s="367"/>
    </row>
    <row r="22375" spans="2:12">
      <c r="B22375" s="367"/>
      <c r="C22375" s="359" t="s">
        <v>12750</v>
      </c>
      <c r="D22375" s="367"/>
      <c r="E22375" s="367"/>
      <c r="F22375" s="367"/>
      <c r="G22375" s="359" t="s">
        <v>14890</v>
      </c>
      <c r="H22375" s="359" t="s">
        <v>14332</v>
      </c>
      <c r="I22375" s="359" t="s">
        <v>14890</v>
      </c>
      <c r="J22375" s="365"/>
      <c r="K22375" s="365"/>
      <c r="L22375" s="367"/>
    </row>
    <row r="22376" spans="2:12">
      <c r="B22376" s="367"/>
      <c r="C22376" s="360"/>
      <c r="D22376" s="367"/>
      <c r="E22376" s="367"/>
      <c r="F22376" s="367"/>
      <c r="G22376" s="360"/>
      <c r="H22376" s="360"/>
      <c r="I22376" s="360"/>
      <c r="J22376" s="365"/>
      <c r="K22376" s="365"/>
      <c r="L22376" s="367"/>
    </row>
    <row r="22377" spans="2:12" ht="57">
      <c r="B22377" s="368"/>
      <c r="C22377" s="361" t="s">
        <v>30568</v>
      </c>
      <c r="D22377" s="368"/>
      <c r="E22377" s="368"/>
      <c r="F22377" s="368"/>
      <c r="G22377" s="362"/>
      <c r="H22377" s="362"/>
      <c r="I22377" s="362"/>
      <c r="J22377" s="366"/>
      <c r="K22377" s="366"/>
      <c r="L22377" s="368"/>
    </row>
    <row r="22378" spans="2:12" ht="28.5">
      <c r="B22378" s="358" t="s">
        <v>11133</v>
      </c>
      <c r="C22378" s="358" t="s">
        <v>29822</v>
      </c>
      <c r="D22378" s="358" t="s">
        <v>11134</v>
      </c>
      <c r="E22378" s="358" t="s">
        <v>11135</v>
      </c>
      <c r="F22378" s="358" t="s">
        <v>28949</v>
      </c>
      <c r="G22378" s="358" t="s">
        <v>14669</v>
      </c>
      <c r="H22378" s="358" t="s">
        <v>14381</v>
      </c>
      <c r="I22378" s="358" t="s">
        <v>14669</v>
      </c>
      <c r="J22378" s="358"/>
      <c r="K22378" s="358"/>
      <c r="L22378" s="358" t="s">
        <v>29799</v>
      </c>
    </row>
    <row r="22379" spans="2:12">
      <c r="B22379" s="367"/>
      <c r="C22379" s="360"/>
      <c r="D22379" s="367"/>
      <c r="E22379" s="367"/>
      <c r="F22379" s="367"/>
      <c r="G22379" s="360"/>
      <c r="H22379" s="360"/>
      <c r="I22379" s="360"/>
      <c r="J22379" s="365"/>
      <c r="K22379" s="365"/>
      <c r="L22379" s="367"/>
    </row>
    <row r="22380" spans="2:12" ht="42.75">
      <c r="B22380" s="368"/>
      <c r="C22380" s="361" t="s">
        <v>29823</v>
      </c>
      <c r="D22380" s="368"/>
      <c r="E22380" s="368"/>
      <c r="F22380" s="368"/>
      <c r="G22380" s="361" t="s">
        <v>14890</v>
      </c>
      <c r="H22380" s="361" t="s">
        <v>14332</v>
      </c>
      <c r="I22380" s="361" t="s">
        <v>14890</v>
      </c>
      <c r="J22380" s="366"/>
      <c r="K22380" s="366"/>
      <c r="L22380" s="368"/>
    </row>
    <row r="22381" spans="2:12" ht="28.5">
      <c r="B22381" s="358" t="s">
        <v>11138</v>
      </c>
      <c r="C22381" s="358" t="s">
        <v>29824</v>
      </c>
      <c r="D22381" s="358" t="s">
        <v>11139</v>
      </c>
      <c r="E22381" s="358" t="s">
        <v>11140</v>
      </c>
      <c r="F22381" s="358" t="s">
        <v>28949</v>
      </c>
      <c r="G22381" s="358" t="s">
        <v>14669</v>
      </c>
      <c r="H22381" s="358" t="s">
        <v>14381</v>
      </c>
      <c r="I22381" s="358" t="s">
        <v>14669</v>
      </c>
      <c r="J22381" s="358"/>
      <c r="K22381" s="358"/>
      <c r="L22381" s="358" t="s">
        <v>29799</v>
      </c>
    </row>
    <row r="22382" spans="2:12">
      <c r="B22382" s="367"/>
      <c r="C22382" s="360"/>
      <c r="D22382" s="367"/>
      <c r="E22382" s="367"/>
      <c r="F22382" s="367"/>
      <c r="G22382" s="360"/>
      <c r="H22382" s="360"/>
      <c r="I22382" s="360"/>
      <c r="J22382" s="365"/>
      <c r="K22382" s="365"/>
      <c r="L22382" s="367"/>
    </row>
    <row r="22383" spans="2:12" ht="42.75">
      <c r="B22383" s="368"/>
      <c r="C22383" s="361" t="s">
        <v>29825</v>
      </c>
      <c r="D22383" s="368"/>
      <c r="E22383" s="368"/>
      <c r="F22383" s="368"/>
      <c r="G22383" s="361" t="s">
        <v>14890</v>
      </c>
      <c r="H22383" s="361" t="s">
        <v>14332</v>
      </c>
      <c r="I22383" s="361" t="s">
        <v>14890</v>
      </c>
      <c r="J22383" s="366"/>
      <c r="K22383" s="366"/>
      <c r="L22383" s="368"/>
    </row>
    <row r="22384" spans="2:12" ht="28.5">
      <c r="B22384" s="358" t="s">
        <v>11143</v>
      </c>
      <c r="C22384" s="358" t="s">
        <v>29826</v>
      </c>
      <c r="D22384" s="358" t="s">
        <v>11144</v>
      </c>
      <c r="E22384" s="358" t="s">
        <v>11145</v>
      </c>
      <c r="F22384" s="358" t="s">
        <v>28949</v>
      </c>
      <c r="G22384" s="358" t="s">
        <v>14669</v>
      </c>
      <c r="H22384" s="358" t="s">
        <v>14381</v>
      </c>
      <c r="I22384" s="358" t="s">
        <v>14669</v>
      </c>
      <c r="J22384" s="358"/>
      <c r="K22384" s="358"/>
      <c r="L22384" s="358" t="s">
        <v>29799</v>
      </c>
    </row>
    <row r="22385" spans="2:12">
      <c r="B22385" s="367"/>
      <c r="C22385" s="360"/>
      <c r="D22385" s="367"/>
      <c r="E22385" s="367"/>
      <c r="F22385" s="367"/>
      <c r="G22385" s="360"/>
      <c r="H22385" s="360"/>
      <c r="I22385" s="360"/>
      <c r="J22385" s="365"/>
      <c r="K22385" s="365"/>
      <c r="L22385" s="367"/>
    </row>
    <row r="22386" spans="2:12" ht="42.75">
      <c r="B22386" s="368"/>
      <c r="C22386" s="361" t="s">
        <v>12759</v>
      </c>
      <c r="D22386" s="368"/>
      <c r="E22386" s="368"/>
      <c r="F22386" s="368"/>
      <c r="G22386" s="361" t="s">
        <v>14890</v>
      </c>
      <c r="H22386" s="361" t="s">
        <v>14332</v>
      </c>
      <c r="I22386" s="361" t="s">
        <v>14890</v>
      </c>
      <c r="J22386" s="366"/>
      <c r="K22386" s="366"/>
      <c r="L22386" s="368"/>
    </row>
    <row r="22387" spans="2:12" ht="28.5">
      <c r="B22387" s="358" t="s">
        <v>11147</v>
      </c>
      <c r="C22387" s="358" t="s">
        <v>12760</v>
      </c>
      <c r="D22387" s="358" t="s">
        <v>11148</v>
      </c>
      <c r="E22387" s="358" t="s">
        <v>11149</v>
      </c>
      <c r="F22387" s="358" t="s">
        <v>28949</v>
      </c>
      <c r="G22387" s="358" t="s">
        <v>14669</v>
      </c>
      <c r="H22387" s="358" t="s">
        <v>14381</v>
      </c>
      <c r="I22387" s="358" t="s">
        <v>14669</v>
      </c>
      <c r="J22387" s="358"/>
      <c r="K22387" s="358"/>
      <c r="L22387" s="358" t="s">
        <v>29799</v>
      </c>
    </row>
    <row r="22388" spans="2:12">
      <c r="B22388" s="367"/>
      <c r="C22388" s="360"/>
      <c r="D22388" s="367"/>
      <c r="E22388" s="367"/>
      <c r="F22388" s="367"/>
      <c r="G22388" s="360"/>
      <c r="H22388" s="360"/>
      <c r="I22388" s="360"/>
      <c r="J22388" s="365"/>
      <c r="K22388" s="365"/>
      <c r="L22388" s="367"/>
    </row>
    <row r="22389" spans="2:12">
      <c r="B22389" s="367"/>
      <c r="C22389" s="359" t="s">
        <v>12750</v>
      </c>
      <c r="D22389" s="367"/>
      <c r="E22389" s="367"/>
      <c r="F22389" s="367"/>
      <c r="G22389" s="359" t="s">
        <v>14890</v>
      </c>
      <c r="H22389" s="359" t="s">
        <v>14332</v>
      </c>
      <c r="I22389" s="359" t="s">
        <v>14890</v>
      </c>
      <c r="J22389" s="365"/>
      <c r="K22389" s="365"/>
      <c r="L22389" s="367"/>
    </row>
    <row r="22390" spans="2:12">
      <c r="B22390" s="367"/>
      <c r="C22390" s="360"/>
      <c r="D22390" s="367"/>
      <c r="E22390" s="367"/>
      <c r="F22390" s="367"/>
      <c r="G22390" s="360"/>
      <c r="H22390" s="360"/>
      <c r="I22390" s="360"/>
      <c r="J22390" s="365"/>
      <c r="K22390" s="365"/>
      <c r="L22390" s="367"/>
    </row>
    <row r="22391" spans="2:12" ht="28.5">
      <c r="B22391" s="368"/>
      <c r="C22391" s="361" t="s">
        <v>30569</v>
      </c>
      <c r="D22391" s="368"/>
      <c r="E22391" s="368"/>
      <c r="F22391" s="368"/>
      <c r="G22391" s="362"/>
      <c r="H22391" s="362"/>
      <c r="I22391" s="362"/>
      <c r="J22391" s="366"/>
      <c r="K22391" s="366"/>
      <c r="L22391" s="368"/>
    </row>
    <row r="22392" spans="2:12" ht="28.5">
      <c r="B22392" s="358" t="s">
        <v>11151</v>
      </c>
      <c r="C22392" s="358" t="s">
        <v>29827</v>
      </c>
      <c r="D22392" s="358" t="s">
        <v>11152</v>
      </c>
      <c r="E22392" s="358" t="s">
        <v>11153</v>
      </c>
      <c r="F22392" s="358" t="s">
        <v>28949</v>
      </c>
      <c r="G22392" s="358" t="s">
        <v>14669</v>
      </c>
      <c r="H22392" s="358" t="s">
        <v>14381</v>
      </c>
      <c r="I22392" s="358" t="s">
        <v>14669</v>
      </c>
      <c r="J22392" s="358"/>
      <c r="K22392" s="358"/>
      <c r="L22392" s="358" t="s">
        <v>29799</v>
      </c>
    </row>
    <row r="22393" spans="2:12">
      <c r="B22393" s="367"/>
      <c r="C22393" s="360"/>
      <c r="D22393" s="367"/>
      <c r="E22393" s="367"/>
      <c r="F22393" s="367"/>
      <c r="G22393" s="360"/>
      <c r="H22393" s="360"/>
      <c r="I22393" s="360"/>
      <c r="J22393" s="365"/>
      <c r="K22393" s="365"/>
      <c r="L22393" s="367"/>
    </row>
    <row r="22394" spans="2:12" ht="71.25">
      <c r="B22394" s="368"/>
      <c r="C22394" s="361" t="s">
        <v>30570</v>
      </c>
      <c r="D22394" s="368"/>
      <c r="E22394" s="368"/>
      <c r="F22394" s="368"/>
      <c r="G22394" s="361" t="s">
        <v>14890</v>
      </c>
      <c r="H22394" s="361" t="s">
        <v>14332</v>
      </c>
      <c r="I22394" s="361" t="s">
        <v>14890</v>
      </c>
      <c r="J22394" s="366"/>
      <c r="K22394" s="366"/>
      <c r="L22394" s="368"/>
    </row>
    <row r="22395" spans="2:12" ht="28.5">
      <c r="B22395" s="358" t="s">
        <v>11154</v>
      </c>
      <c r="C22395" s="358" t="s">
        <v>30571</v>
      </c>
      <c r="D22395" s="358" t="s">
        <v>11155</v>
      </c>
      <c r="E22395" s="358" t="s">
        <v>11156</v>
      </c>
      <c r="F22395" s="358" t="s">
        <v>28949</v>
      </c>
      <c r="G22395" s="358" t="s">
        <v>14669</v>
      </c>
      <c r="H22395" s="358" t="s">
        <v>14381</v>
      </c>
      <c r="I22395" s="358" t="s">
        <v>14669</v>
      </c>
      <c r="J22395" s="358"/>
      <c r="K22395" s="358"/>
      <c r="L22395" s="358" t="s">
        <v>29799</v>
      </c>
    </row>
    <row r="22396" spans="2:12">
      <c r="B22396" s="367"/>
      <c r="C22396" s="367"/>
      <c r="D22396" s="367"/>
      <c r="E22396" s="367"/>
      <c r="F22396" s="367"/>
      <c r="G22396" s="360"/>
      <c r="H22396" s="360"/>
      <c r="I22396" s="360"/>
      <c r="J22396" s="365"/>
      <c r="K22396" s="365"/>
      <c r="L22396" s="367"/>
    </row>
    <row r="22397" spans="2:12">
      <c r="B22397" s="368"/>
      <c r="C22397" s="368"/>
      <c r="D22397" s="368"/>
      <c r="E22397" s="368"/>
      <c r="F22397" s="368"/>
      <c r="G22397" s="361" t="s">
        <v>14890</v>
      </c>
      <c r="H22397" s="361" t="s">
        <v>14332</v>
      </c>
      <c r="I22397" s="361" t="s">
        <v>14890</v>
      </c>
      <c r="J22397" s="366"/>
      <c r="K22397" s="366"/>
      <c r="L22397" s="368"/>
    </row>
    <row r="22398" spans="2:12" ht="28.5">
      <c r="B22398" s="358" t="s">
        <v>11158</v>
      </c>
      <c r="C22398" s="358" t="s">
        <v>29828</v>
      </c>
      <c r="D22398" s="358" t="s">
        <v>11159</v>
      </c>
      <c r="E22398" s="358" t="s">
        <v>11160</v>
      </c>
      <c r="F22398" s="358" t="s">
        <v>28949</v>
      </c>
      <c r="G22398" s="358" t="s">
        <v>14669</v>
      </c>
      <c r="H22398" s="358" t="s">
        <v>14381</v>
      </c>
      <c r="I22398" s="358" t="s">
        <v>14669</v>
      </c>
      <c r="J22398" s="358"/>
      <c r="K22398" s="358"/>
      <c r="L22398" s="358" t="s">
        <v>29799</v>
      </c>
    </row>
    <row r="22399" spans="2:12">
      <c r="B22399" s="367"/>
      <c r="C22399" s="360"/>
      <c r="D22399" s="367"/>
      <c r="E22399" s="367"/>
      <c r="F22399" s="367"/>
      <c r="G22399" s="360"/>
      <c r="H22399" s="360"/>
      <c r="I22399" s="360"/>
      <c r="J22399" s="365"/>
      <c r="K22399" s="365"/>
      <c r="L22399" s="367"/>
    </row>
    <row r="22400" spans="2:12" ht="57">
      <c r="B22400" s="368"/>
      <c r="C22400" s="361" t="s">
        <v>30572</v>
      </c>
      <c r="D22400" s="368"/>
      <c r="E22400" s="368"/>
      <c r="F22400" s="368"/>
      <c r="G22400" s="361" t="s">
        <v>14890</v>
      </c>
      <c r="H22400" s="361" t="s">
        <v>14332</v>
      </c>
      <c r="I22400" s="361" t="s">
        <v>14890</v>
      </c>
      <c r="J22400" s="366"/>
      <c r="K22400" s="366"/>
      <c r="L22400" s="368"/>
    </row>
    <row r="22401" spans="2:12" ht="28.5">
      <c r="B22401" s="358" t="s">
        <v>11161</v>
      </c>
      <c r="C22401" s="358" t="s">
        <v>28127</v>
      </c>
      <c r="D22401" s="358" t="s">
        <v>11162</v>
      </c>
      <c r="E22401" s="358" t="s">
        <v>11163</v>
      </c>
      <c r="F22401" s="358" t="s">
        <v>28949</v>
      </c>
      <c r="G22401" s="358" t="s">
        <v>14669</v>
      </c>
      <c r="H22401" s="358" t="s">
        <v>14381</v>
      </c>
      <c r="I22401" s="358" t="s">
        <v>14669</v>
      </c>
      <c r="J22401" s="358"/>
      <c r="K22401" s="358"/>
      <c r="L22401" s="358" t="s">
        <v>29799</v>
      </c>
    </row>
    <row r="22402" spans="2:12">
      <c r="B22402" s="367"/>
      <c r="C22402" s="360"/>
      <c r="D22402" s="367"/>
      <c r="E22402" s="367"/>
      <c r="F22402" s="367"/>
      <c r="G22402" s="360"/>
      <c r="H22402" s="360"/>
      <c r="I22402" s="360"/>
      <c r="J22402" s="365"/>
      <c r="K22402" s="365"/>
      <c r="L22402" s="367"/>
    </row>
    <row r="22403" spans="2:12">
      <c r="B22403" s="367"/>
      <c r="C22403" s="359" t="s">
        <v>12750</v>
      </c>
      <c r="D22403" s="367"/>
      <c r="E22403" s="367"/>
      <c r="F22403" s="367"/>
      <c r="G22403" s="359" t="s">
        <v>14890</v>
      </c>
      <c r="H22403" s="359" t="s">
        <v>14332</v>
      </c>
      <c r="I22403" s="359" t="s">
        <v>14890</v>
      </c>
      <c r="J22403" s="365"/>
      <c r="K22403" s="365"/>
      <c r="L22403" s="367"/>
    </row>
    <row r="22404" spans="2:12">
      <c r="B22404" s="367"/>
      <c r="C22404" s="360"/>
      <c r="D22404" s="367"/>
      <c r="E22404" s="367"/>
      <c r="F22404" s="367"/>
      <c r="G22404" s="360"/>
      <c r="H22404" s="360"/>
      <c r="I22404" s="360"/>
      <c r="J22404" s="365"/>
      <c r="K22404" s="365"/>
      <c r="L22404" s="367"/>
    </row>
    <row r="22405" spans="2:12" ht="71.25">
      <c r="B22405" s="368"/>
      <c r="C22405" s="361" t="s">
        <v>30573</v>
      </c>
      <c r="D22405" s="368"/>
      <c r="E22405" s="368"/>
      <c r="F22405" s="368"/>
      <c r="G22405" s="362"/>
      <c r="H22405" s="362"/>
      <c r="I22405" s="362"/>
      <c r="J22405" s="366"/>
      <c r="K22405" s="366"/>
      <c r="L22405" s="368"/>
    </row>
    <row r="22406" spans="2:12" ht="28.5">
      <c r="B22406" s="358" t="s">
        <v>11166</v>
      </c>
      <c r="C22406" s="358" t="s">
        <v>12764</v>
      </c>
      <c r="D22406" s="358" t="s">
        <v>11167</v>
      </c>
      <c r="E22406" s="358" t="s">
        <v>11168</v>
      </c>
      <c r="F22406" s="358" t="s">
        <v>28949</v>
      </c>
      <c r="G22406" s="358" t="s">
        <v>14669</v>
      </c>
      <c r="H22406" s="358" t="s">
        <v>14381</v>
      </c>
      <c r="I22406" s="358" t="s">
        <v>14669</v>
      </c>
      <c r="J22406" s="358"/>
      <c r="K22406" s="358"/>
      <c r="L22406" s="358" t="s">
        <v>29799</v>
      </c>
    </row>
    <row r="22407" spans="2:12">
      <c r="B22407" s="367"/>
      <c r="C22407" s="360"/>
      <c r="D22407" s="367"/>
      <c r="E22407" s="367"/>
      <c r="F22407" s="367"/>
      <c r="G22407" s="360"/>
      <c r="H22407" s="360"/>
      <c r="I22407" s="360"/>
      <c r="J22407" s="365"/>
      <c r="K22407" s="365"/>
      <c r="L22407" s="367"/>
    </row>
    <row r="22408" spans="2:12">
      <c r="B22408" s="367"/>
      <c r="C22408" s="359" t="s">
        <v>12686</v>
      </c>
      <c r="D22408" s="367"/>
      <c r="E22408" s="367"/>
      <c r="F22408" s="367"/>
      <c r="G22408" s="359" t="s">
        <v>14890</v>
      </c>
      <c r="H22408" s="359" t="s">
        <v>14332</v>
      </c>
      <c r="I22408" s="359" t="s">
        <v>14890</v>
      </c>
      <c r="J22408" s="365"/>
      <c r="K22408" s="365"/>
      <c r="L22408" s="367"/>
    </row>
    <row r="22409" spans="2:12">
      <c r="B22409" s="367"/>
      <c r="C22409" s="360"/>
      <c r="D22409" s="367"/>
      <c r="E22409" s="367"/>
      <c r="F22409" s="367"/>
      <c r="G22409" s="360"/>
      <c r="H22409" s="360"/>
      <c r="I22409" s="360"/>
      <c r="J22409" s="365"/>
      <c r="K22409" s="365"/>
      <c r="L22409" s="367"/>
    </row>
    <row r="22410" spans="2:12" ht="57">
      <c r="B22410" s="368"/>
      <c r="C22410" s="361" t="s">
        <v>29829</v>
      </c>
      <c r="D22410" s="368"/>
      <c r="E22410" s="368"/>
      <c r="F22410" s="368"/>
      <c r="G22410" s="362"/>
      <c r="H22410" s="362"/>
      <c r="I22410" s="362"/>
      <c r="J22410" s="366"/>
      <c r="K22410" s="366"/>
      <c r="L22410" s="368"/>
    </row>
    <row r="22411" spans="2:12" ht="28.5">
      <c r="B22411" s="358" t="s">
        <v>11170</v>
      </c>
      <c r="C22411" s="358" t="s">
        <v>29830</v>
      </c>
      <c r="D22411" s="358" t="s">
        <v>11171</v>
      </c>
      <c r="E22411" s="358" t="s">
        <v>11172</v>
      </c>
      <c r="F22411" s="358" t="s">
        <v>28949</v>
      </c>
      <c r="G22411" s="358" t="s">
        <v>14669</v>
      </c>
      <c r="H22411" s="358" t="s">
        <v>14381</v>
      </c>
      <c r="I22411" s="358" t="s">
        <v>14669</v>
      </c>
      <c r="J22411" s="358"/>
      <c r="K22411" s="358"/>
      <c r="L22411" s="358" t="s">
        <v>29799</v>
      </c>
    </row>
    <row r="22412" spans="2:12">
      <c r="B22412" s="367"/>
      <c r="C22412" s="367"/>
      <c r="D22412" s="367"/>
      <c r="E22412" s="367"/>
      <c r="F22412" s="367"/>
      <c r="G22412" s="360"/>
      <c r="H22412" s="360"/>
      <c r="I22412" s="360"/>
      <c r="J22412" s="365"/>
      <c r="K22412" s="365"/>
      <c r="L22412" s="367"/>
    </row>
    <row r="22413" spans="2:12">
      <c r="B22413" s="368"/>
      <c r="C22413" s="368"/>
      <c r="D22413" s="368"/>
      <c r="E22413" s="368"/>
      <c r="F22413" s="368"/>
      <c r="G22413" s="361" t="s">
        <v>14890</v>
      </c>
      <c r="H22413" s="361" t="s">
        <v>14332</v>
      </c>
      <c r="I22413" s="361" t="s">
        <v>14890</v>
      </c>
      <c r="J22413" s="366"/>
      <c r="K22413" s="366"/>
      <c r="L22413" s="368"/>
    </row>
    <row r="22414" spans="2:12" ht="28.5">
      <c r="B22414" s="358" t="s">
        <v>11174</v>
      </c>
      <c r="C22414" s="358" t="s">
        <v>12767</v>
      </c>
      <c r="D22414" s="358" t="s">
        <v>11175</v>
      </c>
      <c r="E22414" s="358" t="s">
        <v>11176</v>
      </c>
      <c r="F22414" s="358" t="s">
        <v>28949</v>
      </c>
      <c r="G22414" s="358" t="s">
        <v>14669</v>
      </c>
      <c r="H22414" s="358" t="s">
        <v>14381</v>
      </c>
      <c r="I22414" s="358" t="s">
        <v>14669</v>
      </c>
      <c r="J22414" s="358"/>
      <c r="K22414" s="358"/>
      <c r="L22414" s="358" t="s">
        <v>29799</v>
      </c>
    </row>
    <row r="22415" spans="2:12">
      <c r="B22415" s="367"/>
      <c r="C22415" s="360"/>
      <c r="D22415" s="367"/>
      <c r="E22415" s="367"/>
      <c r="F22415" s="367"/>
      <c r="G22415" s="360"/>
      <c r="H22415" s="360"/>
      <c r="I22415" s="360"/>
      <c r="J22415" s="365"/>
      <c r="K22415" s="365"/>
      <c r="L22415" s="367"/>
    </row>
    <row r="22416" spans="2:12">
      <c r="B22416" s="368"/>
      <c r="C22416" s="361" t="s">
        <v>12693</v>
      </c>
      <c r="D22416" s="368"/>
      <c r="E22416" s="368"/>
      <c r="F22416" s="368"/>
      <c r="G22416" s="361" t="s">
        <v>14890</v>
      </c>
      <c r="H22416" s="361" t="s">
        <v>14332</v>
      </c>
      <c r="I22416" s="361" t="s">
        <v>14890</v>
      </c>
      <c r="J22416" s="366"/>
      <c r="K22416" s="366"/>
      <c r="L22416" s="368"/>
    </row>
    <row r="22417" spans="2:12" ht="28.5">
      <c r="B22417" s="358" t="s">
        <v>12770</v>
      </c>
      <c r="C22417" s="358" t="s">
        <v>29831</v>
      </c>
      <c r="D22417" s="358" t="s">
        <v>12771</v>
      </c>
      <c r="E22417" s="358" t="s">
        <v>11181</v>
      </c>
      <c r="F22417" s="358" t="s">
        <v>28949</v>
      </c>
      <c r="G22417" s="358" t="s">
        <v>14669</v>
      </c>
      <c r="H22417" s="358" t="s">
        <v>14381</v>
      </c>
      <c r="I22417" s="358" t="s">
        <v>14669</v>
      </c>
      <c r="J22417" s="358"/>
      <c r="K22417" s="358"/>
      <c r="L22417" s="358" t="s">
        <v>29799</v>
      </c>
    </row>
    <row r="22418" spans="2:12">
      <c r="B22418" s="367"/>
      <c r="C22418" s="360"/>
      <c r="D22418" s="367"/>
      <c r="E22418" s="367"/>
      <c r="F22418" s="367"/>
      <c r="G22418" s="360"/>
      <c r="H22418" s="360"/>
      <c r="I22418" s="360"/>
      <c r="J22418" s="365"/>
      <c r="K22418" s="365"/>
      <c r="L22418" s="367"/>
    </row>
    <row r="22419" spans="2:12" ht="71.25">
      <c r="B22419" s="368"/>
      <c r="C22419" s="361" t="s">
        <v>29832</v>
      </c>
      <c r="D22419" s="368"/>
      <c r="E22419" s="368"/>
      <c r="F22419" s="368"/>
      <c r="G22419" s="361" t="s">
        <v>14890</v>
      </c>
      <c r="H22419" s="361" t="s">
        <v>14332</v>
      </c>
      <c r="I22419" s="361" t="s">
        <v>14890</v>
      </c>
      <c r="J22419" s="366"/>
      <c r="K22419" s="366"/>
      <c r="L22419" s="368"/>
    </row>
    <row r="22420" spans="2:12" ht="28.5">
      <c r="B22420" s="358" t="s">
        <v>11183</v>
      </c>
      <c r="C22420" s="358" t="s">
        <v>12772</v>
      </c>
      <c r="D22420" s="358" t="s">
        <v>11184</v>
      </c>
      <c r="E22420" s="358" t="s">
        <v>11185</v>
      </c>
      <c r="F22420" s="358" t="s">
        <v>28949</v>
      </c>
      <c r="G22420" s="358" t="s">
        <v>14669</v>
      </c>
      <c r="H22420" s="358" t="s">
        <v>14381</v>
      </c>
      <c r="I22420" s="358" t="s">
        <v>14669</v>
      </c>
      <c r="J22420" s="358"/>
      <c r="K22420" s="358"/>
      <c r="L22420" s="358" t="s">
        <v>29799</v>
      </c>
    </row>
    <row r="22421" spans="2:12">
      <c r="B22421" s="367"/>
      <c r="C22421" s="360"/>
      <c r="D22421" s="367"/>
      <c r="E22421" s="367"/>
      <c r="F22421" s="367"/>
      <c r="G22421" s="360"/>
      <c r="H22421" s="360"/>
      <c r="I22421" s="360"/>
      <c r="J22421" s="365"/>
      <c r="K22421" s="365"/>
      <c r="L22421" s="367"/>
    </row>
    <row r="22422" spans="2:12" ht="85.5">
      <c r="B22422" s="368"/>
      <c r="C22422" s="361" t="s">
        <v>30574</v>
      </c>
      <c r="D22422" s="368"/>
      <c r="E22422" s="368"/>
      <c r="F22422" s="368"/>
      <c r="G22422" s="361" t="s">
        <v>14890</v>
      </c>
      <c r="H22422" s="361" t="s">
        <v>14332</v>
      </c>
      <c r="I22422" s="361" t="s">
        <v>14890</v>
      </c>
      <c r="J22422" s="366"/>
      <c r="K22422" s="366"/>
      <c r="L22422" s="368"/>
    </row>
    <row r="22423" spans="2:12" ht="28.5">
      <c r="B22423" s="358" t="s">
        <v>11187</v>
      </c>
      <c r="C22423" s="358" t="s">
        <v>12774</v>
      </c>
      <c r="D22423" s="358" t="s">
        <v>11188</v>
      </c>
      <c r="E22423" s="358" t="s">
        <v>11189</v>
      </c>
      <c r="F22423" s="358" t="s">
        <v>28949</v>
      </c>
      <c r="G22423" s="358" t="s">
        <v>14669</v>
      </c>
      <c r="H22423" s="358" t="s">
        <v>14381</v>
      </c>
      <c r="I22423" s="358" t="s">
        <v>14669</v>
      </c>
      <c r="J22423" s="358"/>
      <c r="K22423" s="358"/>
      <c r="L22423" s="358" t="s">
        <v>29799</v>
      </c>
    </row>
    <row r="22424" spans="2:12">
      <c r="B22424" s="367"/>
      <c r="C22424" s="360"/>
      <c r="D22424" s="367"/>
      <c r="E22424" s="367"/>
      <c r="F22424" s="367"/>
      <c r="G22424" s="360"/>
      <c r="H22424" s="360"/>
      <c r="I22424" s="360"/>
      <c r="J22424" s="365"/>
      <c r="K22424" s="365"/>
      <c r="L22424" s="367"/>
    </row>
    <row r="22425" spans="2:12">
      <c r="B22425" s="367"/>
      <c r="C22425" s="359" t="s">
        <v>12773</v>
      </c>
      <c r="D22425" s="367"/>
      <c r="E22425" s="367"/>
      <c r="F22425" s="367"/>
      <c r="G22425" s="359" t="s">
        <v>14890</v>
      </c>
      <c r="H22425" s="359" t="s">
        <v>14332</v>
      </c>
      <c r="I22425" s="359" t="s">
        <v>14890</v>
      </c>
      <c r="J22425" s="365"/>
      <c r="K22425" s="365"/>
      <c r="L22425" s="367"/>
    </row>
    <row r="22426" spans="2:12">
      <c r="B22426" s="367"/>
      <c r="C22426" s="360"/>
      <c r="D22426" s="367"/>
      <c r="E22426" s="367"/>
      <c r="F22426" s="367"/>
      <c r="G22426" s="360"/>
      <c r="H22426" s="360"/>
      <c r="I22426" s="360"/>
      <c r="J22426" s="365"/>
      <c r="K22426" s="365"/>
      <c r="L22426" s="367"/>
    </row>
    <row r="22427" spans="2:12" ht="71.25">
      <c r="B22427" s="368"/>
      <c r="C22427" s="361" t="s">
        <v>30575</v>
      </c>
      <c r="D22427" s="368"/>
      <c r="E22427" s="368"/>
      <c r="F22427" s="368"/>
      <c r="G22427" s="362"/>
      <c r="H22427" s="362"/>
      <c r="I22427" s="362"/>
      <c r="J22427" s="366"/>
      <c r="K22427" s="366"/>
      <c r="L22427" s="368"/>
    </row>
    <row r="22428" spans="2:12" ht="28.5">
      <c r="B22428" s="358" t="s">
        <v>11191</v>
      </c>
      <c r="C22428" s="358" t="s">
        <v>12775</v>
      </c>
      <c r="D22428" s="358" t="s">
        <v>11192</v>
      </c>
      <c r="E22428" s="358" t="s">
        <v>11193</v>
      </c>
      <c r="F22428" s="358" t="s">
        <v>28949</v>
      </c>
      <c r="G22428" s="358" t="s">
        <v>14669</v>
      </c>
      <c r="H22428" s="358" t="s">
        <v>14381</v>
      </c>
      <c r="I22428" s="358" t="s">
        <v>14669</v>
      </c>
      <c r="J22428" s="358"/>
      <c r="K22428" s="358"/>
      <c r="L22428" s="358" t="s">
        <v>29799</v>
      </c>
    </row>
    <row r="22429" spans="2:12">
      <c r="B22429" s="367"/>
      <c r="C22429" s="360"/>
      <c r="D22429" s="367"/>
      <c r="E22429" s="367"/>
      <c r="F22429" s="367"/>
      <c r="G22429" s="360"/>
      <c r="H22429" s="360"/>
      <c r="I22429" s="360"/>
      <c r="J22429" s="365"/>
      <c r="K22429" s="365"/>
      <c r="L22429" s="367"/>
    </row>
    <row r="22430" spans="2:12">
      <c r="B22430" s="367"/>
      <c r="C22430" s="359" t="s">
        <v>12773</v>
      </c>
      <c r="D22430" s="367"/>
      <c r="E22430" s="367"/>
      <c r="F22430" s="367"/>
      <c r="G22430" s="359" t="s">
        <v>14890</v>
      </c>
      <c r="H22430" s="359" t="s">
        <v>14332</v>
      </c>
      <c r="I22430" s="359" t="s">
        <v>14890</v>
      </c>
      <c r="J22430" s="365"/>
      <c r="K22430" s="365"/>
      <c r="L22430" s="367"/>
    </row>
    <row r="22431" spans="2:12">
      <c r="B22431" s="367"/>
      <c r="C22431" s="360"/>
      <c r="D22431" s="367"/>
      <c r="E22431" s="367"/>
      <c r="F22431" s="367"/>
      <c r="G22431" s="360"/>
      <c r="H22431" s="360"/>
      <c r="I22431" s="360"/>
      <c r="J22431" s="365"/>
      <c r="K22431" s="365"/>
      <c r="L22431" s="367"/>
    </row>
    <row r="22432" spans="2:12" ht="28.5">
      <c r="B22432" s="367"/>
      <c r="C22432" s="359" t="s">
        <v>29833</v>
      </c>
      <c r="D22432" s="367"/>
      <c r="E22432" s="367"/>
      <c r="F22432" s="367"/>
      <c r="G22432" s="360"/>
      <c r="H22432" s="360"/>
      <c r="I22432" s="360"/>
      <c r="J22432" s="365"/>
      <c r="K22432" s="365"/>
      <c r="L22432" s="367"/>
    </row>
    <row r="22433" spans="2:12">
      <c r="B22433" s="367"/>
      <c r="C22433" s="360"/>
      <c r="D22433" s="367"/>
      <c r="E22433" s="367"/>
      <c r="F22433" s="367"/>
      <c r="G22433" s="360"/>
      <c r="H22433" s="360"/>
      <c r="I22433" s="360"/>
      <c r="J22433" s="365"/>
      <c r="K22433" s="365"/>
      <c r="L22433" s="367"/>
    </row>
    <row r="22434" spans="2:12" ht="42.75">
      <c r="B22434" s="368"/>
      <c r="C22434" s="361" t="s">
        <v>30576</v>
      </c>
      <c r="D22434" s="368"/>
      <c r="E22434" s="368"/>
      <c r="F22434" s="368"/>
      <c r="G22434" s="362"/>
      <c r="H22434" s="362"/>
      <c r="I22434" s="362"/>
      <c r="J22434" s="366"/>
      <c r="K22434" s="366"/>
      <c r="L22434" s="368"/>
    </row>
    <row r="22435" spans="2:12" ht="28.5">
      <c r="B22435" s="358" t="s">
        <v>11196</v>
      </c>
      <c r="C22435" s="358" t="s">
        <v>29834</v>
      </c>
      <c r="D22435" s="358" t="s">
        <v>11197</v>
      </c>
      <c r="E22435" s="358" t="s">
        <v>12778</v>
      </c>
      <c r="F22435" s="358" t="s">
        <v>28949</v>
      </c>
      <c r="G22435" s="358" t="s">
        <v>14669</v>
      </c>
      <c r="H22435" s="358" t="s">
        <v>14381</v>
      </c>
      <c r="I22435" s="358" t="s">
        <v>14669</v>
      </c>
      <c r="J22435" s="358"/>
      <c r="K22435" s="358"/>
      <c r="L22435" s="358" t="s">
        <v>29799</v>
      </c>
    </row>
    <row r="22436" spans="2:12">
      <c r="B22436" s="367"/>
      <c r="C22436" s="360"/>
      <c r="D22436" s="367"/>
      <c r="E22436" s="367"/>
      <c r="F22436" s="367"/>
      <c r="G22436" s="360"/>
      <c r="H22436" s="360"/>
      <c r="I22436" s="360"/>
      <c r="J22436" s="365"/>
      <c r="K22436" s="365"/>
      <c r="L22436" s="367"/>
    </row>
    <row r="22437" spans="2:12" ht="57">
      <c r="B22437" s="368"/>
      <c r="C22437" s="361" t="s">
        <v>12777</v>
      </c>
      <c r="D22437" s="368"/>
      <c r="E22437" s="368"/>
      <c r="F22437" s="368"/>
      <c r="G22437" s="361" t="s">
        <v>14890</v>
      </c>
      <c r="H22437" s="361" t="s">
        <v>14332</v>
      </c>
      <c r="I22437" s="361" t="s">
        <v>14890</v>
      </c>
      <c r="J22437" s="366"/>
      <c r="K22437" s="366"/>
      <c r="L22437" s="368"/>
    </row>
    <row r="22438" spans="2:12">
      <c r="B22438" s="358" t="s">
        <v>11200</v>
      </c>
      <c r="C22438" s="358" t="s">
        <v>11199</v>
      </c>
      <c r="D22438" s="358" t="s">
        <v>11201</v>
      </c>
      <c r="E22438" s="358" t="s">
        <v>11202</v>
      </c>
      <c r="F22438" s="358" t="s">
        <v>14376</v>
      </c>
      <c r="G22438" s="358" t="s">
        <v>14669</v>
      </c>
      <c r="H22438" s="358" t="s">
        <v>14381</v>
      </c>
      <c r="I22438" s="358" t="s">
        <v>14669</v>
      </c>
      <c r="J22438" s="358"/>
      <c r="K22438" s="358"/>
      <c r="L22438" s="358" t="s">
        <v>10821</v>
      </c>
    </row>
    <row r="22439" spans="2:12">
      <c r="B22439" s="367"/>
      <c r="C22439" s="360"/>
      <c r="D22439" s="367"/>
      <c r="E22439" s="367"/>
      <c r="F22439" s="367"/>
      <c r="G22439" s="367"/>
      <c r="H22439" s="360"/>
      <c r="I22439" s="367"/>
      <c r="J22439" s="365"/>
      <c r="K22439" s="365"/>
      <c r="L22439" s="367"/>
    </row>
    <row r="22440" spans="2:12">
      <c r="B22440" s="367"/>
      <c r="C22440" s="359" t="s">
        <v>11034</v>
      </c>
      <c r="D22440" s="367"/>
      <c r="E22440" s="367"/>
      <c r="F22440" s="367"/>
      <c r="G22440" s="367"/>
      <c r="H22440" s="359" t="s">
        <v>14332</v>
      </c>
      <c r="I22440" s="367"/>
      <c r="J22440" s="365"/>
      <c r="K22440" s="365"/>
      <c r="L22440" s="367"/>
    </row>
    <row r="22441" spans="2:12">
      <c r="B22441" s="367"/>
      <c r="C22441" s="360"/>
      <c r="D22441" s="367"/>
      <c r="E22441" s="367"/>
      <c r="F22441" s="367"/>
      <c r="G22441" s="367"/>
      <c r="H22441" s="360"/>
      <c r="I22441" s="367"/>
      <c r="J22441" s="365"/>
      <c r="K22441" s="365"/>
      <c r="L22441" s="367"/>
    </row>
    <row r="22442" spans="2:12" ht="99.75">
      <c r="B22442" s="368"/>
      <c r="C22442" s="361" t="s">
        <v>30577</v>
      </c>
      <c r="D22442" s="368"/>
      <c r="E22442" s="368"/>
      <c r="F22442" s="368"/>
      <c r="G22442" s="368"/>
      <c r="H22442" s="362"/>
      <c r="I22442" s="368"/>
      <c r="J22442" s="366"/>
      <c r="K22442" s="366"/>
      <c r="L22442" s="368"/>
    </row>
    <row r="22443" spans="2:12" ht="28.5">
      <c r="B22443" s="358" t="s">
        <v>11204</v>
      </c>
      <c r="C22443" s="358" t="s">
        <v>29835</v>
      </c>
      <c r="D22443" s="358" t="s">
        <v>11205</v>
      </c>
      <c r="E22443" s="358" t="s">
        <v>11206</v>
      </c>
      <c r="F22443" s="358" t="s">
        <v>28949</v>
      </c>
      <c r="G22443" s="358" t="s">
        <v>14669</v>
      </c>
      <c r="H22443" s="358" t="s">
        <v>14381</v>
      </c>
      <c r="I22443" s="358" t="s">
        <v>14669</v>
      </c>
      <c r="J22443" s="358"/>
      <c r="K22443" s="358"/>
      <c r="L22443" s="358" t="s">
        <v>29799</v>
      </c>
    </row>
    <row r="22444" spans="2:12">
      <c r="B22444" s="367"/>
      <c r="C22444" s="367"/>
      <c r="D22444" s="367"/>
      <c r="E22444" s="367"/>
      <c r="F22444" s="367"/>
      <c r="G22444" s="360"/>
      <c r="H22444" s="360"/>
      <c r="I22444" s="360"/>
      <c r="J22444" s="365"/>
      <c r="K22444" s="365"/>
      <c r="L22444" s="367"/>
    </row>
    <row r="22445" spans="2:12">
      <c r="B22445" s="368"/>
      <c r="C22445" s="368"/>
      <c r="D22445" s="368"/>
      <c r="E22445" s="368"/>
      <c r="F22445" s="368"/>
      <c r="G22445" s="361" t="s">
        <v>14890</v>
      </c>
      <c r="H22445" s="361" t="s">
        <v>14332</v>
      </c>
      <c r="I22445" s="361" t="s">
        <v>14890</v>
      </c>
      <c r="J22445" s="366"/>
      <c r="K22445" s="366"/>
      <c r="L22445" s="368"/>
    </row>
    <row r="22446" spans="2:12" ht="28.5">
      <c r="B22446" s="358" t="s">
        <v>11209</v>
      </c>
      <c r="C22446" s="358" t="s">
        <v>29836</v>
      </c>
      <c r="D22446" s="358" t="s">
        <v>11210</v>
      </c>
      <c r="E22446" s="358" t="s">
        <v>11211</v>
      </c>
      <c r="F22446" s="358" t="s">
        <v>28949</v>
      </c>
      <c r="G22446" s="358" t="s">
        <v>14669</v>
      </c>
      <c r="H22446" s="358" t="s">
        <v>14381</v>
      </c>
      <c r="I22446" s="358" t="s">
        <v>14669</v>
      </c>
      <c r="J22446" s="358"/>
      <c r="K22446" s="358"/>
      <c r="L22446" s="358" t="s">
        <v>29799</v>
      </c>
    </row>
    <row r="22447" spans="2:12">
      <c r="B22447" s="367"/>
      <c r="C22447" s="360"/>
      <c r="D22447" s="367"/>
      <c r="E22447" s="367"/>
      <c r="F22447" s="367"/>
      <c r="G22447" s="360"/>
      <c r="H22447" s="360"/>
      <c r="I22447" s="360"/>
      <c r="J22447" s="365"/>
      <c r="K22447" s="365"/>
      <c r="L22447" s="367"/>
    </row>
    <row r="22448" spans="2:12" ht="85.5">
      <c r="B22448" s="368"/>
      <c r="C22448" s="361" t="s">
        <v>12782</v>
      </c>
      <c r="D22448" s="368"/>
      <c r="E22448" s="368"/>
      <c r="F22448" s="368"/>
      <c r="G22448" s="361" t="s">
        <v>14890</v>
      </c>
      <c r="H22448" s="361" t="s">
        <v>14332</v>
      </c>
      <c r="I22448" s="361" t="s">
        <v>14890</v>
      </c>
      <c r="J22448" s="366"/>
      <c r="K22448" s="366"/>
      <c r="L22448" s="368"/>
    </row>
    <row r="22449" spans="2:12" ht="28.5">
      <c r="B22449" s="358" t="s">
        <v>11214</v>
      </c>
      <c r="C22449" s="358" t="s">
        <v>29837</v>
      </c>
      <c r="D22449" s="358" t="s">
        <v>11215</v>
      </c>
      <c r="E22449" s="358" t="s">
        <v>11216</v>
      </c>
      <c r="F22449" s="358" t="s">
        <v>28949</v>
      </c>
      <c r="G22449" s="358" t="s">
        <v>14669</v>
      </c>
      <c r="H22449" s="358" t="s">
        <v>14381</v>
      </c>
      <c r="I22449" s="358" t="s">
        <v>14669</v>
      </c>
      <c r="J22449" s="358"/>
      <c r="K22449" s="358"/>
      <c r="L22449" s="358" t="s">
        <v>29799</v>
      </c>
    </row>
    <row r="22450" spans="2:12">
      <c r="B22450" s="367"/>
      <c r="C22450" s="360"/>
      <c r="D22450" s="367"/>
      <c r="E22450" s="367"/>
      <c r="F22450" s="367"/>
      <c r="G22450" s="360"/>
      <c r="H22450" s="360"/>
      <c r="I22450" s="360"/>
      <c r="J22450" s="365"/>
      <c r="K22450" s="365"/>
      <c r="L22450" s="367"/>
    </row>
    <row r="22451" spans="2:12" ht="85.5">
      <c r="B22451" s="368"/>
      <c r="C22451" s="361" t="s">
        <v>12784</v>
      </c>
      <c r="D22451" s="368"/>
      <c r="E22451" s="368"/>
      <c r="F22451" s="368"/>
      <c r="G22451" s="361" t="s">
        <v>14890</v>
      </c>
      <c r="H22451" s="361" t="s">
        <v>14332</v>
      </c>
      <c r="I22451" s="361" t="s">
        <v>14890</v>
      </c>
      <c r="J22451" s="366"/>
      <c r="K22451" s="366"/>
      <c r="L22451" s="368"/>
    </row>
    <row r="22452" spans="2:12">
      <c r="B22452" s="358" t="s">
        <v>11219</v>
      </c>
      <c r="C22452" s="358" t="s">
        <v>26038</v>
      </c>
      <c r="D22452" s="358" t="s">
        <v>11220</v>
      </c>
      <c r="E22452" s="358" t="s">
        <v>11221</v>
      </c>
      <c r="F22452" s="358" t="s">
        <v>14376</v>
      </c>
      <c r="G22452" s="358" t="s">
        <v>14669</v>
      </c>
      <c r="H22452" s="358" t="s">
        <v>14381</v>
      </c>
      <c r="I22452" s="358" t="s">
        <v>14669</v>
      </c>
      <c r="J22452" s="358"/>
      <c r="K22452" s="358"/>
      <c r="L22452" s="358" t="s">
        <v>10821</v>
      </c>
    </row>
    <row r="22453" spans="2:12">
      <c r="B22453" s="367"/>
      <c r="C22453" s="360"/>
      <c r="D22453" s="367"/>
      <c r="E22453" s="367"/>
      <c r="F22453" s="367"/>
      <c r="G22453" s="367"/>
      <c r="H22453" s="360"/>
      <c r="I22453" s="367"/>
      <c r="J22453" s="365"/>
      <c r="K22453" s="365"/>
      <c r="L22453" s="367"/>
    </row>
    <row r="22454" spans="2:12" ht="42.75">
      <c r="B22454" s="368"/>
      <c r="C22454" s="361" t="s">
        <v>26039</v>
      </c>
      <c r="D22454" s="368"/>
      <c r="E22454" s="368"/>
      <c r="F22454" s="368"/>
      <c r="G22454" s="368"/>
      <c r="H22454" s="361" t="s">
        <v>14332</v>
      </c>
      <c r="I22454" s="368"/>
      <c r="J22454" s="366"/>
      <c r="K22454" s="366"/>
      <c r="L22454" s="368"/>
    </row>
    <row r="22455" spans="2:12">
      <c r="B22455" s="358" t="s">
        <v>11224</v>
      </c>
      <c r="C22455" s="358" t="s">
        <v>26040</v>
      </c>
      <c r="D22455" s="358" t="s">
        <v>11225</v>
      </c>
      <c r="E22455" s="358" t="s">
        <v>11226</v>
      </c>
      <c r="F22455" s="358" t="s">
        <v>14376</v>
      </c>
      <c r="G22455" s="358" t="s">
        <v>14669</v>
      </c>
      <c r="H22455" s="358" t="s">
        <v>14381</v>
      </c>
      <c r="I22455" s="358" t="s">
        <v>14669</v>
      </c>
      <c r="J22455" s="358"/>
      <c r="K22455" s="358"/>
      <c r="L22455" s="358" t="s">
        <v>10821</v>
      </c>
    </row>
    <row r="22456" spans="2:12">
      <c r="B22456" s="367"/>
      <c r="C22456" s="360"/>
      <c r="D22456" s="367"/>
      <c r="E22456" s="367"/>
      <c r="F22456" s="367"/>
      <c r="G22456" s="367"/>
      <c r="H22456" s="360"/>
      <c r="I22456" s="367"/>
      <c r="J22456" s="365"/>
      <c r="K22456" s="365"/>
      <c r="L22456" s="367"/>
    </row>
    <row r="22457" spans="2:12" ht="128.25">
      <c r="B22457" s="368"/>
      <c r="C22457" s="361" t="s">
        <v>26041</v>
      </c>
      <c r="D22457" s="368"/>
      <c r="E22457" s="368"/>
      <c r="F22457" s="368"/>
      <c r="G22457" s="368"/>
      <c r="H22457" s="361" t="s">
        <v>14332</v>
      </c>
      <c r="I22457" s="368"/>
      <c r="J22457" s="366"/>
      <c r="K22457" s="366"/>
      <c r="L22457" s="368"/>
    </row>
    <row r="22458" spans="2:12" ht="128.25">
      <c r="B22458" s="358" t="s">
        <v>11229</v>
      </c>
      <c r="C22458" s="358" t="s">
        <v>29838</v>
      </c>
      <c r="D22458" s="358" t="s">
        <v>11230</v>
      </c>
      <c r="E22458" s="358" t="s">
        <v>11231</v>
      </c>
      <c r="F22458" s="358" t="s">
        <v>14376</v>
      </c>
      <c r="G22458" s="358" t="s">
        <v>14669</v>
      </c>
      <c r="H22458" s="358" t="s">
        <v>14381</v>
      </c>
      <c r="I22458" s="358" t="s">
        <v>14669</v>
      </c>
      <c r="J22458" s="358"/>
      <c r="K22458" s="358"/>
      <c r="L22458" s="358" t="s">
        <v>10821</v>
      </c>
    </row>
    <row r="22459" spans="2:12">
      <c r="B22459" s="367"/>
      <c r="C22459" s="367"/>
      <c r="D22459" s="367"/>
      <c r="E22459" s="367"/>
      <c r="F22459" s="367"/>
      <c r="G22459" s="367"/>
      <c r="H22459" s="360"/>
      <c r="I22459" s="367"/>
      <c r="J22459" s="365"/>
      <c r="K22459" s="365"/>
      <c r="L22459" s="367"/>
    </row>
    <row r="22460" spans="2:12">
      <c r="B22460" s="368"/>
      <c r="C22460" s="368"/>
      <c r="D22460" s="368"/>
      <c r="E22460" s="368"/>
      <c r="F22460" s="368"/>
      <c r="G22460" s="368"/>
      <c r="H22460" s="361" t="s">
        <v>14332</v>
      </c>
      <c r="I22460" s="368"/>
      <c r="J22460" s="366"/>
      <c r="K22460" s="366"/>
      <c r="L22460" s="368"/>
    </row>
    <row r="22461" spans="2:12">
      <c r="B22461" s="358" t="s">
        <v>9548</v>
      </c>
      <c r="C22461" s="358" t="s">
        <v>9547</v>
      </c>
      <c r="D22461" s="358" t="s">
        <v>9549</v>
      </c>
      <c r="E22461" s="358" t="s">
        <v>9550</v>
      </c>
      <c r="F22461" s="358" t="s">
        <v>16528</v>
      </c>
      <c r="G22461" s="358" t="s">
        <v>14669</v>
      </c>
      <c r="H22461" s="358" t="s">
        <v>14381</v>
      </c>
      <c r="I22461" s="358" t="s">
        <v>14669</v>
      </c>
      <c r="J22461" s="358"/>
      <c r="K22461" s="358"/>
      <c r="L22461" s="358"/>
    </row>
    <row r="22462" spans="2:12">
      <c r="B22462" s="367"/>
      <c r="C22462" s="360"/>
      <c r="D22462" s="367"/>
      <c r="E22462" s="367"/>
      <c r="F22462" s="367"/>
      <c r="G22462" s="367"/>
      <c r="H22462" s="360"/>
      <c r="I22462" s="367"/>
      <c r="J22462" s="365"/>
      <c r="K22462" s="365"/>
      <c r="L22462" s="365"/>
    </row>
    <row r="22463" spans="2:12" ht="85.5">
      <c r="B22463" s="368"/>
      <c r="C22463" s="361" t="s">
        <v>30578</v>
      </c>
      <c r="D22463" s="368"/>
      <c r="E22463" s="368"/>
      <c r="F22463" s="368"/>
      <c r="G22463" s="368"/>
      <c r="H22463" s="361" t="s">
        <v>14332</v>
      </c>
      <c r="I22463" s="368"/>
      <c r="J22463" s="366"/>
      <c r="K22463" s="366"/>
      <c r="L22463" s="366"/>
    </row>
    <row r="22464" spans="2:12">
      <c r="B22464" s="358" t="s">
        <v>9553</v>
      </c>
      <c r="C22464" s="358" t="s">
        <v>26042</v>
      </c>
      <c r="D22464" s="358" t="s">
        <v>9554</v>
      </c>
      <c r="E22464" s="358" t="s">
        <v>9555</v>
      </c>
      <c r="F22464" s="358" t="s">
        <v>16528</v>
      </c>
      <c r="G22464" s="358" t="s">
        <v>14669</v>
      </c>
      <c r="H22464" s="358" t="s">
        <v>14381</v>
      </c>
      <c r="I22464" s="358" t="s">
        <v>14669</v>
      </c>
      <c r="J22464" s="358"/>
      <c r="K22464" s="358"/>
      <c r="L22464" s="358"/>
    </row>
    <row r="22465" spans="2:12">
      <c r="B22465" s="367"/>
      <c r="C22465" s="360"/>
      <c r="D22465" s="367"/>
      <c r="E22465" s="367"/>
      <c r="F22465" s="367"/>
      <c r="G22465" s="367"/>
      <c r="H22465" s="360"/>
      <c r="I22465" s="367"/>
      <c r="J22465" s="365"/>
      <c r="K22465" s="365"/>
      <c r="L22465" s="365"/>
    </row>
    <row r="22466" spans="2:12" ht="71.25">
      <c r="B22466" s="368"/>
      <c r="C22466" s="361" t="s">
        <v>26043</v>
      </c>
      <c r="D22466" s="368"/>
      <c r="E22466" s="368"/>
      <c r="F22466" s="368"/>
      <c r="G22466" s="368"/>
      <c r="H22466" s="361" t="s">
        <v>14332</v>
      </c>
      <c r="I22466" s="368"/>
      <c r="J22466" s="366"/>
      <c r="K22466" s="366"/>
      <c r="L22466" s="366"/>
    </row>
    <row r="22467" spans="2:12" ht="28.5">
      <c r="B22467" s="358" t="s">
        <v>11233</v>
      </c>
      <c r="C22467" s="358" t="s">
        <v>29839</v>
      </c>
      <c r="D22467" s="358" t="s">
        <v>11234</v>
      </c>
      <c r="E22467" s="358" t="s">
        <v>11235</v>
      </c>
      <c r="F22467" s="358" t="s">
        <v>28949</v>
      </c>
      <c r="G22467" s="358" t="s">
        <v>14669</v>
      </c>
      <c r="H22467" s="358" t="s">
        <v>14381</v>
      </c>
      <c r="I22467" s="358" t="s">
        <v>14669</v>
      </c>
      <c r="J22467" s="358"/>
      <c r="K22467" s="358"/>
      <c r="L22467" s="358" t="s">
        <v>10670</v>
      </c>
    </row>
    <row r="22468" spans="2:12">
      <c r="B22468" s="367"/>
      <c r="C22468" s="360"/>
      <c r="D22468" s="367"/>
      <c r="E22468" s="367"/>
      <c r="F22468" s="367"/>
      <c r="G22468" s="360"/>
      <c r="H22468" s="360"/>
      <c r="I22468" s="360"/>
      <c r="J22468" s="365"/>
      <c r="K22468" s="365"/>
      <c r="L22468" s="367"/>
    </row>
    <row r="22469" spans="2:12" ht="71.25">
      <c r="B22469" s="368"/>
      <c r="C22469" s="361" t="s">
        <v>30579</v>
      </c>
      <c r="D22469" s="368"/>
      <c r="E22469" s="368"/>
      <c r="F22469" s="368"/>
      <c r="G22469" s="361" t="s">
        <v>14890</v>
      </c>
      <c r="H22469" s="361" t="s">
        <v>14332</v>
      </c>
      <c r="I22469" s="361" t="s">
        <v>14890</v>
      </c>
      <c r="J22469" s="366"/>
      <c r="K22469" s="366"/>
      <c r="L22469" s="368"/>
    </row>
    <row r="22470" spans="2:12" ht="28.5">
      <c r="B22470" s="358" t="s">
        <v>11237</v>
      </c>
      <c r="C22470" s="358" t="s">
        <v>12787</v>
      </c>
      <c r="D22470" s="358" t="s">
        <v>11238</v>
      </c>
      <c r="E22470" s="358" t="s">
        <v>11239</v>
      </c>
      <c r="F22470" s="358" t="s">
        <v>28949</v>
      </c>
      <c r="G22470" s="358" t="s">
        <v>14669</v>
      </c>
      <c r="H22470" s="358" t="s">
        <v>14381</v>
      </c>
      <c r="I22470" s="358" t="s">
        <v>14669</v>
      </c>
      <c r="J22470" s="358"/>
      <c r="K22470" s="358"/>
      <c r="L22470" s="358" t="s">
        <v>10670</v>
      </c>
    </row>
    <row r="22471" spans="2:12">
      <c r="B22471" s="367"/>
      <c r="C22471" s="360"/>
      <c r="D22471" s="367"/>
      <c r="E22471" s="367"/>
      <c r="F22471" s="367"/>
      <c r="G22471" s="360"/>
      <c r="H22471" s="360"/>
      <c r="I22471" s="360"/>
      <c r="J22471" s="365"/>
      <c r="K22471" s="365"/>
      <c r="L22471" s="367"/>
    </row>
    <row r="22472" spans="2:12" ht="57">
      <c r="B22472" s="367"/>
      <c r="C22472" s="359" t="s">
        <v>30580</v>
      </c>
      <c r="D22472" s="367"/>
      <c r="E22472" s="367"/>
      <c r="F22472" s="367"/>
      <c r="G22472" s="359" t="s">
        <v>14890</v>
      </c>
      <c r="H22472" s="359" t="s">
        <v>14332</v>
      </c>
      <c r="I22472" s="359" t="s">
        <v>14890</v>
      </c>
      <c r="J22472" s="365"/>
      <c r="K22472" s="365"/>
      <c r="L22472" s="367"/>
    </row>
    <row r="22473" spans="2:12">
      <c r="B22473" s="367"/>
      <c r="C22473" s="360"/>
      <c r="D22473" s="367"/>
      <c r="E22473" s="367"/>
      <c r="F22473" s="367"/>
      <c r="G22473" s="360"/>
      <c r="H22473" s="360"/>
      <c r="I22473" s="360"/>
      <c r="J22473" s="365"/>
      <c r="K22473" s="365"/>
      <c r="L22473" s="367"/>
    </row>
    <row r="22474" spans="2:12" ht="71.25">
      <c r="B22474" s="368"/>
      <c r="C22474" s="361" t="s">
        <v>30581</v>
      </c>
      <c r="D22474" s="368"/>
      <c r="E22474" s="368"/>
      <c r="F22474" s="368"/>
      <c r="G22474" s="362"/>
      <c r="H22474" s="362"/>
      <c r="I22474" s="362"/>
      <c r="J22474" s="366"/>
      <c r="K22474" s="366"/>
      <c r="L22474" s="368"/>
    </row>
    <row r="22475" spans="2:12" ht="28.5">
      <c r="B22475" s="358" t="s">
        <v>11241</v>
      </c>
      <c r="C22475" s="358" t="s">
        <v>12788</v>
      </c>
      <c r="D22475" s="358" t="s">
        <v>11242</v>
      </c>
      <c r="E22475" s="358" t="s">
        <v>11243</v>
      </c>
      <c r="F22475" s="358" t="s">
        <v>28949</v>
      </c>
      <c r="G22475" s="358" t="s">
        <v>14669</v>
      </c>
      <c r="H22475" s="358" t="s">
        <v>14381</v>
      </c>
      <c r="I22475" s="358" t="s">
        <v>14669</v>
      </c>
      <c r="J22475" s="358"/>
      <c r="K22475" s="358"/>
      <c r="L22475" s="358" t="s">
        <v>10670</v>
      </c>
    </row>
    <row r="22476" spans="2:12">
      <c r="B22476" s="367"/>
      <c r="C22476" s="360"/>
      <c r="D22476" s="367"/>
      <c r="E22476" s="367"/>
      <c r="F22476" s="367"/>
      <c r="G22476" s="360"/>
      <c r="H22476" s="360"/>
      <c r="I22476" s="360"/>
      <c r="J22476" s="365"/>
      <c r="K22476" s="365"/>
      <c r="L22476" s="367"/>
    </row>
    <row r="22477" spans="2:12" ht="142.5">
      <c r="B22477" s="368"/>
      <c r="C22477" s="361" t="s">
        <v>30582</v>
      </c>
      <c r="D22477" s="368"/>
      <c r="E22477" s="368"/>
      <c r="F22477" s="368"/>
      <c r="G22477" s="361" t="s">
        <v>14890</v>
      </c>
      <c r="H22477" s="361" t="s">
        <v>14332</v>
      </c>
      <c r="I22477" s="361" t="s">
        <v>14890</v>
      </c>
      <c r="J22477" s="366"/>
      <c r="K22477" s="366"/>
      <c r="L22477" s="368"/>
    </row>
    <row r="22478" spans="2:12" ht="28.5">
      <c r="B22478" s="358" t="s">
        <v>11245</v>
      </c>
      <c r="C22478" s="358" t="s">
        <v>12789</v>
      </c>
      <c r="D22478" s="358" t="s">
        <v>11246</v>
      </c>
      <c r="E22478" s="358" t="s">
        <v>11247</v>
      </c>
      <c r="F22478" s="358" t="s">
        <v>28949</v>
      </c>
      <c r="G22478" s="358" t="s">
        <v>14669</v>
      </c>
      <c r="H22478" s="358" t="s">
        <v>14381</v>
      </c>
      <c r="I22478" s="358" t="s">
        <v>14669</v>
      </c>
      <c r="J22478" s="358"/>
      <c r="K22478" s="358"/>
      <c r="L22478" s="358" t="s">
        <v>10670</v>
      </c>
    </row>
    <row r="22479" spans="2:12">
      <c r="B22479" s="367"/>
      <c r="C22479" s="360"/>
      <c r="D22479" s="367"/>
      <c r="E22479" s="367"/>
      <c r="F22479" s="367"/>
      <c r="G22479" s="360"/>
      <c r="H22479" s="360"/>
      <c r="I22479" s="360"/>
      <c r="J22479" s="365"/>
      <c r="K22479" s="365"/>
      <c r="L22479" s="367"/>
    </row>
    <row r="22480" spans="2:12" ht="142.5">
      <c r="B22480" s="368"/>
      <c r="C22480" s="361" t="s">
        <v>30583</v>
      </c>
      <c r="D22480" s="368"/>
      <c r="E22480" s="368"/>
      <c r="F22480" s="368"/>
      <c r="G22480" s="361" t="s">
        <v>14890</v>
      </c>
      <c r="H22480" s="361" t="s">
        <v>14332</v>
      </c>
      <c r="I22480" s="361" t="s">
        <v>14890</v>
      </c>
      <c r="J22480" s="366"/>
      <c r="K22480" s="366"/>
      <c r="L22480" s="368"/>
    </row>
    <row r="22481" spans="2:12">
      <c r="B22481" s="358" t="s">
        <v>11249</v>
      </c>
      <c r="C22481" s="358" t="s">
        <v>26044</v>
      </c>
      <c r="D22481" s="358" t="s">
        <v>11250</v>
      </c>
      <c r="E22481" s="358" t="s">
        <v>11251</v>
      </c>
      <c r="F22481" s="358" t="s">
        <v>14376</v>
      </c>
      <c r="G22481" s="358" t="s">
        <v>14669</v>
      </c>
      <c r="H22481" s="358" t="s">
        <v>14381</v>
      </c>
      <c r="I22481" s="358" t="s">
        <v>14669</v>
      </c>
      <c r="J22481" s="358"/>
      <c r="K22481" s="358"/>
      <c r="L22481" s="358"/>
    </row>
    <row r="22482" spans="2:12">
      <c r="B22482" s="367"/>
      <c r="C22482" s="360"/>
      <c r="D22482" s="367"/>
      <c r="E22482" s="367"/>
      <c r="F22482" s="367"/>
      <c r="G22482" s="367"/>
      <c r="H22482" s="360"/>
      <c r="I22482" s="367"/>
      <c r="J22482" s="365"/>
      <c r="K22482" s="365"/>
      <c r="L22482" s="365"/>
    </row>
    <row r="22483" spans="2:12" ht="128.25">
      <c r="B22483" s="368"/>
      <c r="C22483" s="361" t="s">
        <v>30584</v>
      </c>
      <c r="D22483" s="368"/>
      <c r="E22483" s="368"/>
      <c r="F22483" s="368"/>
      <c r="G22483" s="368"/>
      <c r="H22483" s="361" t="s">
        <v>14332</v>
      </c>
      <c r="I22483" s="368"/>
      <c r="J22483" s="366"/>
      <c r="K22483" s="366"/>
      <c r="L22483" s="366"/>
    </row>
    <row r="22484" spans="2:12" ht="28.5">
      <c r="B22484" s="358" t="s">
        <v>11253</v>
      </c>
      <c r="C22484" s="358" t="s">
        <v>12790</v>
      </c>
      <c r="D22484" s="358" t="s">
        <v>11254</v>
      </c>
      <c r="E22484" s="358" t="s">
        <v>11255</v>
      </c>
      <c r="F22484" s="358" t="s">
        <v>28949</v>
      </c>
      <c r="G22484" s="358" t="s">
        <v>14669</v>
      </c>
      <c r="H22484" s="358" t="s">
        <v>14381</v>
      </c>
      <c r="I22484" s="358" t="s">
        <v>14669</v>
      </c>
      <c r="J22484" s="358"/>
      <c r="K22484" s="358"/>
      <c r="L22484" s="358" t="s">
        <v>10670</v>
      </c>
    </row>
    <row r="22485" spans="2:12">
      <c r="B22485" s="367"/>
      <c r="C22485" s="360"/>
      <c r="D22485" s="367"/>
      <c r="E22485" s="367"/>
      <c r="F22485" s="367"/>
      <c r="G22485" s="360"/>
      <c r="H22485" s="360"/>
      <c r="I22485" s="360"/>
      <c r="J22485" s="365"/>
      <c r="K22485" s="365"/>
      <c r="L22485" s="367"/>
    </row>
    <row r="22486" spans="2:12" ht="142.5">
      <c r="B22486" s="368"/>
      <c r="C22486" s="361" t="s">
        <v>30585</v>
      </c>
      <c r="D22486" s="368"/>
      <c r="E22486" s="368"/>
      <c r="F22486" s="368"/>
      <c r="G22486" s="361" t="s">
        <v>14890</v>
      </c>
      <c r="H22486" s="361" t="s">
        <v>14332</v>
      </c>
      <c r="I22486" s="361" t="s">
        <v>14890</v>
      </c>
      <c r="J22486" s="366"/>
      <c r="K22486" s="366"/>
      <c r="L22486" s="368"/>
    </row>
    <row r="22487" spans="2:12" ht="28.5">
      <c r="B22487" s="358" t="s">
        <v>11257</v>
      </c>
      <c r="C22487" s="358" t="s">
        <v>12791</v>
      </c>
      <c r="D22487" s="358" t="s">
        <v>11258</v>
      </c>
      <c r="E22487" s="358" t="s">
        <v>11259</v>
      </c>
      <c r="F22487" s="358" t="s">
        <v>28949</v>
      </c>
      <c r="G22487" s="358" t="s">
        <v>14669</v>
      </c>
      <c r="H22487" s="358" t="s">
        <v>14381</v>
      </c>
      <c r="I22487" s="358" t="s">
        <v>14669</v>
      </c>
      <c r="J22487" s="358"/>
      <c r="K22487" s="358"/>
      <c r="L22487" s="358" t="s">
        <v>10670</v>
      </c>
    </row>
    <row r="22488" spans="2:12">
      <c r="B22488" s="367"/>
      <c r="C22488" s="360"/>
      <c r="D22488" s="367"/>
      <c r="E22488" s="367"/>
      <c r="F22488" s="367"/>
      <c r="G22488" s="360"/>
      <c r="H22488" s="360"/>
      <c r="I22488" s="360"/>
      <c r="J22488" s="365"/>
      <c r="K22488" s="365"/>
      <c r="L22488" s="367"/>
    </row>
    <row r="22489" spans="2:12" ht="128.25">
      <c r="B22489" s="368"/>
      <c r="C22489" s="361" t="s">
        <v>30586</v>
      </c>
      <c r="D22489" s="368"/>
      <c r="E22489" s="368"/>
      <c r="F22489" s="368"/>
      <c r="G22489" s="361" t="s">
        <v>14890</v>
      </c>
      <c r="H22489" s="361" t="s">
        <v>14332</v>
      </c>
      <c r="I22489" s="361" t="s">
        <v>14890</v>
      </c>
      <c r="J22489" s="366"/>
      <c r="K22489" s="366"/>
      <c r="L22489" s="368"/>
    </row>
    <row r="22490" spans="2:12" ht="28.5">
      <c r="B22490" s="358" t="s">
        <v>26045</v>
      </c>
      <c r="C22490" s="358" t="s">
        <v>29840</v>
      </c>
      <c r="D22490" s="358" t="s">
        <v>26046</v>
      </c>
      <c r="E22490" s="358" t="s">
        <v>26047</v>
      </c>
      <c r="F22490" s="358" t="s">
        <v>14443</v>
      </c>
      <c r="G22490" s="358" t="s">
        <v>14444</v>
      </c>
      <c r="H22490" s="358" t="s">
        <v>14381</v>
      </c>
      <c r="I22490" s="358" t="s">
        <v>14669</v>
      </c>
      <c r="J22490" s="358"/>
      <c r="K22490" s="358"/>
      <c r="L22490" s="358"/>
    </row>
    <row r="22491" spans="2:12">
      <c r="B22491" s="367"/>
      <c r="C22491" s="360"/>
      <c r="D22491" s="367"/>
      <c r="E22491" s="367"/>
      <c r="F22491" s="367"/>
      <c r="G22491" s="367"/>
      <c r="H22491" s="360"/>
      <c r="I22491" s="367"/>
      <c r="J22491" s="365"/>
      <c r="K22491" s="365"/>
      <c r="L22491" s="365"/>
    </row>
    <row r="22492" spans="2:12" ht="142.5">
      <c r="B22492" s="368"/>
      <c r="C22492" s="361" t="s">
        <v>30587</v>
      </c>
      <c r="D22492" s="368"/>
      <c r="E22492" s="368"/>
      <c r="F22492" s="368"/>
      <c r="G22492" s="368"/>
      <c r="H22492" s="361" t="s">
        <v>14422</v>
      </c>
      <c r="I22492" s="368"/>
      <c r="J22492" s="366"/>
      <c r="K22492" s="366"/>
      <c r="L22492" s="366"/>
    </row>
    <row r="22493" spans="2:12" ht="156.75">
      <c r="B22493" s="358" t="s">
        <v>26048</v>
      </c>
      <c r="C22493" s="358" t="s">
        <v>30588</v>
      </c>
      <c r="D22493" s="358" t="s">
        <v>26049</v>
      </c>
      <c r="E22493" s="358" t="s">
        <v>26050</v>
      </c>
      <c r="F22493" s="358" t="s">
        <v>14443</v>
      </c>
      <c r="G22493" s="358" t="s">
        <v>14444</v>
      </c>
      <c r="H22493" s="358" t="s">
        <v>14381</v>
      </c>
      <c r="I22493" s="358" t="s">
        <v>14669</v>
      </c>
      <c r="J22493" s="358"/>
      <c r="K22493" s="358"/>
      <c r="L22493" s="358"/>
    </row>
    <row r="22494" spans="2:12">
      <c r="B22494" s="367"/>
      <c r="C22494" s="367"/>
      <c r="D22494" s="367"/>
      <c r="E22494" s="367"/>
      <c r="F22494" s="367"/>
      <c r="G22494" s="367"/>
      <c r="H22494" s="360"/>
      <c r="I22494" s="367"/>
      <c r="J22494" s="365"/>
      <c r="K22494" s="365"/>
      <c r="L22494" s="365"/>
    </row>
    <row r="22495" spans="2:12">
      <c r="B22495" s="368"/>
      <c r="C22495" s="368"/>
      <c r="D22495" s="368"/>
      <c r="E22495" s="368"/>
      <c r="F22495" s="368"/>
      <c r="G22495" s="368"/>
      <c r="H22495" s="361" t="s">
        <v>14422</v>
      </c>
      <c r="I22495" s="368"/>
      <c r="J22495" s="366"/>
      <c r="K22495" s="366"/>
      <c r="L22495" s="366"/>
    </row>
    <row r="22496" spans="2:12" ht="71.25">
      <c r="B22496" s="358" t="s">
        <v>11261</v>
      </c>
      <c r="C22496" s="358" t="s">
        <v>30589</v>
      </c>
      <c r="D22496" s="358" t="s">
        <v>11262</v>
      </c>
      <c r="E22496" s="358" t="s">
        <v>11263</v>
      </c>
      <c r="F22496" s="358" t="s">
        <v>28949</v>
      </c>
      <c r="G22496" s="358" t="s">
        <v>14669</v>
      </c>
      <c r="H22496" s="358" t="s">
        <v>14381</v>
      </c>
      <c r="I22496" s="358" t="s">
        <v>14669</v>
      </c>
      <c r="J22496" s="358"/>
      <c r="K22496" s="358"/>
      <c r="L22496" s="358" t="s">
        <v>10670</v>
      </c>
    </row>
    <row r="22497" spans="2:12">
      <c r="B22497" s="367"/>
      <c r="C22497" s="367"/>
      <c r="D22497" s="367"/>
      <c r="E22497" s="367"/>
      <c r="F22497" s="367"/>
      <c r="G22497" s="360"/>
      <c r="H22497" s="360"/>
      <c r="I22497" s="360"/>
      <c r="J22497" s="365"/>
      <c r="K22497" s="365"/>
      <c r="L22497" s="367"/>
    </row>
    <row r="22498" spans="2:12">
      <c r="B22498" s="368"/>
      <c r="C22498" s="368"/>
      <c r="D22498" s="368"/>
      <c r="E22498" s="368"/>
      <c r="F22498" s="368"/>
      <c r="G22498" s="361" t="s">
        <v>14890</v>
      </c>
      <c r="H22498" s="361" t="s">
        <v>14332</v>
      </c>
      <c r="I22498" s="361" t="s">
        <v>14890</v>
      </c>
      <c r="J22498" s="366"/>
      <c r="K22498" s="366"/>
      <c r="L22498" s="368"/>
    </row>
    <row r="22499" spans="2:12">
      <c r="B22499" s="358" t="s">
        <v>11265</v>
      </c>
      <c r="C22499" s="358" t="s">
        <v>11264</v>
      </c>
      <c r="D22499" s="358" t="s">
        <v>11266</v>
      </c>
      <c r="E22499" s="358" t="s">
        <v>11267</v>
      </c>
      <c r="F22499" s="358" t="s">
        <v>14376</v>
      </c>
      <c r="G22499" s="358" t="s">
        <v>14669</v>
      </c>
      <c r="H22499" s="358" t="s">
        <v>14381</v>
      </c>
      <c r="I22499" s="358" t="s">
        <v>14669</v>
      </c>
      <c r="J22499" s="358"/>
      <c r="K22499" s="358"/>
      <c r="L22499" s="358"/>
    </row>
    <row r="22500" spans="2:12">
      <c r="B22500" s="367"/>
      <c r="C22500" s="367"/>
      <c r="D22500" s="367"/>
      <c r="E22500" s="367"/>
      <c r="F22500" s="367"/>
      <c r="G22500" s="367"/>
      <c r="H22500" s="360"/>
      <c r="I22500" s="367"/>
      <c r="J22500" s="365"/>
      <c r="K22500" s="365"/>
      <c r="L22500" s="365"/>
    </row>
    <row r="22501" spans="2:12">
      <c r="B22501" s="368"/>
      <c r="C22501" s="368"/>
      <c r="D22501" s="368"/>
      <c r="E22501" s="368"/>
      <c r="F22501" s="368"/>
      <c r="G22501" s="368"/>
      <c r="H22501" s="361" t="s">
        <v>14332</v>
      </c>
      <c r="I22501" s="368"/>
      <c r="J22501" s="366"/>
      <c r="K22501" s="366"/>
      <c r="L22501" s="366"/>
    </row>
    <row r="22502" spans="2:12">
      <c r="B22502" s="358" t="s">
        <v>11269</v>
      </c>
      <c r="C22502" s="358" t="s">
        <v>11268</v>
      </c>
      <c r="D22502" s="358" t="s">
        <v>11270</v>
      </c>
      <c r="E22502" s="358" t="s">
        <v>11271</v>
      </c>
      <c r="F22502" s="358" t="s">
        <v>14376</v>
      </c>
      <c r="G22502" s="358" t="s">
        <v>14669</v>
      </c>
      <c r="H22502" s="358" t="s">
        <v>14381</v>
      </c>
      <c r="I22502" s="358" t="s">
        <v>14669</v>
      </c>
      <c r="J22502" s="358"/>
      <c r="K22502" s="358"/>
      <c r="L22502" s="358"/>
    </row>
    <row r="22503" spans="2:12">
      <c r="B22503" s="367"/>
      <c r="C22503" s="367"/>
      <c r="D22503" s="367"/>
      <c r="E22503" s="367"/>
      <c r="F22503" s="367"/>
      <c r="G22503" s="367"/>
      <c r="H22503" s="360"/>
      <c r="I22503" s="367"/>
      <c r="J22503" s="365"/>
      <c r="K22503" s="365"/>
      <c r="L22503" s="365"/>
    </row>
    <row r="22504" spans="2:12">
      <c r="B22504" s="368"/>
      <c r="C22504" s="368"/>
      <c r="D22504" s="368"/>
      <c r="E22504" s="368"/>
      <c r="F22504" s="368"/>
      <c r="G22504" s="368"/>
      <c r="H22504" s="361" t="s">
        <v>14332</v>
      </c>
      <c r="I22504" s="368"/>
      <c r="J22504" s="366"/>
      <c r="K22504" s="366"/>
      <c r="L22504" s="366"/>
    </row>
    <row r="22505" spans="2:12">
      <c r="B22505" s="358" t="s">
        <v>11273</v>
      </c>
      <c r="C22505" s="358" t="s">
        <v>11272</v>
      </c>
      <c r="D22505" s="358" t="s">
        <v>11274</v>
      </c>
      <c r="E22505" s="358" t="s">
        <v>26051</v>
      </c>
      <c r="F22505" s="358" t="s">
        <v>14376</v>
      </c>
      <c r="G22505" s="358" t="s">
        <v>14669</v>
      </c>
      <c r="H22505" s="358" t="s">
        <v>14381</v>
      </c>
      <c r="I22505" s="358" t="s">
        <v>14669</v>
      </c>
      <c r="J22505" s="358"/>
      <c r="K22505" s="358"/>
      <c r="L22505" s="358"/>
    </row>
    <row r="22506" spans="2:12">
      <c r="B22506" s="367"/>
      <c r="C22506" s="367"/>
      <c r="D22506" s="367"/>
      <c r="E22506" s="367"/>
      <c r="F22506" s="367"/>
      <c r="G22506" s="367"/>
      <c r="H22506" s="360"/>
      <c r="I22506" s="367"/>
      <c r="J22506" s="365"/>
      <c r="K22506" s="365"/>
      <c r="L22506" s="365"/>
    </row>
    <row r="22507" spans="2:12">
      <c r="B22507" s="368"/>
      <c r="C22507" s="368"/>
      <c r="D22507" s="368"/>
      <c r="E22507" s="368"/>
      <c r="F22507" s="368"/>
      <c r="G22507" s="368"/>
      <c r="H22507" s="361" t="s">
        <v>14332</v>
      </c>
      <c r="I22507" s="368"/>
      <c r="J22507" s="366"/>
      <c r="K22507" s="366"/>
      <c r="L22507" s="366"/>
    </row>
    <row r="22508" spans="2:12" ht="28.5">
      <c r="B22508" s="358" t="s">
        <v>11276</v>
      </c>
      <c r="C22508" s="358" t="s">
        <v>11275</v>
      </c>
      <c r="D22508" s="358" t="s">
        <v>11277</v>
      </c>
      <c r="E22508" s="358" t="s">
        <v>11278</v>
      </c>
      <c r="F22508" s="358" t="s">
        <v>14376</v>
      </c>
      <c r="G22508" s="358" t="s">
        <v>14669</v>
      </c>
      <c r="H22508" s="358" t="s">
        <v>14381</v>
      </c>
      <c r="I22508" s="358" t="s">
        <v>14669</v>
      </c>
      <c r="J22508" s="358"/>
      <c r="K22508" s="358"/>
      <c r="L22508" s="358"/>
    </row>
    <row r="22509" spans="2:12">
      <c r="B22509" s="367"/>
      <c r="C22509" s="367"/>
      <c r="D22509" s="367"/>
      <c r="E22509" s="367"/>
      <c r="F22509" s="367"/>
      <c r="G22509" s="367"/>
      <c r="H22509" s="360"/>
      <c r="I22509" s="367"/>
      <c r="J22509" s="365"/>
      <c r="K22509" s="365"/>
      <c r="L22509" s="365"/>
    </row>
    <row r="22510" spans="2:12">
      <c r="B22510" s="368"/>
      <c r="C22510" s="368"/>
      <c r="D22510" s="368"/>
      <c r="E22510" s="368"/>
      <c r="F22510" s="368"/>
      <c r="G22510" s="368"/>
      <c r="H22510" s="361" t="s">
        <v>14332</v>
      </c>
      <c r="I22510" s="368"/>
      <c r="J22510" s="366"/>
      <c r="K22510" s="366"/>
      <c r="L22510" s="366"/>
    </row>
    <row r="22511" spans="2:12">
      <c r="B22511" s="358" t="s">
        <v>11280</v>
      </c>
      <c r="C22511" s="358" t="s">
        <v>11279</v>
      </c>
      <c r="D22511" s="358" t="s">
        <v>11281</v>
      </c>
      <c r="E22511" s="358" t="s">
        <v>11282</v>
      </c>
      <c r="F22511" s="358" t="s">
        <v>14376</v>
      </c>
      <c r="G22511" s="358" t="s">
        <v>14669</v>
      </c>
      <c r="H22511" s="358" t="s">
        <v>14381</v>
      </c>
      <c r="I22511" s="358" t="s">
        <v>14669</v>
      </c>
      <c r="J22511" s="358"/>
      <c r="K22511" s="358"/>
      <c r="L22511" s="358"/>
    </row>
    <row r="22512" spans="2:12">
      <c r="B22512" s="367"/>
      <c r="C22512" s="367"/>
      <c r="D22512" s="367"/>
      <c r="E22512" s="367"/>
      <c r="F22512" s="367"/>
      <c r="G22512" s="367"/>
      <c r="H22512" s="360"/>
      <c r="I22512" s="367"/>
      <c r="J22512" s="365"/>
      <c r="K22512" s="365"/>
      <c r="L22512" s="365"/>
    </row>
    <row r="22513" spans="2:12">
      <c r="B22513" s="368"/>
      <c r="C22513" s="368"/>
      <c r="D22513" s="368"/>
      <c r="E22513" s="368"/>
      <c r="F22513" s="368"/>
      <c r="G22513" s="368"/>
      <c r="H22513" s="361" t="s">
        <v>14332</v>
      </c>
      <c r="I22513" s="368"/>
      <c r="J22513" s="366"/>
      <c r="K22513" s="366"/>
      <c r="L22513" s="366"/>
    </row>
    <row r="22514" spans="2:12">
      <c r="B22514" s="358" t="s">
        <v>11283</v>
      </c>
      <c r="C22514" s="358" t="s">
        <v>28128</v>
      </c>
      <c r="D22514" s="358" t="s">
        <v>11284</v>
      </c>
      <c r="E22514" s="358" t="s">
        <v>11285</v>
      </c>
      <c r="F22514" s="358" t="s">
        <v>14376</v>
      </c>
      <c r="G22514" s="358" t="s">
        <v>14669</v>
      </c>
      <c r="H22514" s="358" t="s">
        <v>14381</v>
      </c>
      <c r="I22514" s="358" t="s">
        <v>14669</v>
      </c>
      <c r="J22514" s="358"/>
      <c r="K22514" s="358"/>
      <c r="L22514" s="358"/>
    </row>
    <row r="22515" spans="2:12">
      <c r="B22515" s="367"/>
      <c r="C22515" s="367"/>
      <c r="D22515" s="367"/>
      <c r="E22515" s="367"/>
      <c r="F22515" s="367"/>
      <c r="G22515" s="367"/>
      <c r="H22515" s="360"/>
      <c r="I22515" s="367"/>
      <c r="J22515" s="365"/>
      <c r="K22515" s="365"/>
      <c r="L22515" s="365"/>
    </row>
    <row r="22516" spans="2:12">
      <c r="B22516" s="368"/>
      <c r="C22516" s="368"/>
      <c r="D22516" s="368"/>
      <c r="E22516" s="368"/>
      <c r="F22516" s="368"/>
      <c r="G22516" s="368"/>
      <c r="H22516" s="361" t="s">
        <v>14332</v>
      </c>
      <c r="I22516" s="368"/>
      <c r="J22516" s="366"/>
      <c r="K22516" s="366"/>
      <c r="L22516" s="366"/>
    </row>
    <row r="22517" spans="2:12" ht="28.5">
      <c r="B22517" s="358" t="s">
        <v>26052</v>
      </c>
      <c r="C22517" s="358" t="s">
        <v>26053</v>
      </c>
      <c r="D22517" s="358" t="s">
        <v>26054</v>
      </c>
      <c r="E22517" s="358" t="s">
        <v>8356</v>
      </c>
      <c r="F22517" s="358" t="s">
        <v>14389</v>
      </c>
      <c r="G22517" s="358" t="s">
        <v>14390</v>
      </c>
      <c r="H22517" s="358" t="s">
        <v>14367</v>
      </c>
      <c r="I22517" s="358" t="s">
        <v>14390</v>
      </c>
      <c r="J22517" s="358"/>
      <c r="K22517" s="358"/>
      <c r="L22517" s="358"/>
    </row>
    <row r="22518" spans="2:12">
      <c r="B22518" s="367"/>
      <c r="C22518" s="367"/>
      <c r="D22518" s="367"/>
      <c r="E22518" s="367"/>
      <c r="F22518" s="360"/>
      <c r="G22518" s="360"/>
      <c r="H22518" s="360"/>
      <c r="I22518" s="360"/>
      <c r="J22518" s="365"/>
      <c r="K22518" s="365"/>
      <c r="L22518" s="365"/>
    </row>
    <row r="22519" spans="2:12" ht="28.5">
      <c r="B22519" s="367"/>
      <c r="C22519" s="367"/>
      <c r="D22519" s="367"/>
      <c r="E22519" s="367"/>
      <c r="F22519" s="359" t="s">
        <v>14394</v>
      </c>
      <c r="G22519" s="359" t="s">
        <v>14395</v>
      </c>
      <c r="H22519" s="359" t="s">
        <v>14370</v>
      </c>
      <c r="I22519" s="359" t="s">
        <v>14395</v>
      </c>
      <c r="J22519" s="365"/>
      <c r="K22519" s="365"/>
      <c r="L22519" s="365"/>
    </row>
    <row r="22520" spans="2:12">
      <c r="B22520" s="367"/>
      <c r="C22520" s="367"/>
      <c r="D22520" s="367"/>
      <c r="E22520" s="367"/>
      <c r="F22520" s="360"/>
      <c r="G22520" s="360"/>
      <c r="H22520" s="360"/>
      <c r="I22520" s="360"/>
      <c r="J22520" s="365"/>
      <c r="K22520" s="365"/>
      <c r="L22520" s="365"/>
    </row>
    <row r="22521" spans="2:12">
      <c r="B22521" s="368"/>
      <c r="C22521" s="368"/>
      <c r="D22521" s="368"/>
      <c r="E22521" s="368"/>
      <c r="F22521" s="362"/>
      <c r="G22521" s="362"/>
      <c r="H22521" s="361" t="s">
        <v>14422</v>
      </c>
      <c r="I22521" s="362"/>
      <c r="J22521" s="366"/>
      <c r="K22521" s="366"/>
      <c r="L22521" s="366"/>
    </row>
    <row r="22522" spans="2:12">
      <c r="B22522" s="358" t="s">
        <v>11287</v>
      </c>
      <c r="C22522" s="358" t="s">
        <v>26055</v>
      </c>
      <c r="D22522" s="358" t="s">
        <v>11288</v>
      </c>
      <c r="E22522" s="358" t="s">
        <v>11289</v>
      </c>
      <c r="F22522" s="358" t="s">
        <v>14376</v>
      </c>
      <c r="G22522" s="358" t="s">
        <v>14669</v>
      </c>
      <c r="H22522" s="358" t="s">
        <v>14381</v>
      </c>
      <c r="I22522" s="358" t="s">
        <v>14669</v>
      </c>
      <c r="J22522" s="358"/>
      <c r="K22522" s="358"/>
      <c r="L22522" s="358"/>
    </row>
    <row r="22523" spans="2:12">
      <c r="B22523" s="367"/>
      <c r="C22523" s="360"/>
      <c r="D22523" s="367"/>
      <c r="E22523" s="367"/>
      <c r="F22523" s="367"/>
      <c r="G22523" s="367"/>
      <c r="H22523" s="360"/>
      <c r="I22523" s="367"/>
      <c r="J22523" s="365"/>
      <c r="K22523" s="365"/>
      <c r="L22523" s="365"/>
    </row>
    <row r="22524" spans="2:12">
      <c r="B22524" s="367"/>
      <c r="C22524" s="359" t="s">
        <v>26056</v>
      </c>
      <c r="D22524" s="367"/>
      <c r="E22524" s="367"/>
      <c r="F22524" s="367"/>
      <c r="G22524" s="367"/>
      <c r="H22524" s="359" t="s">
        <v>14332</v>
      </c>
      <c r="I22524" s="367"/>
      <c r="J22524" s="365"/>
      <c r="K22524" s="365"/>
      <c r="L22524" s="365"/>
    </row>
    <row r="22525" spans="2:12">
      <c r="B22525" s="367"/>
      <c r="C22525" s="360"/>
      <c r="D22525" s="367"/>
      <c r="E22525" s="367"/>
      <c r="F22525" s="367"/>
      <c r="G22525" s="367"/>
      <c r="H22525" s="360"/>
      <c r="I22525" s="367"/>
      <c r="J22525" s="365"/>
      <c r="K22525" s="365"/>
      <c r="L22525" s="365"/>
    </row>
    <row r="22526" spans="2:12" ht="85.5">
      <c r="B22526" s="368"/>
      <c r="C22526" s="361" t="s">
        <v>30590</v>
      </c>
      <c r="D22526" s="368"/>
      <c r="E22526" s="368"/>
      <c r="F22526" s="368"/>
      <c r="G22526" s="368"/>
      <c r="H22526" s="362"/>
      <c r="I22526" s="368"/>
      <c r="J22526" s="366"/>
      <c r="K22526" s="366"/>
      <c r="L22526" s="366"/>
    </row>
    <row r="22527" spans="2:12">
      <c r="B22527" s="358" t="s">
        <v>11291</v>
      </c>
      <c r="C22527" s="358" t="s">
        <v>26057</v>
      </c>
      <c r="D22527" s="358" t="s">
        <v>11292</v>
      </c>
      <c r="E22527" s="358" t="s">
        <v>11293</v>
      </c>
      <c r="F22527" s="358" t="s">
        <v>14376</v>
      </c>
      <c r="G22527" s="358" t="s">
        <v>14669</v>
      </c>
      <c r="H22527" s="358" t="s">
        <v>14381</v>
      </c>
      <c r="I22527" s="358" t="s">
        <v>14669</v>
      </c>
      <c r="J22527" s="358"/>
      <c r="K22527" s="358"/>
      <c r="L22527" s="358"/>
    </row>
    <row r="22528" spans="2:12">
      <c r="B22528" s="367"/>
      <c r="C22528" s="360"/>
      <c r="D22528" s="367"/>
      <c r="E22528" s="367"/>
      <c r="F22528" s="367"/>
      <c r="G22528" s="367"/>
      <c r="H22528" s="360"/>
      <c r="I22528" s="367"/>
      <c r="J22528" s="365"/>
      <c r="K22528" s="365"/>
      <c r="L22528" s="365"/>
    </row>
    <row r="22529" spans="2:12">
      <c r="B22529" s="367"/>
      <c r="C22529" s="359" t="s">
        <v>26056</v>
      </c>
      <c r="D22529" s="367"/>
      <c r="E22529" s="367"/>
      <c r="F22529" s="367"/>
      <c r="G22529" s="367"/>
      <c r="H22529" s="359" t="s">
        <v>14332</v>
      </c>
      <c r="I22529" s="367"/>
      <c r="J22529" s="365"/>
      <c r="K22529" s="365"/>
      <c r="L22529" s="365"/>
    </row>
    <row r="22530" spans="2:12">
      <c r="B22530" s="367"/>
      <c r="C22530" s="360"/>
      <c r="D22530" s="367"/>
      <c r="E22530" s="367"/>
      <c r="F22530" s="367"/>
      <c r="G22530" s="367"/>
      <c r="H22530" s="360"/>
      <c r="I22530" s="367"/>
      <c r="J22530" s="365"/>
      <c r="K22530" s="365"/>
      <c r="L22530" s="365"/>
    </row>
    <row r="22531" spans="2:12" ht="128.25">
      <c r="B22531" s="368"/>
      <c r="C22531" s="361" t="s">
        <v>30591</v>
      </c>
      <c r="D22531" s="368"/>
      <c r="E22531" s="368"/>
      <c r="F22531" s="368"/>
      <c r="G22531" s="368"/>
      <c r="H22531" s="362"/>
      <c r="I22531" s="368"/>
      <c r="J22531" s="366"/>
      <c r="K22531" s="366"/>
      <c r="L22531" s="366"/>
    </row>
    <row r="22532" spans="2:12">
      <c r="B22532" s="358" t="s">
        <v>11295</v>
      </c>
      <c r="C22532" s="358" t="s">
        <v>26058</v>
      </c>
      <c r="D22532" s="358" t="s">
        <v>11296</v>
      </c>
      <c r="E22532" s="358" t="s">
        <v>11297</v>
      </c>
      <c r="F22532" s="358" t="s">
        <v>14376</v>
      </c>
      <c r="G22532" s="358" t="s">
        <v>14669</v>
      </c>
      <c r="H22532" s="358" t="s">
        <v>14381</v>
      </c>
      <c r="I22532" s="358" t="s">
        <v>14669</v>
      </c>
      <c r="J22532" s="358"/>
      <c r="K22532" s="358"/>
      <c r="L22532" s="358"/>
    </row>
    <row r="22533" spans="2:12">
      <c r="B22533" s="367"/>
      <c r="C22533" s="360"/>
      <c r="D22533" s="367"/>
      <c r="E22533" s="367"/>
      <c r="F22533" s="367"/>
      <c r="G22533" s="367"/>
      <c r="H22533" s="360"/>
      <c r="I22533" s="367"/>
      <c r="J22533" s="365"/>
      <c r="K22533" s="365"/>
      <c r="L22533" s="365"/>
    </row>
    <row r="22534" spans="2:12">
      <c r="B22534" s="367"/>
      <c r="C22534" s="359" t="s">
        <v>26056</v>
      </c>
      <c r="D22534" s="367"/>
      <c r="E22534" s="367"/>
      <c r="F22534" s="367"/>
      <c r="G22534" s="367"/>
      <c r="H22534" s="359" t="s">
        <v>14332</v>
      </c>
      <c r="I22534" s="367"/>
      <c r="J22534" s="365"/>
      <c r="K22534" s="365"/>
      <c r="L22534" s="365"/>
    </row>
    <row r="22535" spans="2:12">
      <c r="B22535" s="367"/>
      <c r="C22535" s="360"/>
      <c r="D22535" s="367"/>
      <c r="E22535" s="367"/>
      <c r="F22535" s="367"/>
      <c r="G22535" s="367"/>
      <c r="H22535" s="360"/>
      <c r="I22535" s="367"/>
      <c r="J22535" s="365"/>
      <c r="K22535" s="365"/>
      <c r="L22535" s="365"/>
    </row>
    <row r="22536" spans="2:12" ht="114">
      <c r="B22536" s="368"/>
      <c r="C22536" s="361" t="s">
        <v>30592</v>
      </c>
      <c r="D22536" s="368"/>
      <c r="E22536" s="368"/>
      <c r="F22536" s="368"/>
      <c r="G22536" s="368"/>
      <c r="H22536" s="362"/>
      <c r="I22536" s="368"/>
      <c r="J22536" s="366"/>
      <c r="K22536" s="366"/>
      <c r="L22536" s="366"/>
    </row>
    <row r="22537" spans="2:12">
      <c r="B22537" s="358" t="s">
        <v>11299</v>
      </c>
      <c r="C22537" s="358" t="s">
        <v>26059</v>
      </c>
      <c r="D22537" s="358" t="s">
        <v>11300</v>
      </c>
      <c r="E22537" s="358" t="s">
        <v>11301</v>
      </c>
      <c r="F22537" s="358" t="s">
        <v>14376</v>
      </c>
      <c r="G22537" s="358" t="s">
        <v>14669</v>
      </c>
      <c r="H22537" s="358" t="s">
        <v>14381</v>
      </c>
      <c r="I22537" s="358" t="s">
        <v>14669</v>
      </c>
      <c r="J22537" s="358"/>
      <c r="K22537" s="358"/>
      <c r="L22537" s="358"/>
    </row>
    <row r="22538" spans="2:12">
      <c r="B22538" s="367"/>
      <c r="C22538" s="360"/>
      <c r="D22538" s="367"/>
      <c r="E22538" s="367"/>
      <c r="F22538" s="367"/>
      <c r="G22538" s="367"/>
      <c r="H22538" s="360"/>
      <c r="I22538" s="367"/>
      <c r="J22538" s="365"/>
      <c r="K22538" s="365"/>
      <c r="L22538" s="365"/>
    </row>
    <row r="22539" spans="2:12">
      <c r="B22539" s="367"/>
      <c r="C22539" s="359" t="s">
        <v>26056</v>
      </c>
      <c r="D22539" s="367"/>
      <c r="E22539" s="367"/>
      <c r="F22539" s="367"/>
      <c r="G22539" s="367"/>
      <c r="H22539" s="359" t="s">
        <v>14332</v>
      </c>
      <c r="I22539" s="367"/>
      <c r="J22539" s="365"/>
      <c r="K22539" s="365"/>
      <c r="L22539" s="365"/>
    </row>
    <row r="22540" spans="2:12">
      <c r="B22540" s="367"/>
      <c r="C22540" s="360"/>
      <c r="D22540" s="367"/>
      <c r="E22540" s="367"/>
      <c r="F22540" s="367"/>
      <c r="G22540" s="367"/>
      <c r="H22540" s="360"/>
      <c r="I22540" s="367"/>
      <c r="J22540" s="365"/>
      <c r="K22540" s="365"/>
      <c r="L22540" s="365"/>
    </row>
    <row r="22541" spans="2:12" ht="114">
      <c r="B22541" s="368"/>
      <c r="C22541" s="361" t="s">
        <v>30593</v>
      </c>
      <c r="D22541" s="368"/>
      <c r="E22541" s="368"/>
      <c r="F22541" s="368"/>
      <c r="G22541" s="368"/>
      <c r="H22541" s="362"/>
      <c r="I22541" s="368"/>
      <c r="J22541" s="366"/>
      <c r="K22541" s="366"/>
      <c r="L22541" s="366"/>
    </row>
    <row r="22542" spans="2:12">
      <c r="B22542" s="358" t="s">
        <v>11303</v>
      </c>
      <c r="C22542" s="358" t="s">
        <v>29841</v>
      </c>
      <c r="D22542" s="358" t="s">
        <v>11304</v>
      </c>
      <c r="E22542" s="358" t="s">
        <v>11305</v>
      </c>
      <c r="F22542" s="358" t="s">
        <v>14376</v>
      </c>
      <c r="G22542" s="358" t="s">
        <v>14669</v>
      </c>
      <c r="H22542" s="358" t="s">
        <v>14381</v>
      </c>
      <c r="I22542" s="358" t="s">
        <v>14669</v>
      </c>
      <c r="J22542" s="358"/>
      <c r="K22542" s="358"/>
      <c r="L22542" s="358"/>
    </row>
    <row r="22543" spans="2:12">
      <c r="B22543" s="367"/>
      <c r="C22543" s="360"/>
      <c r="D22543" s="367"/>
      <c r="E22543" s="367"/>
      <c r="F22543" s="367"/>
      <c r="G22543" s="367"/>
      <c r="H22543" s="360"/>
      <c r="I22543" s="367"/>
      <c r="J22543" s="365"/>
      <c r="K22543" s="365"/>
      <c r="L22543" s="365"/>
    </row>
    <row r="22544" spans="2:12" ht="71.25">
      <c r="B22544" s="368"/>
      <c r="C22544" s="361" t="s">
        <v>30594</v>
      </c>
      <c r="D22544" s="368"/>
      <c r="E22544" s="368"/>
      <c r="F22544" s="368"/>
      <c r="G22544" s="368"/>
      <c r="H22544" s="361" t="s">
        <v>14332</v>
      </c>
      <c r="I22544" s="368"/>
      <c r="J22544" s="366"/>
      <c r="K22544" s="366"/>
      <c r="L22544" s="366"/>
    </row>
    <row r="22545" spans="2:12">
      <c r="B22545" s="358" t="s">
        <v>11307</v>
      </c>
      <c r="C22545" s="358" t="s">
        <v>29842</v>
      </c>
      <c r="D22545" s="358" t="s">
        <v>11308</v>
      </c>
      <c r="E22545" s="358" t="s">
        <v>11309</v>
      </c>
      <c r="F22545" s="358" t="s">
        <v>14376</v>
      </c>
      <c r="G22545" s="358" t="s">
        <v>14669</v>
      </c>
      <c r="H22545" s="358" t="s">
        <v>14381</v>
      </c>
      <c r="I22545" s="358" t="s">
        <v>14669</v>
      </c>
      <c r="J22545" s="358"/>
      <c r="K22545" s="358"/>
      <c r="L22545" s="358"/>
    </row>
    <row r="22546" spans="2:12">
      <c r="B22546" s="367"/>
      <c r="C22546" s="360"/>
      <c r="D22546" s="367"/>
      <c r="E22546" s="367"/>
      <c r="F22546" s="367"/>
      <c r="G22546" s="367"/>
      <c r="H22546" s="360"/>
      <c r="I22546" s="367"/>
      <c r="J22546" s="365"/>
      <c r="K22546" s="365"/>
      <c r="L22546" s="365"/>
    </row>
    <row r="22547" spans="2:12" ht="114">
      <c r="B22547" s="368"/>
      <c r="C22547" s="361" t="s">
        <v>30595</v>
      </c>
      <c r="D22547" s="368"/>
      <c r="E22547" s="368"/>
      <c r="F22547" s="368"/>
      <c r="G22547" s="368"/>
      <c r="H22547" s="361" t="s">
        <v>14332</v>
      </c>
      <c r="I22547" s="368"/>
      <c r="J22547" s="366"/>
      <c r="K22547" s="366"/>
      <c r="L22547" s="366"/>
    </row>
    <row r="22548" spans="2:12">
      <c r="B22548" s="358" t="s">
        <v>11311</v>
      </c>
      <c r="C22548" s="358" t="s">
        <v>26060</v>
      </c>
      <c r="D22548" s="358" t="s">
        <v>11312</v>
      </c>
      <c r="E22548" s="358" t="s">
        <v>11313</v>
      </c>
      <c r="F22548" s="358" t="s">
        <v>14376</v>
      </c>
      <c r="G22548" s="358" t="s">
        <v>14669</v>
      </c>
      <c r="H22548" s="358" t="s">
        <v>14381</v>
      </c>
      <c r="I22548" s="358" t="s">
        <v>14669</v>
      </c>
      <c r="J22548" s="358"/>
      <c r="K22548" s="358"/>
      <c r="L22548" s="358"/>
    </row>
    <row r="22549" spans="2:12">
      <c r="B22549" s="367"/>
      <c r="C22549" s="360"/>
      <c r="D22549" s="367"/>
      <c r="E22549" s="367"/>
      <c r="F22549" s="367"/>
      <c r="G22549" s="367"/>
      <c r="H22549" s="360"/>
      <c r="I22549" s="367"/>
      <c r="J22549" s="365"/>
      <c r="K22549" s="365"/>
      <c r="L22549" s="365"/>
    </row>
    <row r="22550" spans="2:12">
      <c r="B22550" s="367"/>
      <c r="C22550" s="359" t="s">
        <v>26056</v>
      </c>
      <c r="D22550" s="367"/>
      <c r="E22550" s="367"/>
      <c r="F22550" s="367"/>
      <c r="G22550" s="367"/>
      <c r="H22550" s="359" t="s">
        <v>14332</v>
      </c>
      <c r="I22550" s="367"/>
      <c r="J22550" s="365"/>
      <c r="K22550" s="365"/>
      <c r="L22550" s="365"/>
    </row>
    <row r="22551" spans="2:12">
      <c r="B22551" s="367"/>
      <c r="C22551" s="360"/>
      <c r="D22551" s="367"/>
      <c r="E22551" s="367"/>
      <c r="F22551" s="367"/>
      <c r="G22551" s="367"/>
      <c r="H22551" s="360"/>
      <c r="I22551" s="367"/>
      <c r="J22551" s="365"/>
      <c r="K22551" s="365"/>
      <c r="L22551" s="365"/>
    </row>
    <row r="22552" spans="2:12" ht="114">
      <c r="B22552" s="368"/>
      <c r="C22552" s="361" t="s">
        <v>30596</v>
      </c>
      <c r="D22552" s="368"/>
      <c r="E22552" s="368"/>
      <c r="F22552" s="368"/>
      <c r="G22552" s="368"/>
      <c r="H22552" s="362"/>
      <c r="I22552" s="368"/>
      <c r="J22552" s="366"/>
      <c r="K22552" s="366"/>
      <c r="L22552" s="366"/>
    </row>
    <row r="22553" spans="2:12" ht="28.5">
      <c r="B22553" s="358" t="s">
        <v>11315</v>
      </c>
      <c r="C22553" s="358" t="s">
        <v>29843</v>
      </c>
      <c r="D22553" s="358" t="s">
        <v>11316</v>
      </c>
      <c r="E22553" s="358" t="s">
        <v>11317</v>
      </c>
      <c r="F22553" s="358" t="s">
        <v>14376</v>
      </c>
      <c r="G22553" s="358" t="s">
        <v>14669</v>
      </c>
      <c r="H22553" s="358" t="s">
        <v>14381</v>
      </c>
      <c r="I22553" s="358" t="s">
        <v>14669</v>
      </c>
      <c r="J22553" s="358"/>
      <c r="K22553" s="358"/>
      <c r="L22553" s="358"/>
    </row>
    <row r="22554" spans="2:12">
      <c r="B22554" s="367"/>
      <c r="C22554" s="360"/>
      <c r="D22554" s="367"/>
      <c r="E22554" s="367"/>
      <c r="F22554" s="367"/>
      <c r="G22554" s="367"/>
      <c r="H22554" s="360"/>
      <c r="I22554" s="367"/>
      <c r="J22554" s="365"/>
      <c r="K22554" s="365"/>
      <c r="L22554" s="365"/>
    </row>
    <row r="22555" spans="2:12" ht="114">
      <c r="B22555" s="368"/>
      <c r="C22555" s="361" t="s">
        <v>30597</v>
      </c>
      <c r="D22555" s="368"/>
      <c r="E22555" s="368"/>
      <c r="F22555" s="368"/>
      <c r="G22555" s="368"/>
      <c r="H22555" s="361" t="s">
        <v>14332</v>
      </c>
      <c r="I22555" s="368"/>
      <c r="J22555" s="366"/>
      <c r="K22555" s="366"/>
      <c r="L22555" s="366"/>
    </row>
    <row r="22556" spans="2:12" ht="28.5">
      <c r="B22556" s="358" t="s">
        <v>11319</v>
      </c>
      <c r="C22556" s="358" t="s">
        <v>29844</v>
      </c>
      <c r="D22556" s="358" t="s">
        <v>11320</v>
      </c>
      <c r="E22556" s="358" t="s">
        <v>11321</v>
      </c>
      <c r="F22556" s="358" t="s">
        <v>14376</v>
      </c>
      <c r="G22556" s="358" t="s">
        <v>14669</v>
      </c>
      <c r="H22556" s="358" t="s">
        <v>14381</v>
      </c>
      <c r="I22556" s="358" t="s">
        <v>14669</v>
      </c>
      <c r="J22556" s="358"/>
      <c r="K22556" s="358"/>
      <c r="L22556" s="358"/>
    </row>
    <row r="22557" spans="2:12">
      <c r="B22557" s="367"/>
      <c r="C22557" s="360"/>
      <c r="D22557" s="367"/>
      <c r="E22557" s="367"/>
      <c r="F22557" s="367"/>
      <c r="G22557" s="367"/>
      <c r="H22557" s="360"/>
      <c r="I22557" s="367"/>
      <c r="J22557" s="365"/>
      <c r="K22557" s="365"/>
      <c r="L22557" s="365"/>
    </row>
    <row r="22558" spans="2:12" ht="128.25">
      <c r="B22558" s="368"/>
      <c r="C22558" s="361" t="s">
        <v>30598</v>
      </c>
      <c r="D22558" s="368"/>
      <c r="E22558" s="368"/>
      <c r="F22558" s="368"/>
      <c r="G22558" s="368"/>
      <c r="H22558" s="361" t="s">
        <v>14332</v>
      </c>
      <c r="I22558" s="368"/>
      <c r="J22558" s="366"/>
      <c r="K22558" s="366"/>
      <c r="L22558" s="366"/>
    </row>
    <row r="22559" spans="2:12" ht="142.5">
      <c r="B22559" s="358" t="s">
        <v>11323</v>
      </c>
      <c r="C22559" s="358" t="s">
        <v>30599</v>
      </c>
      <c r="D22559" s="358" t="s">
        <v>11324</v>
      </c>
      <c r="E22559" s="358" t="s">
        <v>11325</v>
      </c>
      <c r="F22559" s="358" t="s">
        <v>14376</v>
      </c>
      <c r="G22559" s="358" t="s">
        <v>14669</v>
      </c>
      <c r="H22559" s="358" t="s">
        <v>14381</v>
      </c>
      <c r="I22559" s="358" t="s">
        <v>14669</v>
      </c>
      <c r="J22559" s="358"/>
      <c r="K22559" s="358"/>
      <c r="L22559" s="358"/>
    </row>
    <row r="22560" spans="2:12">
      <c r="B22560" s="367"/>
      <c r="C22560" s="367"/>
      <c r="D22560" s="367"/>
      <c r="E22560" s="367"/>
      <c r="F22560" s="367"/>
      <c r="G22560" s="367"/>
      <c r="H22560" s="360"/>
      <c r="I22560" s="367"/>
      <c r="J22560" s="365"/>
      <c r="K22560" s="365"/>
      <c r="L22560" s="365"/>
    </row>
    <row r="22561" spans="2:12">
      <c r="B22561" s="368"/>
      <c r="C22561" s="368"/>
      <c r="D22561" s="368"/>
      <c r="E22561" s="368"/>
      <c r="F22561" s="368"/>
      <c r="G22561" s="368"/>
      <c r="H22561" s="361" t="s">
        <v>14332</v>
      </c>
      <c r="I22561" s="368"/>
      <c r="J22561" s="366"/>
      <c r="K22561" s="366"/>
      <c r="L22561" s="366"/>
    </row>
    <row r="22562" spans="2:12">
      <c r="B22562" s="358" t="s">
        <v>11327</v>
      </c>
      <c r="C22562" s="358" t="s">
        <v>26061</v>
      </c>
      <c r="D22562" s="358" t="s">
        <v>11328</v>
      </c>
      <c r="E22562" s="358" t="s">
        <v>11329</v>
      </c>
      <c r="F22562" s="358" t="s">
        <v>14376</v>
      </c>
      <c r="G22562" s="358" t="s">
        <v>14669</v>
      </c>
      <c r="H22562" s="358" t="s">
        <v>14381</v>
      </c>
      <c r="I22562" s="358" t="s">
        <v>14669</v>
      </c>
      <c r="J22562" s="358"/>
      <c r="K22562" s="358"/>
      <c r="L22562" s="358"/>
    </row>
    <row r="22563" spans="2:12">
      <c r="B22563" s="367"/>
      <c r="C22563" s="360"/>
      <c r="D22563" s="367"/>
      <c r="E22563" s="367"/>
      <c r="F22563" s="367"/>
      <c r="G22563" s="367"/>
      <c r="H22563" s="360"/>
      <c r="I22563" s="367"/>
      <c r="J22563" s="365"/>
      <c r="K22563" s="365"/>
      <c r="L22563" s="365"/>
    </row>
    <row r="22564" spans="2:12">
      <c r="B22564" s="367"/>
      <c r="C22564" s="359" t="s">
        <v>26056</v>
      </c>
      <c r="D22564" s="367"/>
      <c r="E22564" s="367"/>
      <c r="F22564" s="367"/>
      <c r="G22564" s="367"/>
      <c r="H22564" s="359" t="s">
        <v>14332</v>
      </c>
      <c r="I22564" s="367"/>
      <c r="J22564" s="365"/>
      <c r="K22564" s="365"/>
      <c r="L22564" s="365"/>
    </row>
    <row r="22565" spans="2:12">
      <c r="B22565" s="367"/>
      <c r="C22565" s="360"/>
      <c r="D22565" s="367"/>
      <c r="E22565" s="367"/>
      <c r="F22565" s="367"/>
      <c r="G22565" s="367"/>
      <c r="H22565" s="360"/>
      <c r="I22565" s="367"/>
      <c r="J22565" s="365"/>
      <c r="K22565" s="365"/>
      <c r="L22565" s="365"/>
    </row>
    <row r="22566" spans="2:12" ht="128.25">
      <c r="B22566" s="368"/>
      <c r="C22566" s="361" t="s">
        <v>30600</v>
      </c>
      <c r="D22566" s="368"/>
      <c r="E22566" s="368"/>
      <c r="F22566" s="368"/>
      <c r="G22566" s="368"/>
      <c r="H22566" s="362"/>
      <c r="I22566" s="368"/>
      <c r="J22566" s="366"/>
      <c r="K22566" s="366"/>
      <c r="L22566" s="366"/>
    </row>
    <row r="22567" spans="2:12">
      <c r="B22567" s="358" t="s">
        <v>11331</v>
      </c>
      <c r="C22567" s="358" t="s">
        <v>26062</v>
      </c>
      <c r="D22567" s="358" t="s">
        <v>11332</v>
      </c>
      <c r="E22567" s="358" t="s">
        <v>11333</v>
      </c>
      <c r="F22567" s="358" t="s">
        <v>14376</v>
      </c>
      <c r="G22567" s="358" t="s">
        <v>14669</v>
      </c>
      <c r="H22567" s="358" t="s">
        <v>14381</v>
      </c>
      <c r="I22567" s="358" t="s">
        <v>14669</v>
      </c>
      <c r="J22567" s="358"/>
      <c r="K22567" s="358"/>
      <c r="L22567" s="358"/>
    </row>
    <row r="22568" spans="2:12">
      <c r="B22568" s="367"/>
      <c r="C22568" s="360"/>
      <c r="D22568" s="367"/>
      <c r="E22568" s="367"/>
      <c r="F22568" s="367"/>
      <c r="G22568" s="367"/>
      <c r="H22568" s="360"/>
      <c r="I22568" s="367"/>
      <c r="J22568" s="365"/>
      <c r="K22568" s="365"/>
      <c r="L22568" s="365"/>
    </row>
    <row r="22569" spans="2:12">
      <c r="B22569" s="367"/>
      <c r="C22569" s="359" t="s">
        <v>26056</v>
      </c>
      <c r="D22569" s="367"/>
      <c r="E22569" s="367"/>
      <c r="F22569" s="367"/>
      <c r="G22569" s="367"/>
      <c r="H22569" s="359" t="s">
        <v>14332</v>
      </c>
      <c r="I22569" s="367"/>
      <c r="J22569" s="365"/>
      <c r="K22569" s="365"/>
      <c r="L22569" s="365"/>
    </row>
    <row r="22570" spans="2:12">
      <c r="B22570" s="367"/>
      <c r="C22570" s="360"/>
      <c r="D22570" s="367"/>
      <c r="E22570" s="367"/>
      <c r="F22570" s="367"/>
      <c r="G22570" s="367"/>
      <c r="H22570" s="360"/>
      <c r="I22570" s="367"/>
      <c r="J22570" s="365"/>
      <c r="K22570" s="365"/>
      <c r="L22570" s="365"/>
    </row>
    <row r="22571" spans="2:12" ht="28.5">
      <c r="B22571" s="367"/>
      <c r="C22571" s="359" t="s">
        <v>29845</v>
      </c>
      <c r="D22571" s="367"/>
      <c r="E22571" s="367"/>
      <c r="F22571" s="367"/>
      <c r="G22571" s="367"/>
      <c r="H22571" s="360"/>
      <c r="I22571" s="367"/>
      <c r="J22571" s="365"/>
      <c r="K22571" s="365"/>
      <c r="L22571" s="365"/>
    </row>
    <row r="22572" spans="2:12">
      <c r="B22572" s="367"/>
      <c r="C22572" s="360"/>
      <c r="D22572" s="367"/>
      <c r="E22572" s="367"/>
      <c r="F22572" s="367"/>
      <c r="G22572" s="367"/>
      <c r="H22572" s="360"/>
      <c r="I22572" s="367"/>
      <c r="J22572" s="365"/>
      <c r="K22572" s="365"/>
      <c r="L22572" s="365"/>
    </row>
    <row r="22573" spans="2:12" ht="71.25">
      <c r="B22573" s="368"/>
      <c r="C22573" s="361" t="s">
        <v>30601</v>
      </c>
      <c r="D22573" s="368"/>
      <c r="E22573" s="368"/>
      <c r="F22573" s="368"/>
      <c r="G22573" s="368"/>
      <c r="H22573" s="362"/>
      <c r="I22573" s="368"/>
      <c r="J22573" s="366"/>
      <c r="K22573" s="366"/>
      <c r="L22573" s="366"/>
    </row>
    <row r="22574" spans="2:12" ht="28.5">
      <c r="B22574" s="358" t="s">
        <v>11335</v>
      </c>
      <c r="C22574" s="358" t="s">
        <v>26063</v>
      </c>
      <c r="D22574" s="358" t="s">
        <v>11336</v>
      </c>
      <c r="E22574" s="358" t="s">
        <v>11337</v>
      </c>
      <c r="F22574" s="358" t="s">
        <v>14376</v>
      </c>
      <c r="G22574" s="358" t="s">
        <v>14669</v>
      </c>
      <c r="H22574" s="358" t="s">
        <v>14381</v>
      </c>
      <c r="I22574" s="358" t="s">
        <v>14669</v>
      </c>
      <c r="J22574" s="358"/>
      <c r="K22574" s="358"/>
      <c r="L22574" s="358"/>
    </row>
    <row r="22575" spans="2:12">
      <c r="B22575" s="367"/>
      <c r="C22575" s="360"/>
      <c r="D22575" s="367"/>
      <c r="E22575" s="367"/>
      <c r="F22575" s="367"/>
      <c r="G22575" s="367"/>
      <c r="H22575" s="360"/>
      <c r="I22575" s="367"/>
      <c r="J22575" s="365"/>
      <c r="K22575" s="365"/>
      <c r="L22575" s="365"/>
    </row>
    <row r="22576" spans="2:12">
      <c r="B22576" s="367"/>
      <c r="C22576" s="359" t="s">
        <v>26056</v>
      </c>
      <c r="D22576" s="367"/>
      <c r="E22576" s="367"/>
      <c r="F22576" s="367"/>
      <c r="G22576" s="367"/>
      <c r="H22576" s="359" t="s">
        <v>14332</v>
      </c>
      <c r="I22576" s="367"/>
      <c r="J22576" s="365"/>
      <c r="K22576" s="365"/>
      <c r="L22576" s="365"/>
    </row>
    <row r="22577" spans="2:12">
      <c r="B22577" s="367"/>
      <c r="C22577" s="360"/>
      <c r="D22577" s="367"/>
      <c r="E22577" s="367"/>
      <c r="F22577" s="367"/>
      <c r="G22577" s="367"/>
      <c r="H22577" s="360"/>
      <c r="I22577" s="367"/>
      <c r="J22577" s="365"/>
      <c r="K22577" s="365"/>
      <c r="L22577" s="365"/>
    </row>
    <row r="22578" spans="2:12" ht="114">
      <c r="B22578" s="368"/>
      <c r="C22578" s="361" t="s">
        <v>28129</v>
      </c>
      <c r="D22578" s="368"/>
      <c r="E22578" s="368"/>
      <c r="F22578" s="368"/>
      <c r="G22578" s="368"/>
      <c r="H22578" s="362"/>
      <c r="I22578" s="368"/>
      <c r="J22578" s="366"/>
      <c r="K22578" s="366"/>
      <c r="L22578" s="366"/>
    </row>
    <row r="22579" spans="2:12" ht="28.5">
      <c r="B22579" s="358" t="s">
        <v>11339</v>
      </c>
      <c r="C22579" s="358" t="s">
        <v>26064</v>
      </c>
      <c r="D22579" s="358" t="s">
        <v>11340</v>
      </c>
      <c r="E22579" s="358" t="s">
        <v>11341</v>
      </c>
      <c r="F22579" s="358" t="s">
        <v>14376</v>
      </c>
      <c r="G22579" s="358" t="s">
        <v>14669</v>
      </c>
      <c r="H22579" s="358" t="s">
        <v>14381</v>
      </c>
      <c r="I22579" s="358" t="s">
        <v>14669</v>
      </c>
      <c r="J22579" s="358"/>
      <c r="K22579" s="358"/>
      <c r="L22579" s="358"/>
    </row>
    <row r="22580" spans="2:12">
      <c r="B22580" s="367"/>
      <c r="C22580" s="360"/>
      <c r="D22580" s="367"/>
      <c r="E22580" s="367"/>
      <c r="F22580" s="367"/>
      <c r="G22580" s="367"/>
      <c r="H22580" s="360"/>
      <c r="I22580" s="367"/>
      <c r="J22580" s="365"/>
      <c r="K22580" s="365"/>
      <c r="L22580" s="365"/>
    </row>
    <row r="22581" spans="2:12">
      <c r="B22581" s="367"/>
      <c r="C22581" s="359" t="s">
        <v>26056</v>
      </c>
      <c r="D22581" s="367"/>
      <c r="E22581" s="367"/>
      <c r="F22581" s="367"/>
      <c r="G22581" s="367"/>
      <c r="H22581" s="359" t="s">
        <v>14332</v>
      </c>
      <c r="I22581" s="367"/>
      <c r="J22581" s="365"/>
      <c r="K22581" s="365"/>
      <c r="L22581" s="365"/>
    </row>
    <row r="22582" spans="2:12">
      <c r="B22582" s="367"/>
      <c r="C22582" s="360"/>
      <c r="D22582" s="367"/>
      <c r="E22582" s="367"/>
      <c r="F22582" s="367"/>
      <c r="G22582" s="367"/>
      <c r="H22582" s="360"/>
      <c r="I22582" s="367"/>
      <c r="J22582" s="365"/>
      <c r="K22582" s="365"/>
      <c r="L22582" s="365"/>
    </row>
    <row r="22583" spans="2:12" ht="128.25">
      <c r="B22583" s="368"/>
      <c r="C22583" s="361" t="s">
        <v>28130</v>
      </c>
      <c r="D22583" s="368"/>
      <c r="E22583" s="368"/>
      <c r="F22583" s="368"/>
      <c r="G22583" s="368"/>
      <c r="H22583" s="362"/>
      <c r="I22583" s="368"/>
      <c r="J22583" s="366"/>
      <c r="K22583" s="366"/>
      <c r="L22583" s="366"/>
    </row>
    <row r="22584" spans="2:12" ht="28.5">
      <c r="B22584" s="358" t="s">
        <v>11343</v>
      </c>
      <c r="C22584" s="358" t="s">
        <v>26065</v>
      </c>
      <c r="D22584" s="358" t="s">
        <v>11344</v>
      </c>
      <c r="E22584" s="358" t="s">
        <v>11345</v>
      </c>
      <c r="F22584" s="358" t="s">
        <v>14376</v>
      </c>
      <c r="G22584" s="358" t="s">
        <v>14669</v>
      </c>
      <c r="H22584" s="358" t="s">
        <v>14381</v>
      </c>
      <c r="I22584" s="358" t="s">
        <v>14669</v>
      </c>
      <c r="J22584" s="358"/>
      <c r="K22584" s="358"/>
      <c r="L22584" s="358"/>
    </row>
    <row r="22585" spans="2:12">
      <c r="B22585" s="367"/>
      <c r="C22585" s="360"/>
      <c r="D22585" s="367"/>
      <c r="E22585" s="367"/>
      <c r="F22585" s="367"/>
      <c r="G22585" s="367"/>
      <c r="H22585" s="360"/>
      <c r="I22585" s="367"/>
      <c r="J22585" s="365"/>
      <c r="K22585" s="365"/>
      <c r="L22585" s="365"/>
    </row>
    <row r="22586" spans="2:12">
      <c r="B22586" s="367"/>
      <c r="C22586" s="359" t="s">
        <v>26056</v>
      </c>
      <c r="D22586" s="367"/>
      <c r="E22586" s="367"/>
      <c r="F22586" s="367"/>
      <c r="G22586" s="367"/>
      <c r="H22586" s="359" t="s">
        <v>14332</v>
      </c>
      <c r="I22586" s="367"/>
      <c r="J22586" s="365"/>
      <c r="K22586" s="365"/>
      <c r="L22586" s="365"/>
    </row>
    <row r="22587" spans="2:12">
      <c r="B22587" s="367"/>
      <c r="C22587" s="360"/>
      <c r="D22587" s="367"/>
      <c r="E22587" s="367"/>
      <c r="F22587" s="367"/>
      <c r="G22587" s="367"/>
      <c r="H22587" s="360"/>
      <c r="I22587" s="367"/>
      <c r="J22587" s="365"/>
      <c r="K22587" s="365"/>
      <c r="L22587" s="365"/>
    </row>
    <row r="22588" spans="2:12" ht="128.25">
      <c r="B22588" s="368"/>
      <c r="C22588" s="361" t="s">
        <v>30602</v>
      </c>
      <c r="D22588" s="368"/>
      <c r="E22588" s="368"/>
      <c r="F22588" s="368"/>
      <c r="G22588" s="368"/>
      <c r="H22588" s="362"/>
      <c r="I22588" s="368"/>
      <c r="J22588" s="366"/>
      <c r="K22588" s="366"/>
      <c r="L22588" s="366"/>
    </row>
    <row r="22589" spans="2:12">
      <c r="B22589" s="358" t="s">
        <v>11347</v>
      </c>
      <c r="C22589" s="358" t="s">
        <v>26066</v>
      </c>
      <c r="D22589" s="358" t="s">
        <v>11348</v>
      </c>
      <c r="E22589" s="358" t="s">
        <v>11349</v>
      </c>
      <c r="F22589" s="358" t="s">
        <v>14376</v>
      </c>
      <c r="G22589" s="358" t="s">
        <v>14669</v>
      </c>
      <c r="H22589" s="358" t="s">
        <v>29846</v>
      </c>
      <c r="I22589" s="358" t="s">
        <v>14669</v>
      </c>
      <c r="J22589" s="358"/>
      <c r="K22589" s="358"/>
      <c r="L22589" s="358"/>
    </row>
    <row r="22590" spans="2:12">
      <c r="B22590" s="367"/>
      <c r="C22590" s="360"/>
      <c r="D22590" s="367"/>
      <c r="E22590" s="367"/>
      <c r="F22590" s="367"/>
      <c r="G22590" s="367"/>
      <c r="H22590" s="360"/>
      <c r="I22590" s="367"/>
      <c r="J22590" s="365"/>
      <c r="K22590" s="365"/>
      <c r="L22590" s="365"/>
    </row>
    <row r="22591" spans="2:12">
      <c r="B22591" s="368"/>
      <c r="C22591" s="361" t="s">
        <v>26067</v>
      </c>
      <c r="D22591" s="368"/>
      <c r="E22591" s="368"/>
      <c r="F22591" s="368"/>
      <c r="G22591" s="368"/>
      <c r="H22591" s="361" t="s">
        <v>14332</v>
      </c>
      <c r="I22591" s="368"/>
      <c r="J22591" s="366"/>
      <c r="K22591" s="366"/>
      <c r="L22591" s="366"/>
    </row>
    <row r="22592" spans="2:12">
      <c r="B22592" s="358" t="s">
        <v>11352</v>
      </c>
      <c r="C22592" s="358" t="s">
        <v>29847</v>
      </c>
      <c r="D22592" s="358" t="s">
        <v>11353</v>
      </c>
      <c r="E22592" s="358" t="s">
        <v>11354</v>
      </c>
      <c r="F22592" s="358" t="s">
        <v>14376</v>
      </c>
      <c r="G22592" s="358" t="s">
        <v>14669</v>
      </c>
      <c r="H22592" s="358" t="s">
        <v>14381</v>
      </c>
      <c r="I22592" s="358" t="s">
        <v>14669</v>
      </c>
      <c r="J22592" s="358"/>
      <c r="K22592" s="358"/>
      <c r="L22592" s="358"/>
    </row>
    <row r="22593" spans="2:12">
      <c r="B22593" s="367"/>
      <c r="C22593" s="360"/>
      <c r="D22593" s="367"/>
      <c r="E22593" s="367"/>
      <c r="F22593" s="367"/>
      <c r="G22593" s="367"/>
      <c r="H22593" s="360"/>
      <c r="I22593" s="367"/>
      <c r="J22593" s="365"/>
      <c r="K22593" s="365"/>
      <c r="L22593" s="365"/>
    </row>
    <row r="22594" spans="2:12" ht="42.75">
      <c r="B22594" s="368"/>
      <c r="C22594" s="361" t="s">
        <v>26068</v>
      </c>
      <c r="D22594" s="368"/>
      <c r="E22594" s="368"/>
      <c r="F22594" s="368"/>
      <c r="G22594" s="368"/>
      <c r="H22594" s="361" t="s">
        <v>14332</v>
      </c>
      <c r="I22594" s="368"/>
      <c r="J22594" s="366"/>
      <c r="K22594" s="366"/>
      <c r="L22594" s="366"/>
    </row>
    <row r="22595" spans="2:12" ht="28.5">
      <c r="B22595" s="358" t="s">
        <v>11356</v>
      </c>
      <c r="C22595" s="358" t="s">
        <v>26069</v>
      </c>
      <c r="D22595" s="358" t="s">
        <v>11357</v>
      </c>
      <c r="E22595" s="358" t="s">
        <v>11358</v>
      </c>
      <c r="F22595" s="358" t="s">
        <v>14376</v>
      </c>
      <c r="G22595" s="358" t="s">
        <v>14669</v>
      </c>
      <c r="H22595" s="358" t="s">
        <v>14381</v>
      </c>
      <c r="I22595" s="358" t="s">
        <v>14669</v>
      </c>
      <c r="J22595" s="358"/>
      <c r="K22595" s="358"/>
      <c r="L22595" s="358"/>
    </row>
    <row r="22596" spans="2:12">
      <c r="B22596" s="367"/>
      <c r="C22596" s="360"/>
      <c r="D22596" s="367"/>
      <c r="E22596" s="367"/>
      <c r="F22596" s="367"/>
      <c r="G22596" s="367"/>
      <c r="H22596" s="360"/>
      <c r="I22596" s="367"/>
      <c r="J22596" s="365"/>
      <c r="K22596" s="365"/>
      <c r="L22596" s="365"/>
    </row>
    <row r="22597" spans="2:12">
      <c r="B22597" s="367"/>
      <c r="C22597" s="359" t="s">
        <v>26056</v>
      </c>
      <c r="D22597" s="367"/>
      <c r="E22597" s="367"/>
      <c r="F22597" s="367"/>
      <c r="G22597" s="367"/>
      <c r="H22597" s="359" t="s">
        <v>14332</v>
      </c>
      <c r="I22597" s="367"/>
      <c r="J22597" s="365"/>
      <c r="K22597" s="365"/>
      <c r="L22597" s="365"/>
    </row>
    <row r="22598" spans="2:12">
      <c r="B22598" s="367"/>
      <c r="C22598" s="360"/>
      <c r="D22598" s="367"/>
      <c r="E22598" s="367"/>
      <c r="F22598" s="367"/>
      <c r="G22598" s="367"/>
      <c r="H22598" s="360"/>
      <c r="I22598" s="367"/>
      <c r="J22598" s="365"/>
      <c r="K22598" s="365"/>
      <c r="L22598" s="365"/>
    </row>
    <row r="22599" spans="2:12" ht="42.75">
      <c r="B22599" s="368"/>
      <c r="C22599" s="361" t="s">
        <v>30603</v>
      </c>
      <c r="D22599" s="368"/>
      <c r="E22599" s="368"/>
      <c r="F22599" s="368"/>
      <c r="G22599" s="368"/>
      <c r="H22599" s="362"/>
      <c r="I22599" s="368"/>
      <c r="J22599" s="366"/>
      <c r="K22599" s="366"/>
      <c r="L22599" s="366"/>
    </row>
    <row r="22600" spans="2:12" ht="28.5">
      <c r="B22600" s="358" t="s">
        <v>11360</v>
      </c>
      <c r="C22600" s="358" t="s">
        <v>29848</v>
      </c>
      <c r="D22600" s="358" t="s">
        <v>11361</v>
      </c>
      <c r="E22600" s="358" t="s">
        <v>11362</v>
      </c>
      <c r="F22600" s="358" t="s">
        <v>14376</v>
      </c>
      <c r="G22600" s="358" t="s">
        <v>14669</v>
      </c>
      <c r="H22600" s="358" t="s">
        <v>14381</v>
      </c>
      <c r="I22600" s="358" t="s">
        <v>14669</v>
      </c>
      <c r="J22600" s="358"/>
      <c r="K22600" s="358"/>
      <c r="L22600" s="358"/>
    </row>
    <row r="22601" spans="2:12">
      <c r="B22601" s="367"/>
      <c r="C22601" s="360"/>
      <c r="D22601" s="367"/>
      <c r="E22601" s="367"/>
      <c r="F22601" s="367"/>
      <c r="G22601" s="367"/>
      <c r="H22601" s="360"/>
      <c r="I22601" s="367"/>
      <c r="J22601" s="365"/>
      <c r="K22601" s="365"/>
      <c r="L22601" s="365"/>
    </row>
    <row r="22602" spans="2:12">
      <c r="B22602" s="367"/>
      <c r="C22602" s="359" t="s">
        <v>26056</v>
      </c>
      <c r="D22602" s="367"/>
      <c r="E22602" s="367"/>
      <c r="F22602" s="367"/>
      <c r="G22602" s="367"/>
      <c r="H22602" s="359" t="s">
        <v>14332</v>
      </c>
      <c r="I22602" s="367"/>
      <c r="J22602" s="365"/>
      <c r="K22602" s="365"/>
      <c r="L22602" s="365"/>
    </row>
    <row r="22603" spans="2:12">
      <c r="B22603" s="367"/>
      <c r="C22603" s="360"/>
      <c r="D22603" s="367"/>
      <c r="E22603" s="367"/>
      <c r="F22603" s="367"/>
      <c r="G22603" s="367"/>
      <c r="H22603" s="360"/>
      <c r="I22603" s="367"/>
      <c r="J22603" s="365"/>
      <c r="K22603" s="365"/>
      <c r="L22603" s="365"/>
    </row>
    <row r="22604" spans="2:12" ht="85.5">
      <c r="B22604" s="368"/>
      <c r="C22604" s="361" t="s">
        <v>30604</v>
      </c>
      <c r="D22604" s="368"/>
      <c r="E22604" s="368"/>
      <c r="F22604" s="368"/>
      <c r="G22604" s="368"/>
      <c r="H22604" s="362"/>
      <c r="I22604" s="368"/>
      <c r="J22604" s="366"/>
      <c r="K22604" s="366"/>
      <c r="L22604" s="366"/>
    </row>
    <row r="22605" spans="2:12">
      <c r="B22605" s="358" t="s">
        <v>11364</v>
      </c>
      <c r="C22605" s="358" t="s">
        <v>26070</v>
      </c>
      <c r="D22605" s="358" t="s">
        <v>11365</v>
      </c>
      <c r="E22605" s="358" t="s">
        <v>11366</v>
      </c>
      <c r="F22605" s="358" t="s">
        <v>14376</v>
      </c>
      <c r="G22605" s="358" t="s">
        <v>14669</v>
      </c>
      <c r="H22605" s="358" t="s">
        <v>14381</v>
      </c>
      <c r="I22605" s="358" t="s">
        <v>14669</v>
      </c>
      <c r="J22605" s="358"/>
      <c r="K22605" s="358"/>
      <c r="L22605" s="358"/>
    </row>
    <row r="22606" spans="2:12">
      <c r="B22606" s="367"/>
      <c r="C22606" s="360"/>
      <c r="D22606" s="367"/>
      <c r="E22606" s="367"/>
      <c r="F22606" s="367"/>
      <c r="G22606" s="367"/>
      <c r="H22606" s="360"/>
      <c r="I22606" s="367"/>
      <c r="J22606" s="365"/>
      <c r="K22606" s="365"/>
      <c r="L22606" s="365"/>
    </row>
    <row r="22607" spans="2:12">
      <c r="B22607" s="367"/>
      <c r="C22607" s="359" t="s">
        <v>26056</v>
      </c>
      <c r="D22607" s="367"/>
      <c r="E22607" s="367"/>
      <c r="F22607" s="367"/>
      <c r="G22607" s="367"/>
      <c r="H22607" s="359" t="s">
        <v>14332</v>
      </c>
      <c r="I22607" s="367"/>
      <c r="J22607" s="365"/>
      <c r="K22607" s="365"/>
      <c r="L22607" s="365"/>
    </row>
    <row r="22608" spans="2:12">
      <c r="B22608" s="367"/>
      <c r="C22608" s="360"/>
      <c r="D22608" s="367"/>
      <c r="E22608" s="367"/>
      <c r="F22608" s="367"/>
      <c r="G22608" s="367"/>
      <c r="H22608" s="360"/>
      <c r="I22608" s="367"/>
      <c r="J22608" s="365"/>
      <c r="K22608" s="365"/>
      <c r="L22608" s="365"/>
    </row>
    <row r="22609" spans="2:12" ht="85.5">
      <c r="B22609" s="368"/>
      <c r="C22609" s="361" t="s">
        <v>28131</v>
      </c>
      <c r="D22609" s="368"/>
      <c r="E22609" s="368"/>
      <c r="F22609" s="368"/>
      <c r="G22609" s="368"/>
      <c r="H22609" s="362"/>
      <c r="I22609" s="368"/>
      <c r="J22609" s="366"/>
      <c r="K22609" s="366"/>
      <c r="L22609" s="366"/>
    </row>
    <row r="22610" spans="2:12">
      <c r="B22610" s="358" t="s">
        <v>11368</v>
      </c>
      <c r="C22610" s="358" t="s">
        <v>29849</v>
      </c>
      <c r="D22610" s="358" t="s">
        <v>11369</v>
      </c>
      <c r="E22610" s="358" t="s">
        <v>11370</v>
      </c>
      <c r="F22610" s="358" t="s">
        <v>14376</v>
      </c>
      <c r="G22610" s="358" t="s">
        <v>14669</v>
      </c>
      <c r="H22610" s="358" t="s">
        <v>14381</v>
      </c>
      <c r="I22610" s="358" t="s">
        <v>14669</v>
      </c>
      <c r="J22610" s="358"/>
      <c r="K22610" s="358"/>
      <c r="L22610" s="358"/>
    </row>
    <row r="22611" spans="2:12">
      <c r="B22611" s="367"/>
      <c r="C22611" s="360"/>
      <c r="D22611" s="367"/>
      <c r="E22611" s="367"/>
      <c r="F22611" s="367"/>
      <c r="G22611" s="367"/>
      <c r="H22611" s="360"/>
      <c r="I22611" s="367"/>
      <c r="J22611" s="365"/>
      <c r="K22611" s="365"/>
      <c r="L22611" s="365"/>
    </row>
    <row r="22612" spans="2:12" ht="71.25">
      <c r="B22612" s="368"/>
      <c r="C22612" s="361" t="s">
        <v>30605</v>
      </c>
      <c r="D22612" s="368"/>
      <c r="E22612" s="368"/>
      <c r="F22612" s="368"/>
      <c r="G22612" s="368"/>
      <c r="H22612" s="361" t="s">
        <v>14332</v>
      </c>
      <c r="I22612" s="368"/>
      <c r="J22612" s="366"/>
      <c r="K22612" s="366"/>
      <c r="L22612" s="366"/>
    </row>
    <row r="22613" spans="2:12">
      <c r="B22613" s="358" t="s">
        <v>11372</v>
      </c>
      <c r="C22613" s="358" t="s">
        <v>26071</v>
      </c>
      <c r="D22613" s="358" t="s">
        <v>11373</v>
      </c>
      <c r="E22613" s="358" t="s">
        <v>11374</v>
      </c>
      <c r="F22613" s="358" t="s">
        <v>14376</v>
      </c>
      <c r="G22613" s="358" t="s">
        <v>14669</v>
      </c>
      <c r="H22613" s="358" t="s">
        <v>14381</v>
      </c>
      <c r="I22613" s="358" t="s">
        <v>14669</v>
      </c>
      <c r="J22613" s="358"/>
      <c r="K22613" s="358"/>
      <c r="L22613" s="358"/>
    </row>
    <row r="22614" spans="2:12">
      <c r="B22614" s="367"/>
      <c r="C22614" s="360"/>
      <c r="D22614" s="367"/>
      <c r="E22614" s="367"/>
      <c r="F22614" s="367"/>
      <c r="G22614" s="367"/>
      <c r="H22614" s="360"/>
      <c r="I22614" s="367"/>
      <c r="J22614" s="365"/>
      <c r="K22614" s="365"/>
      <c r="L22614" s="365"/>
    </row>
    <row r="22615" spans="2:12">
      <c r="B22615" s="367"/>
      <c r="C22615" s="359" t="s">
        <v>26056</v>
      </c>
      <c r="D22615" s="367"/>
      <c r="E22615" s="367"/>
      <c r="F22615" s="367"/>
      <c r="G22615" s="367"/>
      <c r="H22615" s="359" t="s">
        <v>14332</v>
      </c>
      <c r="I22615" s="367"/>
      <c r="J22615" s="365"/>
      <c r="K22615" s="365"/>
      <c r="L22615" s="365"/>
    </row>
    <row r="22616" spans="2:12">
      <c r="B22616" s="367"/>
      <c r="C22616" s="360"/>
      <c r="D22616" s="367"/>
      <c r="E22616" s="367"/>
      <c r="F22616" s="367"/>
      <c r="G22616" s="367"/>
      <c r="H22616" s="360"/>
      <c r="I22616" s="367"/>
      <c r="J22616" s="365"/>
      <c r="K22616" s="365"/>
      <c r="L22616" s="365"/>
    </row>
    <row r="22617" spans="2:12" ht="85.5">
      <c r="B22617" s="368"/>
      <c r="C22617" s="361" t="s">
        <v>30606</v>
      </c>
      <c r="D22617" s="368"/>
      <c r="E22617" s="368"/>
      <c r="F22617" s="368"/>
      <c r="G22617" s="368"/>
      <c r="H22617" s="362"/>
      <c r="I22617" s="368"/>
      <c r="J22617" s="366"/>
      <c r="K22617" s="366"/>
      <c r="L22617" s="366"/>
    </row>
    <row r="22618" spans="2:12">
      <c r="B22618" s="358" t="s">
        <v>11376</v>
      </c>
      <c r="C22618" s="358" t="s">
        <v>29850</v>
      </c>
      <c r="D22618" s="358" t="s">
        <v>11377</v>
      </c>
      <c r="E22618" s="358" t="s">
        <v>11378</v>
      </c>
      <c r="F22618" s="358" t="s">
        <v>14376</v>
      </c>
      <c r="G22618" s="358" t="s">
        <v>14669</v>
      </c>
      <c r="H22618" s="358" t="s">
        <v>14381</v>
      </c>
      <c r="I22618" s="358" t="s">
        <v>14669</v>
      </c>
      <c r="J22618" s="358"/>
      <c r="K22618" s="358"/>
      <c r="L22618" s="358"/>
    </row>
    <row r="22619" spans="2:12">
      <c r="B22619" s="367"/>
      <c r="C22619" s="360"/>
      <c r="D22619" s="367"/>
      <c r="E22619" s="367"/>
      <c r="F22619" s="367"/>
      <c r="G22619" s="367"/>
      <c r="H22619" s="360"/>
      <c r="I22619" s="367"/>
      <c r="J22619" s="365"/>
      <c r="K22619" s="365"/>
      <c r="L22619" s="365"/>
    </row>
    <row r="22620" spans="2:12" ht="42.75">
      <c r="B22620" s="368"/>
      <c r="C22620" s="361" t="s">
        <v>28132</v>
      </c>
      <c r="D22620" s="368"/>
      <c r="E22620" s="368"/>
      <c r="F22620" s="368"/>
      <c r="G22620" s="368"/>
      <c r="H22620" s="361" t="s">
        <v>14332</v>
      </c>
      <c r="I22620" s="368"/>
      <c r="J22620" s="366"/>
      <c r="K22620" s="366"/>
      <c r="L22620" s="366"/>
    </row>
    <row r="22621" spans="2:12">
      <c r="B22621" s="358" t="s">
        <v>11381</v>
      </c>
      <c r="C22621" s="358" t="s">
        <v>26072</v>
      </c>
      <c r="D22621" s="358" t="s">
        <v>11382</v>
      </c>
      <c r="E22621" s="358" t="s">
        <v>11383</v>
      </c>
      <c r="F22621" s="358" t="s">
        <v>14376</v>
      </c>
      <c r="G22621" s="358" t="s">
        <v>14669</v>
      </c>
      <c r="H22621" s="358" t="s">
        <v>14381</v>
      </c>
      <c r="I22621" s="358" t="s">
        <v>14669</v>
      </c>
      <c r="J22621" s="358"/>
      <c r="K22621" s="358"/>
      <c r="L22621" s="358"/>
    </row>
    <row r="22622" spans="2:12">
      <c r="B22622" s="367"/>
      <c r="C22622" s="360"/>
      <c r="D22622" s="367"/>
      <c r="E22622" s="367"/>
      <c r="F22622" s="367"/>
      <c r="G22622" s="367"/>
      <c r="H22622" s="360"/>
      <c r="I22622" s="367"/>
      <c r="J22622" s="365"/>
      <c r="K22622" s="365"/>
      <c r="L22622" s="365"/>
    </row>
    <row r="22623" spans="2:12">
      <c r="B22623" s="367"/>
      <c r="C22623" s="359" t="s">
        <v>26056</v>
      </c>
      <c r="D22623" s="367"/>
      <c r="E22623" s="367"/>
      <c r="F22623" s="367"/>
      <c r="G22623" s="367"/>
      <c r="H22623" s="359" t="s">
        <v>14332</v>
      </c>
      <c r="I22623" s="367"/>
      <c r="J22623" s="365"/>
      <c r="K22623" s="365"/>
      <c r="L22623" s="365"/>
    </row>
    <row r="22624" spans="2:12">
      <c r="B22624" s="367"/>
      <c r="C22624" s="360"/>
      <c r="D22624" s="367"/>
      <c r="E22624" s="367"/>
      <c r="F22624" s="367"/>
      <c r="G22624" s="367"/>
      <c r="H22624" s="360"/>
      <c r="I22624" s="367"/>
      <c r="J22624" s="365"/>
      <c r="K22624" s="365"/>
      <c r="L22624" s="365"/>
    </row>
    <row r="22625" spans="2:12" ht="71.25">
      <c r="B22625" s="368"/>
      <c r="C22625" s="361" t="s">
        <v>26073</v>
      </c>
      <c r="D22625" s="368"/>
      <c r="E22625" s="368"/>
      <c r="F22625" s="368"/>
      <c r="G22625" s="368"/>
      <c r="H22625" s="362"/>
      <c r="I22625" s="368"/>
      <c r="J22625" s="366"/>
      <c r="K22625" s="366"/>
      <c r="L22625" s="366"/>
    </row>
    <row r="22626" spans="2:12">
      <c r="B22626" s="358" t="s">
        <v>11385</v>
      </c>
      <c r="C22626" s="358" t="s">
        <v>26074</v>
      </c>
      <c r="D22626" s="358" t="s">
        <v>11386</v>
      </c>
      <c r="E22626" s="358" t="s">
        <v>11387</v>
      </c>
      <c r="F22626" s="358" t="s">
        <v>14376</v>
      </c>
      <c r="G22626" s="358" t="s">
        <v>14669</v>
      </c>
      <c r="H22626" s="358" t="s">
        <v>14381</v>
      </c>
      <c r="I22626" s="358" t="s">
        <v>14669</v>
      </c>
      <c r="J22626" s="358"/>
      <c r="K22626" s="358"/>
      <c r="L22626" s="358"/>
    </row>
    <row r="22627" spans="2:12">
      <c r="B22627" s="367"/>
      <c r="C22627" s="360"/>
      <c r="D22627" s="367"/>
      <c r="E22627" s="367"/>
      <c r="F22627" s="367"/>
      <c r="G22627" s="367"/>
      <c r="H22627" s="360"/>
      <c r="I22627" s="367"/>
      <c r="J22627" s="365"/>
      <c r="K22627" s="365"/>
      <c r="L22627" s="365"/>
    </row>
    <row r="22628" spans="2:12">
      <c r="B22628" s="367"/>
      <c r="C22628" s="359" t="s">
        <v>26056</v>
      </c>
      <c r="D22628" s="367"/>
      <c r="E22628" s="367"/>
      <c r="F22628" s="367"/>
      <c r="G22628" s="367"/>
      <c r="H22628" s="359" t="s">
        <v>14332</v>
      </c>
      <c r="I22628" s="367"/>
      <c r="J22628" s="365"/>
      <c r="K22628" s="365"/>
      <c r="L22628" s="365"/>
    </row>
    <row r="22629" spans="2:12">
      <c r="B22629" s="367"/>
      <c r="C22629" s="360"/>
      <c r="D22629" s="367"/>
      <c r="E22629" s="367"/>
      <c r="F22629" s="367"/>
      <c r="G22629" s="367"/>
      <c r="H22629" s="360"/>
      <c r="I22629" s="367"/>
      <c r="J22629" s="365"/>
      <c r="K22629" s="365"/>
      <c r="L22629" s="365"/>
    </row>
    <row r="22630" spans="2:12" ht="71.25">
      <c r="B22630" s="368"/>
      <c r="C22630" s="361" t="s">
        <v>30607</v>
      </c>
      <c r="D22630" s="368"/>
      <c r="E22630" s="368"/>
      <c r="F22630" s="368"/>
      <c r="G22630" s="368"/>
      <c r="H22630" s="362"/>
      <c r="I22630" s="368"/>
      <c r="J22630" s="366"/>
      <c r="K22630" s="366"/>
      <c r="L22630" s="366"/>
    </row>
    <row r="22631" spans="2:12" ht="142.5">
      <c r="B22631" s="358" t="s">
        <v>11389</v>
      </c>
      <c r="C22631" s="358" t="s">
        <v>30608</v>
      </c>
      <c r="D22631" s="358" t="s">
        <v>11390</v>
      </c>
      <c r="E22631" s="358" t="s">
        <v>11391</v>
      </c>
      <c r="F22631" s="358" t="s">
        <v>14376</v>
      </c>
      <c r="G22631" s="358" t="s">
        <v>14669</v>
      </c>
      <c r="H22631" s="358" t="s">
        <v>14381</v>
      </c>
      <c r="I22631" s="358" t="s">
        <v>14669</v>
      </c>
      <c r="J22631" s="358"/>
      <c r="K22631" s="358"/>
      <c r="L22631" s="358"/>
    </row>
    <row r="22632" spans="2:12">
      <c r="B22632" s="367"/>
      <c r="C22632" s="367"/>
      <c r="D22632" s="367"/>
      <c r="E22632" s="367"/>
      <c r="F22632" s="367"/>
      <c r="G22632" s="367"/>
      <c r="H22632" s="360"/>
      <c r="I22632" s="367"/>
      <c r="J22632" s="365"/>
      <c r="K22632" s="365"/>
      <c r="L22632" s="365"/>
    </row>
    <row r="22633" spans="2:12">
      <c r="B22633" s="368"/>
      <c r="C22633" s="368"/>
      <c r="D22633" s="368"/>
      <c r="E22633" s="368"/>
      <c r="F22633" s="368"/>
      <c r="G22633" s="368"/>
      <c r="H22633" s="361" t="s">
        <v>14332</v>
      </c>
      <c r="I22633" s="368"/>
      <c r="J22633" s="366"/>
      <c r="K22633" s="366"/>
      <c r="L22633" s="366"/>
    </row>
    <row r="22634" spans="2:12" ht="28.5">
      <c r="B22634" s="358" t="s">
        <v>11394</v>
      </c>
      <c r="C22634" s="358" t="s">
        <v>29851</v>
      </c>
      <c r="D22634" s="358" t="s">
        <v>11395</v>
      </c>
      <c r="E22634" s="358" t="s">
        <v>11396</v>
      </c>
      <c r="F22634" s="358" t="s">
        <v>14376</v>
      </c>
      <c r="G22634" s="358" t="s">
        <v>14669</v>
      </c>
      <c r="H22634" s="358" t="s">
        <v>14381</v>
      </c>
      <c r="I22634" s="358" t="s">
        <v>14669</v>
      </c>
      <c r="J22634" s="358"/>
      <c r="K22634" s="358"/>
      <c r="L22634" s="358"/>
    </row>
    <row r="22635" spans="2:12">
      <c r="B22635" s="367"/>
      <c r="C22635" s="360"/>
      <c r="D22635" s="367"/>
      <c r="E22635" s="367"/>
      <c r="F22635" s="367"/>
      <c r="G22635" s="367"/>
      <c r="H22635" s="360"/>
      <c r="I22635" s="367"/>
      <c r="J22635" s="365"/>
      <c r="K22635" s="365"/>
      <c r="L22635" s="365"/>
    </row>
    <row r="22636" spans="2:12" ht="42.75">
      <c r="B22636" s="368"/>
      <c r="C22636" s="361" t="s">
        <v>26075</v>
      </c>
      <c r="D22636" s="368"/>
      <c r="E22636" s="368"/>
      <c r="F22636" s="368"/>
      <c r="G22636" s="368"/>
      <c r="H22636" s="361" t="s">
        <v>14332</v>
      </c>
      <c r="I22636" s="368"/>
      <c r="J22636" s="366"/>
      <c r="K22636" s="366"/>
      <c r="L22636" s="366"/>
    </row>
    <row r="22637" spans="2:12">
      <c r="B22637" s="358" t="s">
        <v>11399</v>
      </c>
      <c r="C22637" s="358" t="s">
        <v>26076</v>
      </c>
      <c r="D22637" s="358" t="s">
        <v>11400</v>
      </c>
      <c r="E22637" s="358" t="s">
        <v>11401</v>
      </c>
      <c r="F22637" s="358" t="s">
        <v>14376</v>
      </c>
      <c r="G22637" s="358" t="s">
        <v>14669</v>
      </c>
      <c r="H22637" s="358" t="s">
        <v>14381</v>
      </c>
      <c r="I22637" s="358" t="s">
        <v>14669</v>
      </c>
      <c r="J22637" s="358"/>
      <c r="K22637" s="358"/>
      <c r="L22637" s="358"/>
    </row>
    <row r="22638" spans="2:12">
      <c r="B22638" s="367"/>
      <c r="C22638" s="360"/>
      <c r="D22638" s="367"/>
      <c r="E22638" s="367"/>
      <c r="F22638" s="367"/>
      <c r="G22638" s="367"/>
      <c r="H22638" s="360"/>
      <c r="I22638" s="367"/>
      <c r="J22638" s="365"/>
      <c r="K22638" s="365"/>
      <c r="L22638" s="365"/>
    </row>
    <row r="22639" spans="2:12">
      <c r="B22639" s="367"/>
      <c r="C22639" s="359" t="s">
        <v>26056</v>
      </c>
      <c r="D22639" s="367"/>
      <c r="E22639" s="367"/>
      <c r="F22639" s="367"/>
      <c r="G22639" s="367"/>
      <c r="H22639" s="359" t="s">
        <v>14332</v>
      </c>
      <c r="I22639" s="367"/>
      <c r="J22639" s="365"/>
      <c r="K22639" s="365"/>
      <c r="L22639" s="365"/>
    </row>
    <row r="22640" spans="2:12">
      <c r="B22640" s="367"/>
      <c r="C22640" s="360"/>
      <c r="D22640" s="367"/>
      <c r="E22640" s="367"/>
      <c r="F22640" s="367"/>
      <c r="G22640" s="367"/>
      <c r="H22640" s="360"/>
      <c r="I22640" s="367"/>
      <c r="J22640" s="365"/>
      <c r="K22640" s="365"/>
      <c r="L22640" s="365"/>
    </row>
    <row r="22641" spans="2:12" ht="28.5">
      <c r="B22641" s="368"/>
      <c r="C22641" s="361" t="s">
        <v>26077</v>
      </c>
      <c r="D22641" s="368"/>
      <c r="E22641" s="368"/>
      <c r="F22641" s="368"/>
      <c r="G22641" s="368"/>
      <c r="H22641" s="362"/>
      <c r="I22641" s="368"/>
      <c r="J22641" s="366"/>
      <c r="K22641" s="366"/>
      <c r="L22641" s="366"/>
    </row>
    <row r="22642" spans="2:12">
      <c r="B22642" s="358" t="s">
        <v>11403</v>
      </c>
      <c r="C22642" s="358" t="s">
        <v>26078</v>
      </c>
      <c r="D22642" s="358" t="s">
        <v>11404</v>
      </c>
      <c r="E22642" s="358" t="s">
        <v>11405</v>
      </c>
      <c r="F22642" s="358" t="s">
        <v>14376</v>
      </c>
      <c r="G22642" s="358" t="s">
        <v>14669</v>
      </c>
      <c r="H22642" s="358" t="s">
        <v>14381</v>
      </c>
      <c r="I22642" s="358" t="s">
        <v>14669</v>
      </c>
      <c r="J22642" s="358"/>
      <c r="K22642" s="358"/>
      <c r="L22642" s="358"/>
    </row>
    <row r="22643" spans="2:12">
      <c r="B22643" s="367"/>
      <c r="C22643" s="360"/>
      <c r="D22643" s="367"/>
      <c r="E22643" s="367"/>
      <c r="F22643" s="367"/>
      <c r="G22643" s="367"/>
      <c r="H22643" s="360"/>
      <c r="I22643" s="367"/>
      <c r="J22643" s="365"/>
      <c r="K22643" s="365"/>
      <c r="L22643" s="365"/>
    </row>
    <row r="22644" spans="2:12">
      <c r="B22644" s="367"/>
      <c r="C22644" s="359" t="s">
        <v>26056</v>
      </c>
      <c r="D22644" s="367"/>
      <c r="E22644" s="367"/>
      <c r="F22644" s="367"/>
      <c r="G22644" s="367"/>
      <c r="H22644" s="359" t="s">
        <v>14332</v>
      </c>
      <c r="I22644" s="367"/>
      <c r="J22644" s="365"/>
      <c r="K22644" s="365"/>
      <c r="L22644" s="365"/>
    </row>
    <row r="22645" spans="2:12">
      <c r="B22645" s="367"/>
      <c r="C22645" s="360"/>
      <c r="D22645" s="367"/>
      <c r="E22645" s="367"/>
      <c r="F22645" s="367"/>
      <c r="G22645" s="367"/>
      <c r="H22645" s="360"/>
      <c r="I22645" s="367"/>
      <c r="J22645" s="365"/>
      <c r="K22645" s="365"/>
      <c r="L22645" s="365"/>
    </row>
    <row r="22646" spans="2:12" ht="114">
      <c r="B22646" s="368"/>
      <c r="C22646" s="361" t="s">
        <v>30609</v>
      </c>
      <c r="D22646" s="368"/>
      <c r="E22646" s="368"/>
      <c r="F22646" s="368"/>
      <c r="G22646" s="368"/>
      <c r="H22646" s="362"/>
      <c r="I22646" s="368"/>
      <c r="J22646" s="366"/>
      <c r="K22646" s="366"/>
      <c r="L22646" s="366"/>
    </row>
    <row r="22647" spans="2:12">
      <c r="B22647" s="358" t="s">
        <v>11407</v>
      </c>
      <c r="C22647" s="358" t="s">
        <v>26079</v>
      </c>
      <c r="D22647" s="358" t="s">
        <v>26080</v>
      </c>
      <c r="E22647" s="358" t="s">
        <v>11409</v>
      </c>
      <c r="F22647" s="358" t="s">
        <v>14376</v>
      </c>
      <c r="G22647" s="358" t="s">
        <v>14669</v>
      </c>
      <c r="H22647" s="358" t="s">
        <v>14381</v>
      </c>
      <c r="I22647" s="358" t="s">
        <v>14669</v>
      </c>
      <c r="J22647" s="358"/>
      <c r="K22647" s="358"/>
      <c r="L22647" s="358"/>
    </row>
    <row r="22648" spans="2:12">
      <c r="B22648" s="367"/>
      <c r="C22648" s="360"/>
      <c r="D22648" s="367"/>
      <c r="E22648" s="367"/>
      <c r="F22648" s="367"/>
      <c r="G22648" s="367"/>
      <c r="H22648" s="360"/>
      <c r="I22648" s="367"/>
      <c r="J22648" s="365"/>
      <c r="K22648" s="365"/>
      <c r="L22648" s="365"/>
    </row>
    <row r="22649" spans="2:12">
      <c r="B22649" s="367"/>
      <c r="C22649" s="359" t="s">
        <v>26056</v>
      </c>
      <c r="D22649" s="367"/>
      <c r="E22649" s="367"/>
      <c r="F22649" s="367"/>
      <c r="G22649" s="367"/>
      <c r="H22649" s="359" t="s">
        <v>14332</v>
      </c>
      <c r="I22649" s="367"/>
      <c r="J22649" s="365"/>
      <c r="K22649" s="365"/>
      <c r="L22649" s="365"/>
    </row>
    <row r="22650" spans="2:12">
      <c r="B22650" s="367"/>
      <c r="C22650" s="360"/>
      <c r="D22650" s="367"/>
      <c r="E22650" s="367"/>
      <c r="F22650" s="367"/>
      <c r="G22650" s="367"/>
      <c r="H22650" s="360"/>
      <c r="I22650" s="367"/>
      <c r="J22650" s="365"/>
      <c r="K22650" s="365"/>
      <c r="L22650" s="365"/>
    </row>
    <row r="22651" spans="2:12" ht="85.5">
      <c r="B22651" s="368"/>
      <c r="C22651" s="361" t="s">
        <v>30610</v>
      </c>
      <c r="D22651" s="368"/>
      <c r="E22651" s="368"/>
      <c r="F22651" s="368"/>
      <c r="G22651" s="368"/>
      <c r="H22651" s="362"/>
      <c r="I22651" s="368"/>
      <c r="J22651" s="366"/>
      <c r="K22651" s="366"/>
      <c r="L22651" s="366"/>
    </row>
    <row r="22652" spans="2:12">
      <c r="B22652" s="358" t="s">
        <v>11411</v>
      </c>
      <c r="C22652" s="358" t="s">
        <v>29852</v>
      </c>
      <c r="D22652" s="358" t="s">
        <v>11412</v>
      </c>
      <c r="E22652" s="358" t="s">
        <v>11413</v>
      </c>
      <c r="F22652" s="358" t="s">
        <v>14376</v>
      </c>
      <c r="G22652" s="358" t="s">
        <v>14669</v>
      </c>
      <c r="H22652" s="358" t="s">
        <v>14381</v>
      </c>
      <c r="I22652" s="358" t="s">
        <v>14669</v>
      </c>
      <c r="J22652" s="358"/>
      <c r="K22652" s="358"/>
      <c r="L22652" s="358"/>
    </row>
    <row r="22653" spans="2:12">
      <c r="B22653" s="367"/>
      <c r="C22653" s="360"/>
      <c r="D22653" s="367"/>
      <c r="E22653" s="367"/>
      <c r="F22653" s="367"/>
      <c r="G22653" s="367"/>
      <c r="H22653" s="360"/>
      <c r="I22653" s="367"/>
      <c r="J22653" s="365"/>
      <c r="K22653" s="365"/>
      <c r="L22653" s="365"/>
    </row>
    <row r="22654" spans="2:12" ht="114">
      <c r="B22654" s="368"/>
      <c r="C22654" s="361" t="s">
        <v>30611</v>
      </c>
      <c r="D22654" s="368"/>
      <c r="E22654" s="368"/>
      <c r="F22654" s="368"/>
      <c r="G22654" s="368"/>
      <c r="H22654" s="361" t="s">
        <v>14332</v>
      </c>
      <c r="I22654" s="368"/>
      <c r="J22654" s="366"/>
      <c r="K22654" s="366"/>
      <c r="L22654" s="366"/>
    </row>
    <row r="22655" spans="2:12" ht="28.5">
      <c r="B22655" s="358" t="s">
        <v>11415</v>
      </c>
      <c r="C22655" s="358" t="s">
        <v>29853</v>
      </c>
      <c r="D22655" s="358" t="s">
        <v>11416</v>
      </c>
      <c r="E22655" s="358" t="s">
        <v>11417</v>
      </c>
      <c r="F22655" s="358" t="s">
        <v>14376</v>
      </c>
      <c r="G22655" s="358" t="s">
        <v>14669</v>
      </c>
      <c r="H22655" s="358" t="s">
        <v>14381</v>
      </c>
      <c r="I22655" s="358" t="s">
        <v>14669</v>
      </c>
      <c r="J22655" s="358"/>
      <c r="K22655" s="358"/>
      <c r="L22655" s="358"/>
    </row>
    <row r="22656" spans="2:12">
      <c r="B22656" s="367"/>
      <c r="C22656" s="360"/>
      <c r="D22656" s="367"/>
      <c r="E22656" s="367"/>
      <c r="F22656" s="367"/>
      <c r="G22656" s="367"/>
      <c r="H22656" s="360"/>
      <c r="I22656" s="367"/>
      <c r="J22656" s="365"/>
      <c r="K22656" s="365"/>
      <c r="L22656" s="365"/>
    </row>
    <row r="22657" spans="2:12" ht="114">
      <c r="B22657" s="368"/>
      <c r="C22657" s="361" t="s">
        <v>30612</v>
      </c>
      <c r="D22657" s="368"/>
      <c r="E22657" s="368"/>
      <c r="F22657" s="368"/>
      <c r="G22657" s="368"/>
      <c r="H22657" s="361" t="s">
        <v>14332</v>
      </c>
      <c r="I22657" s="368"/>
      <c r="J22657" s="366"/>
      <c r="K22657" s="366"/>
      <c r="L22657" s="366"/>
    </row>
    <row r="22658" spans="2:12">
      <c r="B22658" s="358" t="s">
        <v>11420</v>
      </c>
      <c r="C22658" s="358" t="s">
        <v>26081</v>
      </c>
      <c r="D22658" s="358" t="s">
        <v>11421</v>
      </c>
      <c r="E22658" s="358" t="s">
        <v>11422</v>
      </c>
      <c r="F22658" s="358" t="s">
        <v>14376</v>
      </c>
      <c r="G22658" s="358" t="s">
        <v>14669</v>
      </c>
      <c r="H22658" s="358" t="s">
        <v>14381</v>
      </c>
      <c r="I22658" s="358" t="s">
        <v>14669</v>
      </c>
      <c r="J22658" s="358"/>
      <c r="K22658" s="358"/>
      <c r="L22658" s="358"/>
    </row>
    <row r="22659" spans="2:12">
      <c r="B22659" s="367"/>
      <c r="C22659" s="360"/>
      <c r="D22659" s="367"/>
      <c r="E22659" s="367"/>
      <c r="F22659" s="367"/>
      <c r="G22659" s="367"/>
      <c r="H22659" s="360"/>
      <c r="I22659" s="367"/>
      <c r="J22659" s="365"/>
      <c r="K22659" s="365"/>
      <c r="L22659" s="365"/>
    </row>
    <row r="22660" spans="2:12">
      <c r="B22660" s="367"/>
      <c r="C22660" s="359" t="s">
        <v>26056</v>
      </c>
      <c r="D22660" s="367"/>
      <c r="E22660" s="367"/>
      <c r="F22660" s="367"/>
      <c r="G22660" s="367"/>
      <c r="H22660" s="359" t="s">
        <v>14332</v>
      </c>
      <c r="I22660" s="367"/>
      <c r="J22660" s="365"/>
      <c r="K22660" s="365"/>
      <c r="L22660" s="365"/>
    </row>
    <row r="22661" spans="2:12">
      <c r="B22661" s="367"/>
      <c r="C22661" s="360"/>
      <c r="D22661" s="367"/>
      <c r="E22661" s="367"/>
      <c r="F22661" s="367"/>
      <c r="G22661" s="367"/>
      <c r="H22661" s="360"/>
      <c r="I22661" s="367"/>
      <c r="J22661" s="365"/>
      <c r="K22661" s="365"/>
      <c r="L22661" s="365"/>
    </row>
    <row r="22662" spans="2:12" ht="71.25">
      <c r="B22662" s="368"/>
      <c r="C22662" s="361" t="s">
        <v>26082</v>
      </c>
      <c r="D22662" s="368"/>
      <c r="E22662" s="368"/>
      <c r="F22662" s="368"/>
      <c r="G22662" s="368"/>
      <c r="H22662" s="362"/>
      <c r="I22662" s="368"/>
      <c r="J22662" s="366"/>
      <c r="K22662" s="366"/>
      <c r="L22662" s="366"/>
    </row>
    <row r="22663" spans="2:12">
      <c r="B22663" s="358" t="s">
        <v>11424</v>
      </c>
      <c r="C22663" s="358" t="s">
        <v>26083</v>
      </c>
      <c r="D22663" s="358" t="s">
        <v>11425</v>
      </c>
      <c r="E22663" s="358" t="s">
        <v>11426</v>
      </c>
      <c r="F22663" s="358" t="s">
        <v>14376</v>
      </c>
      <c r="G22663" s="358" t="s">
        <v>14669</v>
      </c>
      <c r="H22663" s="358" t="s">
        <v>14381</v>
      </c>
      <c r="I22663" s="358" t="s">
        <v>14669</v>
      </c>
      <c r="J22663" s="358"/>
      <c r="K22663" s="358"/>
      <c r="L22663" s="358"/>
    </row>
    <row r="22664" spans="2:12">
      <c r="B22664" s="367"/>
      <c r="C22664" s="360"/>
      <c r="D22664" s="367"/>
      <c r="E22664" s="367"/>
      <c r="F22664" s="367"/>
      <c r="G22664" s="367"/>
      <c r="H22664" s="360"/>
      <c r="I22664" s="367"/>
      <c r="J22664" s="365"/>
      <c r="K22664" s="365"/>
      <c r="L22664" s="365"/>
    </row>
    <row r="22665" spans="2:12">
      <c r="B22665" s="367"/>
      <c r="C22665" s="359" t="s">
        <v>26056</v>
      </c>
      <c r="D22665" s="367"/>
      <c r="E22665" s="367"/>
      <c r="F22665" s="367"/>
      <c r="G22665" s="367"/>
      <c r="H22665" s="359" t="s">
        <v>14332</v>
      </c>
      <c r="I22665" s="367"/>
      <c r="J22665" s="365"/>
      <c r="K22665" s="365"/>
      <c r="L22665" s="365"/>
    </row>
    <row r="22666" spans="2:12">
      <c r="B22666" s="367"/>
      <c r="C22666" s="360"/>
      <c r="D22666" s="367"/>
      <c r="E22666" s="367"/>
      <c r="F22666" s="367"/>
      <c r="G22666" s="367"/>
      <c r="H22666" s="360"/>
      <c r="I22666" s="367"/>
      <c r="J22666" s="365"/>
      <c r="K22666" s="365"/>
      <c r="L22666" s="365"/>
    </row>
    <row r="22667" spans="2:12" ht="71.25">
      <c r="B22667" s="368"/>
      <c r="C22667" s="361" t="s">
        <v>28133</v>
      </c>
      <c r="D22667" s="368"/>
      <c r="E22667" s="368"/>
      <c r="F22667" s="368"/>
      <c r="G22667" s="368"/>
      <c r="H22667" s="362"/>
      <c r="I22667" s="368"/>
      <c r="J22667" s="366"/>
      <c r="K22667" s="366"/>
      <c r="L22667" s="366"/>
    </row>
    <row r="22668" spans="2:12">
      <c r="B22668" s="358" t="s">
        <v>11428</v>
      </c>
      <c r="C22668" s="358" t="s">
        <v>29854</v>
      </c>
      <c r="D22668" s="358" t="s">
        <v>11429</v>
      </c>
      <c r="E22668" s="358" t="s">
        <v>11430</v>
      </c>
      <c r="F22668" s="358" t="s">
        <v>14376</v>
      </c>
      <c r="G22668" s="358" t="s">
        <v>14669</v>
      </c>
      <c r="H22668" s="358" t="s">
        <v>14381</v>
      </c>
      <c r="I22668" s="358" t="s">
        <v>14669</v>
      </c>
      <c r="J22668" s="358"/>
      <c r="K22668" s="358"/>
      <c r="L22668" s="358"/>
    </row>
    <row r="22669" spans="2:12">
      <c r="B22669" s="367"/>
      <c r="C22669" s="360"/>
      <c r="D22669" s="367"/>
      <c r="E22669" s="367"/>
      <c r="F22669" s="367"/>
      <c r="G22669" s="367"/>
      <c r="H22669" s="360"/>
      <c r="I22669" s="367"/>
      <c r="J22669" s="365"/>
      <c r="K22669" s="365"/>
      <c r="L22669" s="365"/>
    </row>
    <row r="22670" spans="2:12" ht="85.5">
      <c r="B22670" s="368"/>
      <c r="C22670" s="361" t="s">
        <v>28134</v>
      </c>
      <c r="D22670" s="368"/>
      <c r="E22670" s="368"/>
      <c r="F22670" s="368"/>
      <c r="G22670" s="368"/>
      <c r="H22670" s="361" t="s">
        <v>14332</v>
      </c>
      <c r="I22670" s="368"/>
      <c r="J22670" s="366"/>
      <c r="K22670" s="366"/>
      <c r="L22670" s="366"/>
    </row>
    <row r="22671" spans="2:12">
      <c r="B22671" s="358" t="s">
        <v>11432</v>
      </c>
      <c r="C22671" s="358" t="s">
        <v>26084</v>
      </c>
      <c r="D22671" s="358" t="s">
        <v>11433</v>
      </c>
      <c r="E22671" s="358" t="s">
        <v>11434</v>
      </c>
      <c r="F22671" s="358" t="s">
        <v>14376</v>
      </c>
      <c r="G22671" s="358" t="s">
        <v>14669</v>
      </c>
      <c r="H22671" s="358" t="s">
        <v>14381</v>
      </c>
      <c r="I22671" s="358" t="s">
        <v>14669</v>
      </c>
      <c r="J22671" s="358"/>
      <c r="K22671" s="358"/>
      <c r="L22671" s="358"/>
    </row>
    <row r="22672" spans="2:12">
      <c r="B22672" s="367"/>
      <c r="C22672" s="360"/>
      <c r="D22672" s="367"/>
      <c r="E22672" s="367"/>
      <c r="F22672" s="367"/>
      <c r="G22672" s="367"/>
      <c r="H22672" s="360"/>
      <c r="I22672" s="367"/>
      <c r="J22672" s="365"/>
      <c r="K22672" s="365"/>
      <c r="L22672" s="365"/>
    </row>
    <row r="22673" spans="2:12">
      <c r="B22673" s="367"/>
      <c r="C22673" s="359" t="s">
        <v>26056</v>
      </c>
      <c r="D22673" s="367"/>
      <c r="E22673" s="367"/>
      <c r="F22673" s="367"/>
      <c r="G22673" s="367"/>
      <c r="H22673" s="359" t="s">
        <v>14332</v>
      </c>
      <c r="I22673" s="367"/>
      <c r="J22673" s="365"/>
      <c r="K22673" s="365"/>
      <c r="L22673" s="365"/>
    </row>
    <row r="22674" spans="2:12">
      <c r="B22674" s="367"/>
      <c r="C22674" s="360"/>
      <c r="D22674" s="367"/>
      <c r="E22674" s="367"/>
      <c r="F22674" s="367"/>
      <c r="G22674" s="367"/>
      <c r="H22674" s="360"/>
      <c r="I22674" s="367"/>
      <c r="J22674" s="365"/>
      <c r="K22674" s="365"/>
      <c r="L22674" s="365"/>
    </row>
    <row r="22675" spans="2:12" ht="85.5">
      <c r="B22675" s="368"/>
      <c r="C22675" s="361" t="s">
        <v>30613</v>
      </c>
      <c r="D22675" s="368"/>
      <c r="E22675" s="368"/>
      <c r="F22675" s="368"/>
      <c r="G22675" s="368"/>
      <c r="H22675" s="362"/>
      <c r="I22675" s="368"/>
      <c r="J22675" s="366"/>
      <c r="K22675" s="366"/>
      <c r="L22675" s="366"/>
    </row>
    <row r="22676" spans="2:12" ht="28.5">
      <c r="B22676" s="358" t="s">
        <v>11436</v>
      </c>
      <c r="C22676" s="358" t="s">
        <v>26085</v>
      </c>
      <c r="D22676" s="358" t="s">
        <v>11437</v>
      </c>
      <c r="E22676" s="358" t="s">
        <v>11438</v>
      </c>
      <c r="F22676" s="358" t="s">
        <v>14376</v>
      </c>
      <c r="G22676" s="358" t="s">
        <v>14669</v>
      </c>
      <c r="H22676" s="358" t="s">
        <v>14381</v>
      </c>
      <c r="I22676" s="358" t="s">
        <v>14669</v>
      </c>
      <c r="J22676" s="358"/>
      <c r="K22676" s="358"/>
      <c r="L22676" s="358"/>
    </row>
    <row r="22677" spans="2:12">
      <c r="B22677" s="367"/>
      <c r="C22677" s="360"/>
      <c r="D22677" s="367"/>
      <c r="E22677" s="367"/>
      <c r="F22677" s="367"/>
      <c r="G22677" s="367"/>
      <c r="H22677" s="360"/>
      <c r="I22677" s="367"/>
      <c r="J22677" s="365"/>
      <c r="K22677" s="365"/>
      <c r="L22677" s="365"/>
    </row>
    <row r="22678" spans="2:12">
      <c r="B22678" s="367"/>
      <c r="C22678" s="359" t="s">
        <v>26056</v>
      </c>
      <c r="D22678" s="367"/>
      <c r="E22678" s="367"/>
      <c r="F22678" s="367"/>
      <c r="G22678" s="367"/>
      <c r="H22678" s="359" t="s">
        <v>14332</v>
      </c>
      <c r="I22678" s="367"/>
      <c r="J22678" s="365"/>
      <c r="K22678" s="365"/>
      <c r="L22678" s="365"/>
    </row>
    <row r="22679" spans="2:12">
      <c r="B22679" s="367"/>
      <c r="C22679" s="360"/>
      <c r="D22679" s="367"/>
      <c r="E22679" s="367"/>
      <c r="F22679" s="367"/>
      <c r="G22679" s="367"/>
      <c r="H22679" s="360"/>
      <c r="I22679" s="367"/>
      <c r="J22679" s="365"/>
      <c r="K22679" s="365"/>
      <c r="L22679" s="365"/>
    </row>
    <row r="22680" spans="2:12" ht="99.75">
      <c r="B22680" s="368"/>
      <c r="C22680" s="361" t="s">
        <v>30614</v>
      </c>
      <c r="D22680" s="368"/>
      <c r="E22680" s="368"/>
      <c r="F22680" s="368"/>
      <c r="G22680" s="368"/>
      <c r="H22680" s="362"/>
      <c r="I22680" s="368"/>
      <c r="J22680" s="366"/>
      <c r="K22680" s="366"/>
      <c r="L22680" s="366"/>
    </row>
    <row r="22681" spans="2:12">
      <c r="B22681" s="358" t="s">
        <v>11440</v>
      </c>
      <c r="C22681" s="358" t="s">
        <v>29855</v>
      </c>
      <c r="D22681" s="358" t="s">
        <v>11441</v>
      </c>
      <c r="E22681" s="358" t="s">
        <v>11442</v>
      </c>
      <c r="F22681" s="358" t="s">
        <v>14376</v>
      </c>
      <c r="G22681" s="358" t="s">
        <v>14669</v>
      </c>
      <c r="H22681" s="358" t="s">
        <v>14381</v>
      </c>
      <c r="I22681" s="358" t="s">
        <v>14669</v>
      </c>
      <c r="J22681" s="358"/>
      <c r="K22681" s="358"/>
      <c r="L22681" s="358"/>
    </row>
    <row r="22682" spans="2:12">
      <c r="B22682" s="367"/>
      <c r="C22682" s="360"/>
      <c r="D22682" s="367"/>
      <c r="E22682" s="367"/>
      <c r="F22682" s="367"/>
      <c r="G22682" s="367"/>
      <c r="H22682" s="360"/>
      <c r="I22682" s="367"/>
      <c r="J22682" s="365"/>
      <c r="K22682" s="365"/>
      <c r="L22682" s="365"/>
    </row>
    <row r="22683" spans="2:12" ht="71.25">
      <c r="B22683" s="368"/>
      <c r="C22683" s="361" t="s">
        <v>28135</v>
      </c>
      <c r="D22683" s="368"/>
      <c r="E22683" s="368"/>
      <c r="F22683" s="368"/>
      <c r="G22683" s="368"/>
      <c r="H22683" s="361" t="s">
        <v>14332</v>
      </c>
      <c r="I22683" s="368"/>
      <c r="J22683" s="366"/>
      <c r="K22683" s="366"/>
      <c r="L22683" s="366"/>
    </row>
    <row r="22684" spans="2:12">
      <c r="B22684" s="358" t="s">
        <v>11444</v>
      </c>
      <c r="C22684" s="358" t="s">
        <v>26086</v>
      </c>
      <c r="D22684" s="358" t="s">
        <v>11445</v>
      </c>
      <c r="E22684" s="358" t="s">
        <v>11446</v>
      </c>
      <c r="F22684" s="358" t="s">
        <v>14376</v>
      </c>
      <c r="G22684" s="358" t="s">
        <v>14669</v>
      </c>
      <c r="H22684" s="358" t="s">
        <v>14381</v>
      </c>
      <c r="I22684" s="358" t="s">
        <v>14669</v>
      </c>
      <c r="J22684" s="358"/>
      <c r="K22684" s="358"/>
      <c r="L22684" s="358"/>
    </row>
    <row r="22685" spans="2:12">
      <c r="B22685" s="367"/>
      <c r="C22685" s="360"/>
      <c r="D22685" s="367"/>
      <c r="E22685" s="367"/>
      <c r="F22685" s="367"/>
      <c r="G22685" s="367"/>
      <c r="H22685" s="360"/>
      <c r="I22685" s="367"/>
      <c r="J22685" s="365"/>
      <c r="K22685" s="365"/>
      <c r="L22685" s="365"/>
    </row>
    <row r="22686" spans="2:12">
      <c r="B22686" s="367"/>
      <c r="C22686" s="359" t="s">
        <v>26056</v>
      </c>
      <c r="D22686" s="367"/>
      <c r="E22686" s="367"/>
      <c r="F22686" s="367"/>
      <c r="G22686" s="367"/>
      <c r="H22686" s="359" t="s">
        <v>14332</v>
      </c>
      <c r="I22686" s="367"/>
      <c r="J22686" s="365"/>
      <c r="K22686" s="365"/>
      <c r="L22686" s="365"/>
    </row>
    <row r="22687" spans="2:12">
      <c r="B22687" s="367"/>
      <c r="C22687" s="360"/>
      <c r="D22687" s="367"/>
      <c r="E22687" s="367"/>
      <c r="F22687" s="367"/>
      <c r="G22687" s="367"/>
      <c r="H22687" s="360"/>
      <c r="I22687" s="367"/>
      <c r="J22687" s="365"/>
      <c r="K22687" s="365"/>
      <c r="L22687" s="365"/>
    </row>
    <row r="22688" spans="2:12" ht="71.25">
      <c r="B22688" s="368"/>
      <c r="C22688" s="361" t="s">
        <v>30615</v>
      </c>
      <c r="D22688" s="368"/>
      <c r="E22688" s="368"/>
      <c r="F22688" s="368"/>
      <c r="G22688" s="368"/>
      <c r="H22688" s="362"/>
      <c r="I22688" s="368"/>
      <c r="J22688" s="366"/>
      <c r="K22688" s="366"/>
      <c r="L22688" s="366"/>
    </row>
    <row r="22689" spans="2:12" ht="28.5">
      <c r="B22689" s="358" t="s">
        <v>11448</v>
      </c>
      <c r="C22689" s="358" t="s">
        <v>29856</v>
      </c>
      <c r="D22689" s="358" t="s">
        <v>11449</v>
      </c>
      <c r="E22689" s="358" t="s">
        <v>11450</v>
      </c>
      <c r="F22689" s="358" t="s">
        <v>14376</v>
      </c>
      <c r="G22689" s="358" t="s">
        <v>14669</v>
      </c>
      <c r="H22689" s="358" t="s">
        <v>14381</v>
      </c>
      <c r="I22689" s="358" t="s">
        <v>14669</v>
      </c>
      <c r="J22689" s="358"/>
      <c r="K22689" s="358"/>
      <c r="L22689" s="358"/>
    </row>
    <row r="22690" spans="2:12">
      <c r="B22690" s="367"/>
      <c r="C22690" s="360"/>
      <c r="D22690" s="367"/>
      <c r="E22690" s="367"/>
      <c r="F22690" s="367"/>
      <c r="G22690" s="367"/>
      <c r="H22690" s="360"/>
      <c r="I22690" s="367"/>
      <c r="J22690" s="365"/>
      <c r="K22690" s="365"/>
      <c r="L22690" s="365"/>
    </row>
    <row r="22691" spans="2:12" ht="85.5">
      <c r="B22691" s="368"/>
      <c r="C22691" s="361" t="s">
        <v>30616</v>
      </c>
      <c r="D22691" s="368"/>
      <c r="E22691" s="368"/>
      <c r="F22691" s="368"/>
      <c r="G22691" s="368"/>
      <c r="H22691" s="361" t="s">
        <v>14332</v>
      </c>
      <c r="I22691" s="368"/>
      <c r="J22691" s="366"/>
      <c r="K22691" s="366"/>
      <c r="L22691" s="366"/>
    </row>
    <row r="22692" spans="2:12">
      <c r="B22692" s="358" t="s">
        <v>11452</v>
      </c>
      <c r="C22692" s="358" t="s">
        <v>26087</v>
      </c>
      <c r="D22692" s="358" t="s">
        <v>11453</v>
      </c>
      <c r="E22692" s="358" t="s">
        <v>11454</v>
      </c>
      <c r="F22692" s="358" t="s">
        <v>14376</v>
      </c>
      <c r="G22692" s="358" t="s">
        <v>14669</v>
      </c>
      <c r="H22692" s="358" t="s">
        <v>14381</v>
      </c>
      <c r="I22692" s="358" t="s">
        <v>14669</v>
      </c>
      <c r="J22692" s="358"/>
      <c r="K22692" s="358"/>
      <c r="L22692" s="358"/>
    </row>
    <row r="22693" spans="2:12">
      <c r="B22693" s="367"/>
      <c r="C22693" s="360"/>
      <c r="D22693" s="367"/>
      <c r="E22693" s="367"/>
      <c r="F22693" s="367"/>
      <c r="G22693" s="367"/>
      <c r="H22693" s="360"/>
      <c r="I22693" s="367"/>
      <c r="J22693" s="365"/>
      <c r="K22693" s="365"/>
      <c r="L22693" s="365"/>
    </row>
    <row r="22694" spans="2:12">
      <c r="B22694" s="367"/>
      <c r="C22694" s="359" t="s">
        <v>26056</v>
      </c>
      <c r="D22694" s="367"/>
      <c r="E22694" s="367"/>
      <c r="F22694" s="367"/>
      <c r="G22694" s="367"/>
      <c r="H22694" s="359" t="s">
        <v>14332</v>
      </c>
      <c r="I22694" s="367"/>
      <c r="J22694" s="365"/>
      <c r="K22694" s="365"/>
      <c r="L22694" s="365"/>
    </row>
    <row r="22695" spans="2:12">
      <c r="B22695" s="367"/>
      <c r="C22695" s="360"/>
      <c r="D22695" s="367"/>
      <c r="E22695" s="367"/>
      <c r="F22695" s="367"/>
      <c r="G22695" s="367"/>
      <c r="H22695" s="360"/>
      <c r="I22695" s="367"/>
      <c r="J22695" s="365"/>
      <c r="K22695" s="365"/>
      <c r="L22695" s="365"/>
    </row>
    <row r="22696" spans="2:12" ht="128.25">
      <c r="B22696" s="368"/>
      <c r="C22696" s="361" t="s">
        <v>30617</v>
      </c>
      <c r="D22696" s="368"/>
      <c r="E22696" s="368"/>
      <c r="F22696" s="368"/>
      <c r="G22696" s="368"/>
      <c r="H22696" s="362"/>
      <c r="I22696" s="368"/>
      <c r="J22696" s="366"/>
      <c r="K22696" s="366"/>
      <c r="L22696" s="366"/>
    </row>
    <row r="22697" spans="2:12">
      <c r="B22697" s="358" t="s">
        <v>11457</v>
      </c>
      <c r="C22697" s="358" t="s">
        <v>29857</v>
      </c>
      <c r="D22697" s="358" t="s">
        <v>11458</v>
      </c>
      <c r="E22697" s="358" t="s">
        <v>13408</v>
      </c>
      <c r="F22697" s="358" t="s">
        <v>14376</v>
      </c>
      <c r="G22697" s="358" t="s">
        <v>14669</v>
      </c>
      <c r="H22697" s="358" t="s">
        <v>14381</v>
      </c>
      <c r="I22697" s="358" t="s">
        <v>14669</v>
      </c>
      <c r="J22697" s="358"/>
      <c r="K22697" s="358"/>
      <c r="L22697" s="358"/>
    </row>
    <row r="22698" spans="2:12">
      <c r="B22698" s="367"/>
      <c r="C22698" s="360"/>
      <c r="D22698" s="367"/>
      <c r="E22698" s="367"/>
      <c r="F22698" s="367"/>
      <c r="G22698" s="367"/>
      <c r="H22698" s="360"/>
      <c r="I22698" s="367"/>
      <c r="J22698" s="365"/>
      <c r="K22698" s="365"/>
      <c r="L22698" s="365"/>
    </row>
    <row r="22699" spans="2:12" ht="156.75">
      <c r="B22699" s="368"/>
      <c r="C22699" s="361" t="s">
        <v>29858</v>
      </c>
      <c r="D22699" s="368"/>
      <c r="E22699" s="368"/>
      <c r="F22699" s="368"/>
      <c r="G22699" s="368"/>
      <c r="H22699" s="361" t="s">
        <v>14332</v>
      </c>
      <c r="I22699" s="368"/>
      <c r="J22699" s="366"/>
      <c r="K22699" s="366"/>
      <c r="L22699" s="366"/>
    </row>
    <row r="22700" spans="2:12">
      <c r="B22700" s="358" t="s">
        <v>9557</v>
      </c>
      <c r="C22700" s="358" t="s">
        <v>26088</v>
      </c>
      <c r="D22700" s="358" t="s">
        <v>9558</v>
      </c>
      <c r="E22700" s="358" t="s">
        <v>9559</v>
      </c>
      <c r="F22700" s="358" t="s">
        <v>16528</v>
      </c>
      <c r="G22700" s="358" t="s">
        <v>14669</v>
      </c>
      <c r="H22700" s="358" t="s">
        <v>14381</v>
      </c>
      <c r="I22700" s="358" t="s">
        <v>14669</v>
      </c>
      <c r="J22700" s="358"/>
      <c r="K22700" s="358"/>
      <c r="L22700" s="358"/>
    </row>
    <row r="22701" spans="2:12">
      <c r="B22701" s="367"/>
      <c r="C22701" s="360"/>
      <c r="D22701" s="367"/>
      <c r="E22701" s="367"/>
      <c r="F22701" s="367"/>
      <c r="G22701" s="367"/>
      <c r="H22701" s="360"/>
      <c r="I22701" s="367"/>
      <c r="J22701" s="365"/>
      <c r="K22701" s="365"/>
      <c r="L22701" s="365"/>
    </row>
    <row r="22702" spans="2:12">
      <c r="B22702" s="367"/>
      <c r="C22702" s="359" t="s">
        <v>26089</v>
      </c>
      <c r="D22702" s="367"/>
      <c r="E22702" s="367"/>
      <c r="F22702" s="367"/>
      <c r="G22702" s="367"/>
      <c r="H22702" s="359" t="s">
        <v>14332</v>
      </c>
      <c r="I22702" s="367"/>
      <c r="J22702" s="365"/>
      <c r="K22702" s="365"/>
      <c r="L22702" s="365"/>
    </row>
    <row r="22703" spans="2:12">
      <c r="B22703" s="367"/>
      <c r="C22703" s="360"/>
      <c r="D22703" s="367"/>
      <c r="E22703" s="367"/>
      <c r="F22703" s="367"/>
      <c r="G22703" s="367"/>
      <c r="H22703" s="360"/>
      <c r="I22703" s="367"/>
      <c r="J22703" s="365"/>
      <c r="K22703" s="365"/>
      <c r="L22703" s="365"/>
    </row>
    <row r="22704" spans="2:12" ht="128.25">
      <c r="B22704" s="368"/>
      <c r="C22704" s="361" t="s">
        <v>30618</v>
      </c>
      <c r="D22704" s="368"/>
      <c r="E22704" s="368"/>
      <c r="F22704" s="368"/>
      <c r="G22704" s="368"/>
      <c r="H22704" s="362"/>
      <c r="I22704" s="368"/>
      <c r="J22704" s="366"/>
      <c r="K22704" s="366"/>
      <c r="L22704" s="366"/>
    </row>
    <row r="22705" spans="2:12">
      <c r="B22705" s="358" t="s">
        <v>9561</v>
      </c>
      <c r="C22705" s="358" t="s">
        <v>29859</v>
      </c>
      <c r="D22705" s="358" t="s">
        <v>9562</v>
      </c>
      <c r="E22705" s="358" t="s">
        <v>9563</v>
      </c>
      <c r="F22705" s="358" t="s">
        <v>16528</v>
      </c>
      <c r="G22705" s="358" t="s">
        <v>14669</v>
      </c>
      <c r="H22705" s="358" t="s">
        <v>14381</v>
      </c>
      <c r="I22705" s="358" t="s">
        <v>14669</v>
      </c>
      <c r="J22705" s="358"/>
      <c r="K22705" s="358"/>
      <c r="L22705" s="358"/>
    </row>
    <row r="22706" spans="2:12">
      <c r="B22706" s="367"/>
      <c r="C22706" s="360"/>
      <c r="D22706" s="367"/>
      <c r="E22706" s="367"/>
      <c r="F22706" s="367"/>
      <c r="G22706" s="367"/>
      <c r="H22706" s="360"/>
      <c r="I22706" s="367"/>
      <c r="J22706" s="365"/>
      <c r="K22706" s="365"/>
      <c r="L22706" s="365"/>
    </row>
    <row r="22707" spans="2:12" ht="128.25">
      <c r="B22707" s="368"/>
      <c r="C22707" s="361" t="s">
        <v>30619</v>
      </c>
      <c r="D22707" s="368"/>
      <c r="E22707" s="368"/>
      <c r="F22707" s="368"/>
      <c r="G22707" s="368"/>
      <c r="H22707" s="361" t="s">
        <v>14332</v>
      </c>
      <c r="I22707" s="368"/>
      <c r="J22707" s="366"/>
      <c r="K22707" s="366"/>
      <c r="L22707" s="366"/>
    </row>
    <row r="22708" spans="2:12">
      <c r="B22708" s="358" t="s">
        <v>9565</v>
      </c>
      <c r="C22708" s="358" t="s">
        <v>26090</v>
      </c>
      <c r="D22708" s="358" t="s">
        <v>9566</v>
      </c>
      <c r="E22708" s="358" t="s">
        <v>9567</v>
      </c>
      <c r="F22708" s="358" t="s">
        <v>16528</v>
      </c>
      <c r="G22708" s="358" t="s">
        <v>14669</v>
      </c>
      <c r="H22708" s="358" t="s">
        <v>14381</v>
      </c>
      <c r="I22708" s="358" t="s">
        <v>14669</v>
      </c>
      <c r="J22708" s="358"/>
      <c r="K22708" s="358"/>
      <c r="L22708" s="358"/>
    </row>
    <row r="22709" spans="2:12">
      <c r="B22709" s="367"/>
      <c r="C22709" s="360"/>
      <c r="D22709" s="367"/>
      <c r="E22709" s="367"/>
      <c r="F22709" s="367"/>
      <c r="G22709" s="367"/>
      <c r="H22709" s="360"/>
      <c r="I22709" s="367"/>
      <c r="J22709" s="365"/>
      <c r="K22709" s="365"/>
      <c r="L22709" s="365"/>
    </row>
    <row r="22710" spans="2:12">
      <c r="B22710" s="367"/>
      <c r="C22710" s="359" t="s">
        <v>26089</v>
      </c>
      <c r="D22710" s="367"/>
      <c r="E22710" s="367"/>
      <c r="F22710" s="367"/>
      <c r="G22710" s="367"/>
      <c r="H22710" s="359" t="s">
        <v>14332</v>
      </c>
      <c r="I22710" s="367"/>
      <c r="J22710" s="365"/>
      <c r="K22710" s="365"/>
      <c r="L22710" s="365"/>
    </row>
    <row r="22711" spans="2:12">
      <c r="B22711" s="367"/>
      <c r="C22711" s="360"/>
      <c r="D22711" s="367"/>
      <c r="E22711" s="367"/>
      <c r="F22711" s="367"/>
      <c r="G22711" s="367"/>
      <c r="H22711" s="360"/>
      <c r="I22711" s="367"/>
      <c r="J22711" s="365"/>
      <c r="K22711" s="365"/>
      <c r="L22711" s="365"/>
    </row>
    <row r="22712" spans="2:12" ht="99.75">
      <c r="B22712" s="368"/>
      <c r="C22712" s="361" t="s">
        <v>30620</v>
      </c>
      <c r="D22712" s="368"/>
      <c r="E22712" s="368"/>
      <c r="F22712" s="368"/>
      <c r="G22712" s="368"/>
      <c r="H22712" s="362"/>
      <c r="I22712" s="368"/>
      <c r="J22712" s="366"/>
      <c r="K22712" s="366"/>
      <c r="L22712" s="366"/>
    </row>
    <row r="22713" spans="2:12">
      <c r="B22713" s="358" t="s">
        <v>9569</v>
      </c>
      <c r="C22713" s="358" t="s">
        <v>26091</v>
      </c>
      <c r="D22713" s="358" t="s">
        <v>9570</v>
      </c>
      <c r="E22713" s="358" t="s">
        <v>9571</v>
      </c>
      <c r="F22713" s="358" t="s">
        <v>16528</v>
      </c>
      <c r="G22713" s="358" t="s">
        <v>14669</v>
      </c>
      <c r="H22713" s="358" t="s">
        <v>14381</v>
      </c>
      <c r="I22713" s="358" t="s">
        <v>14669</v>
      </c>
      <c r="J22713" s="358"/>
      <c r="K22713" s="358"/>
      <c r="L22713" s="358"/>
    </row>
    <row r="22714" spans="2:12">
      <c r="B22714" s="367"/>
      <c r="C22714" s="360"/>
      <c r="D22714" s="367"/>
      <c r="E22714" s="367"/>
      <c r="F22714" s="367"/>
      <c r="G22714" s="367"/>
      <c r="H22714" s="360"/>
      <c r="I22714" s="367"/>
      <c r="J22714" s="365"/>
      <c r="K22714" s="365"/>
      <c r="L22714" s="365"/>
    </row>
    <row r="22715" spans="2:12">
      <c r="B22715" s="367"/>
      <c r="C22715" s="359" t="s">
        <v>26089</v>
      </c>
      <c r="D22715" s="367"/>
      <c r="E22715" s="367"/>
      <c r="F22715" s="367"/>
      <c r="G22715" s="367"/>
      <c r="H22715" s="359" t="s">
        <v>14332</v>
      </c>
      <c r="I22715" s="367"/>
      <c r="J22715" s="365"/>
      <c r="K22715" s="365"/>
      <c r="L22715" s="365"/>
    </row>
    <row r="22716" spans="2:12">
      <c r="B22716" s="367"/>
      <c r="C22716" s="360"/>
      <c r="D22716" s="367"/>
      <c r="E22716" s="367"/>
      <c r="F22716" s="367"/>
      <c r="G22716" s="367"/>
      <c r="H22716" s="360"/>
      <c r="I22716" s="367"/>
      <c r="J22716" s="365"/>
      <c r="K22716" s="365"/>
      <c r="L22716" s="365"/>
    </row>
    <row r="22717" spans="2:12" ht="99.75">
      <c r="B22717" s="368"/>
      <c r="C22717" s="361" t="s">
        <v>30621</v>
      </c>
      <c r="D22717" s="368"/>
      <c r="E22717" s="368"/>
      <c r="F22717" s="368"/>
      <c r="G22717" s="368"/>
      <c r="H22717" s="362"/>
      <c r="I22717" s="368"/>
      <c r="J22717" s="366"/>
      <c r="K22717" s="366"/>
      <c r="L22717" s="366"/>
    </row>
    <row r="22718" spans="2:12" ht="28.5">
      <c r="B22718" s="358" t="s">
        <v>9573</v>
      </c>
      <c r="C22718" s="358" t="s">
        <v>29860</v>
      </c>
      <c r="D22718" s="358" t="s">
        <v>9574</v>
      </c>
      <c r="E22718" s="358" t="s">
        <v>9575</v>
      </c>
      <c r="F22718" s="358" t="s">
        <v>16528</v>
      </c>
      <c r="G22718" s="358" t="s">
        <v>14669</v>
      </c>
      <c r="H22718" s="358" t="s">
        <v>14381</v>
      </c>
      <c r="I22718" s="358" t="s">
        <v>14669</v>
      </c>
      <c r="J22718" s="358"/>
      <c r="K22718" s="358"/>
      <c r="L22718" s="358"/>
    </row>
    <row r="22719" spans="2:12">
      <c r="B22719" s="367"/>
      <c r="C22719" s="360"/>
      <c r="D22719" s="367"/>
      <c r="E22719" s="367"/>
      <c r="F22719" s="367"/>
      <c r="G22719" s="367"/>
      <c r="H22719" s="360"/>
      <c r="I22719" s="367"/>
      <c r="J22719" s="365"/>
      <c r="K22719" s="365"/>
      <c r="L22719" s="365"/>
    </row>
    <row r="22720" spans="2:12" ht="99.75">
      <c r="B22720" s="368"/>
      <c r="C22720" s="361" t="s">
        <v>28136</v>
      </c>
      <c r="D22720" s="368"/>
      <c r="E22720" s="368"/>
      <c r="F22720" s="368"/>
      <c r="G22720" s="368"/>
      <c r="H22720" s="361" t="s">
        <v>14332</v>
      </c>
      <c r="I22720" s="368"/>
      <c r="J22720" s="366"/>
      <c r="K22720" s="366"/>
      <c r="L22720" s="366"/>
    </row>
    <row r="22721" spans="2:12" ht="28.5">
      <c r="B22721" s="358" t="s">
        <v>9577</v>
      </c>
      <c r="C22721" s="358" t="s">
        <v>29861</v>
      </c>
      <c r="D22721" s="358" t="s">
        <v>9578</v>
      </c>
      <c r="E22721" s="358" t="s">
        <v>9579</v>
      </c>
      <c r="F22721" s="358" t="s">
        <v>16528</v>
      </c>
      <c r="G22721" s="358" t="s">
        <v>14669</v>
      </c>
      <c r="H22721" s="358" t="s">
        <v>14381</v>
      </c>
      <c r="I22721" s="358" t="s">
        <v>14669</v>
      </c>
      <c r="J22721" s="358"/>
      <c r="K22721" s="358"/>
      <c r="L22721" s="358"/>
    </row>
    <row r="22722" spans="2:12">
      <c r="B22722" s="367"/>
      <c r="C22722" s="360"/>
      <c r="D22722" s="367"/>
      <c r="E22722" s="367"/>
      <c r="F22722" s="367"/>
      <c r="G22722" s="367"/>
      <c r="H22722" s="360"/>
      <c r="I22722" s="367"/>
      <c r="J22722" s="365"/>
      <c r="K22722" s="365"/>
      <c r="L22722" s="365"/>
    </row>
    <row r="22723" spans="2:12" ht="99.75">
      <c r="B22723" s="368"/>
      <c r="C22723" s="361" t="s">
        <v>28137</v>
      </c>
      <c r="D22723" s="368"/>
      <c r="E22723" s="368"/>
      <c r="F22723" s="368"/>
      <c r="G22723" s="368"/>
      <c r="H22723" s="361" t="s">
        <v>14332</v>
      </c>
      <c r="I22723" s="368"/>
      <c r="J22723" s="366"/>
      <c r="K22723" s="366"/>
      <c r="L22723" s="366"/>
    </row>
    <row r="22724" spans="2:12" ht="28.5">
      <c r="B22724" s="358" t="s">
        <v>9581</v>
      </c>
      <c r="C22724" s="358" t="s">
        <v>29862</v>
      </c>
      <c r="D22724" s="358" t="s">
        <v>9582</v>
      </c>
      <c r="E22724" s="358" t="s">
        <v>9583</v>
      </c>
      <c r="F22724" s="358" t="s">
        <v>16528</v>
      </c>
      <c r="G22724" s="358" t="s">
        <v>14669</v>
      </c>
      <c r="H22724" s="358" t="s">
        <v>14381</v>
      </c>
      <c r="I22724" s="358" t="s">
        <v>14669</v>
      </c>
      <c r="J22724" s="358"/>
      <c r="K22724" s="358"/>
      <c r="L22724" s="358"/>
    </row>
    <row r="22725" spans="2:12">
      <c r="B22725" s="367"/>
      <c r="C22725" s="360"/>
      <c r="D22725" s="367"/>
      <c r="E22725" s="367"/>
      <c r="F22725" s="367"/>
      <c r="G22725" s="367"/>
      <c r="H22725" s="360"/>
      <c r="I22725" s="367"/>
      <c r="J22725" s="365"/>
      <c r="K22725" s="365"/>
      <c r="L22725" s="365"/>
    </row>
    <row r="22726" spans="2:12" ht="85.5">
      <c r="B22726" s="368"/>
      <c r="C22726" s="361" t="s">
        <v>30622</v>
      </c>
      <c r="D22726" s="368"/>
      <c r="E22726" s="368"/>
      <c r="F22726" s="368"/>
      <c r="G22726" s="368"/>
      <c r="H22726" s="361" t="s">
        <v>14332</v>
      </c>
      <c r="I22726" s="368"/>
      <c r="J22726" s="366"/>
      <c r="K22726" s="366"/>
      <c r="L22726" s="366"/>
    </row>
    <row r="22727" spans="2:12" ht="28.5">
      <c r="B22727" s="358" t="s">
        <v>9585</v>
      </c>
      <c r="C22727" s="358" t="s">
        <v>29863</v>
      </c>
      <c r="D22727" s="358" t="s">
        <v>9586</v>
      </c>
      <c r="E22727" s="358" t="s">
        <v>9587</v>
      </c>
      <c r="F22727" s="358" t="s">
        <v>16528</v>
      </c>
      <c r="G22727" s="358" t="s">
        <v>14669</v>
      </c>
      <c r="H22727" s="358" t="s">
        <v>14381</v>
      </c>
      <c r="I22727" s="358" t="s">
        <v>14669</v>
      </c>
      <c r="J22727" s="358"/>
      <c r="K22727" s="358"/>
      <c r="L22727" s="358"/>
    </row>
    <row r="22728" spans="2:12">
      <c r="B22728" s="367"/>
      <c r="C22728" s="360"/>
      <c r="D22728" s="367"/>
      <c r="E22728" s="367"/>
      <c r="F22728" s="367"/>
      <c r="G22728" s="367"/>
      <c r="H22728" s="360"/>
      <c r="I22728" s="367"/>
      <c r="J22728" s="365"/>
      <c r="K22728" s="365"/>
      <c r="L22728" s="365"/>
    </row>
    <row r="22729" spans="2:12" ht="85.5">
      <c r="B22729" s="368"/>
      <c r="C22729" s="361" t="s">
        <v>30623</v>
      </c>
      <c r="D22729" s="368"/>
      <c r="E22729" s="368"/>
      <c r="F22729" s="368"/>
      <c r="G22729" s="368"/>
      <c r="H22729" s="361" t="s">
        <v>14332</v>
      </c>
      <c r="I22729" s="368"/>
      <c r="J22729" s="366"/>
      <c r="K22729" s="366"/>
      <c r="L22729" s="366"/>
    </row>
    <row r="22730" spans="2:12" ht="28.5">
      <c r="B22730" s="358" t="s">
        <v>9589</v>
      </c>
      <c r="C22730" s="358" t="s">
        <v>26092</v>
      </c>
      <c r="D22730" s="358" t="s">
        <v>9590</v>
      </c>
      <c r="E22730" s="358" t="s">
        <v>9591</v>
      </c>
      <c r="F22730" s="358" t="s">
        <v>16528</v>
      </c>
      <c r="G22730" s="358" t="s">
        <v>14669</v>
      </c>
      <c r="H22730" s="358" t="s">
        <v>14381</v>
      </c>
      <c r="I22730" s="358" t="s">
        <v>14669</v>
      </c>
      <c r="J22730" s="358"/>
      <c r="K22730" s="358"/>
      <c r="L22730" s="358"/>
    </row>
    <row r="22731" spans="2:12">
      <c r="B22731" s="367"/>
      <c r="C22731" s="360"/>
      <c r="D22731" s="367"/>
      <c r="E22731" s="367"/>
      <c r="F22731" s="367"/>
      <c r="G22731" s="367"/>
      <c r="H22731" s="360"/>
      <c r="I22731" s="367"/>
      <c r="J22731" s="365"/>
      <c r="K22731" s="365"/>
      <c r="L22731" s="365"/>
    </row>
    <row r="22732" spans="2:12">
      <c r="B22732" s="367"/>
      <c r="C22732" s="359" t="s">
        <v>26089</v>
      </c>
      <c r="D22732" s="367"/>
      <c r="E22732" s="367"/>
      <c r="F22732" s="367"/>
      <c r="G22732" s="367"/>
      <c r="H22732" s="359" t="s">
        <v>14332</v>
      </c>
      <c r="I22732" s="367"/>
      <c r="J22732" s="365"/>
      <c r="K22732" s="365"/>
      <c r="L22732" s="365"/>
    </row>
    <row r="22733" spans="2:12">
      <c r="B22733" s="367"/>
      <c r="C22733" s="360"/>
      <c r="D22733" s="367"/>
      <c r="E22733" s="367"/>
      <c r="F22733" s="367"/>
      <c r="G22733" s="367"/>
      <c r="H22733" s="360"/>
      <c r="I22733" s="367"/>
      <c r="J22733" s="365"/>
      <c r="K22733" s="365"/>
      <c r="L22733" s="365"/>
    </row>
    <row r="22734" spans="2:12" ht="99.75">
      <c r="B22734" s="368"/>
      <c r="C22734" s="361" t="s">
        <v>30624</v>
      </c>
      <c r="D22734" s="368"/>
      <c r="E22734" s="368"/>
      <c r="F22734" s="368"/>
      <c r="G22734" s="368"/>
      <c r="H22734" s="362"/>
      <c r="I22734" s="368"/>
      <c r="J22734" s="366"/>
      <c r="K22734" s="366"/>
      <c r="L22734" s="366"/>
    </row>
    <row r="22735" spans="2:12" ht="28.5">
      <c r="B22735" s="358" t="s">
        <v>9593</v>
      </c>
      <c r="C22735" s="358" t="s">
        <v>26093</v>
      </c>
      <c r="D22735" s="358" t="s">
        <v>9594</v>
      </c>
      <c r="E22735" s="358" t="s">
        <v>9595</v>
      </c>
      <c r="F22735" s="358" t="s">
        <v>16528</v>
      </c>
      <c r="G22735" s="358" t="s">
        <v>14669</v>
      </c>
      <c r="H22735" s="358" t="s">
        <v>14381</v>
      </c>
      <c r="I22735" s="358" t="s">
        <v>14669</v>
      </c>
      <c r="J22735" s="358"/>
      <c r="K22735" s="358"/>
      <c r="L22735" s="358"/>
    </row>
    <row r="22736" spans="2:12">
      <c r="B22736" s="367"/>
      <c r="C22736" s="360"/>
      <c r="D22736" s="367"/>
      <c r="E22736" s="367"/>
      <c r="F22736" s="367"/>
      <c r="G22736" s="367"/>
      <c r="H22736" s="360"/>
      <c r="I22736" s="367"/>
      <c r="J22736" s="365"/>
      <c r="K22736" s="365"/>
      <c r="L22736" s="365"/>
    </row>
    <row r="22737" spans="2:12">
      <c r="B22737" s="367"/>
      <c r="C22737" s="359" t="s">
        <v>26089</v>
      </c>
      <c r="D22737" s="367"/>
      <c r="E22737" s="367"/>
      <c r="F22737" s="367"/>
      <c r="G22737" s="367"/>
      <c r="H22737" s="359" t="s">
        <v>14332</v>
      </c>
      <c r="I22737" s="367"/>
      <c r="J22737" s="365"/>
      <c r="K22737" s="365"/>
      <c r="L22737" s="365"/>
    </row>
    <row r="22738" spans="2:12">
      <c r="B22738" s="367"/>
      <c r="C22738" s="360"/>
      <c r="D22738" s="367"/>
      <c r="E22738" s="367"/>
      <c r="F22738" s="367"/>
      <c r="G22738" s="367"/>
      <c r="H22738" s="360"/>
      <c r="I22738" s="367"/>
      <c r="J22738" s="365"/>
      <c r="K22738" s="365"/>
      <c r="L22738" s="365"/>
    </row>
    <row r="22739" spans="2:12" ht="85.5">
      <c r="B22739" s="368"/>
      <c r="C22739" s="361" t="s">
        <v>28138</v>
      </c>
      <c r="D22739" s="368"/>
      <c r="E22739" s="368"/>
      <c r="F22739" s="368"/>
      <c r="G22739" s="368"/>
      <c r="H22739" s="362"/>
      <c r="I22739" s="368"/>
      <c r="J22739" s="366"/>
      <c r="K22739" s="366"/>
      <c r="L22739" s="366"/>
    </row>
    <row r="22740" spans="2:12" ht="28.5">
      <c r="B22740" s="358" t="s">
        <v>9597</v>
      </c>
      <c r="C22740" s="358" t="s">
        <v>26094</v>
      </c>
      <c r="D22740" s="358" t="s">
        <v>9598</v>
      </c>
      <c r="E22740" s="358" t="s">
        <v>9599</v>
      </c>
      <c r="F22740" s="358" t="s">
        <v>16528</v>
      </c>
      <c r="G22740" s="358" t="s">
        <v>14669</v>
      </c>
      <c r="H22740" s="358" t="s">
        <v>14381</v>
      </c>
      <c r="I22740" s="358" t="s">
        <v>14669</v>
      </c>
      <c r="J22740" s="358"/>
      <c r="K22740" s="358"/>
      <c r="L22740" s="358"/>
    </row>
    <row r="22741" spans="2:12">
      <c r="B22741" s="367"/>
      <c r="C22741" s="360"/>
      <c r="D22741" s="367"/>
      <c r="E22741" s="367"/>
      <c r="F22741" s="367"/>
      <c r="G22741" s="367"/>
      <c r="H22741" s="360"/>
      <c r="I22741" s="367"/>
      <c r="J22741" s="365"/>
      <c r="K22741" s="365"/>
      <c r="L22741" s="365"/>
    </row>
    <row r="22742" spans="2:12">
      <c r="B22742" s="367"/>
      <c r="C22742" s="359" t="s">
        <v>26089</v>
      </c>
      <c r="D22742" s="367"/>
      <c r="E22742" s="367"/>
      <c r="F22742" s="367"/>
      <c r="G22742" s="367"/>
      <c r="H22742" s="359" t="s">
        <v>14332</v>
      </c>
      <c r="I22742" s="367"/>
      <c r="J22742" s="365"/>
      <c r="K22742" s="365"/>
      <c r="L22742" s="365"/>
    </row>
    <row r="22743" spans="2:12">
      <c r="B22743" s="367"/>
      <c r="C22743" s="360"/>
      <c r="D22743" s="367"/>
      <c r="E22743" s="367"/>
      <c r="F22743" s="367"/>
      <c r="G22743" s="367"/>
      <c r="H22743" s="360"/>
      <c r="I22743" s="367"/>
      <c r="J22743" s="365"/>
      <c r="K22743" s="365"/>
      <c r="L22743" s="365"/>
    </row>
    <row r="22744" spans="2:12" ht="99.75">
      <c r="B22744" s="368"/>
      <c r="C22744" s="361" t="s">
        <v>28139</v>
      </c>
      <c r="D22744" s="368"/>
      <c r="E22744" s="368"/>
      <c r="F22744" s="368"/>
      <c r="G22744" s="368"/>
      <c r="H22744" s="362"/>
      <c r="I22744" s="368"/>
      <c r="J22744" s="366"/>
      <c r="K22744" s="366"/>
      <c r="L22744" s="366"/>
    </row>
    <row r="22745" spans="2:12" ht="28.5">
      <c r="B22745" s="358" t="s">
        <v>9601</v>
      </c>
      <c r="C22745" s="358" t="s">
        <v>26095</v>
      </c>
      <c r="D22745" s="358" t="s">
        <v>9602</v>
      </c>
      <c r="E22745" s="358" t="s">
        <v>9603</v>
      </c>
      <c r="F22745" s="358" t="s">
        <v>16528</v>
      </c>
      <c r="G22745" s="358" t="s">
        <v>14669</v>
      </c>
      <c r="H22745" s="358" t="s">
        <v>14381</v>
      </c>
      <c r="I22745" s="358" t="s">
        <v>14669</v>
      </c>
      <c r="J22745" s="358"/>
      <c r="K22745" s="358"/>
      <c r="L22745" s="358"/>
    </row>
    <row r="22746" spans="2:12">
      <c r="B22746" s="367"/>
      <c r="C22746" s="360"/>
      <c r="D22746" s="367"/>
      <c r="E22746" s="367"/>
      <c r="F22746" s="367"/>
      <c r="G22746" s="367"/>
      <c r="H22746" s="360"/>
      <c r="I22746" s="367"/>
      <c r="J22746" s="365"/>
      <c r="K22746" s="365"/>
      <c r="L22746" s="365"/>
    </row>
    <row r="22747" spans="2:12">
      <c r="B22747" s="367"/>
      <c r="C22747" s="359" t="s">
        <v>26089</v>
      </c>
      <c r="D22747" s="367"/>
      <c r="E22747" s="367"/>
      <c r="F22747" s="367"/>
      <c r="G22747" s="367"/>
      <c r="H22747" s="359" t="s">
        <v>14332</v>
      </c>
      <c r="I22747" s="367"/>
      <c r="J22747" s="365"/>
      <c r="K22747" s="365"/>
      <c r="L22747" s="365"/>
    </row>
    <row r="22748" spans="2:12">
      <c r="B22748" s="367"/>
      <c r="C22748" s="360"/>
      <c r="D22748" s="367"/>
      <c r="E22748" s="367"/>
      <c r="F22748" s="367"/>
      <c r="G22748" s="367"/>
      <c r="H22748" s="360"/>
      <c r="I22748" s="367"/>
      <c r="J22748" s="365"/>
      <c r="K22748" s="365"/>
      <c r="L22748" s="365"/>
    </row>
    <row r="22749" spans="2:12" ht="99.75">
      <c r="B22749" s="368"/>
      <c r="C22749" s="361" t="s">
        <v>28140</v>
      </c>
      <c r="D22749" s="368"/>
      <c r="E22749" s="368"/>
      <c r="F22749" s="368"/>
      <c r="G22749" s="368"/>
      <c r="H22749" s="362"/>
      <c r="I22749" s="368"/>
      <c r="J22749" s="366"/>
      <c r="K22749" s="366"/>
      <c r="L22749" s="366"/>
    </row>
    <row r="22750" spans="2:12" ht="42.75">
      <c r="B22750" s="358" t="s">
        <v>9604</v>
      </c>
      <c r="C22750" s="358" t="s">
        <v>30625</v>
      </c>
      <c r="D22750" s="358" t="s">
        <v>9605</v>
      </c>
      <c r="E22750" s="358" t="s">
        <v>9606</v>
      </c>
      <c r="F22750" s="358" t="s">
        <v>14330</v>
      </c>
      <c r="G22750" s="358" t="s">
        <v>14327</v>
      </c>
      <c r="H22750" s="358" t="s">
        <v>14331</v>
      </c>
      <c r="I22750" s="358" t="s">
        <v>14327</v>
      </c>
      <c r="J22750" s="358"/>
      <c r="K22750" s="358"/>
      <c r="L22750" s="358" t="s">
        <v>26096</v>
      </c>
    </row>
    <row r="22751" spans="2:12">
      <c r="B22751" s="367"/>
      <c r="C22751" s="360"/>
      <c r="D22751" s="367"/>
      <c r="E22751" s="367"/>
      <c r="F22751" s="360"/>
      <c r="G22751" s="360"/>
      <c r="H22751" s="360"/>
      <c r="I22751" s="360"/>
      <c r="J22751" s="365"/>
      <c r="K22751" s="365"/>
      <c r="L22751" s="367"/>
    </row>
    <row r="22752" spans="2:12" ht="71.25">
      <c r="B22752" s="367"/>
      <c r="C22752" s="359" t="s">
        <v>28141</v>
      </c>
      <c r="D22752" s="367"/>
      <c r="E22752" s="367"/>
      <c r="F22752" s="359" t="s">
        <v>14326</v>
      </c>
      <c r="G22752" s="359" t="s">
        <v>14669</v>
      </c>
      <c r="H22752" s="359" t="s">
        <v>14328</v>
      </c>
      <c r="I22752" s="359" t="s">
        <v>14669</v>
      </c>
      <c r="J22752" s="365"/>
      <c r="K22752" s="365"/>
      <c r="L22752" s="367"/>
    </row>
    <row r="22753" spans="2:12">
      <c r="B22753" s="367"/>
      <c r="C22753" s="360"/>
      <c r="D22753" s="367"/>
      <c r="E22753" s="367"/>
      <c r="F22753" s="360"/>
      <c r="G22753" s="360"/>
      <c r="H22753" s="360"/>
      <c r="I22753" s="360"/>
      <c r="J22753" s="365"/>
      <c r="K22753" s="365"/>
      <c r="L22753" s="367"/>
    </row>
    <row r="22754" spans="2:12" ht="28.5">
      <c r="B22754" s="367"/>
      <c r="C22754" s="360"/>
      <c r="D22754" s="367"/>
      <c r="E22754" s="367"/>
      <c r="F22754" s="359" t="s">
        <v>29864</v>
      </c>
      <c r="G22754" s="359" t="s">
        <v>14890</v>
      </c>
      <c r="H22754" s="359" t="s">
        <v>14381</v>
      </c>
      <c r="I22754" s="359" t="s">
        <v>14890</v>
      </c>
      <c r="J22754" s="365"/>
      <c r="K22754" s="365"/>
      <c r="L22754" s="367"/>
    </row>
    <row r="22755" spans="2:12">
      <c r="B22755" s="367"/>
      <c r="C22755" s="360"/>
      <c r="D22755" s="367"/>
      <c r="E22755" s="367"/>
      <c r="F22755" s="360"/>
      <c r="G22755" s="360"/>
      <c r="H22755" s="360"/>
      <c r="I22755" s="360"/>
      <c r="J22755" s="365"/>
      <c r="K22755" s="365"/>
      <c r="L22755" s="367"/>
    </row>
    <row r="22756" spans="2:12">
      <c r="B22756" s="368"/>
      <c r="C22756" s="362"/>
      <c r="D22756" s="368"/>
      <c r="E22756" s="368"/>
      <c r="F22756" s="362"/>
      <c r="G22756" s="362"/>
      <c r="H22756" s="361" t="s">
        <v>14332</v>
      </c>
      <c r="I22756" s="362"/>
      <c r="J22756" s="366"/>
      <c r="K22756" s="366"/>
      <c r="L22756" s="368"/>
    </row>
    <row r="22757" spans="2:12">
      <c r="B22757" s="358" t="s">
        <v>9608</v>
      </c>
      <c r="C22757" s="358" t="s">
        <v>26097</v>
      </c>
      <c r="D22757" s="358" t="s">
        <v>9609</v>
      </c>
      <c r="E22757" s="358" t="s">
        <v>9610</v>
      </c>
      <c r="F22757" s="358" t="s">
        <v>14330</v>
      </c>
      <c r="G22757" s="358" t="s">
        <v>14327</v>
      </c>
      <c r="H22757" s="358" t="s">
        <v>14331</v>
      </c>
      <c r="I22757" s="358" t="s">
        <v>14327</v>
      </c>
      <c r="J22757" s="358"/>
      <c r="K22757" s="358"/>
      <c r="L22757" s="358" t="s">
        <v>26096</v>
      </c>
    </row>
    <row r="22758" spans="2:12">
      <c r="B22758" s="367"/>
      <c r="C22758" s="360"/>
      <c r="D22758" s="367"/>
      <c r="E22758" s="367"/>
      <c r="F22758" s="360"/>
      <c r="G22758" s="360"/>
      <c r="H22758" s="360"/>
      <c r="I22758" s="360"/>
      <c r="J22758" s="365"/>
      <c r="K22758" s="365"/>
      <c r="L22758" s="367"/>
    </row>
    <row r="22759" spans="2:12">
      <c r="B22759" s="367"/>
      <c r="C22759" s="359" t="s">
        <v>12794</v>
      </c>
      <c r="D22759" s="367"/>
      <c r="E22759" s="367"/>
      <c r="F22759" s="359" t="s">
        <v>14326</v>
      </c>
      <c r="G22759" s="359" t="s">
        <v>14669</v>
      </c>
      <c r="H22759" s="359" t="s">
        <v>14328</v>
      </c>
      <c r="I22759" s="359" t="s">
        <v>14669</v>
      </c>
      <c r="J22759" s="365"/>
      <c r="K22759" s="365"/>
      <c r="L22759" s="367"/>
    </row>
    <row r="22760" spans="2:12">
      <c r="B22760" s="367"/>
      <c r="C22760" s="360"/>
      <c r="D22760" s="367"/>
      <c r="E22760" s="367"/>
      <c r="F22760" s="360"/>
      <c r="G22760" s="360"/>
      <c r="H22760" s="360"/>
      <c r="I22760" s="360"/>
      <c r="J22760" s="365"/>
      <c r="K22760" s="365"/>
      <c r="L22760" s="367"/>
    </row>
    <row r="22761" spans="2:12" ht="71.25">
      <c r="B22761" s="367"/>
      <c r="C22761" s="359" t="s">
        <v>28142</v>
      </c>
      <c r="D22761" s="367"/>
      <c r="E22761" s="367"/>
      <c r="F22761" s="359" t="s">
        <v>29864</v>
      </c>
      <c r="G22761" s="359" t="s">
        <v>14890</v>
      </c>
      <c r="H22761" s="359" t="s">
        <v>14381</v>
      </c>
      <c r="I22761" s="359" t="s">
        <v>14890</v>
      </c>
      <c r="J22761" s="365"/>
      <c r="K22761" s="365"/>
      <c r="L22761" s="367"/>
    </row>
    <row r="22762" spans="2:12">
      <c r="B22762" s="367"/>
      <c r="C22762" s="360"/>
      <c r="D22762" s="367"/>
      <c r="E22762" s="367"/>
      <c r="F22762" s="360"/>
      <c r="G22762" s="360"/>
      <c r="H22762" s="360"/>
      <c r="I22762" s="360"/>
      <c r="J22762" s="365"/>
      <c r="K22762" s="365"/>
      <c r="L22762" s="367"/>
    </row>
    <row r="22763" spans="2:12">
      <c r="B22763" s="368"/>
      <c r="C22763" s="362"/>
      <c r="D22763" s="368"/>
      <c r="E22763" s="368"/>
      <c r="F22763" s="362"/>
      <c r="G22763" s="362"/>
      <c r="H22763" s="361" t="s">
        <v>14332</v>
      </c>
      <c r="I22763" s="362"/>
      <c r="J22763" s="366"/>
      <c r="K22763" s="366"/>
      <c r="L22763" s="368"/>
    </row>
    <row r="22764" spans="2:12">
      <c r="B22764" s="358" t="s">
        <v>9611</v>
      </c>
      <c r="C22764" s="358" t="s">
        <v>28143</v>
      </c>
      <c r="D22764" s="358" t="s">
        <v>9612</v>
      </c>
      <c r="E22764" s="358" t="s">
        <v>9613</v>
      </c>
      <c r="F22764" s="358" t="s">
        <v>14330</v>
      </c>
      <c r="G22764" s="358" t="s">
        <v>14327</v>
      </c>
      <c r="H22764" s="358" t="s">
        <v>14331</v>
      </c>
      <c r="I22764" s="358" t="s">
        <v>14327</v>
      </c>
      <c r="J22764" s="358"/>
      <c r="K22764" s="358"/>
      <c r="L22764" s="358" t="s">
        <v>26096</v>
      </c>
    </row>
    <row r="22765" spans="2:12">
      <c r="B22765" s="367"/>
      <c r="C22765" s="360"/>
      <c r="D22765" s="367"/>
      <c r="E22765" s="367"/>
      <c r="F22765" s="360"/>
      <c r="G22765" s="360"/>
      <c r="H22765" s="360"/>
      <c r="I22765" s="360"/>
      <c r="J22765" s="365"/>
      <c r="K22765" s="365"/>
      <c r="L22765" s="367"/>
    </row>
    <row r="22766" spans="2:12">
      <c r="B22766" s="367"/>
      <c r="C22766" s="359" t="s">
        <v>12794</v>
      </c>
      <c r="D22766" s="367"/>
      <c r="E22766" s="367"/>
      <c r="F22766" s="359" t="s">
        <v>14326</v>
      </c>
      <c r="G22766" s="359" t="s">
        <v>14669</v>
      </c>
      <c r="H22766" s="359" t="s">
        <v>14328</v>
      </c>
      <c r="I22766" s="359" t="s">
        <v>14669</v>
      </c>
      <c r="J22766" s="365"/>
      <c r="K22766" s="365"/>
      <c r="L22766" s="367"/>
    </row>
    <row r="22767" spans="2:12">
      <c r="B22767" s="367"/>
      <c r="C22767" s="360"/>
      <c r="D22767" s="367"/>
      <c r="E22767" s="367"/>
      <c r="F22767" s="360"/>
      <c r="G22767" s="360"/>
      <c r="H22767" s="360"/>
      <c r="I22767" s="360"/>
      <c r="J22767" s="365"/>
      <c r="K22767" s="365"/>
      <c r="L22767" s="367"/>
    </row>
    <row r="22768" spans="2:12" ht="71.25">
      <c r="B22768" s="367"/>
      <c r="C22768" s="359" t="s">
        <v>30626</v>
      </c>
      <c r="D22768" s="367"/>
      <c r="E22768" s="367"/>
      <c r="F22768" s="359" t="s">
        <v>29864</v>
      </c>
      <c r="G22768" s="359" t="s">
        <v>14890</v>
      </c>
      <c r="H22768" s="359" t="s">
        <v>14381</v>
      </c>
      <c r="I22768" s="359" t="s">
        <v>14890</v>
      </c>
      <c r="J22768" s="365"/>
      <c r="K22768" s="365"/>
      <c r="L22768" s="367"/>
    </row>
    <row r="22769" spans="2:12">
      <c r="B22769" s="367"/>
      <c r="C22769" s="360"/>
      <c r="D22769" s="367"/>
      <c r="E22769" s="367"/>
      <c r="F22769" s="360"/>
      <c r="G22769" s="360"/>
      <c r="H22769" s="360"/>
      <c r="I22769" s="360"/>
      <c r="J22769" s="365"/>
      <c r="K22769" s="365"/>
      <c r="L22769" s="367"/>
    </row>
    <row r="22770" spans="2:12">
      <c r="B22770" s="368"/>
      <c r="C22770" s="362"/>
      <c r="D22770" s="368"/>
      <c r="E22770" s="368"/>
      <c r="F22770" s="362"/>
      <c r="G22770" s="362"/>
      <c r="H22770" s="361" t="s">
        <v>14332</v>
      </c>
      <c r="I22770" s="362"/>
      <c r="J22770" s="366"/>
      <c r="K22770" s="366"/>
      <c r="L22770" s="368"/>
    </row>
    <row r="22771" spans="2:12" ht="28.5">
      <c r="B22771" s="358" t="s">
        <v>9614</v>
      </c>
      <c r="C22771" s="358" t="s">
        <v>28144</v>
      </c>
      <c r="D22771" s="358" t="s">
        <v>9615</v>
      </c>
      <c r="E22771" s="358" t="s">
        <v>9616</v>
      </c>
      <c r="F22771" s="358" t="s">
        <v>14330</v>
      </c>
      <c r="G22771" s="358" t="s">
        <v>14327</v>
      </c>
      <c r="H22771" s="358" t="s">
        <v>14331</v>
      </c>
      <c r="I22771" s="358" t="s">
        <v>14327</v>
      </c>
      <c r="J22771" s="358"/>
      <c r="K22771" s="358"/>
      <c r="L22771" s="358" t="s">
        <v>26096</v>
      </c>
    </row>
    <row r="22772" spans="2:12">
      <c r="B22772" s="367"/>
      <c r="C22772" s="360"/>
      <c r="D22772" s="367"/>
      <c r="E22772" s="367"/>
      <c r="F22772" s="360"/>
      <c r="G22772" s="360"/>
      <c r="H22772" s="360"/>
      <c r="I22772" s="360"/>
      <c r="J22772" s="365"/>
      <c r="K22772" s="365"/>
      <c r="L22772" s="367"/>
    </row>
    <row r="22773" spans="2:12">
      <c r="B22773" s="367"/>
      <c r="C22773" s="359" t="s">
        <v>12794</v>
      </c>
      <c r="D22773" s="367"/>
      <c r="E22773" s="367"/>
      <c r="F22773" s="359" t="s">
        <v>14326</v>
      </c>
      <c r="G22773" s="359" t="s">
        <v>14669</v>
      </c>
      <c r="H22773" s="359" t="s">
        <v>14328</v>
      </c>
      <c r="I22773" s="359" t="s">
        <v>14669</v>
      </c>
      <c r="J22773" s="365"/>
      <c r="K22773" s="365"/>
      <c r="L22773" s="367"/>
    </row>
    <row r="22774" spans="2:12">
      <c r="B22774" s="367"/>
      <c r="C22774" s="360"/>
      <c r="D22774" s="367"/>
      <c r="E22774" s="367"/>
      <c r="F22774" s="360"/>
      <c r="G22774" s="360"/>
      <c r="H22774" s="360"/>
      <c r="I22774" s="360"/>
      <c r="J22774" s="365"/>
      <c r="K22774" s="365"/>
      <c r="L22774" s="367"/>
    </row>
    <row r="22775" spans="2:12" ht="71.25">
      <c r="B22775" s="367"/>
      <c r="C22775" s="359" t="s">
        <v>28145</v>
      </c>
      <c r="D22775" s="367"/>
      <c r="E22775" s="367"/>
      <c r="F22775" s="359" t="s">
        <v>29864</v>
      </c>
      <c r="G22775" s="359" t="s">
        <v>14890</v>
      </c>
      <c r="H22775" s="359" t="s">
        <v>14381</v>
      </c>
      <c r="I22775" s="359" t="s">
        <v>14890</v>
      </c>
      <c r="J22775" s="365"/>
      <c r="K22775" s="365"/>
      <c r="L22775" s="367"/>
    </row>
    <row r="22776" spans="2:12">
      <c r="B22776" s="367"/>
      <c r="C22776" s="360"/>
      <c r="D22776" s="367"/>
      <c r="E22776" s="367"/>
      <c r="F22776" s="360"/>
      <c r="G22776" s="360"/>
      <c r="H22776" s="360"/>
      <c r="I22776" s="360"/>
      <c r="J22776" s="365"/>
      <c r="K22776" s="365"/>
      <c r="L22776" s="367"/>
    </row>
    <row r="22777" spans="2:12">
      <c r="B22777" s="368"/>
      <c r="C22777" s="362"/>
      <c r="D22777" s="368"/>
      <c r="E22777" s="368"/>
      <c r="F22777" s="362"/>
      <c r="G22777" s="362"/>
      <c r="H22777" s="361" t="s">
        <v>14332</v>
      </c>
      <c r="I22777" s="362"/>
      <c r="J22777" s="366"/>
      <c r="K22777" s="366"/>
      <c r="L22777" s="368"/>
    </row>
    <row r="22778" spans="2:12">
      <c r="B22778" s="358" t="s">
        <v>9617</v>
      </c>
      <c r="C22778" s="358" t="s">
        <v>28146</v>
      </c>
      <c r="D22778" s="358" t="s">
        <v>9618</v>
      </c>
      <c r="E22778" s="358" t="s">
        <v>9619</v>
      </c>
      <c r="F22778" s="358" t="s">
        <v>14330</v>
      </c>
      <c r="G22778" s="358" t="s">
        <v>14327</v>
      </c>
      <c r="H22778" s="358" t="s">
        <v>14331</v>
      </c>
      <c r="I22778" s="358" t="s">
        <v>14327</v>
      </c>
      <c r="J22778" s="358"/>
      <c r="K22778" s="358"/>
      <c r="L22778" s="358" t="s">
        <v>26096</v>
      </c>
    </row>
    <row r="22779" spans="2:12">
      <c r="B22779" s="367"/>
      <c r="C22779" s="360"/>
      <c r="D22779" s="367"/>
      <c r="E22779" s="367"/>
      <c r="F22779" s="360"/>
      <c r="G22779" s="360"/>
      <c r="H22779" s="360"/>
      <c r="I22779" s="360"/>
      <c r="J22779" s="365"/>
      <c r="K22779" s="365"/>
      <c r="L22779" s="367"/>
    </row>
    <row r="22780" spans="2:12">
      <c r="B22780" s="367"/>
      <c r="C22780" s="359" t="s">
        <v>12794</v>
      </c>
      <c r="D22780" s="367"/>
      <c r="E22780" s="367"/>
      <c r="F22780" s="359" t="s">
        <v>14326</v>
      </c>
      <c r="G22780" s="359" t="s">
        <v>14669</v>
      </c>
      <c r="H22780" s="359" t="s">
        <v>14328</v>
      </c>
      <c r="I22780" s="359" t="s">
        <v>14669</v>
      </c>
      <c r="J22780" s="365"/>
      <c r="K22780" s="365"/>
      <c r="L22780" s="367"/>
    </row>
    <row r="22781" spans="2:12">
      <c r="B22781" s="367"/>
      <c r="C22781" s="360"/>
      <c r="D22781" s="367"/>
      <c r="E22781" s="367"/>
      <c r="F22781" s="360"/>
      <c r="G22781" s="360"/>
      <c r="H22781" s="360"/>
      <c r="I22781" s="360"/>
      <c r="J22781" s="365"/>
      <c r="K22781" s="365"/>
      <c r="L22781" s="367"/>
    </row>
    <row r="22782" spans="2:12" ht="71.25">
      <c r="B22782" s="367"/>
      <c r="C22782" s="359" t="s">
        <v>28147</v>
      </c>
      <c r="D22782" s="367"/>
      <c r="E22782" s="367"/>
      <c r="F22782" s="359" t="s">
        <v>29864</v>
      </c>
      <c r="G22782" s="359" t="s">
        <v>14890</v>
      </c>
      <c r="H22782" s="359" t="s">
        <v>14381</v>
      </c>
      <c r="I22782" s="359" t="s">
        <v>14890</v>
      </c>
      <c r="J22782" s="365"/>
      <c r="K22782" s="365"/>
      <c r="L22782" s="367"/>
    </row>
    <row r="22783" spans="2:12">
      <c r="B22783" s="367"/>
      <c r="C22783" s="360"/>
      <c r="D22783" s="367"/>
      <c r="E22783" s="367"/>
      <c r="F22783" s="360"/>
      <c r="G22783" s="360"/>
      <c r="H22783" s="360"/>
      <c r="I22783" s="360"/>
      <c r="J22783" s="365"/>
      <c r="K22783" s="365"/>
      <c r="L22783" s="367"/>
    </row>
    <row r="22784" spans="2:12">
      <c r="B22784" s="368"/>
      <c r="C22784" s="362"/>
      <c r="D22784" s="368"/>
      <c r="E22784" s="368"/>
      <c r="F22784" s="362"/>
      <c r="G22784" s="362"/>
      <c r="H22784" s="361" t="s">
        <v>14332</v>
      </c>
      <c r="I22784" s="362"/>
      <c r="J22784" s="366"/>
      <c r="K22784" s="366"/>
      <c r="L22784" s="368"/>
    </row>
    <row r="22785" spans="2:12" ht="28.5">
      <c r="B22785" s="358" t="s">
        <v>9620</v>
      </c>
      <c r="C22785" s="358" t="s">
        <v>30627</v>
      </c>
      <c r="D22785" s="358" t="s">
        <v>9621</v>
      </c>
      <c r="E22785" s="358" t="s">
        <v>9622</v>
      </c>
      <c r="F22785" s="358" t="s">
        <v>14330</v>
      </c>
      <c r="G22785" s="358" t="s">
        <v>14327</v>
      </c>
      <c r="H22785" s="358" t="s">
        <v>14331</v>
      </c>
      <c r="I22785" s="358" t="s">
        <v>14327</v>
      </c>
      <c r="J22785" s="358"/>
      <c r="K22785" s="358"/>
      <c r="L22785" s="358" t="s">
        <v>26096</v>
      </c>
    </row>
    <row r="22786" spans="2:12">
      <c r="B22786" s="367"/>
      <c r="C22786" s="360"/>
      <c r="D22786" s="367"/>
      <c r="E22786" s="367"/>
      <c r="F22786" s="360"/>
      <c r="G22786" s="360"/>
      <c r="H22786" s="360"/>
      <c r="I22786" s="360"/>
      <c r="J22786" s="365"/>
      <c r="K22786" s="365"/>
      <c r="L22786" s="367"/>
    </row>
    <row r="22787" spans="2:12" ht="71.25">
      <c r="B22787" s="367"/>
      <c r="C22787" s="359" t="s">
        <v>28148</v>
      </c>
      <c r="D22787" s="367"/>
      <c r="E22787" s="367"/>
      <c r="F22787" s="359" t="s">
        <v>14326</v>
      </c>
      <c r="G22787" s="359" t="s">
        <v>14669</v>
      </c>
      <c r="H22787" s="359" t="s">
        <v>14328</v>
      </c>
      <c r="I22787" s="359" t="s">
        <v>14669</v>
      </c>
      <c r="J22787" s="365"/>
      <c r="K22787" s="365"/>
      <c r="L22787" s="367"/>
    </row>
    <row r="22788" spans="2:12">
      <c r="B22788" s="367"/>
      <c r="C22788" s="360"/>
      <c r="D22788" s="367"/>
      <c r="E22788" s="367"/>
      <c r="F22788" s="360"/>
      <c r="G22788" s="360"/>
      <c r="H22788" s="360"/>
      <c r="I22788" s="360"/>
      <c r="J22788" s="365"/>
      <c r="K22788" s="365"/>
      <c r="L22788" s="367"/>
    </row>
    <row r="22789" spans="2:12" ht="28.5">
      <c r="B22789" s="367"/>
      <c r="C22789" s="360"/>
      <c r="D22789" s="367"/>
      <c r="E22789" s="367"/>
      <c r="F22789" s="359" t="s">
        <v>29864</v>
      </c>
      <c r="G22789" s="359" t="s">
        <v>14890</v>
      </c>
      <c r="H22789" s="359" t="s">
        <v>14381</v>
      </c>
      <c r="I22789" s="359" t="s">
        <v>14890</v>
      </c>
      <c r="J22789" s="365"/>
      <c r="K22789" s="365"/>
      <c r="L22789" s="367"/>
    </row>
    <row r="22790" spans="2:12">
      <c r="B22790" s="367"/>
      <c r="C22790" s="360"/>
      <c r="D22790" s="367"/>
      <c r="E22790" s="367"/>
      <c r="F22790" s="360"/>
      <c r="G22790" s="360"/>
      <c r="H22790" s="360"/>
      <c r="I22790" s="360"/>
      <c r="J22790" s="365"/>
      <c r="K22790" s="365"/>
      <c r="L22790" s="367"/>
    </row>
    <row r="22791" spans="2:12">
      <c r="B22791" s="368"/>
      <c r="C22791" s="362"/>
      <c r="D22791" s="368"/>
      <c r="E22791" s="368"/>
      <c r="F22791" s="362"/>
      <c r="G22791" s="362"/>
      <c r="H22791" s="361" t="s">
        <v>14332</v>
      </c>
      <c r="I22791" s="362"/>
      <c r="J22791" s="366"/>
      <c r="K22791" s="366"/>
      <c r="L22791" s="368"/>
    </row>
    <row r="22792" spans="2:12">
      <c r="B22792" s="358" t="s">
        <v>9623</v>
      </c>
      <c r="C22792" s="358" t="s">
        <v>30628</v>
      </c>
      <c r="D22792" s="358" t="s">
        <v>9624</v>
      </c>
      <c r="E22792" s="358" t="s">
        <v>9625</v>
      </c>
      <c r="F22792" s="358" t="s">
        <v>14330</v>
      </c>
      <c r="G22792" s="358" t="s">
        <v>14327</v>
      </c>
      <c r="H22792" s="358" t="s">
        <v>14331</v>
      </c>
      <c r="I22792" s="358" t="s">
        <v>14327</v>
      </c>
      <c r="J22792" s="358"/>
      <c r="K22792" s="358"/>
      <c r="L22792" s="358" t="s">
        <v>26096</v>
      </c>
    </row>
    <row r="22793" spans="2:12">
      <c r="B22793" s="367"/>
      <c r="C22793" s="360"/>
      <c r="D22793" s="367"/>
      <c r="E22793" s="367"/>
      <c r="F22793" s="360"/>
      <c r="G22793" s="360"/>
      <c r="H22793" s="360"/>
      <c r="I22793" s="360"/>
      <c r="J22793" s="365"/>
      <c r="K22793" s="365"/>
      <c r="L22793" s="367"/>
    </row>
    <row r="22794" spans="2:12" ht="71.25">
      <c r="B22794" s="367"/>
      <c r="C22794" s="359" t="s">
        <v>28149</v>
      </c>
      <c r="D22794" s="367"/>
      <c r="E22794" s="367"/>
      <c r="F22794" s="359" t="s">
        <v>14326</v>
      </c>
      <c r="G22794" s="359" t="s">
        <v>14669</v>
      </c>
      <c r="H22794" s="359" t="s">
        <v>14328</v>
      </c>
      <c r="I22794" s="359" t="s">
        <v>14669</v>
      </c>
      <c r="J22794" s="365"/>
      <c r="K22794" s="365"/>
      <c r="L22794" s="367"/>
    </row>
    <row r="22795" spans="2:12">
      <c r="B22795" s="367"/>
      <c r="C22795" s="360"/>
      <c r="D22795" s="367"/>
      <c r="E22795" s="367"/>
      <c r="F22795" s="360"/>
      <c r="G22795" s="360"/>
      <c r="H22795" s="360"/>
      <c r="I22795" s="360"/>
      <c r="J22795" s="365"/>
      <c r="K22795" s="365"/>
      <c r="L22795" s="367"/>
    </row>
    <row r="22796" spans="2:12" ht="28.5">
      <c r="B22796" s="367"/>
      <c r="C22796" s="360"/>
      <c r="D22796" s="367"/>
      <c r="E22796" s="367"/>
      <c r="F22796" s="359" t="s">
        <v>29864</v>
      </c>
      <c r="G22796" s="359" t="s">
        <v>14890</v>
      </c>
      <c r="H22796" s="359" t="s">
        <v>14381</v>
      </c>
      <c r="I22796" s="359" t="s">
        <v>14890</v>
      </c>
      <c r="J22796" s="365"/>
      <c r="K22796" s="365"/>
      <c r="L22796" s="367"/>
    </row>
    <row r="22797" spans="2:12">
      <c r="B22797" s="367"/>
      <c r="C22797" s="360"/>
      <c r="D22797" s="367"/>
      <c r="E22797" s="367"/>
      <c r="F22797" s="360"/>
      <c r="G22797" s="360"/>
      <c r="H22797" s="360"/>
      <c r="I22797" s="360"/>
      <c r="J22797" s="365"/>
      <c r="K22797" s="365"/>
      <c r="L22797" s="367"/>
    </row>
    <row r="22798" spans="2:12">
      <c r="B22798" s="368"/>
      <c r="C22798" s="362"/>
      <c r="D22798" s="368"/>
      <c r="E22798" s="368"/>
      <c r="F22798" s="362"/>
      <c r="G22798" s="362"/>
      <c r="H22798" s="361" t="s">
        <v>14332</v>
      </c>
      <c r="I22798" s="362"/>
      <c r="J22798" s="366"/>
      <c r="K22798" s="366"/>
      <c r="L22798" s="368"/>
    </row>
    <row r="22799" spans="2:12">
      <c r="B22799" s="358" t="s">
        <v>9628</v>
      </c>
      <c r="C22799" s="358" t="s">
        <v>26098</v>
      </c>
      <c r="D22799" s="358" t="s">
        <v>9629</v>
      </c>
      <c r="E22799" s="358" t="s">
        <v>9630</v>
      </c>
      <c r="F22799" s="358" t="s">
        <v>14330</v>
      </c>
      <c r="G22799" s="358" t="s">
        <v>14327</v>
      </c>
      <c r="H22799" s="358" t="s">
        <v>14331</v>
      </c>
      <c r="I22799" s="358" t="s">
        <v>14327</v>
      </c>
      <c r="J22799" s="358"/>
      <c r="K22799" s="358"/>
      <c r="L22799" s="358" t="s">
        <v>26096</v>
      </c>
    </row>
    <row r="22800" spans="2:12">
      <c r="B22800" s="367"/>
      <c r="C22800" s="360"/>
      <c r="D22800" s="367"/>
      <c r="E22800" s="367"/>
      <c r="F22800" s="360"/>
      <c r="G22800" s="360"/>
      <c r="H22800" s="360"/>
      <c r="I22800" s="360"/>
      <c r="J22800" s="365"/>
      <c r="K22800" s="365"/>
      <c r="L22800" s="367"/>
    </row>
    <row r="22801" spans="2:12">
      <c r="B22801" s="367"/>
      <c r="C22801" s="359" t="s">
        <v>12794</v>
      </c>
      <c r="D22801" s="367"/>
      <c r="E22801" s="367"/>
      <c r="F22801" s="359" t="s">
        <v>14326</v>
      </c>
      <c r="G22801" s="359" t="s">
        <v>14669</v>
      </c>
      <c r="H22801" s="359" t="s">
        <v>14328</v>
      </c>
      <c r="I22801" s="359" t="s">
        <v>14669</v>
      </c>
      <c r="J22801" s="365"/>
      <c r="K22801" s="365"/>
      <c r="L22801" s="367"/>
    </row>
    <row r="22802" spans="2:12">
      <c r="B22802" s="367"/>
      <c r="C22802" s="360"/>
      <c r="D22802" s="367"/>
      <c r="E22802" s="367"/>
      <c r="F22802" s="360"/>
      <c r="G22802" s="360"/>
      <c r="H22802" s="360"/>
      <c r="I22802" s="360"/>
      <c r="J22802" s="365"/>
      <c r="K22802" s="365"/>
      <c r="L22802" s="367"/>
    </row>
    <row r="22803" spans="2:12" ht="57">
      <c r="B22803" s="367"/>
      <c r="C22803" s="359" t="s">
        <v>26099</v>
      </c>
      <c r="D22803" s="367"/>
      <c r="E22803" s="367"/>
      <c r="F22803" s="359" t="s">
        <v>29864</v>
      </c>
      <c r="G22803" s="359" t="s">
        <v>14890</v>
      </c>
      <c r="H22803" s="359" t="s">
        <v>14381</v>
      </c>
      <c r="I22803" s="359" t="s">
        <v>14890</v>
      </c>
      <c r="J22803" s="365"/>
      <c r="K22803" s="365"/>
      <c r="L22803" s="367"/>
    </row>
    <row r="22804" spans="2:12">
      <c r="B22804" s="367"/>
      <c r="C22804" s="360"/>
      <c r="D22804" s="367"/>
      <c r="E22804" s="367"/>
      <c r="F22804" s="360"/>
      <c r="G22804" s="360"/>
      <c r="H22804" s="360"/>
      <c r="I22804" s="360"/>
      <c r="J22804" s="365"/>
      <c r="K22804" s="365"/>
      <c r="L22804" s="367"/>
    </row>
    <row r="22805" spans="2:12">
      <c r="B22805" s="368"/>
      <c r="C22805" s="362"/>
      <c r="D22805" s="368"/>
      <c r="E22805" s="368"/>
      <c r="F22805" s="362"/>
      <c r="G22805" s="362"/>
      <c r="H22805" s="361" t="s">
        <v>14332</v>
      </c>
      <c r="I22805" s="362"/>
      <c r="J22805" s="366"/>
      <c r="K22805" s="366"/>
      <c r="L22805" s="368"/>
    </row>
    <row r="22806" spans="2:12" ht="28.5">
      <c r="B22806" s="358" t="s">
        <v>9632</v>
      </c>
      <c r="C22806" s="358" t="s">
        <v>29865</v>
      </c>
      <c r="D22806" s="358" t="s">
        <v>9633</v>
      </c>
      <c r="E22806" s="358" t="s">
        <v>9634</v>
      </c>
      <c r="F22806" s="358" t="s">
        <v>14330</v>
      </c>
      <c r="G22806" s="358" t="s">
        <v>14327</v>
      </c>
      <c r="H22806" s="358" t="s">
        <v>14331</v>
      </c>
      <c r="I22806" s="358" t="s">
        <v>14327</v>
      </c>
      <c r="J22806" s="358"/>
      <c r="K22806" s="358"/>
      <c r="L22806" s="358" t="s">
        <v>26096</v>
      </c>
    </row>
    <row r="22807" spans="2:12">
      <c r="B22807" s="367"/>
      <c r="C22807" s="360"/>
      <c r="D22807" s="367"/>
      <c r="E22807" s="367"/>
      <c r="F22807" s="360"/>
      <c r="G22807" s="360"/>
      <c r="H22807" s="360"/>
      <c r="I22807" s="360"/>
      <c r="J22807" s="365"/>
      <c r="K22807" s="365"/>
      <c r="L22807" s="367"/>
    </row>
    <row r="22808" spans="2:12" ht="71.25">
      <c r="B22808" s="367"/>
      <c r="C22808" s="359" t="s">
        <v>30629</v>
      </c>
      <c r="D22808" s="367"/>
      <c r="E22808" s="367"/>
      <c r="F22808" s="359" t="s">
        <v>14326</v>
      </c>
      <c r="G22808" s="359" t="s">
        <v>14669</v>
      </c>
      <c r="H22808" s="359" t="s">
        <v>14328</v>
      </c>
      <c r="I22808" s="359" t="s">
        <v>14669</v>
      </c>
      <c r="J22808" s="365"/>
      <c r="K22808" s="365"/>
      <c r="L22808" s="367"/>
    </row>
    <row r="22809" spans="2:12">
      <c r="B22809" s="367"/>
      <c r="C22809" s="360"/>
      <c r="D22809" s="367"/>
      <c r="E22809" s="367"/>
      <c r="F22809" s="360"/>
      <c r="G22809" s="360"/>
      <c r="H22809" s="360"/>
      <c r="I22809" s="360"/>
      <c r="J22809" s="365"/>
      <c r="K22809" s="365"/>
      <c r="L22809" s="367"/>
    </row>
    <row r="22810" spans="2:12" ht="28.5">
      <c r="B22810" s="367"/>
      <c r="C22810" s="360"/>
      <c r="D22810" s="367"/>
      <c r="E22810" s="367"/>
      <c r="F22810" s="359" t="s">
        <v>29864</v>
      </c>
      <c r="G22810" s="359" t="s">
        <v>14890</v>
      </c>
      <c r="H22810" s="359" t="s">
        <v>14381</v>
      </c>
      <c r="I22810" s="359" t="s">
        <v>14890</v>
      </c>
      <c r="J22810" s="365"/>
      <c r="K22810" s="365"/>
      <c r="L22810" s="367"/>
    </row>
    <row r="22811" spans="2:12">
      <c r="B22811" s="367"/>
      <c r="C22811" s="360"/>
      <c r="D22811" s="367"/>
      <c r="E22811" s="367"/>
      <c r="F22811" s="360"/>
      <c r="G22811" s="360"/>
      <c r="H22811" s="360"/>
      <c r="I22811" s="360"/>
      <c r="J22811" s="365"/>
      <c r="K22811" s="365"/>
      <c r="L22811" s="367"/>
    </row>
    <row r="22812" spans="2:12">
      <c r="B22812" s="368"/>
      <c r="C22812" s="362"/>
      <c r="D22812" s="368"/>
      <c r="E22812" s="368"/>
      <c r="F22812" s="362"/>
      <c r="G22812" s="362"/>
      <c r="H22812" s="361" t="s">
        <v>14332</v>
      </c>
      <c r="I22812" s="362"/>
      <c r="J22812" s="366"/>
      <c r="K22812" s="366"/>
      <c r="L22812" s="368"/>
    </row>
    <row r="22813" spans="2:12">
      <c r="B22813" s="358" t="s">
        <v>9637</v>
      </c>
      <c r="C22813" s="358" t="s">
        <v>26100</v>
      </c>
      <c r="D22813" s="358" t="s">
        <v>9638</v>
      </c>
      <c r="E22813" s="358" t="s">
        <v>9639</v>
      </c>
      <c r="F22813" s="358" t="s">
        <v>14330</v>
      </c>
      <c r="G22813" s="358" t="s">
        <v>14327</v>
      </c>
      <c r="H22813" s="358" t="s">
        <v>14331</v>
      </c>
      <c r="I22813" s="358" t="s">
        <v>14327</v>
      </c>
      <c r="J22813" s="358"/>
      <c r="K22813" s="358"/>
      <c r="L22813" s="358" t="s">
        <v>26096</v>
      </c>
    </row>
    <row r="22814" spans="2:12">
      <c r="B22814" s="367"/>
      <c r="C22814" s="360"/>
      <c r="D22814" s="367"/>
      <c r="E22814" s="367"/>
      <c r="F22814" s="360"/>
      <c r="G22814" s="360"/>
      <c r="H22814" s="360"/>
      <c r="I22814" s="360"/>
      <c r="J22814" s="365"/>
      <c r="K22814" s="365"/>
      <c r="L22814" s="367"/>
    </row>
    <row r="22815" spans="2:12">
      <c r="B22815" s="367"/>
      <c r="C22815" s="359" t="s">
        <v>12794</v>
      </c>
      <c r="D22815" s="367"/>
      <c r="E22815" s="367"/>
      <c r="F22815" s="359" t="s">
        <v>14326</v>
      </c>
      <c r="G22815" s="359" t="s">
        <v>14669</v>
      </c>
      <c r="H22815" s="359" t="s">
        <v>14328</v>
      </c>
      <c r="I22815" s="359" t="s">
        <v>14669</v>
      </c>
      <c r="J22815" s="365"/>
      <c r="K22815" s="365"/>
      <c r="L22815" s="367"/>
    </row>
    <row r="22816" spans="2:12">
      <c r="B22816" s="367"/>
      <c r="C22816" s="360"/>
      <c r="D22816" s="367"/>
      <c r="E22816" s="367"/>
      <c r="F22816" s="360"/>
      <c r="G22816" s="360"/>
      <c r="H22816" s="360"/>
      <c r="I22816" s="360"/>
      <c r="J22816" s="365"/>
      <c r="K22816" s="365"/>
      <c r="L22816" s="367"/>
    </row>
    <row r="22817" spans="2:12" ht="71.25">
      <c r="B22817" s="367"/>
      <c r="C22817" s="359" t="s">
        <v>29866</v>
      </c>
      <c r="D22817" s="367"/>
      <c r="E22817" s="367"/>
      <c r="F22817" s="359" t="s">
        <v>29864</v>
      </c>
      <c r="G22817" s="359" t="s">
        <v>14890</v>
      </c>
      <c r="H22817" s="359" t="s">
        <v>14381</v>
      </c>
      <c r="I22817" s="359" t="s">
        <v>14890</v>
      </c>
      <c r="J22817" s="365"/>
      <c r="K22817" s="365"/>
      <c r="L22817" s="367"/>
    </row>
    <row r="22818" spans="2:12">
      <c r="B22818" s="367"/>
      <c r="C22818" s="360"/>
      <c r="D22818" s="367"/>
      <c r="E22818" s="367"/>
      <c r="F22818" s="360"/>
      <c r="G22818" s="360"/>
      <c r="H22818" s="360"/>
      <c r="I22818" s="360"/>
      <c r="J22818" s="365"/>
      <c r="K22818" s="365"/>
      <c r="L22818" s="367"/>
    </row>
    <row r="22819" spans="2:12">
      <c r="B22819" s="368"/>
      <c r="C22819" s="362"/>
      <c r="D22819" s="368"/>
      <c r="E22819" s="368"/>
      <c r="F22819" s="362"/>
      <c r="G22819" s="362"/>
      <c r="H22819" s="361" t="s">
        <v>14332</v>
      </c>
      <c r="I22819" s="362"/>
      <c r="J22819" s="366"/>
      <c r="K22819" s="366"/>
      <c r="L22819" s="368"/>
    </row>
    <row r="22820" spans="2:12">
      <c r="B22820" s="358" t="s">
        <v>9641</v>
      </c>
      <c r="C22820" s="358" t="s">
        <v>26101</v>
      </c>
      <c r="D22820" s="358" t="s">
        <v>9642</v>
      </c>
      <c r="E22820" s="358" t="s">
        <v>9643</v>
      </c>
      <c r="F22820" s="358" t="s">
        <v>14330</v>
      </c>
      <c r="G22820" s="358" t="s">
        <v>14327</v>
      </c>
      <c r="H22820" s="358" t="s">
        <v>14331</v>
      </c>
      <c r="I22820" s="358" t="s">
        <v>14327</v>
      </c>
      <c r="J22820" s="358"/>
      <c r="K22820" s="358"/>
      <c r="L22820" s="358" t="s">
        <v>26096</v>
      </c>
    </row>
    <row r="22821" spans="2:12">
      <c r="B22821" s="367"/>
      <c r="C22821" s="360"/>
      <c r="D22821" s="367"/>
      <c r="E22821" s="367"/>
      <c r="F22821" s="360"/>
      <c r="G22821" s="360"/>
      <c r="H22821" s="360"/>
      <c r="I22821" s="360"/>
      <c r="J22821" s="365"/>
      <c r="K22821" s="365"/>
      <c r="L22821" s="367"/>
    </row>
    <row r="22822" spans="2:12">
      <c r="B22822" s="367"/>
      <c r="C22822" s="359" t="s">
        <v>12794</v>
      </c>
      <c r="D22822" s="367"/>
      <c r="E22822" s="367"/>
      <c r="F22822" s="359" t="s">
        <v>14326</v>
      </c>
      <c r="G22822" s="359" t="s">
        <v>14669</v>
      </c>
      <c r="H22822" s="359" t="s">
        <v>14328</v>
      </c>
      <c r="I22822" s="359" t="s">
        <v>14669</v>
      </c>
      <c r="J22822" s="365"/>
      <c r="K22822" s="365"/>
      <c r="L22822" s="367"/>
    </row>
    <row r="22823" spans="2:12">
      <c r="B22823" s="367"/>
      <c r="C22823" s="360"/>
      <c r="D22823" s="367"/>
      <c r="E22823" s="367"/>
      <c r="F22823" s="360"/>
      <c r="G22823" s="360"/>
      <c r="H22823" s="360"/>
      <c r="I22823" s="360"/>
      <c r="J22823" s="365"/>
      <c r="K22823" s="365"/>
      <c r="L22823" s="367"/>
    </row>
    <row r="22824" spans="2:12" ht="71.25">
      <c r="B22824" s="367"/>
      <c r="C22824" s="359" t="s">
        <v>28150</v>
      </c>
      <c r="D22824" s="367"/>
      <c r="E22824" s="367"/>
      <c r="F22824" s="359" t="s">
        <v>29864</v>
      </c>
      <c r="G22824" s="359" t="s">
        <v>14890</v>
      </c>
      <c r="H22824" s="359" t="s">
        <v>14381</v>
      </c>
      <c r="I22824" s="359" t="s">
        <v>14890</v>
      </c>
      <c r="J22824" s="365"/>
      <c r="K22824" s="365"/>
      <c r="L22824" s="367"/>
    </row>
    <row r="22825" spans="2:12">
      <c r="B22825" s="367"/>
      <c r="C22825" s="360"/>
      <c r="D22825" s="367"/>
      <c r="E22825" s="367"/>
      <c r="F22825" s="360"/>
      <c r="G22825" s="360"/>
      <c r="H22825" s="360"/>
      <c r="I22825" s="360"/>
      <c r="J22825" s="365"/>
      <c r="K22825" s="365"/>
      <c r="L22825" s="367"/>
    </row>
    <row r="22826" spans="2:12">
      <c r="B22826" s="368"/>
      <c r="C22826" s="362"/>
      <c r="D22826" s="368"/>
      <c r="E22826" s="368"/>
      <c r="F22826" s="362"/>
      <c r="G22826" s="362"/>
      <c r="H22826" s="361" t="s">
        <v>14332</v>
      </c>
      <c r="I22826" s="362"/>
      <c r="J22826" s="366"/>
      <c r="K22826" s="366"/>
      <c r="L22826" s="368"/>
    </row>
    <row r="22827" spans="2:12" ht="28.5">
      <c r="B22827" s="358" t="s">
        <v>9645</v>
      </c>
      <c r="C22827" s="358" t="s">
        <v>29867</v>
      </c>
      <c r="D22827" s="358" t="s">
        <v>9646</v>
      </c>
      <c r="E22827" s="358" t="s">
        <v>9647</v>
      </c>
      <c r="F22827" s="358" t="s">
        <v>14330</v>
      </c>
      <c r="G22827" s="358" t="s">
        <v>14327</v>
      </c>
      <c r="H22827" s="358" t="s">
        <v>14331</v>
      </c>
      <c r="I22827" s="358" t="s">
        <v>14327</v>
      </c>
      <c r="J22827" s="358"/>
      <c r="K22827" s="358"/>
      <c r="L22827" s="358" t="s">
        <v>26096</v>
      </c>
    </row>
    <row r="22828" spans="2:12">
      <c r="B22828" s="367"/>
      <c r="C22828" s="360"/>
      <c r="D22828" s="367"/>
      <c r="E22828" s="367"/>
      <c r="F22828" s="360"/>
      <c r="G22828" s="360"/>
      <c r="H22828" s="360"/>
      <c r="I22828" s="360"/>
      <c r="J22828" s="365"/>
      <c r="K22828" s="365"/>
      <c r="L22828" s="367"/>
    </row>
    <row r="22829" spans="2:12" ht="71.25">
      <c r="B22829" s="367"/>
      <c r="C22829" s="359" t="s">
        <v>28151</v>
      </c>
      <c r="D22829" s="367"/>
      <c r="E22829" s="367"/>
      <c r="F22829" s="359" t="s">
        <v>14326</v>
      </c>
      <c r="G22829" s="359" t="s">
        <v>14669</v>
      </c>
      <c r="H22829" s="359" t="s">
        <v>14328</v>
      </c>
      <c r="I22829" s="359" t="s">
        <v>14669</v>
      </c>
      <c r="J22829" s="365"/>
      <c r="K22829" s="365"/>
      <c r="L22829" s="367"/>
    </row>
    <row r="22830" spans="2:12">
      <c r="B22830" s="367"/>
      <c r="C22830" s="360"/>
      <c r="D22830" s="367"/>
      <c r="E22830" s="367"/>
      <c r="F22830" s="360"/>
      <c r="G22830" s="360"/>
      <c r="H22830" s="360"/>
      <c r="I22830" s="360"/>
      <c r="J22830" s="365"/>
      <c r="K22830" s="365"/>
      <c r="L22830" s="367"/>
    </row>
    <row r="22831" spans="2:12" ht="28.5">
      <c r="B22831" s="367"/>
      <c r="C22831" s="360"/>
      <c r="D22831" s="367"/>
      <c r="E22831" s="367"/>
      <c r="F22831" s="359" t="s">
        <v>29864</v>
      </c>
      <c r="G22831" s="359" t="s">
        <v>14890</v>
      </c>
      <c r="H22831" s="359" t="s">
        <v>14381</v>
      </c>
      <c r="I22831" s="359" t="s">
        <v>14890</v>
      </c>
      <c r="J22831" s="365"/>
      <c r="K22831" s="365"/>
      <c r="L22831" s="367"/>
    </row>
    <row r="22832" spans="2:12">
      <c r="B22832" s="367"/>
      <c r="C22832" s="360"/>
      <c r="D22832" s="367"/>
      <c r="E22832" s="367"/>
      <c r="F22832" s="360"/>
      <c r="G22832" s="360"/>
      <c r="H22832" s="360"/>
      <c r="I22832" s="360"/>
      <c r="J22832" s="365"/>
      <c r="K22832" s="365"/>
      <c r="L22832" s="367"/>
    </row>
    <row r="22833" spans="2:12">
      <c r="B22833" s="368"/>
      <c r="C22833" s="362"/>
      <c r="D22833" s="368"/>
      <c r="E22833" s="368"/>
      <c r="F22833" s="362"/>
      <c r="G22833" s="362"/>
      <c r="H22833" s="361" t="s">
        <v>14332</v>
      </c>
      <c r="I22833" s="362"/>
      <c r="J22833" s="366"/>
      <c r="K22833" s="366"/>
      <c r="L22833" s="368"/>
    </row>
    <row r="22834" spans="2:12">
      <c r="B22834" s="358" t="s">
        <v>9649</v>
      </c>
      <c r="C22834" s="358" t="s">
        <v>26102</v>
      </c>
      <c r="D22834" s="358" t="s">
        <v>9650</v>
      </c>
      <c r="E22834" s="358" t="s">
        <v>9651</v>
      </c>
      <c r="F22834" s="358" t="s">
        <v>14330</v>
      </c>
      <c r="G22834" s="358" t="s">
        <v>14327</v>
      </c>
      <c r="H22834" s="358" t="s">
        <v>14331</v>
      </c>
      <c r="I22834" s="358" t="s">
        <v>14327</v>
      </c>
      <c r="J22834" s="358"/>
      <c r="K22834" s="358"/>
      <c r="L22834" s="358" t="s">
        <v>26096</v>
      </c>
    </row>
    <row r="22835" spans="2:12">
      <c r="B22835" s="367"/>
      <c r="C22835" s="360"/>
      <c r="D22835" s="367"/>
      <c r="E22835" s="367"/>
      <c r="F22835" s="360"/>
      <c r="G22835" s="360"/>
      <c r="H22835" s="360"/>
      <c r="I22835" s="360"/>
      <c r="J22835" s="365"/>
      <c r="K22835" s="365"/>
      <c r="L22835" s="367"/>
    </row>
    <row r="22836" spans="2:12">
      <c r="B22836" s="367"/>
      <c r="C22836" s="359" t="s">
        <v>12794</v>
      </c>
      <c r="D22836" s="367"/>
      <c r="E22836" s="367"/>
      <c r="F22836" s="359" t="s">
        <v>14326</v>
      </c>
      <c r="G22836" s="359" t="s">
        <v>14669</v>
      </c>
      <c r="H22836" s="359" t="s">
        <v>14328</v>
      </c>
      <c r="I22836" s="359" t="s">
        <v>14669</v>
      </c>
      <c r="J22836" s="365"/>
      <c r="K22836" s="365"/>
      <c r="L22836" s="367"/>
    </row>
    <row r="22837" spans="2:12">
      <c r="B22837" s="367"/>
      <c r="C22837" s="360"/>
      <c r="D22837" s="367"/>
      <c r="E22837" s="367"/>
      <c r="F22837" s="360"/>
      <c r="G22837" s="360"/>
      <c r="H22837" s="360"/>
      <c r="I22837" s="360"/>
      <c r="J22837" s="365"/>
      <c r="K22837" s="365"/>
      <c r="L22837" s="367"/>
    </row>
    <row r="22838" spans="2:12" ht="71.25">
      <c r="B22838" s="367"/>
      <c r="C22838" s="359" t="s">
        <v>30630</v>
      </c>
      <c r="D22838" s="367"/>
      <c r="E22838" s="367"/>
      <c r="F22838" s="359" t="s">
        <v>29864</v>
      </c>
      <c r="G22838" s="359" t="s">
        <v>14890</v>
      </c>
      <c r="H22838" s="359" t="s">
        <v>14381</v>
      </c>
      <c r="I22838" s="359" t="s">
        <v>14890</v>
      </c>
      <c r="J22838" s="365"/>
      <c r="K22838" s="365"/>
      <c r="L22838" s="367"/>
    </row>
    <row r="22839" spans="2:12">
      <c r="B22839" s="367"/>
      <c r="C22839" s="360"/>
      <c r="D22839" s="367"/>
      <c r="E22839" s="367"/>
      <c r="F22839" s="360"/>
      <c r="G22839" s="360"/>
      <c r="H22839" s="360"/>
      <c r="I22839" s="360"/>
      <c r="J22839" s="365"/>
      <c r="K22839" s="365"/>
      <c r="L22839" s="367"/>
    </row>
    <row r="22840" spans="2:12">
      <c r="B22840" s="368"/>
      <c r="C22840" s="362"/>
      <c r="D22840" s="368"/>
      <c r="E22840" s="368"/>
      <c r="F22840" s="362"/>
      <c r="G22840" s="362"/>
      <c r="H22840" s="361" t="s">
        <v>14332</v>
      </c>
      <c r="I22840" s="362"/>
      <c r="J22840" s="366"/>
      <c r="K22840" s="366"/>
      <c r="L22840" s="368"/>
    </row>
    <row r="22841" spans="2:12" ht="28.5">
      <c r="B22841" s="358" t="s">
        <v>9652</v>
      </c>
      <c r="C22841" s="358" t="s">
        <v>28152</v>
      </c>
      <c r="D22841" s="358" t="s">
        <v>9653</v>
      </c>
      <c r="E22841" s="358" t="s">
        <v>9654</v>
      </c>
      <c r="F22841" s="358" t="s">
        <v>14330</v>
      </c>
      <c r="G22841" s="358" t="s">
        <v>14327</v>
      </c>
      <c r="H22841" s="358" t="s">
        <v>14331</v>
      </c>
      <c r="I22841" s="358" t="s">
        <v>14327</v>
      </c>
      <c r="J22841" s="358"/>
      <c r="K22841" s="358"/>
      <c r="L22841" s="358" t="s">
        <v>26096</v>
      </c>
    </row>
    <row r="22842" spans="2:12">
      <c r="B22842" s="367"/>
      <c r="C22842" s="360"/>
      <c r="D22842" s="367"/>
      <c r="E22842" s="367"/>
      <c r="F22842" s="360"/>
      <c r="G22842" s="360"/>
      <c r="H22842" s="360"/>
      <c r="I22842" s="360"/>
      <c r="J22842" s="365"/>
      <c r="K22842" s="365"/>
      <c r="L22842" s="367"/>
    </row>
    <row r="22843" spans="2:12">
      <c r="B22843" s="367"/>
      <c r="C22843" s="359" t="s">
        <v>9808</v>
      </c>
      <c r="D22843" s="367"/>
      <c r="E22843" s="367"/>
      <c r="F22843" s="359" t="s">
        <v>14326</v>
      </c>
      <c r="G22843" s="359" t="s">
        <v>14669</v>
      </c>
      <c r="H22843" s="359" t="s">
        <v>14328</v>
      </c>
      <c r="I22843" s="359" t="s">
        <v>14669</v>
      </c>
      <c r="J22843" s="365"/>
      <c r="K22843" s="365"/>
      <c r="L22843" s="367"/>
    </row>
    <row r="22844" spans="2:12">
      <c r="B22844" s="367"/>
      <c r="C22844" s="360"/>
      <c r="D22844" s="367"/>
      <c r="E22844" s="367"/>
      <c r="F22844" s="360"/>
      <c r="G22844" s="360"/>
      <c r="H22844" s="360"/>
      <c r="I22844" s="360"/>
      <c r="J22844" s="365"/>
      <c r="K22844" s="365"/>
      <c r="L22844" s="367"/>
    </row>
    <row r="22845" spans="2:12" ht="28.5">
      <c r="B22845" s="367"/>
      <c r="C22845" s="360"/>
      <c r="D22845" s="367"/>
      <c r="E22845" s="367"/>
      <c r="F22845" s="359" t="s">
        <v>29864</v>
      </c>
      <c r="G22845" s="359" t="s">
        <v>14890</v>
      </c>
      <c r="H22845" s="359" t="s">
        <v>14381</v>
      </c>
      <c r="I22845" s="359" t="s">
        <v>14890</v>
      </c>
      <c r="J22845" s="365"/>
      <c r="K22845" s="365"/>
      <c r="L22845" s="367"/>
    </row>
    <row r="22846" spans="2:12">
      <c r="B22846" s="367"/>
      <c r="C22846" s="360"/>
      <c r="D22846" s="367"/>
      <c r="E22846" s="367"/>
      <c r="F22846" s="360"/>
      <c r="G22846" s="360"/>
      <c r="H22846" s="360"/>
      <c r="I22846" s="360"/>
      <c r="J22846" s="365"/>
      <c r="K22846" s="365"/>
      <c r="L22846" s="367"/>
    </row>
    <row r="22847" spans="2:12">
      <c r="B22847" s="368"/>
      <c r="C22847" s="362"/>
      <c r="D22847" s="368"/>
      <c r="E22847" s="368"/>
      <c r="F22847" s="362"/>
      <c r="G22847" s="362"/>
      <c r="H22847" s="361" t="s">
        <v>14332</v>
      </c>
      <c r="I22847" s="362"/>
      <c r="J22847" s="366"/>
      <c r="K22847" s="366"/>
      <c r="L22847" s="368"/>
    </row>
    <row r="22848" spans="2:12" ht="42.75">
      <c r="B22848" s="358" t="s">
        <v>9656</v>
      </c>
      <c r="C22848" s="358" t="s">
        <v>26103</v>
      </c>
      <c r="D22848" s="358" t="s">
        <v>9657</v>
      </c>
      <c r="E22848" s="358" t="s">
        <v>9658</v>
      </c>
      <c r="F22848" s="358" t="s">
        <v>14330</v>
      </c>
      <c r="G22848" s="358" t="s">
        <v>14327</v>
      </c>
      <c r="H22848" s="358" t="s">
        <v>14331</v>
      </c>
      <c r="I22848" s="358" t="s">
        <v>14327</v>
      </c>
      <c r="J22848" s="358"/>
      <c r="K22848" s="358"/>
      <c r="L22848" s="358" t="s">
        <v>26096</v>
      </c>
    </row>
    <row r="22849" spans="2:12">
      <c r="B22849" s="367"/>
      <c r="C22849" s="360"/>
      <c r="D22849" s="367"/>
      <c r="E22849" s="367"/>
      <c r="F22849" s="360"/>
      <c r="G22849" s="360"/>
      <c r="H22849" s="360"/>
      <c r="I22849" s="360"/>
      <c r="J22849" s="365"/>
      <c r="K22849" s="365"/>
      <c r="L22849" s="367"/>
    </row>
    <row r="22850" spans="2:12">
      <c r="B22850" s="367"/>
      <c r="C22850" s="359" t="s">
        <v>12794</v>
      </c>
      <c r="D22850" s="367"/>
      <c r="E22850" s="367"/>
      <c r="F22850" s="359" t="s">
        <v>14326</v>
      </c>
      <c r="G22850" s="359" t="s">
        <v>14669</v>
      </c>
      <c r="H22850" s="359" t="s">
        <v>14328</v>
      </c>
      <c r="I22850" s="359" t="s">
        <v>14669</v>
      </c>
      <c r="J22850" s="365"/>
      <c r="K22850" s="365"/>
      <c r="L22850" s="367"/>
    </row>
    <row r="22851" spans="2:12">
      <c r="B22851" s="367"/>
      <c r="C22851" s="360"/>
      <c r="D22851" s="367"/>
      <c r="E22851" s="367"/>
      <c r="F22851" s="360"/>
      <c r="G22851" s="360"/>
      <c r="H22851" s="360"/>
      <c r="I22851" s="360"/>
      <c r="J22851" s="365"/>
      <c r="K22851" s="365"/>
      <c r="L22851" s="367"/>
    </row>
    <row r="22852" spans="2:12" ht="71.25">
      <c r="B22852" s="367"/>
      <c r="C22852" s="359" t="s">
        <v>28153</v>
      </c>
      <c r="D22852" s="367"/>
      <c r="E22852" s="367"/>
      <c r="F22852" s="359" t="s">
        <v>29864</v>
      </c>
      <c r="G22852" s="359" t="s">
        <v>14890</v>
      </c>
      <c r="H22852" s="359" t="s">
        <v>14381</v>
      </c>
      <c r="I22852" s="359" t="s">
        <v>14890</v>
      </c>
      <c r="J22852" s="365"/>
      <c r="K22852" s="365"/>
      <c r="L22852" s="367"/>
    </row>
    <row r="22853" spans="2:12">
      <c r="B22853" s="367"/>
      <c r="C22853" s="360"/>
      <c r="D22853" s="367"/>
      <c r="E22853" s="367"/>
      <c r="F22853" s="360"/>
      <c r="G22853" s="360"/>
      <c r="H22853" s="360"/>
      <c r="I22853" s="360"/>
      <c r="J22853" s="365"/>
      <c r="K22853" s="365"/>
      <c r="L22853" s="367"/>
    </row>
    <row r="22854" spans="2:12">
      <c r="B22854" s="368"/>
      <c r="C22854" s="362"/>
      <c r="D22854" s="368"/>
      <c r="E22854" s="368"/>
      <c r="F22854" s="362"/>
      <c r="G22854" s="362"/>
      <c r="H22854" s="361" t="s">
        <v>14332</v>
      </c>
      <c r="I22854" s="362"/>
      <c r="J22854" s="366"/>
      <c r="K22854" s="366"/>
      <c r="L22854" s="368"/>
    </row>
    <row r="22855" spans="2:12" ht="28.5">
      <c r="B22855" s="358" t="s">
        <v>9660</v>
      </c>
      <c r="C22855" s="358" t="s">
        <v>26104</v>
      </c>
      <c r="D22855" s="358" t="s">
        <v>9661</v>
      </c>
      <c r="E22855" s="358" t="s">
        <v>9662</v>
      </c>
      <c r="F22855" s="358" t="s">
        <v>14330</v>
      </c>
      <c r="G22855" s="358" t="s">
        <v>14327</v>
      </c>
      <c r="H22855" s="358" t="s">
        <v>14331</v>
      </c>
      <c r="I22855" s="358" t="s">
        <v>14327</v>
      </c>
      <c r="J22855" s="358"/>
      <c r="K22855" s="358"/>
      <c r="L22855" s="358" t="s">
        <v>26096</v>
      </c>
    </row>
    <row r="22856" spans="2:12">
      <c r="B22856" s="367"/>
      <c r="C22856" s="360"/>
      <c r="D22856" s="367"/>
      <c r="E22856" s="367"/>
      <c r="F22856" s="360"/>
      <c r="G22856" s="360"/>
      <c r="H22856" s="360"/>
      <c r="I22856" s="360"/>
      <c r="J22856" s="365"/>
      <c r="K22856" s="365"/>
      <c r="L22856" s="367"/>
    </row>
    <row r="22857" spans="2:12">
      <c r="B22857" s="367"/>
      <c r="C22857" s="359" t="s">
        <v>12794</v>
      </c>
      <c r="D22857" s="367"/>
      <c r="E22857" s="367"/>
      <c r="F22857" s="359" t="s">
        <v>14326</v>
      </c>
      <c r="G22857" s="359" t="s">
        <v>14669</v>
      </c>
      <c r="H22857" s="359" t="s">
        <v>14328</v>
      </c>
      <c r="I22857" s="359" t="s">
        <v>14669</v>
      </c>
      <c r="J22857" s="365"/>
      <c r="K22857" s="365"/>
      <c r="L22857" s="367"/>
    </row>
    <row r="22858" spans="2:12">
      <c r="B22858" s="367"/>
      <c r="C22858" s="360"/>
      <c r="D22858" s="367"/>
      <c r="E22858" s="367"/>
      <c r="F22858" s="360"/>
      <c r="G22858" s="360"/>
      <c r="H22858" s="360"/>
      <c r="I22858" s="360"/>
      <c r="J22858" s="365"/>
      <c r="K22858" s="365"/>
      <c r="L22858" s="367"/>
    </row>
    <row r="22859" spans="2:12" ht="57">
      <c r="B22859" s="367"/>
      <c r="C22859" s="359" t="s">
        <v>30631</v>
      </c>
      <c r="D22859" s="367"/>
      <c r="E22859" s="367"/>
      <c r="F22859" s="359" t="s">
        <v>29864</v>
      </c>
      <c r="G22859" s="359" t="s">
        <v>14890</v>
      </c>
      <c r="H22859" s="359" t="s">
        <v>14381</v>
      </c>
      <c r="I22859" s="359" t="s">
        <v>14890</v>
      </c>
      <c r="J22859" s="365"/>
      <c r="K22859" s="365"/>
      <c r="L22859" s="367"/>
    </row>
    <row r="22860" spans="2:12">
      <c r="B22860" s="367"/>
      <c r="C22860" s="360"/>
      <c r="D22860" s="367"/>
      <c r="E22860" s="367"/>
      <c r="F22860" s="360"/>
      <c r="G22860" s="360"/>
      <c r="H22860" s="360"/>
      <c r="I22860" s="360"/>
      <c r="J22860" s="365"/>
      <c r="K22860" s="365"/>
      <c r="L22860" s="367"/>
    </row>
    <row r="22861" spans="2:12">
      <c r="B22861" s="368"/>
      <c r="C22861" s="362"/>
      <c r="D22861" s="368"/>
      <c r="E22861" s="368"/>
      <c r="F22861" s="362"/>
      <c r="G22861" s="362"/>
      <c r="H22861" s="361" t="s">
        <v>14332</v>
      </c>
      <c r="I22861" s="362"/>
      <c r="J22861" s="366"/>
      <c r="K22861" s="366"/>
      <c r="L22861" s="368"/>
    </row>
    <row r="22862" spans="2:12" ht="42.75">
      <c r="B22862" s="358" t="s">
        <v>9664</v>
      </c>
      <c r="C22862" s="358" t="s">
        <v>29868</v>
      </c>
      <c r="D22862" s="358" t="s">
        <v>9665</v>
      </c>
      <c r="E22862" s="358" t="s">
        <v>9666</v>
      </c>
      <c r="F22862" s="358" t="s">
        <v>14330</v>
      </c>
      <c r="G22862" s="358" t="s">
        <v>14327</v>
      </c>
      <c r="H22862" s="358" t="s">
        <v>14331</v>
      </c>
      <c r="I22862" s="358" t="s">
        <v>14327</v>
      </c>
      <c r="J22862" s="358"/>
      <c r="K22862" s="358"/>
      <c r="L22862" s="358" t="s">
        <v>26096</v>
      </c>
    </row>
    <row r="22863" spans="2:12">
      <c r="B22863" s="367"/>
      <c r="C22863" s="360"/>
      <c r="D22863" s="367"/>
      <c r="E22863" s="367"/>
      <c r="F22863" s="360"/>
      <c r="G22863" s="360"/>
      <c r="H22863" s="360"/>
      <c r="I22863" s="360"/>
      <c r="J22863" s="365"/>
      <c r="K22863" s="365"/>
      <c r="L22863" s="367"/>
    </row>
    <row r="22864" spans="2:12" ht="85.5">
      <c r="B22864" s="367"/>
      <c r="C22864" s="359" t="s">
        <v>30632</v>
      </c>
      <c r="D22864" s="367"/>
      <c r="E22864" s="367"/>
      <c r="F22864" s="359" t="s">
        <v>14326</v>
      </c>
      <c r="G22864" s="359" t="s">
        <v>14669</v>
      </c>
      <c r="H22864" s="359" t="s">
        <v>14328</v>
      </c>
      <c r="I22864" s="359" t="s">
        <v>14669</v>
      </c>
      <c r="J22864" s="365"/>
      <c r="K22864" s="365"/>
      <c r="L22864" s="367"/>
    </row>
    <row r="22865" spans="2:12">
      <c r="B22865" s="367"/>
      <c r="C22865" s="360"/>
      <c r="D22865" s="367"/>
      <c r="E22865" s="367"/>
      <c r="F22865" s="360"/>
      <c r="G22865" s="360"/>
      <c r="H22865" s="360"/>
      <c r="I22865" s="360"/>
      <c r="J22865" s="365"/>
      <c r="K22865" s="365"/>
      <c r="L22865" s="367"/>
    </row>
    <row r="22866" spans="2:12" ht="28.5">
      <c r="B22866" s="367"/>
      <c r="C22866" s="360"/>
      <c r="D22866" s="367"/>
      <c r="E22866" s="367"/>
      <c r="F22866" s="359" t="s">
        <v>29864</v>
      </c>
      <c r="G22866" s="359" t="s">
        <v>14890</v>
      </c>
      <c r="H22866" s="359" t="s">
        <v>14381</v>
      </c>
      <c r="I22866" s="359" t="s">
        <v>14890</v>
      </c>
      <c r="J22866" s="365"/>
      <c r="K22866" s="365"/>
      <c r="L22866" s="367"/>
    </row>
    <row r="22867" spans="2:12">
      <c r="B22867" s="367"/>
      <c r="C22867" s="360"/>
      <c r="D22867" s="367"/>
      <c r="E22867" s="367"/>
      <c r="F22867" s="360"/>
      <c r="G22867" s="360"/>
      <c r="H22867" s="360"/>
      <c r="I22867" s="360"/>
      <c r="J22867" s="365"/>
      <c r="K22867" s="365"/>
      <c r="L22867" s="367"/>
    </row>
    <row r="22868" spans="2:12">
      <c r="B22868" s="368"/>
      <c r="C22868" s="362"/>
      <c r="D22868" s="368"/>
      <c r="E22868" s="368"/>
      <c r="F22868" s="362"/>
      <c r="G22868" s="362"/>
      <c r="H22868" s="361" t="s">
        <v>14332</v>
      </c>
      <c r="I22868" s="362"/>
      <c r="J22868" s="366"/>
      <c r="K22868" s="366"/>
      <c r="L22868" s="368"/>
    </row>
    <row r="22869" spans="2:12" ht="28.5">
      <c r="B22869" s="358" t="s">
        <v>9668</v>
      </c>
      <c r="C22869" s="358" t="s">
        <v>26105</v>
      </c>
      <c r="D22869" s="358" t="s">
        <v>9669</v>
      </c>
      <c r="E22869" s="358" t="s">
        <v>9670</v>
      </c>
      <c r="F22869" s="358" t="s">
        <v>14330</v>
      </c>
      <c r="G22869" s="358" t="s">
        <v>14327</v>
      </c>
      <c r="H22869" s="358" t="s">
        <v>14331</v>
      </c>
      <c r="I22869" s="358" t="s">
        <v>14327</v>
      </c>
      <c r="J22869" s="358"/>
      <c r="K22869" s="358"/>
      <c r="L22869" s="358" t="s">
        <v>26096</v>
      </c>
    </row>
    <row r="22870" spans="2:12">
      <c r="B22870" s="367"/>
      <c r="C22870" s="360"/>
      <c r="D22870" s="367"/>
      <c r="E22870" s="367"/>
      <c r="F22870" s="360"/>
      <c r="G22870" s="360"/>
      <c r="H22870" s="360"/>
      <c r="I22870" s="360"/>
      <c r="J22870" s="365"/>
      <c r="K22870" s="365"/>
      <c r="L22870" s="367"/>
    </row>
    <row r="22871" spans="2:12">
      <c r="B22871" s="367"/>
      <c r="C22871" s="359" t="s">
        <v>12794</v>
      </c>
      <c r="D22871" s="367"/>
      <c r="E22871" s="367"/>
      <c r="F22871" s="359" t="s">
        <v>14326</v>
      </c>
      <c r="G22871" s="359" t="s">
        <v>14669</v>
      </c>
      <c r="H22871" s="359" t="s">
        <v>14328</v>
      </c>
      <c r="I22871" s="359" t="s">
        <v>14669</v>
      </c>
      <c r="J22871" s="365"/>
      <c r="K22871" s="365"/>
      <c r="L22871" s="367"/>
    </row>
    <row r="22872" spans="2:12">
      <c r="B22872" s="367"/>
      <c r="C22872" s="360"/>
      <c r="D22872" s="367"/>
      <c r="E22872" s="367"/>
      <c r="F22872" s="360"/>
      <c r="G22872" s="360"/>
      <c r="H22872" s="360"/>
      <c r="I22872" s="360"/>
      <c r="J22872" s="365"/>
      <c r="K22872" s="365"/>
      <c r="L22872" s="367"/>
    </row>
    <row r="22873" spans="2:12" ht="71.25">
      <c r="B22873" s="367"/>
      <c r="C22873" s="359" t="s">
        <v>30633</v>
      </c>
      <c r="D22873" s="367"/>
      <c r="E22873" s="367"/>
      <c r="F22873" s="359" t="s">
        <v>29864</v>
      </c>
      <c r="G22873" s="359" t="s">
        <v>14890</v>
      </c>
      <c r="H22873" s="359" t="s">
        <v>14381</v>
      </c>
      <c r="I22873" s="359" t="s">
        <v>14890</v>
      </c>
      <c r="J22873" s="365"/>
      <c r="K22873" s="365"/>
      <c r="L22873" s="367"/>
    </row>
    <row r="22874" spans="2:12">
      <c r="B22874" s="367"/>
      <c r="C22874" s="360"/>
      <c r="D22874" s="367"/>
      <c r="E22874" s="367"/>
      <c r="F22874" s="360"/>
      <c r="G22874" s="360"/>
      <c r="H22874" s="360"/>
      <c r="I22874" s="360"/>
      <c r="J22874" s="365"/>
      <c r="K22874" s="365"/>
      <c r="L22874" s="367"/>
    </row>
    <row r="22875" spans="2:12">
      <c r="B22875" s="368"/>
      <c r="C22875" s="362"/>
      <c r="D22875" s="368"/>
      <c r="E22875" s="368"/>
      <c r="F22875" s="362"/>
      <c r="G22875" s="362"/>
      <c r="H22875" s="361" t="s">
        <v>14332</v>
      </c>
      <c r="I22875" s="362"/>
      <c r="J22875" s="366"/>
      <c r="K22875" s="366"/>
      <c r="L22875" s="368"/>
    </row>
    <row r="22876" spans="2:12" ht="28.5">
      <c r="B22876" s="358" t="s">
        <v>9671</v>
      </c>
      <c r="C22876" s="358" t="s">
        <v>30634</v>
      </c>
      <c r="D22876" s="358" t="s">
        <v>9672</v>
      </c>
      <c r="E22876" s="358" t="s">
        <v>9673</v>
      </c>
      <c r="F22876" s="358" t="s">
        <v>14330</v>
      </c>
      <c r="G22876" s="358" t="s">
        <v>14327</v>
      </c>
      <c r="H22876" s="358" t="s">
        <v>14331</v>
      </c>
      <c r="I22876" s="358" t="s">
        <v>14327</v>
      </c>
      <c r="J22876" s="358"/>
      <c r="K22876" s="358"/>
      <c r="L22876" s="358" t="s">
        <v>26096</v>
      </c>
    </row>
    <row r="22877" spans="2:12">
      <c r="B22877" s="367"/>
      <c r="C22877" s="360"/>
      <c r="D22877" s="367"/>
      <c r="E22877" s="367"/>
      <c r="F22877" s="360"/>
      <c r="G22877" s="360"/>
      <c r="H22877" s="360"/>
      <c r="I22877" s="360"/>
      <c r="J22877" s="365"/>
      <c r="K22877" s="365"/>
      <c r="L22877" s="367"/>
    </row>
    <row r="22878" spans="2:12" ht="85.5">
      <c r="B22878" s="367"/>
      <c r="C22878" s="359" t="s">
        <v>28154</v>
      </c>
      <c r="D22878" s="367"/>
      <c r="E22878" s="367"/>
      <c r="F22878" s="359" t="s">
        <v>14326</v>
      </c>
      <c r="G22878" s="359" t="s">
        <v>14669</v>
      </c>
      <c r="H22878" s="359" t="s">
        <v>14328</v>
      </c>
      <c r="I22878" s="359" t="s">
        <v>14669</v>
      </c>
      <c r="J22878" s="365"/>
      <c r="K22878" s="365"/>
      <c r="L22878" s="367"/>
    </row>
    <row r="22879" spans="2:12">
      <c r="B22879" s="367"/>
      <c r="C22879" s="360"/>
      <c r="D22879" s="367"/>
      <c r="E22879" s="367"/>
      <c r="F22879" s="360"/>
      <c r="G22879" s="360"/>
      <c r="H22879" s="360"/>
      <c r="I22879" s="360"/>
      <c r="J22879" s="365"/>
      <c r="K22879" s="365"/>
      <c r="L22879" s="367"/>
    </row>
    <row r="22880" spans="2:12" ht="28.5">
      <c r="B22880" s="367"/>
      <c r="C22880" s="360"/>
      <c r="D22880" s="367"/>
      <c r="E22880" s="367"/>
      <c r="F22880" s="359" t="s">
        <v>29864</v>
      </c>
      <c r="G22880" s="359" t="s">
        <v>14890</v>
      </c>
      <c r="H22880" s="359" t="s">
        <v>14381</v>
      </c>
      <c r="I22880" s="359" t="s">
        <v>14890</v>
      </c>
      <c r="J22880" s="365"/>
      <c r="K22880" s="365"/>
      <c r="L22880" s="367"/>
    </row>
    <row r="22881" spans="2:12">
      <c r="B22881" s="367"/>
      <c r="C22881" s="360"/>
      <c r="D22881" s="367"/>
      <c r="E22881" s="367"/>
      <c r="F22881" s="360"/>
      <c r="G22881" s="360"/>
      <c r="H22881" s="360"/>
      <c r="I22881" s="360"/>
      <c r="J22881" s="365"/>
      <c r="K22881" s="365"/>
      <c r="L22881" s="367"/>
    </row>
    <row r="22882" spans="2:12">
      <c r="B22882" s="368"/>
      <c r="C22882" s="362"/>
      <c r="D22882" s="368"/>
      <c r="E22882" s="368"/>
      <c r="F22882" s="362"/>
      <c r="G22882" s="362"/>
      <c r="H22882" s="361" t="s">
        <v>14332</v>
      </c>
      <c r="I22882" s="362"/>
      <c r="J22882" s="366"/>
      <c r="K22882" s="366"/>
      <c r="L22882" s="368"/>
    </row>
    <row r="22883" spans="2:12" ht="28.5">
      <c r="B22883" s="358" t="s">
        <v>9674</v>
      </c>
      <c r="C22883" s="358" t="s">
        <v>30635</v>
      </c>
      <c r="D22883" s="358" t="s">
        <v>9675</v>
      </c>
      <c r="E22883" s="358" t="s">
        <v>9676</v>
      </c>
      <c r="F22883" s="358" t="s">
        <v>14330</v>
      </c>
      <c r="G22883" s="358" t="s">
        <v>14327</v>
      </c>
      <c r="H22883" s="358" t="s">
        <v>14331</v>
      </c>
      <c r="I22883" s="358" t="s">
        <v>14327</v>
      </c>
      <c r="J22883" s="358"/>
      <c r="K22883" s="358"/>
      <c r="L22883" s="358" t="s">
        <v>26096</v>
      </c>
    </row>
    <row r="22884" spans="2:12">
      <c r="B22884" s="367"/>
      <c r="C22884" s="360"/>
      <c r="D22884" s="367"/>
      <c r="E22884" s="367"/>
      <c r="F22884" s="360"/>
      <c r="G22884" s="360"/>
      <c r="H22884" s="360"/>
      <c r="I22884" s="360"/>
      <c r="J22884" s="365"/>
      <c r="K22884" s="365"/>
      <c r="L22884" s="367"/>
    </row>
    <row r="22885" spans="2:12" ht="85.5">
      <c r="B22885" s="367"/>
      <c r="C22885" s="359" t="s">
        <v>30636</v>
      </c>
      <c r="D22885" s="367"/>
      <c r="E22885" s="367"/>
      <c r="F22885" s="359" t="s">
        <v>14326</v>
      </c>
      <c r="G22885" s="359" t="s">
        <v>14669</v>
      </c>
      <c r="H22885" s="359" t="s">
        <v>14328</v>
      </c>
      <c r="I22885" s="359" t="s">
        <v>14669</v>
      </c>
      <c r="J22885" s="365"/>
      <c r="K22885" s="365"/>
      <c r="L22885" s="367"/>
    </row>
    <row r="22886" spans="2:12">
      <c r="B22886" s="367"/>
      <c r="C22886" s="360"/>
      <c r="D22886" s="367"/>
      <c r="E22886" s="367"/>
      <c r="F22886" s="360"/>
      <c r="G22886" s="360"/>
      <c r="H22886" s="360"/>
      <c r="I22886" s="360"/>
      <c r="J22886" s="365"/>
      <c r="K22886" s="365"/>
      <c r="L22886" s="367"/>
    </row>
    <row r="22887" spans="2:12" ht="28.5">
      <c r="B22887" s="367"/>
      <c r="C22887" s="360"/>
      <c r="D22887" s="367"/>
      <c r="E22887" s="367"/>
      <c r="F22887" s="359" t="s">
        <v>29864</v>
      </c>
      <c r="G22887" s="359" t="s">
        <v>14890</v>
      </c>
      <c r="H22887" s="359" t="s">
        <v>14381</v>
      </c>
      <c r="I22887" s="359" t="s">
        <v>14890</v>
      </c>
      <c r="J22887" s="365"/>
      <c r="K22887" s="365"/>
      <c r="L22887" s="367"/>
    </row>
    <row r="22888" spans="2:12">
      <c r="B22888" s="367"/>
      <c r="C22888" s="360"/>
      <c r="D22888" s="367"/>
      <c r="E22888" s="367"/>
      <c r="F22888" s="360"/>
      <c r="G22888" s="360"/>
      <c r="H22888" s="360"/>
      <c r="I22888" s="360"/>
      <c r="J22888" s="365"/>
      <c r="K22888" s="365"/>
      <c r="L22888" s="367"/>
    </row>
    <row r="22889" spans="2:12">
      <c r="B22889" s="368"/>
      <c r="C22889" s="362"/>
      <c r="D22889" s="368"/>
      <c r="E22889" s="368"/>
      <c r="F22889" s="362"/>
      <c r="G22889" s="362"/>
      <c r="H22889" s="361" t="s">
        <v>14332</v>
      </c>
      <c r="I22889" s="362"/>
      <c r="J22889" s="366"/>
      <c r="K22889" s="366"/>
      <c r="L22889" s="368"/>
    </row>
    <row r="22890" spans="2:12" ht="28.5">
      <c r="B22890" s="358" t="s">
        <v>9678</v>
      </c>
      <c r="C22890" s="358" t="s">
        <v>29869</v>
      </c>
      <c r="D22890" s="358" t="s">
        <v>9679</v>
      </c>
      <c r="E22890" s="358" t="s">
        <v>9680</v>
      </c>
      <c r="F22890" s="358" t="s">
        <v>14330</v>
      </c>
      <c r="G22890" s="358" t="s">
        <v>14327</v>
      </c>
      <c r="H22890" s="358" t="s">
        <v>14331</v>
      </c>
      <c r="I22890" s="358" t="s">
        <v>14327</v>
      </c>
      <c r="J22890" s="358"/>
      <c r="K22890" s="358"/>
      <c r="L22890" s="358" t="s">
        <v>26096</v>
      </c>
    </row>
    <row r="22891" spans="2:12">
      <c r="B22891" s="367"/>
      <c r="C22891" s="360"/>
      <c r="D22891" s="367"/>
      <c r="E22891" s="367"/>
      <c r="F22891" s="360"/>
      <c r="G22891" s="360"/>
      <c r="H22891" s="360"/>
      <c r="I22891" s="360"/>
      <c r="J22891" s="365"/>
      <c r="K22891" s="365"/>
      <c r="L22891" s="367"/>
    </row>
    <row r="22892" spans="2:12" ht="57">
      <c r="B22892" s="367"/>
      <c r="C22892" s="359" t="s">
        <v>28155</v>
      </c>
      <c r="D22892" s="367"/>
      <c r="E22892" s="367"/>
      <c r="F22892" s="359" t="s">
        <v>14326</v>
      </c>
      <c r="G22892" s="359" t="s">
        <v>14669</v>
      </c>
      <c r="H22892" s="359" t="s">
        <v>14328</v>
      </c>
      <c r="I22892" s="359" t="s">
        <v>14669</v>
      </c>
      <c r="J22892" s="365"/>
      <c r="K22892" s="365"/>
      <c r="L22892" s="367"/>
    </row>
    <row r="22893" spans="2:12">
      <c r="B22893" s="367"/>
      <c r="C22893" s="360"/>
      <c r="D22893" s="367"/>
      <c r="E22893" s="367"/>
      <c r="F22893" s="360"/>
      <c r="G22893" s="360"/>
      <c r="H22893" s="360"/>
      <c r="I22893" s="360"/>
      <c r="J22893" s="365"/>
      <c r="K22893" s="365"/>
      <c r="L22893" s="367"/>
    </row>
    <row r="22894" spans="2:12" ht="28.5">
      <c r="B22894" s="367"/>
      <c r="C22894" s="360"/>
      <c r="D22894" s="367"/>
      <c r="E22894" s="367"/>
      <c r="F22894" s="359" t="s">
        <v>29864</v>
      </c>
      <c r="G22894" s="359" t="s">
        <v>14890</v>
      </c>
      <c r="H22894" s="359" t="s">
        <v>14381</v>
      </c>
      <c r="I22894" s="359" t="s">
        <v>14890</v>
      </c>
      <c r="J22894" s="365"/>
      <c r="K22894" s="365"/>
      <c r="L22894" s="367"/>
    </row>
    <row r="22895" spans="2:12">
      <c r="B22895" s="367"/>
      <c r="C22895" s="360"/>
      <c r="D22895" s="367"/>
      <c r="E22895" s="367"/>
      <c r="F22895" s="360"/>
      <c r="G22895" s="360"/>
      <c r="H22895" s="360"/>
      <c r="I22895" s="360"/>
      <c r="J22895" s="365"/>
      <c r="K22895" s="365"/>
      <c r="L22895" s="367"/>
    </row>
    <row r="22896" spans="2:12">
      <c r="B22896" s="368"/>
      <c r="C22896" s="362"/>
      <c r="D22896" s="368"/>
      <c r="E22896" s="368"/>
      <c r="F22896" s="362"/>
      <c r="G22896" s="362"/>
      <c r="H22896" s="361" t="s">
        <v>14332</v>
      </c>
      <c r="I22896" s="362"/>
      <c r="J22896" s="366"/>
      <c r="K22896" s="366"/>
      <c r="L22896" s="368"/>
    </row>
    <row r="22897" spans="2:12">
      <c r="B22897" s="358" t="s">
        <v>9681</v>
      </c>
      <c r="C22897" s="358" t="s">
        <v>28156</v>
      </c>
      <c r="D22897" s="358" t="s">
        <v>9682</v>
      </c>
      <c r="E22897" s="358" t="s">
        <v>9683</v>
      </c>
      <c r="F22897" s="358" t="s">
        <v>14330</v>
      </c>
      <c r="G22897" s="358" t="s">
        <v>14327</v>
      </c>
      <c r="H22897" s="358" t="s">
        <v>14331</v>
      </c>
      <c r="I22897" s="358" t="s">
        <v>14327</v>
      </c>
      <c r="J22897" s="358"/>
      <c r="K22897" s="358"/>
      <c r="L22897" s="358" t="s">
        <v>26096</v>
      </c>
    </row>
    <row r="22898" spans="2:12">
      <c r="B22898" s="367"/>
      <c r="C22898" s="360"/>
      <c r="D22898" s="367"/>
      <c r="E22898" s="367"/>
      <c r="F22898" s="360"/>
      <c r="G22898" s="360"/>
      <c r="H22898" s="360"/>
      <c r="I22898" s="360"/>
      <c r="J22898" s="365"/>
      <c r="K22898" s="365"/>
      <c r="L22898" s="367"/>
    </row>
    <row r="22899" spans="2:12">
      <c r="B22899" s="367"/>
      <c r="C22899" s="359" t="s">
        <v>12794</v>
      </c>
      <c r="D22899" s="367"/>
      <c r="E22899" s="367"/>
      <c r="F22899" s="359" t="s">
        <v>14326</v>
      </c>
      <c r="G22899" s="359" t="s">
        <v>14669</v>
      </c>
      <c r="H22899" s="359" t="s">
        <v>14328</v>
      </c>
      <c r="I22899" s="359" t="s">
        <v>14669</v>
      </c>
      <c r="J22899" s="365"/>
      <c r="K22899" s="365"/>
      <c r="L22899" s="367"/>
    </row>
    <row r="22900" spans="2:12">
      <c r="B22900" s="367"/>
      <c r="C22900" s="360"/>
      <c r="D22900" s="367"/>
      <c r="E22900" s="367"/>
      <c r="F22900" s="360"/>
      <c r="G22900" s="360"/>
      <c r="H22900" s="360"/>
      <c r="I22900" s="360"/>
      <c r="J22900" s="365"/>
      <c r="K22900" s="365"/>
      <c r="L22900" s="367"/>
    </row>
    <row r="22901" spans="2:12" ht="57">
      <c r="B22901" s="367"/>
      <c r="C22901" s="359" t="s">
        <v>28157</v>
      </c>
      <c r="D22901" s="367"/>
      <c r="E22901" s="367"/>
      <c r="F22901" s="359" t="s">
        <v>29864</v>
      </c>
      <c r="G22901" s="359" t="s">
        <v>14890</v>
      </c>
      <c r="H22901" s="359" t="s">
        <v>14381</v>
      </c>
      <c r="I22901" s="359" t="s">
        <v>14890</v>
      </c>
      <c r="J22901" s="365"/>
      <c r="K22901" s="365"/>
      <c r="L22901" s="367"/>
    </row>
    <row r="22902" spans="2:12">
      <c r="B22902" s="367"/>
      <c r="C22902" s="360"/>
      <c r="D22902" s="367"/>
      <c r="E22902" s="367"/>
      <c r="F22902" s="360"/>
      <c r="G22902" s="360"/>
      <c r="H22902" s="360"/>
      <c r="I22902" s="360"/>
      <c r="J22902" s="365"/>
      <c r="K22902" s="365"/>
      <c r="L22902" s="367"/>
    </row>
    <row r="22903" spans="2:12">
      <c r="B22903" s="368"/>
      <c r="C22903" s="362"/>
      <c r="D22903" s="368"/>
      <c r="E22903" s="368"/>
      <c r="F22903" s="362"/>
      <c r="G22903" s="362"/>
      <c r="H22903" s="361" t="s">
        <v>14332</v>
      </c>
      <c r="I22903" s="362"/>
      <c r="J22903" s="366"/>
      <c r="K22903" s="366"/>
      <c r="L22903" s="368"/>
    </row>
    <row r="22904" spans="2:12" ht="85.5">
      <c r="B22904" s="358" t="s">
        <v>9685</v>
      </c>
      <c r="C22904" s="358" t="s">
        <v>30637</v>
      </c>
      <c r="D22904" s="358" t="s">
        <v>9686</v>
      </c>
      <c r="E22904" s="358" t="s">
        <v>9687</v>
      </c>
      <c r="F22904" s="358" t="s">
        <v>14330</v>
      </c>
      <c r="G22904" s="358" t="s">
        <v>14327</v>
      </c>
      <c r="H22904" s="358" t="s">
        <v>14331</v>
      </c>
      <c r="I22904" s="358" t="s">
        <v>14327</v>
      </c>
      <c r="J22904" s="358"/>
      <c r="K22904" s="358"/>
      <c r="L22904" s="358" t="s">
        <v>26096</v>
      </c>
    </row>
    <row r="22905" spans="2:12">
      <c r="B22905" s="367"/>
      <c r="C22905" s="367"/>
      <c r="D22905" s="367"/>
      <c r="E22905" s="367"/>
      <c r="F22905" s="360"/>
      <c r="G22905" s="360"/>
      <c r="H22905" s="360"/>
      <c r="I22905" s="360"/>
      <c r="J22905" s="365"/>
      <c r="K22905" s="365"/>
      <c r="L22905" s="367"/>
    </row>
    <row r="22906" spans="2:12">
      <c r="B22906" s="367"/>
      <c r="C22906" s="367"/>
      <c r="D22906" s="367"/>
      <c r="E22906" s="367"/>
      <c r="F22906" s="359" t="s">
        <v>14326</v>
      </c>
      <c r="G22906" s="359" t="s">
        <v>14669</v>
      </c>
      <c r="H22906" s="359" t="s">
        <v>14328</v>
      </c>
      <c r="I22906" s="359" t="s">
        <v>14669</v>
      </c>
      <c r="J22906" s="365"/>
      <c r="K22906" s="365"/>
      <c r="L22906" s="367"/>
    </row>
    <row r="22907" spans="2:12">
      <c r="B22907" s="367"/>
      <c r="C22907" s="367"/>
      <c r="D22907" s="367"/>
      <c r="E22907" s="367"/>
      <c r="F22907" s="360"/>
      <c r="G22907" s="360"/>
      <c r="H22907" s="360"/>
      <c r="I22907" s="360"/>
      <c r="J22907" s="365"/>
      <c r="K22907" s="365"/>
      <c r="L22907" s="367"/>
    </row>
    <row r="22908" spans="2:12" ht="28.5">
      <c r="B22908" s="367"/>
      <c r="C22908" s="367"/>
      <c r="D22908" s="367"/>
      <c r="E22908" s="367"/>
      <c r="F22908" s="359" t="s">
        <v>29864</v>
      </c>
      <c r="G22908" s="359" t="s">
        <v>14890</v>
      </c>
      <c r="H22908" s="359" t="s">
        <v>14381</v>
      </c>
      <c r="I22908" s="359" t="s">
        <v>14890</v>
      </c>
      <c r="J22908" s="365"/>
      <c r="K22908" s="365"/>
      <c r="L22908" s="367"/>
    </row>
    <row r="22909" spans="2:12">
      <c r="B22909" s="367"/>
      <c r="C22909" s="367"/>
      <c r="D22909" s="367"/>
      <c r="E22909" s="367"/>
      <c r="F22909" s="360"/>
      <c r="G22909" s="360"/>
      <c r="H22909" s="360"/>
      <c r="I22909" s="360"/>
      <c r="J22909" s="365"/>
      <c r="K22909" s="365"/>
      <c r="L22909" s="367"/>
    </row>
    <row r="22910" spans="2:12">
      <c r="B22910" s="368"/>
      <c r="C22910" s="368"/>
      <c r="D22910" s="368"/>
      <c r="E22910" s="368"/>
      <c r="F22910" s="362"/>
      <c r="G22910" s="362"/>
      <c r="H22910" s="361" t="s">
        <v>14332</v>
      </c>
      <c r="I22910" s="362"/>
      <c r="J22910" s="366"/>
      <c r="K22910" s="366"/>
      <c r="L22910" s="368"/>
    </row>
    <row r="22911" spans="2:12" ht="28.5">
      <c r="B22911" s="358" t="s">
        <v>9689</v>
      </c>
      <c r="C22911" s="358" t="s">
        <v>26107</v>
      </c>
      <c r="D22911" s="358" t="s">
        <v>9690</v>
      </c>
      <c r="E22911" s="358" t="s">
        <v>9691</v>
      </c>
      <c r="F22911" s="358" t="s">
        <v>14330</v>
      </c>
      <c r="G22911" s="358" t="s">
        <v>14327</v>
      </c>
      <c r="H22911" s="358" t="s">
        <v>14331</v>
      </c>
      <c r="I22911" s="358" t="s">
        <v>14327</v>
      </c>
      <c r="J22911" s="358"/>
      <c r="K22911" s="358"/>
      <c r="L22911" s="358" t="s">
        <v>26096</v>
      </c>
    </row>
    <row r="22912" spans="2:12">
      <c r="B22912" s="367"/>
      <c r="C22912" s="360"/>
      <c r="D22912" s="367"/>
      <c r="E22912" s="367"/>
      <c r="F22912" s="360"/>
      <c r="G22912" s="360"/>
      <c r="H22912" s="360"/>
      <c r="I22912" s="360"/>
      <c r="J22912" s="365"/>
      <c r="K22912" s="365"/>
      <c r="L22912" s="367"/>
    </row>
    <row r="22913" spans="2:12">
      <c r="B22913" s="367"/>
      <c r="C22913" s="359" t="s">
        <v>12794</v>
      </c>
      <c r="D22913" s="367"/>
      <c r="E22913" s="367"/>
      <c r="F22913" s="359" t="s">
        <v>14326</v>
      </c>
      <c r="G22913" s="359" t="s">
        <v>14669</v>
      </c>
      <c r="H22913" s="359" t="s">
        <v>14328</v>
      </c>
      <c r="I22913" s="359" t="s">
        <v>14669</v>
      </c>
      <c r="J22913" s="365"/>
      <c r="K22913" s="365"/>
      <c r="L22913" s="367"/>
    </row>
    <row r="22914" spans="2:12">
      <c r="B22914" s="367"/>
      <c r="C22914" s="360"/>
      <c r="D22914" s="367"/>
      <c r="E22914" s="367"/>
      <c r="F22914" s="360"/>
      <c r="G22914" s="360"/>
      <c r="H22914" s="360"/>
      <c r="I22914" s="360"/>
      <c r="J22914" s="365"/>
      <c r="K22914" s="365"/>
      <c r="L22914" s="367"/>
    </row>
    <row r="22915" spans="2:12" ht="85.5">
      <c r="B22915" s="367"/>
      <c r="C22915" s="359" t="s">
        <v>30638</v>
      </c>
      <c r="D22915" s="367"/>
      <c r="E22915" s="367"/>
      <c r="F22915" s="359" t="s">
        <v>29864</v>
      </c>
      <c r="G22915" s="359" t="s">
        <v>14890</v>
      </c>
      <c r="H22915" s="359" t="s">
        <v>14381</v>
      </c>
      <c r="I22915" s="359" t="s">
        <v>14890</v>
      </c>
      <c r="J22915" s="365"/>
      <c r="K22915" s="365"/>
      <c r="L22915" s="367"/>
    </row>
    <row r="22916" spans="2:12">
      <c r="B22916" s="367"/>
      <c r="C22916" s="360"/>
      <c r="D22916" s="367"/>
      <c r="E22916" s="367"/>
      <c r="F22916" s="360"/>
      <c r="G22916" s="360"/>
      <c r="H22916" s="360"/>
      <c r="I22916" s="360"/>
      <c r="J22916" s="365"/>
      <c r="K22916" s="365"/>
      <c r="L22916" s="367"/>
    </row>
    <row r="22917" spans="2:12">
      <c r="B22917" s="368"/>
      <c r="C22917" s="362"/>
      <c r="D22917" s="368"/>
      <c r="E22917" s="368"/>
      <c r="F22917" s="362"/>
      <c r="G22917" s="362"/>
      <c r="H22917" s="361" t="s">
        <v>14332</v>
      </c>
      <c r="I22917" s="362"/>
      <c r="J22917" s="366"/>
      <c r="K22917" s="366"/>
      <c r="L22917" s="368"/>
    </row>
    <row r="22918" spans="2:12" ht="28.5">
      <c r="B22918" s="358" t="s">
        <v>9693</v>
      </c>
      <c r="C22918" s="358" t="s">
        <v>26108</v>
      </c>
      <c r="D22918" s="358" t="s">
        <v>9694</v>
      </c>
      <c r="E22918" s="358" t="s">
        <v>9695</v>
      </c>
      <c r="F22918" s="358" t="s">
        <v>14330</v>
      </c>
      <c r="G22918" s="358" t="s">
        <v>14327</v>
      </c>
      <c r="H22918" s="358" t="s">
        <v>14331</v>
      </c>
      <c r="I22918" s="358" t="s">
        <v>14327</v>
      </c>
      <c r="J22918" s="358"/>
      <c r="K22918" s="358"/>
      <c r="L22918" s="358" t="s">
        <v>26096</v>
      </c>
    </row>
    <row r="22919" spans="2:12">
      <c r="B22919" s="367"/>
      <c r="C22919" s="360"/>
      <c r="D22919" s="367"/>
      <c r="E22919" s="367"/>
      <c r="F22919" s="360"/>
      <c r="G22919" s="360"/>
      <c r="H22919" s="360"/>
      <c r="I22919" s="360"/>
      <c r="J22919" s="365"/>
      <c r="K22919" s="365"/>
      <c r="L22919" s="367"/>
    </row>
    <row r="22920" spans="2:12">
      <c r="B22920" s="367"/>
      <c r="C22920" s="359" t="s">
        <v>12794</v>
      </c>
      <c r="D22920" s="367"/>
      <c r="E22920" s="367"/>
      <c r="F22920" s="359" t="s">
        <v>14326</v>
      </c>
      <c r="G22920" s="359" t="s">
        <v>14669</v>
      </c>
      <c r="H22920" s="359" t="s">
        <v>14328</v>
      </c>
      <c r="I22920" s="359" t="s">
        <v>14669</v>
      </c>
      <c r="J22920" s="365"/>
      <c r="K22920" s="365"/>
      <c r="L22920" s="367"/>
    </row>
    <row r="22921" spans="2:12">
      <c r="B22921" s="367"/>
      <c r="C22921" s="360"/>
      <c r="D22921" s="367"/>
      <c r="E22921" s="367"/>
      <c r="F22921" s="360"/>
      <c r="G22921" s="360"/>
      <c r="H22921" s="360"/>
      <c r="I22921" s="360"/>
      <c r="J22921" s="365"/>
      <c r="K22921" s="365"/>
      <c r="L22921" s="367"/>
    </row>
    <row r="22922" spans="2:12" ht="57">
      <c r="B22922" s="367"/>
      <c r="C22922" s="359" t="s">
        <v>28158</v>
      </c>
      <c r="D22922" s="367"/>
      <c r="E22922" s="367"/>
      <c r="F22922" s="359" t="s">
        <v>29864</v>
      </c>
      <c r="G22922" s="359" t="s">
        <v>14890</v>
      </c>
      <c r="H22922" s="359" t="s">
        <v>14381</v>
      </c>
      <c r="I22922" s="359" t="s">
        <v>14890</v>
      </c>
      <c r="J22922" s="365"/>
      <c r="K22922" s="365"/>
      <c r="L22922" s="367"/>
    </row>
    <row r="22923" spans="2:12">
      <c r="B22923" s="367"/>
      <c r="C22923" s="360"/>
      <c r="D22923" s="367"/>
      <c r="E22923" s="367"/>
      <c r="F22923" s="360"/>
      <c r="G22923" s="360"/>
      <c r="H22923" s="360"/>
      <c r="I22923" s="360"/>
      <c r="J22923" s="365"/>
      <c r="K22923" s="365"/>
      <c r="L22923" s="367"/>
    </row>
    <row r="22924" spans="2:12">
      <c r="B22924" s="368"/>
      <c r="C22924" s="362"/>
      <c r="D22924" s="368"/>
      <c r="E22924" s="368"/>
      <c r="F22924" s="362"/>
      <c r="G22924" s="362"/>
      <c r="H22924" s="361" t="s">
        <v>14332</v>
      </c>
      <c r="I22924" s="362"/>
      <c r="J22924" s="366"/>
      <c r="K22924" s="366"/>
      <c r="L22924" s="368"/>
    </row>
    <row r="22925" spans="2:12">
      <c r="B22925" s="358" t="s">
        <v>9696</v>
      </c>
      <c r="C22925" s="358" t="s">
        <v>28159</v>
      </c>
      <c r="D22925" s="358" t="s">
        <v>9697</v>
      </c>
      <c r="E22925" s="358" t="s">
        <v>9698</v>
      </c>
      <c r="F22925" s="358" t="s">
        <v>14330</v>
      </c>
      <c r="G22925" s="358" t="s">
        <v>14327</v>
      </c>
      <c r="H22925" s="358" t="s">
        <v>14331</v>
      </c>
      <c r="I22925" s="358" t="s">
        <v>14327</v>
      </c>
      <c r="J22925" s="358"/>
      <c r="K22925" s="358"/>
      <c r="L22925" s="358" t="s">
        <v>26096</v>
      </c>
    </row>
    <row r="22926" spans="2:12">
      <c r="B22926" s="367"/>
      <c r="C22926" s="360"/>
      <c r="D22926" s="367"/>
      <c r="E22926" s="367"/>
      <c r="F22926" s="360"/>
      <c r="G22926" s="360"/>
      <c r="H22926" s="360"/>
      <c r="I22926" s="360"/>
      <c r="J22926" s="365"/>
      <c r="K22926" s="365"/>
      <c r="L22926" s="367"/>
    </row>
    <row r="22927" spans="2:12">
      <c r="B22927" s="367"/>
      <c r="C22927" s="359" t="s">
        <v>12794</v>
      </c>
      <c r="D22927" s="367"/>
      <c r="E22927" s="367"/>
      <c r="F22927" s="359" t="s">
        <v>14326</v>
      </c>
      <c r="G22927" s="359" t="s">
        <v>14669</v>
      </c>
      <c r="H22927" s="359" t="s">
        <v>14328</v>
      </c>
      <c r="I22927" s="359" t="s">
        <v>14669</v>
      </c>
      <c r="J22927" s="365"/>
      <c r="K22927" s="365"/>
      <c r="L22927" s="367"/>
    </row>
    <row r="22928" spans="2:12">
      <c r="B22928" s="367"/>
      <c r="C22928" s="360"/>
      <c r="D22928" s="367"/>
      <c r="E22928" s="367"/>
      <c r="F22928" s="360"/>
      <c r="G22928" s="360"/>
      <c r="H22928" s="360"/>
      <c r="I22928" s="360"/>
      <c r="J22928" s="365"/>
      <c r="K22928" s="365"/>
      <c r="L22928" s="367"/>
    </row>
    <row r="22929" spans="2:12" ht="71.25">
      <c r="B22929" s="367"/>
      <c r="C22929" s="359" t="s">
        <v>30639</v>
      </c>
      <c r="D22929" s="367"/>
      <c r="E22929" s="367"/>
      <c r="F22929" s="359" t="s">
        <v>29864</v>
      </c>
      <c r="G22929" s="359" t="s">
        <v>14890</v>
      </c>
      <c r="H22929" s="359" t="s">
        <v>14381</v>
      </c>
      <c r="I22929" s="359" t="s">
        <v>14890</v>
      </c>
      <c r="J22929" s="365"/>
      <c r="K22929" s="365"/>
      <c r="L22929" s="367"/>
    </row>
    <row r="22930" spans="2:12">
      <c r="B22930" s="367"/>
      <c r="C22930" s="360"/>
      <c r="D22930" s="367"/>
      <c r="E22930" s="367"/>
      <c r="F22930" s="360"/>
      <c r="G22930" s="360"/>
      <c r="H22930" s="360"/>
      <c r="I22930" s="360"/>
      <c r="J22930" s="365"/>
      <c r="K22930" s="365"/>
      <c r="L22930" s="367"/>
    </row>
    <row r="22931" spans="2:12">
      <c r="B22931" s="368"/>
      <c r="C22931" s="362"/>
      <c r="D22931" s="368"/>
      <c r="E22931" s="368"/>
      <c r="F22931" s="362"/>
      <c r="G22931" s="362"/>
      <c r="H22931" s="361" t="s">
        <v>14332</v>
      </c>
      <c r="I22931" s="362"/>
      <c r="J22931" s="366"/>
      <c r="K22931" s="366"/>
      <c r="L22931" s="368"/>
    </row>
    <row r="22932" spans="2:12">
      <c r="B22932" s="358" t="s">
        <v>9699</v>
      </c>
      <c r="C22932" s="358" t="s">
        <v>30640</v>
      </c>
      <c r="D22932" s="358" t="s">
        <v>9700</v>
      </c>
      <c r="E22932" s="358" t="s">
        <v>9701</v>
      </c>
      <c r="F22932" s="358" t="s">
        <v>14330</v>
      </c>
      <c r="G22932" s="358" t="s">
        <v>14327</v>
      </c>
      <c r="H22932" s="358" t="s">
        <v>14331</v>
      </c>
      <c r="I22932" s="358" t="s">
        <v>14327</v>
      </c>
      <c r="J22932" s="358"/>
      <c r="K22932" s="358"/>
      <c r="L22932" s="358" t="s">
        <v>26096</v>
      </c>
    </row>
    <row r="22933" spans="2:12">
      <c r="B22933" s="367"/>
      <c r="C22933" s="360"/>
      <c r="D22933" s="367"/>
      <c r="E22933" s="367"/>
      <c r="F22933" s="360"/>
      <c r="G22933" s="360"/>
      <c r="H22933" s="360"/>
      <c r="I22933" s="360"/>
      <c r="J22933" s="365"/>
      <c r="K22933" s="365"/>
      <c r="L22933" s="367"/>
    </row>
    <row r="22934" spans="2:12" ht="85.5">
      <c r="B22934" s="367"/>
      <c r="C22934" s="359" t="s">
        <v>30641</v>
      </c>
      <c r="D22934" s="367"/>
      <c r="E22934" s="367"/>
      <c r="F22934" s="359" t="s">
        <v>14326</v>
      </c>
      <c r="G22934" s="359" t="s">
        <v>14669</v>
      </c>
      <c r="H22934" s="359" t="s">
        <v>14328</v>
      </c>
      <c r="I22934" s="359" t="s">
        <v>14669</v>
      </c>
      <c r="J22934" s="365"/>
      <c r="K22934" s="365"/>
      <c r="L22934" s="367"/>
    </row>
    <row r="22935" spans="2:12">
      <c r="B22935" s="367"/>
      <c r="C22935" s="360"/>
      <c r="D22935" s="367"/>
      <c r="E22935" s="367"/>
      <c r="F22935" s="360"/>
      <c r="G22935" s="360"/>
      <c r="H22935" s="360"/>
      <c r="I22935" s="360"/>
      <c r="J22935" s="365"/>
      <c r="K22935" s="365"/>
      <c r="L22935" s="367"/>
    </row>
    <row r="22936" spans="2:12" ht="28.5">
      <c r="B22936" s="367"/>
      <c r="C22936" s="360"/>
      <c r="D22936" s="367"/>
      <c r="E22936" s="367"/>
      <c r="F22936" s="359" t="s">
        <v>29864</v>
      </c>
      <c r="G22936" s="359" t="s">
        <v>14890</v>
      </c>
      <c r="H22936" s="359" t="s">
        <v>14381</v>
      </c>
      <c r="I22936" s="359" t="s">
        <v>14890</v>
      </c>
      <c r="J22936" s="365"/>
      <c r="K22936" s="365"/>
      <c r="L22936" s="367"/>
    </row>
    <row r="22937" spans="2:12">
      <c r="B22937" s="367"/>
      <c r="C22937" s="360"/>
      <c r="D22937" s="367"/>
      <c r="E22937" s="367"/>
      <c r="F22937" s="360"/>
      <c r="G22937" s="360"/>
      <c r="H22937" s="360"/>
      <c r="I22937" s="360"/>
      <c r="J22937" s="365"/>
      <c r="K22937" s="365"/>
      <c r="L22937" s="367"/>
    </row>
    <row r="22938" spans="2:12">
      <c r="B22938" s="368"/>
      <c r="C22938" s="362"/>
      <c r="D22938" s="368"/>
      <c r="E22938" s="368"/>
      <c r="F22938" s="362"/>
      <c r="G22938" s="362"/>
      <c r="H22938" s="361" t="s">
        <v>14332</v>
      </c>
      <c r="I22938" s="362"/>
      <c r="J22938" s="366"/>
      <c r="K22938" s="366"/>
      <c r="L22938" s="368"/>
    </row>
    <row r="22939" spans="2:12">
      <c r="B22939" s="358" t="s">
        <v>9702</v>
      </c>
      <c r="C22939" s="358" t="s">
        <v>30642</v>
      </c>
      <c r="D22939" s="358" t="s">
        <v>9703</v>
      </c>
      <c r="E22939" s="358" t="s">
        <v>9704</v>
      </c>
      <c r="F22939" s="358" t="s">
        <v>14330</v>
      </c>
      <c r="G22939" s="358" t="s">
        <v>14327</v>
      </c>
      <c r="H22939" s="358" t="s">
        <v>14331</v>
      </c>
      <c r="I22939" s="358" t="s">
        <v>14327</v>
      </c>
      <c r="J22939" s="358"/>
      <c r="K22939" s="358"/>
      <c r="L22939" s="358" t="s">
        <v>26096</v>
      </c>
    </row>
    <row r="22940" spans="2:12">
      <c r="B22940" s="367"/>
      <c r="C22940" s="360"/>
      <c r="D22940" s="367"/>
      <c r="E22940" s="367"/>
      <c r="F22940" s="360"/>
      <c r="G22940" s="360"/>
      <c r="H22940" s="360"/>
      <c r="I22940" s="360"/>
      <c r="J22940" s="365"/>
      <c r="K22940" s="365"/>
      <c r="L22940" s="367"/>
    </row>
    <row r="22941" spans="2:12" ht="85.5">
      <c r="B22941" s="367"/>
      <c r="C22941" s="359" t="s">
        <v>30643</v>
      </c>
      <c r="D22941" s="367"/>
      <c r="E22941" s="367"/>
      <c r="F22941" s="359" t="s">
        <v>14326</v>
      </c>
      <c r="G22941" s="359" t="s">
        <v>14669</v>
      </c>
      <c r="H22941" s="359" t="s">
        <v>14328</v>
      </c>
      <c r="I22941" s="359" t="s">
        <v>14669</v>
      </c>
      <c r="J22941" s="365"/>
      <c r="K22941" s="365"/>
      <c r="L22941" s="367"/>
    </row>
    <row r="22942" spans="2:12">
      <c r="B22942" s="367"/>
      <c r="C22942" s="360"/>
      <c r="D22942" s="367"/>
      <c r="E22942" s="367"/>
      <c r="F22942" s="360"/>
      <c r="G22942" s="360"/>
      <c r="H22942" s="360"/>
      <c r="I22942" s="360"/>
      <c r="J22942" s="365"/>
      <c r="K22942" s="365"/>
      <c r="L22942" s="367"/>
    </row>
    <row r="22943" spans="2:12" ht="28.5">
      <c r="B22943" s="367"/>
      <c r="C22943" s="359" t="s">
        <v>30644</v>
      </c>
      <c r="D22943" s="367"/>
      <c r="E22943" s="367"/>
      <c r="F22943" s="359" t="s">
        <v>29864</v>
      </c>
      <c r="G22943" s="359" t="s">
        <v>14890</v>
      </c>
      <c r="H22943" s="359" t="s">
        <v>14381</v>
      </c>
      <c r="I22943" s="359" t="s">
        <v>14890</v>
      </c>
      <c r="J22943" s="365"/>
      <c r="K22943" s="365"/>
      <c r="L22943" s="367"/>
    </row>
    <row r="22944" spans="2:12">
      <c r="B22944" s="367"/>
      <c r="C22944" s="360"/>
      <c r="D22944" s="367"/>
      <c r="E22944" s="367"/>
      <c r="F22944" s="360"/>
      <c r="G22944" s="360"/>
      <c r="H22944" s="360"/>
      <c r="I22944" s="360"/>
      <c r="J22944" s="365"/>
      <c r="K22944" s="365"/>
      <c r="L22944" s="367"/>
    </row>
    <row r="22945" spans="2:12">
      <c r="B22945" s="368"/>
      <c r="C22945" s="362"/>
      <c r="D22945" s="368"/>
      <c r="E22945" s="368"/>
      <c r="F22945" s="362"/>
      <c r="G22945" s="362"/>
      <c r="H22945" s="361" t="s">
        <v>14332</v>
      </c>
      <c r="I22945" s="362"/>
      <c r="J22945" s="366"/>
      <c r="K22945" s="366"/>
      <c r="L22945" s="368"/>
    </row>
    <row r="22946" spans="2:12">
      <c r="B22946" s="358" t="s">
        <v>9705</v>
      </c>
      <c r="C22946" s="358" t="s">
        <v>30645</v>
      </c>
      <c r="D22946" s="358" t="s">
        <v>9706</v>
      </c>
      <c r="E22946" s="358" t="s">
        <v>9707</v>
      </c>
      <c r="F22946" s="358" t="s">
        <v>14330</v>
      </c>
      <c r="G22946" s="358" t="s">
        <v>14327</v>
      </c>
      <c r="H22946" s="358" t="s">
        <v>14331</v>
      </c>
      <c r="I22946" s="358" t="s">
        <v>14327</v>
      </c>
      <c r="J22946" s="358"/>
      <c r="K22946" s="358"/>
      <c r="L22946" s="358" t="s">
        <v>26096</v>
      </c>
    </row>
    <row r="22947" spans="2:12">
      <c r="B22947" s="367"/>
      <c r="C22947" s="360"/>
      <c r="D22947" s="367"/>
      <c r="E22947" s="367"/>
      <c r="F22947" s="360"/>
      <c r="G22947" s="360"/>
      <c r="H22947" s="360"/>
      <c r="I22947" s="360"/>
      <c r="J22947" s="365"/>
      <c r="K22947" s="365"/>
      <c r="L22947" s="367"/>
    </row>
    <row r="22948" spans="2:12" ht="57">
      <c r="B22948" s="367"/>
      <c r="C22948" s="359" t="s">
        <v>30646</v>
      </c>
      <c r="D22948" s="367"/>
      <c r="E22948" s="367"/>
      <c r="F22948" s="359" t="s">
        <v>14326</v>
      </c>
      <c r="G22948" s="359" t="s">
        <v>14669</v>
      </c>
      <c r="H22948" s="359" t="s">
        <v>14328</v>
      </c>
      <c r="I22948" s="359" t="s">
        <v>14669</v>
      </c>
      <c r="J22948" s="365"/>
      <c r="K22948" s="365"/>
      <c r="L22948" s="367"/>
    </row>
    <row r="22949" spans="2:12">
      <c r="B22949" s="367"/>
      <c r="C22949" s="360"/>
      <c r="D22949" s="367"/>
      <c r="E22949" s="367"/>
      <c r="F22949" s="360"/>
      <c r="G22949" s="360"/>
      <c r="H22949" s="360"/>
      <c r="I22949" s="360"/>
      <c r="J22949" s="365"/>
      <c r="K22949" s="365"/>
      <c r="L22949" s="367"/>
    </row>
    <row r="22950" spans="2:12" ht="28.5">
      <c r="B22950" s="367"/>
      <c r="C22950" s="360"/>
      <c r="D22950" s="367"/>
      <c r="E22950" s="367"/>
      <c r="F22950" s="359" t="s">
        <v>29864</v>
      </c>
      <c r="G22950" s="359" t="s">
        <v>14890</v>
      </c>
      <c r="H22950" s="359" t="s">
        <v>14381</v>
      </c>
      <c r="I22950" s="359" t="s">
        <v>14890</v>
      </c>
      <c r="J22950" s="365"/>
      <c r="K22950" s="365"/>
      <c r="L22950" s="367"/>
    </row>
    <row r="22951" spans="2:12">
      <c r="B22951" s="367"/>
      <c r="C22951" s="360"/>
      <c r="D22951" s="367"/>
      <c r="E22951" s="367"/>
      <c r="F22951" s="360"/>
      <c r="G22951" s="360"/>
      <c r="H22951" s="360"/>
      <c r="I22951" s="360"/>
      <c r="J22951" s="365"/>
      <c r="K22951" s="365"/>
      <c r="L22951" s="367"/>
    </row>
    <row r="22952" spans="2:12">
      <c r="B22952" s="368"/>
      <c r="C22952" s="362"/>
      <c r="D22952" s="368"/>
      <c r="E22952" s="368"/>
      <c r="F22952" s="362"/>
      <c r="G22952" s="362"/>
      <c r="H22952" s="361" t="s">
        <v>14332</v>
      </c>
      <c r="I22952" s="362"/>
      <c r="J22952" s="366"/>
      <c r="K22952" s="366"/>
      <c r="L22952" s="368"/>
    </row>
    <row r="22953" spans="2:12">
      <c r="B22953" s="358" t="s">
        <v>9708</v>
      </c>
      <c r="C22953" s="358" t="s">
        <v>28160</v>
      </c>
      <c r="D22953" s="358" t="s">
        <v>9709</v>
      </c>
      <c r="E22953" s="358" t="s">
        <v>9710</v>
      </c>
      <c r="F22953" s="358" t="s">
        <v>14330</v>
      </c>
      <c r="G22953" s="358" t="s">
        <v>14327</v>
      </c>
      <c r="H22953" s="358" t="s">
        <v>14331</v>
      </c>
      <c r="I22953" s="358" t="s">
        <v>14327</v>
      </c>
      <c r="J22953" s="358"/>
      <c r="K22953" s="358"/>
      <c r="L22953" s="358" t="s">
        <v>26096</v>
      </c>
    </row>
    <row r="22954" spans="2:12">
      <c r="B22954" s="367"/>
      <c r="C22954" s="360"/>
      <c r="D22954" s="367"/>
      <c r="E22954" s="367"/>
      <c r="F22954" s="360"/>
      <c r="G22954" s="360"/>
      <c r="H22954" s="360"/>
      <c r="I22954" s="360"/>
      <c r="J22954" s="365"/>
      <c r="K22954" s="365"/>
      <c r="L22954" s="367"/>
    </row>
    <row r="22955" spans="2:12">
      <c r="B22955" s="367"/>
      <c r="C22955" s="359" t="s">
        <v>9808</v>
      </c>
      <c r="D22955" s="367"/>
      <c r="E22955" s="367"/>
      <c r="F22955" s="359" t="s">
        <v>14326</v>
      </c>
      <c r="G22955" s="359" t="s">
        <v>14669</v>
      </c>
      <c r="H22955" s="359" t="s">
        <v>14328</v>
      </c>
      <c r="I22955" s="359" t="s">
        <v>14669</v>
      </c>
      <c r="J22955" s="365"/>
      <c r="K22955" s="365"/>
      <c r="L22955" s="367"/>
    </row>
    <row r="22956" spans="2:12">
      <c r="B22956" s="367"/>
      <c r="C22956" s="360"/>
      <c r="D22956" s="367"/>
      <c r="E22956" s="367"/>
      <c r="F22956" s="360"/>
      <c r="G22956" s="360"/>
      <c r="H22956" s="360"/>
      <c r="I22956" s="360"/>
      <c r="J22956" s="365"/>
      <c r="K22956" s="365"/>
      <c r="L22956" s="367"/>
    </row>
    <row r="22957" spans="2:12" ht="28.5">
      <c r="B22957" s="367"/>
      <c r="C22957" s="360"/>
      <c r="D22957" s="367"/>
      <c r="E22957" s="367"/>
      <c r="F22957" s="359" t="s">
        <v>29864</v>
      </c>
      <c r="G22957" s="359" t="s">
        <v>14890</v>
      </c>
      <c r="H22957" s="359" t="s">
        <v>14381</v>
      </c>
      <c r="I22957" s="359" t="s">
        <v>14890</v>
      </c>
      <c r="J22957" s="365"/>
      <c r="K22957" s="365"/>
      <c r="L22957" s="367"/>
    </row>
    <row r="22958" spans="2:12">
      <c r="B22958" s="367"/>
      <c r="C22958" s="360"/>
      <c r="D22958" s="367"/>
      <c r="E22958" s="367"/>
      <c r="F22958" s="360"/>
      <c r="G22958" s="360"/>
      <c r="H22958" s="360"/>
      <c r="I22958" s="360"/>
      <c r="J22958" s="365"/>
      <c r="K22958" s="365"/>
      <c r="L22958" s="367"/>
    </row>
    <row r="22959" spans="2:12">
      <c r="B22959" s="368"/>
      <c r="C22959" s="362"/>
      <c r="D22959" s="368"/>
      <c r="E22959" s="368"/>
      <c r="F22959" s="362"/>
      <c r="G22959" s="362"/>
      <c r="H22959" s="361" t="s">
        <v>14332</v>
      </c>
      <c r="I22959" s="362"/>
      <c r="J22959" s="366"/>
      <c r="K22959" s="366"/>
      <c r="L22959" s="368"/>
    </row>
    <row r="22960" spans="2:12">
      <c r="B22960" s="358" t="s">
        <v>9711</v>
      </c>
      <c r="C22960" s="358" t="s">
        <v>30647</v>
      </c>
      <c r="D22960" s="358" t="s">
        <v>9712</v>
      </c>
      <c r="E22960" s="358" t="s">
        <v>9713</v>
      </c>
      <c r="F22960" s="358" t="s">
        <v>14330</v>
      </c>
      <c r="G22960" s="358" t="s">
        <v>14327</v>
      </c>
      <c r="H22960" s="358" t="s">
        <v>14331</v>
      </c>
      <c r="I22960" s="358" t="s">
        <v>14327</v>
      </c>
      <c r="J22960" s="358"/>
      <c r="K22960" s="358"/>
      <c r="L22960" s="358" t="s">
        <v>26096</v>
      </c>
    </row>
    <row r="22961" spans="2:12">
      <c r="B22961" s="367"/>
      <c r="C22961" s="360"/>
      <c r="D22961" s="367"/>
      <c r="E22961" s="367"/>
      <c r="F22961" s="360"/>
      <c r="G22961" s="360"/>
      <c r="H22961" s="360"/>
      <c r="I22961" s="360"/>
      <c r="J22961" s="365"/>
      <c r="K22961" s="365"/>
      <c r="L22961" s="367"/>
    </row>
    <row r="22962" spans="2:12" ht="42.75">
      <c r="B22962" s="367"/>
      <c r="C22962" s="359" t="s">
        <v>29870</v>
      </c>
      <c r="D22962" s="367"/>
      <c r="E22962" s="367"/>
      <c r="F22962" s="359" t="s">
        <v>14326</v>
      </c>
      <c r="G22962" s="359" t="s">
        <v>14669</v>
      </c>
      <c r="H22962" s="359" t="s">
        <v>14328</v>
      </c>
      <c r="I22962" s="359" t="s">
        <v>14669</v>
      </c>
      <c r="J22962" s="365"/>
      <c r="K22962" s="365"/>
      <c r="L22962" s="367"/>
    </row>
    <row r="22963" spans="2:12">
      <c r="B22963" s="367"/>
      <c r="C22963" s="360"/>
      <c r="D22963" s="367"/>
      <c r="E22963" s="367"/>
      <c r="F22963" s="360"/>
      <c r="G22963" s="360"/>
      <c r="H22963" s="360"/>
      <c r="I22963" s="360"/>
      <c r="J22963" s="365"/>
      <c r="K22963" s="365"/>
      <c r="L22963" s="367"/>
    </row>
    <row r="22964" spans="2:12" ht="28.5">
      <c r="B22964" s="367"/>
      <c r="C22964" s="359" t="s">
        <v>30648</v>
      </c>
      <c r="D22964" s="367"/>
      <c r="E22964" s="367"/>
      <c r="F22964" s="359" t="s">
        <v>29864</v>
      </c>
      <c r="G22964" s="359" t="s">
        <v>14890</v>
      </c>
      <c r="H22964" s="359" t="s">
        <v>14381</v>
      </c>
      <c r="I22964" s="359" t="s">
        <v>14890</v>
      </c>
      <c r="J22964" s="365"/>
      <c r="K22964" s="365"/>
      <c r="L22964" s="367"/>
    </row>
    <row r="22965" spans="2:12">
      <c r="B22965" s="367"/>
      <c r="C22965" s="360"/>
      <c r="D22965" s="367"/>
      <c r="E22965" s="367"/>
      <c r="F22965" s="360"/>
      <c r="G22965" s="360"/>
      <c r="H22965" s="360"/>
      <c r="I22965" s="360"/>
      <c r="J22965" s="365"/>
      <c r="K22965" s="365"/>
      <c r="L22965" s="367"/>
    </row>
    <row r="22966" spans="2:12">
      <c r="B22966" s="368"/>
      <c r="C22966" s="362"/>
      <c r="D22966" s="368"/>
      <c r="E22966" s="368"/>
      <c r="F22966" s="362"/>
      <c r="G22966" s="362"/>
      <c r="H22966" s="361" t="s">
        <v>14332</v>
      </c>
      <c r="I22966" s="362"/>
      <c r="J22966" s="366"/>
      <c r="K22966" s="366"/>
      <c r="L22966" s="368"/>
    </row>
    <row r="22967" spans="2:12">
      <c r="B22967" s="358" t="s">
        <v>9714</v>
      </c>
      <c r="C22967" s="358" t="s">
        <v>30649</v>
      </c>
      <c r="D22967" s="358" t="s">
        <v>9715</v>
      </c>
      <c r="E22967" s="358" t="s">
        <v>9716</v>
      </c>
      <c r="F22967" s="358" t="s">
        <v>14330</v>
      </c>
      <c r="G22967" s="358" t="s">
        <v>14327</v>
      </c>
      <c r="H22967" s="358" t="s">
        <v>14331</v>
      </c>
      <c r="I22967" s="358" t="s">
        <v>14327</v>
      </c>
      <c r="J22967" s="358"/>
      <c r="K22967" s="358"/>
      <c r="L22967" s="358" t="s">
        <v>26096</v>
      </c>
    </row>
    <row r="22968" spans="2:12">
      <c r="B22968" s="367"/>
      <c r="C22968" s="367"/>
      <c r="D22968" s="367"/>
      <c r="E22968" s="367"/>
      <c r="F22968" s="360"/>
      <c r="G22968" s="360"/>
      <c r="H22968" s="360"/>
      <c r="I22968" s="360"/>
      <c r="J22968" s="365"/>
      <c r="K22968" s="365"/>
      <c r="L22968" s="367"/>
    </row>
    <row r="22969" spans="2:12">
      <c r="B22969" s="367"/>
      <c r="C22969" s="367"/>
      <c r="D22969" s="367"/>
      <c r="E22969" s="367"/>
      <c r="F22969" s="359" t="s">
        <v>14326</v>
      </c>
      <c r="G22969" s="359" t="s">
        <v>14669</v>
      </c>
      <c r="H22969" s="359" t="s">
        <v>14328</v>
      </c>
      <c r="I22969" s="359" t="s">
        <v>14669</v>
      </c>
      <c r="J22969" s="365"/>
      <c r="K22969" s="365"/>
      <c r="L22969" s="367"/>
    </row>
    <row r="22970" spans="2:12">
      <c r="B22970" s="367"/>
      <c r="C22970" s="367"/>
      <c r="D22970" s="367"/>
      <c r="E22970" s="367"/>
      <c r="F22970" s="360"/>
      <c r="G22970" s="360"/>
      <c r="H22970" s="360"/>
      <c r="I22970" s="360"/>
      <c r="J22970" s="365"/>
      <c r="K22970" s="365"/>
      <c r="L22970" s="367"/>
    </row>
    <row r="22971" spans="2:12" ht="28.5">
      <c r="B22971" s="367"/>
      <c r="C22971" s="367"/>
      <c r="D22971" s="367"/>
      <c r="E22971" s="367"/>
      <c r="F22971" s="359" t="s">
        <v>29864</v>
      </c>
      <c r="G22971" s="359" t="s">
        <v>14890</v>
      </c>
      <c r="H22971" s="359" t="s">
        <v>14381</v>
      </c>
      <c r="I22971" s="359" t="s">
        <v>14890</v>
      </c>
      <c r="J22971" s="365"/>
      <c r="K22971" s="365"/>
      <c r="L22971" s="367"/>
    </row>
    <row r="22972" spans="2:12">
      <c r="B22972" s="367"/>
      <c r="C22972" s="367"/>
      <c r="D22972" s="367"/>
      <c r="E22972" s="367"/>
      <c r="F22972" s="360"/>
      <c r="G22972" s="360"/>
      <c r="H22972" s="360"/>
      <c r="I22972" s="360"/>
      <c r="J22972" s="365"/>
      <c r="K22972" s="365"/>
      <c r="L22972" s="367"/>
    </row>
    <row r="22973" spans="2:12">
      <c r="B22973" s="368"/>
      <c r="C22973" s="368"/>
      <c r="D22973" s="368"/>
      <c r="E22973" s="368"/>
      <c r="F22973" s="362"/>
      <c r="G22973" s="362"/>
      <c r="H22973" s="361" t="s">
        <v>14332</v>
      </c>
      <c r="I22973" s="362"/>
      <c r="J22973" s="366"/>
      <c r="K22973" s="366"/>
      <c r="L22973" s="368"/>
    </row>
    <row r="22974" spans="2:12">
      <c r="B22974" s="358" t="s">
        <v>9717</v>
      </c>
      <c r="C22974" s="358" t="s">
        <v>30650</v>
      </c>
      <c r="D22974" s="358" t="s">
        <v>9718</v>
      </c>
      <c r="E22974" s="358" t="s">
        <v>9719</v>
      </c>
      <c r="F22974" s="358" t="s">
        <v>14330</v>
      </c>
      <c r="G22974" s="358" t="s">
        <v>14327</v>
      </c>
      <c r="H22974" s="358" t="s">
        <v>14331</v>
      </c>
      <c r="I22974" s="358" t="s">
        <v>14327</v>
      </c>
      <c r="J22974" s="358"/>
      <c r="K22974" s="358"/>
      <c r="L22974" s="358" t="s">
        <v>26096</v>
      </c>
    </row>
    <row r="22975" spans="2:12">
      <c r="B22975" s="367"/>
      <c r="C22975" s="367"/>
      <c r="D22975" s="367"/>
      <c r="E22975" s="367"/>
      <c r="F22975" s="360"/>
      <c r="G22975" s="360"/>
      <c r="H22975" s="360"/>
      <c r="I22975" s="360"/>
      <c r="J22975" s="365"/>
      <c r="K22975" s="365"/>
      <c r="L22975" s="367"/>
    </row>
    <row r="22976" spans="2:12">
      <c r="B22976" s="367"/>
      <c r="C22976" s="367"/>
      <c r="D22976" s="367"/>
      <c r="E22976" s="367"/>
      <c r="F22976" s="359" t="s">
        <v>14326</v>
      </c>
      <c r="G22976" s="359" t="s">
        <v>14669</v>
      </c>
      <c r="H22976" s="359" t="s">
        <v>14328</v>
      </c>
      <c r="I22976" s="359" t="s">
        <v>14669</v>
      </c>
      <c r="J22976" s="365"/>
      <c r="K22976" s="365"/>
      <c r="L22976" s="367"/>
    </row>
    <row r="22977" spans="2:12">
      <c r="B22977" s="367"/>
      <c r="C22977" s="367"/>
      <c r="D22977" s="367"/>
      <c r="E22977" s="367"/>
      <c r="F22977" s="360"/>
      <c r="G22977" s="360"/>
      <c r="H22977" s="360"/>
      <c r="I22977" s="360"/>
      <c r="J22977" s="365"/>
      <c r="K22977" s="365"/>
      <c r="L22977" s="367"/>
    </row>
    <row r="22978" spans="2:12" ht="28.5">
      <c r="B22978" s="367"/>
      <c r="C22978" s="367"/>
      <c r="D22978" s="367"/>
      <c r="E22978" s="367"/>
      <c r="F22978" s="359" t="s">
        <v>29864</v>
      </c>
      <c r="G22978" s="359" t="s">
        <v>14890</v>
      </c>
      <c r="H22978" s="359" t="s">
        <v>14381</v>
      </c>
      <c r="I22978" s="359" t="s">
        <v>14890</v>
      </c>
      <c r="J22978" s="365"/>
      <c r="K22978" s="365"/>
      <c r="L22978" s="367"/>
    </row>
    <row r="22979" spans="2:12">
      <c r="B22979" s="367"/>
      <c r="C22979" s="367"/>
      <c r="D22979" s="367"/>
      <c r="E22979" s="367"/>
      <c r="F22979" s="360"/>
      <c r="G22979" s="360"/>
      <c r="H22979" s="360"/>
      <c r="I22979" s="360"/>
      <c r="J22979" s="365"/>
      <c r="K22979" s="365"/>
      <c r="L22979" s="367"/>
    </row>
    <row r="22980" spans="2:12">
      <c r="B22980" s="368"/>
      <c r="C22980" s="368"/>
      <c r="D22980" s="368"/>
      <c r="E22980" s="368"/>
      <c r="F22980" s="362"/>
      <c r="G22980" s="362"/>
      <c r="H22980" s="361" t="s">
        <v>14332</v>
      </c>
      <c r="I22980" s="362"/>
      <c r="J22980" s="366"/>
      <c r="K22980" s="366"/>
      <c r="L22980" s="368"/>
    </row>
    <row r="22981" spans="2:12">
      <c r="B22981" s="358" t="s">
        <v>9721</v>
      </c>
      <c r="C22981" s="358" t="s">
        <v>26109</v>
      </c>
      <c r="D22981" s="358" t="s">
        <v>9722</v>
      </c>
      <c r="E22981" s="358" t="s">
        <v>9723</v>
      </c>
      <c r="F22981" s="358" t="s">
        <v>14330</v>
      </c>
      <c r="G22981" s="358" t="s">
        <v>14327</v>
      </c>
      <c r="H22981" s="358" t="s">
        <v>14331</v>
      </c>
      <c r="I22981" s="358" t="s">
        <v>14327</v>
      </c>
      <c r="J22981" s="358"/>
      <c r="K22981" s="358"/>
      <c r="L22981" s="358" t="s">
        <v>26096</v>
      </c>
    </row>
    <row r="22982" spans="2:12">
      <c r="B22982" s="367"/>
      <c r="C22982" s="360"/>
      <c r="D22982" s="367"/>
      <c r="E22982" s="367"/>
      <c r="F22982" s="360"/>
      <c r="G22982" s="360"/>
      <c r="H22982" s="360"/>
      <c r="I22982" s="360"/>
      <c r="J22982" s="365"/>
      <c r="K22982" s="365"/>
      <c r="L22982" s="367"/>
    </row>
    <row r="22983" spans="2:12">
      <c r="B22983" s="367"/>
      <c r="C22983" s="359" t="s">
        <v>12794</v>
      </c>
      <c r="D22983" s="367"/>
      <c r="E22983" s="367"/>
      <c r="F22983" s="359" t="s">
        <v>14326</v>
      </c>
      <c r="G22983" s="359" t="s">
        <v>14669</v>
      </c>
      <c r="H22983" s="359" t="s">
        <v>14328</v>
      </c>
      <c r="I22983" s="359" t="s">
        <v>14669</v>
      </c>
      <c r="J22983" s="365"/>
      <c r="K22983" s="365"/>
      <c r="L22983" s="367"/>
    </row>
    <row r="22984" spans="2:12">
      <c r="B22984" s="367"/>
      <c r="C22984" s="360"/>
      <c r="D22984" s="367"/>
      <c r="E22984" s="367"/>
      <c r="F22984" s="360"/>
      <c r="G22984" s="360"/>
      <c r="H22984" s="360"/>
      <c r="I22984" s="360"/>
      <c r="J22984" s="365"/>
      <c r="K22984" s="365"/>
      <c r="L22984" s="367"/>
    </row>
    <row r="22985" spans="2:12" ht="57">
      <c r="B22985" s="367"/>
      <c r="C22985" s="359" t="s">
        <v>28161</v>
      </c>
      <c r="D22985" s="367"/>
      <c r="E22985" s="367"/>
      <c r="F22985" s="359" t="s">
        <v>29864</v>
      </c>
      <c r="G22985" s="359" t="s">
        <v>14890</v>
      </c>
      <c r="H22985" s="359" t="s">
        <v>14381</v>
      </c>
      <c r="I22985" s="359" t="s">
        <v>14890</v>
      </c>
      <c r="J22985" s="365"/>
      <c r="K22985" s="365"/>
      <c r="L22985" s="367"/>
    </row>
    <row r="22986" spans="2:12">
      <c r="B22986" s="367"/>
      <c r="C22986" s="360"/>
      <c r="D22986" s="367"/>
      <c r="E22986" s="367"/>
      <c r="F22986" s="360"/>
      <c r="G22986" s="360"/>
      <c r="H22986" s="360"/>
      <c r="I22986" s="360"/>
      <c r="J22986" s="365"/>
      <c r="K22986" s="365"/>
      <c r="L22986" s="367"/>
    </row>
    <row r="22987" spans="2:12">
      <c r="B22987" s="368"/>
      <c r="C22987" s="362"/>
      <c r="D22987" s="368"/>
      <c r="E22987" s="368"/>
      <c r="F22987" s="362"/>
      <c r="G22987" s="362"/>
      <c r="H22987" s="361" t="s">
        <v>14332</v>
      </c>
      <c r="I22987" s="362"/>
      <c r="J22987" s="366"/>
      <c r="K22987" s="366"/>
      <c r="L22987" s="368"/>
    </row>
    <row r="22988" spans="2:12" ht="28.5">
      <c r="B22988" s="358" t="s">
        <v>9726</v>
      </c>
      <c r="C22988" s="358" t="s">
        <v>29871</v>
      </c>
      <c r="D22988" s="358" t="s">
        <v>9727</v>
      </c>
      <c r="E22988" s="358" t="s">
        <v>9728</v>
      </c>
      <c r="F22988" s="358" t="s">
        <v>14330</v>
      </c>
      <c r="G22988" s="358" t="s">
        <v>14327</v>
      </c>
      <c r="H22988" s="358" t="s">
        <v>14331</v>
      </c>
      <c r="I22988" s="358" t="s">
        <v>14327</v>
      </c>
      <c r="J22988" s="358"/>
      <c r="K22988" s="358"/>
      <c r="L22988" s="358" t="s">
        <v>26096</v>
      </c>
    </row>
    <row r="22989" spans="2:12">
      <c r="B22989" s="367"/>
      <c r="C22989" s="360"/>
      <c r="D22989" s="367"/>
      <c r="E22989" s="367"/>
      <c r="F22989" s="360"/>
      <c r="G22989" s="360"/>
      <c r="H22989" s="360"/>
      <c r="I22989" s="360"/>
      <c r="J22989" s="365"/>
      <c r="K22989" s="365"/>
      <c r="L22989" s="367"/>
    </row>
    <row r="22990" spans="2:12" ht="42.75">
      <c r="B22990" s="367"/>
      <c r="C22990" s="359" t="s">
        <v>26110</v>
      </c>
      <c r="D22990" s="367"/>
      <c r="E22990" s="367"/>
      <c r="F22990" s="359" t="s">
        <v>14326</v>
      </c>
      <c r="G22990" s="359" t="s">
        <v>14669</v>
      </c>
      <c r="H22990" s="359" t="s">
        <v>14328</v>
      </c>
      <c r="I22990" s="359" t="s">
        <v>14669</v>
      </c>
      <c r="J22990" s="365"/>
      <c r="K22990" s="365"/>
      <c r="L22990" s="367"/>
    </row>
    <row r="22991" spans="2:12">
      <c r="B22991" s="367"/>
      <c r="C22991" s="360"/>
      <c r="D22991" s="367"/>
      <c r="E22991" s="367"/>
      <c r="F22991" s="360"/>
      <c r="G22991" s="360"/>
      <c r="H22991" s="360"/>
      <c r="I22991" s="360"/>
      <c r="J22991" s="365"/>
      <c r="K22991" s="365"/>
      <c r="L22991" s="367"/>
    </row>
    <row r="22992" spans="2:12" ht="28.5">
      <c r="B22992" s="367"/>
      <c r="C22992" s="360"/>
      <c r="D22992" s="367"/>
      <c r="E22992" s="367"/>
      <c r="F22992" s="359" t="s">
        <v>29864</v>
      </c>
      <c r="G22992" s="359" t="s">
        <v>14890</v>
      </c>
      <c r="H22992" s="359" t="s">
        <v>14381</v>
      </c>
      <c r="I22992" s="359" t="s">
        <v>14890</v>
      </c>
      <c r="J22992" s="365"/>
      <c r="K22992" s="365"/>
      <c r="L22992" s="367"/>
    </row>
    <row r="22993" spans="2:12">
      <c r="B22993" s="367"/>
      <c r="C22993" s="360"/>
      <c r="D22993" s="367"/>
      <c r="E22993" s="367"/>
      <c r="F22993" s="360"/>
      <c r="G22993" s="360"/>
      <c r="H22993" s="360"/>
      <c r="I22993" s="360"/>
      <c r="J22993" s="365"/>
      <c r="K22993" s="365"/>
      <c r="L22993" s="367"/>
    </row>
    <row r="22994" spans="2:12">
      <c r="B22994" s="368"/>
      <c r="C22994" s="362"/>
      <c r="D22994" s="368"/>
      <c r="E22994" s="368"/>
      <c r="F22994" s="362"/>
      <c r="G22994" s="362"/>
      <c r="H22994" s="361" t="s">
        <v>14332</v>
      </c>
      <c r="I22994" s="362"/>
      <c r="J22994" s="366"/>
      <c r="K22994" s="366"/>
      <c r="L22994" s="368"/>
    </row>
    <row r="22995" spans="2:12">
      <c r="B22995" s="358" t="s">
        <v>9730</v>
      </c>
      <c r="C22995" s="358" t="s">
        <v>26111</v>
      </c>
      <c r="D22995" s="358" t="s">
        <v>9731</v>
      </c>
      <c r="E22995" s="358" t="s">
        <v>9732</v>
      </c>
      <c r="F22995" s="358" t="s">
        <v>14330</v>
      </c>
      <c r="G22995" s="358" t="s">
        <v>14327</v>
      </c>
      <c r="H22995" s="358" t="s">
        <v>14331</v>
      </c>
      <c r="I22995" s="358" t="s">
        <v>14327</v>
      </c>
      <c r="J22995" s="358"/>
      <c r="K22995" s="358"/>
      <c r="L22995" s="358" t="s">
        <v>26096</v>
      </c>
    </row>
    <row r="22996" spans="2:12">
      <c r="B22996" s="367"/>
      <c r="C22996" s="360"/>
      <c r="D22996" s="367"/>
      <c r="E22996" s="367"/>
      <c r="F22996" s="360"/>
      <c r="G22996" s="360"/>
      <c r="H22996" s="360"/>
      <c r="I22996" s="360"/>
      <c r="J22996" s="365"/>
      <c r="K22996" s="365"/>
      <c r="L22996" s="367"/>
    </row>
    <row r="22997" spans="2:12">
      <c r="B22997" s="367"/>
      <c r="C22997" s="359" t="s">
        <v>12794</v>
      </c>
      <c r="D22997" s="367"/>
      <c r="E22997" s="367"/>
      <c r="F22997" s="359" t="s">
        <v>14326</v>
      </c>
      <c r="G22997" s="359" t="s">
        <v>14669</v>
      </c>
      <c r="H22997" s="359" t="s">
        <v>14328</v>
      </c>
      <c r="I22997" s="359" t="s">
        <v>14669</v>
      </c>
      <c r="J22997" s="365"/>
      <c r="K22997" s="365"/>
      <c r="L22997" s="367"/>
    </row>
    <row r="22998" spans="2:12">
      <c r="B22998" s="367"/>
      <c r="C22998" s="360"/>
      <c r="D22998" s="367"/>
      <c r="E22998" s="367"/>
      <c r="F22998" s="360"/>
      <c r="G22998" s="360"/>
      <c r="H22998" s="360"/>
      <c r="I22998" s="360"/>
      <c r="J22998" s="365"/>
      <c r="K22998" s="365"/>
      <c r="L22998" s="367"/>
    </row>
    <row r="22999" spans="2:12" ht="28.5">
      <c r="B22999" s="367"/>
      <c r="C22999" s="359" t="s">
        <v>29872</v>
      </c>
      <c r="D22999" s="367"/>
      <c r="E22999" s="367"/>
      <c r="F22999" s="359" t="s">
        <v>29864</v>
      </c>
      <c r="G22999" s="359" t="s">
        <v>14890</v>
      </c>
      <c r="H22999" s="359" t="s">
        <v>14381</v>
      </c>
      <c r="I22999" s="359" t="s">
        <v>14890</v>
      </c>
      <c r="J22999" s="365"/>
      <c r="K22999" s="365"/>
      <c r="L22999" s="367"/>
    </row>
    <row r="23000" spans="2:12">
      <c r="B23000" s="367"/>
      <c r="C23000" s="360"/>
      <c r="D23000" s="367"/>
      <c r="E23000" s="367"/>
      <c r="F23000" s="360"/>
      <c r="G23000" s="360"/>
      <c r="H23000" s="360"/>
      <c r="I23000" s="360"/>
      <c r="J23000" s="365"/>
      <c r="K23000" s="365"/>
      <c r="L23000" s="367"/>
    </row>
    <row r="23001" spans="2:12" ht="42.75">
      <c r="B23001" s="368"/>
      <c r="C23001" s="361" t="s">
        <v>30651</v>
      </c>
      <c r="D23001" s="368"/>
      <c r="E23001" s="368"/>
      <c r="F23001" s="362"/>
      <c r="G23001" s="362"/>
      <c r="H23001" s="361" t="s">
        <v>14332</v>
      </c>
      <c r="I23001" s="362"/>
      <c r="J23001" s="366"/>
      <c r="K23001" s="366"/>
      <c r="L23001" s="368"/>
    </row>
    <row r="23002" spans="2:12">
      <c r="B23002" s="358" t="s">
        <v>9734</v>
      </c>
      <c r="C23002" s="358" t="s">
        <v>26112</v>
      </c>
      <c r="D23002" s="358" t="s">
        <v>9735</v>
      </c>
      <c r="E23002" s="358" t="s">
        <v>9736</v>
      </c>
      <c r="F23002" s="358" t="s">
        <v>14330</v>
      </c>
      <c r="G23002" s="358" t="s">
        <v>14327</v>
      </c>
      <c r="H23002" s="358" t="s">
        <v>14331</v>
      </c>
      <c r="I23002" s="358" t="s">
        <v>14327</v>
      </c>
      <c r="J23002" s="358"/>
      <c r="K23002" s="358"/>
      <c r="L23002" s="358" t="s">
        <v>26096</v>
      </c>
    </row>
    <row r="23003" spans="2:12">
      <c r="B23003" s="367"/>
      <c r="C23003" s="360"/>
      <c r="D23003" s="367"/>
      <c r="E23003" s="367"/>
      <c r="F23003" s="360"/>
      <c r="G23003" s="360"/>
      <c r="H23003" s="360"/>
      <c r="I23003" s="360"/>
      <c r="J23003" s="365"/>
      <c r="K23003" s="365"/>
      <c r="L23003" s="367"/>
    </row>
    <row r="23004" spans="2:12">
      <c r="B23004" s="367"/>
      <c r="C23004" s="359" t="s">
        <v>12794</v>
      </c>
      <c r="D23004" s="367"/>
      <c r="E23004" s="367"/>
      <c r="F23004" s="359" t="s">
        <v>14326</v>
      </c>
      <c r="G23004" s="359" t="s">
        <v>14669</v>
      </c>
      <c r="H23004" s="359" t="s">
        <v>14328</v>
      </c>
      <c r="I23004" s="359" t="s">
        <v>14669</v>
      </c>
      <c r="J23004" s="365"/>
      <c r="K23004" s="365"/>
      <c r="L23004" s="367"/>
    </row>
    <row r="23005" spans="2:12">
      <c r="B23005" s="367"/>
      <c r="C23005" s="360"/>
      <c r="D23005" s="367"/>
      <c r="E23005" s="367"/>
      <c r="F23005" s="360"/>
      <c r="G23005" s="360"/>
      <c r="H23005" s="360"/>
      <c r="I23005" s="360"/>
      <c r="J23005" s="365"/>
      <c r="K23005" s="365"/>
      <c r="L23005" s="367"/>
    </row>
    <row r="23006" spans="2:12" ht="71.25">
      <c r="B23006" s="367"/>
      <c r="C23006" s="359" t="s">
        <v>30652</v>
      </c>
      <c r="D23006" s="367"/>
      <c r="E23006" s="367"/>
      <c r="F23006" s="359" t="s">
        <v>29864</v>
      </c>
      <c r="G23006" s="359" t="s">
        <v>14890</v>
      </c>
      <c r="H23006" s="359" t="s">
        <v>14381</v>
      </c>
      <c r="I23006" s="359" t="s">
        <v>14890</v>
      </c>
      <c r="J23006" s="365"/>
      <c r="K23006" s="365"/>
      <c r="L23006" s="367"/>
    </row>
    <row r="23007" spans="2:12">
      <c r="B23007" s="367"/>
      <c r="C23007" s="360"/>
      <c r="D23007" s="367"/>
      <c r="E23007" s="367"/>
      <c r="F23007" s="360"/>
      <c r="G23007" s="360"/>
      <c r="H23007" s="360"/>
      <c r="I23007" s="360"/>
      <c r="J23007" s="365"/>
      <c r="K23007" s="365"/>
      <c r="L23007" s="367"/>
    </row>
    <row r="23008" spans="2:12">
      <c r="B23008" s="368"/>
      <c r="C23008" s="362"/>
      <c r="D23008" s="368"/>
      <c r="E23008" s="368"/>
      <c r="F23008" s="362"/>
      <c r="G23008" s="362"/>
      <c r="H23008" s="361" t="s">
        <v>14332</v>
      </c>
      <c r="I23008" s="362"/>
      <c r="J23008" s="366"/>
      <c r="K23008" s="366"/>
      <c r="L23008" s="368"/>
    </row>
    <row r="23009" spans="2:12">
      <c r="B23009" s="358" t="s">
        <v>9737</v>
      </c>
      <c r="C23009" s="358" t="s">
        <v>28162</v>
      </c>
      <c r="D23009" s="358" t="s">
        <v>9738</v>
      </c>
      <c r="E23009" s="358" t="s">
        <v>9739</v>
      </c>
      <c r="F23009" s="358" t="s">
        <v>14330</v>
      </c>
      <c r="G23009" s="358" t="s">
        <v>14327</v>
      </c>
      <c r="H23009" s="358" t="s">
        <v>14331</v>
      </c>
      <c r="I23009" s="358" t="s">
        <v>14327</v>
      </c>
      <c r="J23009" s="358"/>
      <c r="K23009" s="358"/>
      <c r="L23009" s="358" t="s">
        <v>26096</v>
      </c>
    </row>
    <row r="23010" spans="2:12">
      <c r="B23010" s="367"/>
      <c r="C23010" s="360"/>
      <c r="D23010" s="367"/>
      <c r="E23010" s="367"/>
      <c r="F23010" s="360"/>
      <c r="G23010" s="360"/>
      <c r="H23010" s="360"/>
      <c r="I23010" s="360"/>
      <c r="J23010" s="365"/>
      <c r="K23010" s="365"/>
      <c r="L23010" s="367"/>
    </row>
    <row r="23011" spans="2:12">
      <c r="B23011" s="367"/>
      <c r="C23011" s="359" t="s">
        <v>12794</v>
      </c>
      <c r="D23011" s="367"/>
      <c r="E23011" s="367"/>
      <c r="F23011" s="359" t="s">
        <v>14326</v>
      </c>
      <c r="G23011" s="359" t="s">
        <v>14669</v>
      </c>
      <c r="H23011" s="359" t="s">
        <v>14328</v>
      </c>
      <c r="I23011" s="359" t="s">
        <v>14669</v>
      </c>
      <c r="J23011" s="365"/>
      <c r="K23011" s="365"/>
      <c r="L23011" s="367"/>
    </row>
    <row r="23012" spans="2:12">
      <c r="B23012" s="367"/>
      <c r="C23012" s="360"/>
      <c r="D23012" s="367"/>
      <c r="E23012" s="367"/>
      <c r="F23012" s="360"/>
      <c r="G23012" s="360"/>
      <c r="H23012" s="360"/>
      <c r="I23012" s="360"/>
      <c r="J23012" s="365"/>
      <c r="K23012" s="365"/>
      <c r="L23012" s="367"/>
    </row>
    <row r="23013" spans="2:12" ht="114">
      <c r="B23013" s="367"/>
      <c r="C23013" s="359" t="s">
        <v>30653</v>
      </c>
      <c r="D23013" s="367"/>
      <c r="E23013" s="367"/>
      <c r="F23013" s="359" t="s">
        <v>29864</v>
      </c>
      <c r="G23013" s="359" t="s">
        <v>14890</v>
      </c>
      <c r="H23013" s="359" t="s">
        <v>14381</v>
      </c>
      <c r="I23013" s="359" t="s">
        <v>14890</v>
      </c>
      <c r="J23013" s="365"/>
      <c r="K23013" s="365"/>
      <c r="L23013" s="367"/>
    </row>
    <row r="23014" spans="2:12">
      <c r="B23014" s="367"/>
      <c r="C23014" s="360"/>
      <c r="D23014" s="367"/>
      <c r="E23014" s="367"/>
      <c r="F23014" s="360"/>
      <c r="G23014" s="360"/>
      <c r="H23014" s="360"/>
      <c r="I23014" s="360"/>
      <c r="J23014" s="365"/>
      <c r="K23014" s="365"/>
      <c r="L23014" s="367"/>
    </row>
    <row r="23015" spans="2:12">
      <c r="B23015" s="368"/>
      <c r="C23015" s="362"/>
      <c r="D23015" s="368"/>
      <c r="E23015" s="368"/>
      <c r="F23015" s="362"/>
      <c r="G23015" s="362"/>
      <c r="H23015" s="361" t="s">
        <v>14332</v>
      </c>
      <c r="I23015" s="362"/>
      <c r="J23015" s="366"/>
      <c r="K23015" s="366"/>
      <c r="L23015" s="368"/>
    </row>
    <row r="23016" spans="2:12">
      <c r="B23016" s="358" t="s">
        <v>9741</v>
      </c>
      <c r="C23016" s="358" t="s">
        <v>26113</v>
      </c>
      <c r="D23016" s="358" t="s">
        <v>9742</v>
      </c>
      <c r="E23016" s="358" t="s">
        <v>9743</v>
      </c>
      <c r="F23016" s="358" t="s">
        <v>14330</v>
      </c>
      <c r="G23016" s="358" t="s">
        <v>14327</v>
      </c>
      <c r="H23016" s="358" t="s">
        <v>14331</v>
      </c>
      <c r="I23016" s="358" t="s">
        <v>14327</v>
      </c>
      <c r="J23016" s="358"/>
      <c r="K23016" s="358"/>
      <c r="L23016" s="358" t="s">
        <v>26096</v>
      </c>
    </row>
    <row r="23017" spans="2:12">
      <c r="B23017" s="367"/>
      <c r="C23017" s="360"/>
      <c r="D23017" s="367"/>
      <c r="E23017" s="367"/>
      <c r="F23017" s="360"/>
      <c r="G23017" s="360"/>
      <c r="H23017" s="360"/>
      <c r="I23017" s="360"/>
      <c r="J23017" s="365"/>
      <c r="K23017" s="365"/>
      <c r="L23017" s="367"/>
    </row>
    <row r="23018" spans="2:12">
      <c r="B23018" s="367"/>
      <c r="C23018" s="359" t="s">
        <v>12794</v>
      </c>
      <c r="D23018" s="367"/>
      <c r="E23018" s="367"/>
      <c r="F23018" s="359" t="s">
        <v>14326</v>
      </c>
      <c r="G23018" s="359" t="s">
        <v>14669</v>
      </c>
      <c r="H23018" s="359" t="s">
        <v>14328</v>
      </c>
      <c r="I23018" s="359" t="s">
        <v>14669</v>
      </c>
      <c r="J23018" s="365"/>
      <c r="K23018" s="365"/>
      <c r="L23018" s="367"/>
    </row>
    <row r="23019" spans="2:12">
      <c r="B23019" s="367"/>
      <c r="C23019" s="360"/>
      <c r="D23019" s="367"/>
      <c r="E23019" s="367"/>
      <c r="F23019" s="360"/>
      <c r="G23019" s="360"/>
      <c r="H23019" s="360"/>
      <c r="I23019" s="360"/>
      <c r="J23019" s="365"/>
      <c r="K23019" s="365"/>
      <c r="L23019" s="367"/>
    </row>
    <row r="23020" spans="2:12" ht="57">
      <c r="B23020" s="367"/>
      <c r="C23020" s="359" t="s">
        <v>28163</v>
      </c>
      <c r="D23020" s="367"/>
      <c r="E23020" s="367"/>
      <c r="F23020" s="359" t="s">
        <v>29864</v>
      </c>
      <c r="G23020" s="359" t="s">
        <v>14890</v>
      </c>
      <c r="H23020" s="359" t="s">
        <v>14381</v>
      </c>
      <c r="I23020" s="359" t="s">
        <v>14890</v>
      </c>
      <c r="J23020" s="365"/>
      <c r="K23020" s="365"/>
      <c r="L23020" s="367"/>
    </row>
    <row r="23021" spans="2:12">
      <c r="B23021" s="367"/>
      <c r="C23021" s="360"/>
      <c r="D23021" s="367"/>
      <c r="E23021" s="367"/>
      <c r="F23021" s="360"/>
      <c r="G23021" s="360"/>
      <c r="H23021" s="360"/>
      <c r="I23021" s="360"/>
      <c r="J23021" s="365"/>
      <c r="K23021" s="365"/>
      <c r="L23021" s="367"/>
    </row>
    <row r="23022" spans="2:12">
      <c r="B23022" s="368"/>
      <c r="C23022" s="362"/>
      <c r="D23022" s="368"/>
      <c r="E23022" s="368"/>
      <c r="F23022" s="362"/>
      <c r="G23022" s="362"/>
      <c r="H23022" s="361" t="s">
        <v>14332</v>
      </c>
      <c r="I23022" s="362"/>
      <c r="J23022" s="366"/>
      <c r="K23022" s="366"/>
      <c r="L23022" s="368"/>
    </row>
    <row r="23023" spans="2:12">
      <c r="B23023" s="358" t="s">
        <v>9745</v>
      </c>
      <c r="C23023" s="358" t="s">
        <v>26114</v>
      </c>
      <c r="D23023" s="358" t="s">
        <v>9746</v>
      </c>
      <c r="E23023" s="358" t="s">
        <v>9747</v>
      </c>
      <c r="F23023" s="358" t="s">
        <v>14330</v>
      </c>
      <c r="G23023" s="358" t="s">
        <v>14327</v>
      </c>
      <c r="H23023" s="358" t="s">
        <v>14331</v>
      </c>
      <c r="I23023" s="358" t="s">
        <v>14327</v>
      </c>
      <c r="J23023" s="358"/>
      <c r="K23023" s="358"/>
      <c r="L23023" s="358" t="s">
        <v>26096</v>
      </c>
    </row>
    <row r="23024" spans="2:12">
      <c r="B23024" s="367"/>
      <c r="C23024" s="360"/>
      <c r="D23024" s="367"/>
      <c r="E23024" s="367"/>
      <c r="F23024" s="360"/>
      <c r="G23024" s="360"/>
      <c r="H23024" s="360"/>
      <c r="I23024" s="360"/>
      <c r="J23024" s="365"/>
      <c r="K23024" s="365"/>
      <c r="L23024" s="367"/>
    </row>
    <row r="23025" spans="2:12">
      <c r="B23025" s="367"/>
      <c r="C23025" s="359" t="s">
        <v>12794</v>
      </c>
      <c r="D23025" s="367"/>
      <c r="E23025" s="367"/>
      <c r="F23025" s="359" t="s">
        <v>14326</v>
      </c>
      <c r="G23025" s="359" t="s">
        <v>14669</v>
      </c>
      <c r="H23025" s="359" t="s">
        <v>14328</v>
      </c>
      <c r="I23025" s="359" t="s">
        <v>14669</v>
      </c>
      <c r="J23025" s="365"/>
      <c r="K23025" s="365"/>
      <c r="L23025" s="367"/>
    </row>
    <row r="23026" spans="2:12">
      <c r="B23026" s="367"/>
      <c r="C23026" s="360"/>
      <c r="D23026" s="367"/>
      <c r="E23026" s="367"/>
      <c r="F23026" s="360"/>
      <c r="G23026" s="360"/>
      <c r="H23026" s="360"/>
      <c r="I23026" s="360"/>
      <c r="J23026" s="365"/>
      <c r="K23026" s="365"/>
      <c r="L23026" s="367"/>
    </row>
    <row r="23027" spans="2:12" ht="71.25">
      <c r="B23027" s="367"/>
      <c r="C23027" s="359" t="s">
        <v>30654</v>
      </c>
      <c r="D23027" s="367"/>
      <c r="E23027" s="367"/>
      <c r="F23027" s="359" t="s">
        <v>29864</v>
      </c>
      <c r="G23027" s="359" t="s">
        <v>14890</v>
      </c>
      <c r="H23027" s="359" t="s">
        <v>14381</v>
      </c>
      <c r="I23027" s="359" t="s">
        <v>14890</v>
      </c>
      <c r="J23027" s="365"/>
      <c r="K23027" s="365"/>
      <c r="L23027" s="367"/>
    </row>
    <row r="23028" spans="2:12">
      <c r="B23028" s="367"/>
      <c r="C23028" s="360"/>
      <c r="D23028" s="367"/>
      <c r="E23028" s="367"/>
      <c r="F23028" s="360"/>
      <c r="G23028" s="360"/>
      <c r="H23028" s="360"/>
      <c r="I23028" s="360"/>
      <c r="J23028" s="365"/>
      <c r="K23028" s="365"/>
      <c r="L23028" s="367"/>
    </row>
    <row r="23029" spans="2:12">
      <c r="B23029" s="368"/>
      <c r="C23029" s="362"/>
      <c r="D23029" s="368"/>
      <c r="E23029" s="368"/>
      <c r="F23029" s="362"/>
      <c r="G23029" s="362"/>
      <c r="H23029" s="361" t="s">
        <v>14332</v>
      </c>
      <c r="I23029" s="362"/>
      <c r="J23029" s="366"/>
      <c r="K23029" s="366"/>
      <c r="L23029" s="368"/>
    </row>
    <row r="23030" spans="2:12" ht="28.5">
      <c r="B23030" s="358" t="s">
        <v>9749</v>
      </c>
      <c r="C23030" s="358" t="s">
        <v>26115</v>
      </c>
      <c r="D23030" s="358" t="s">
        <v>9750</v>
      </c>
      <c r="E23030" s="358" t="s">
        <v>9751</v>
      </c>
      <c r="F23030" s="358" t="s">
        <v>14330</v>
      </c>
      <c r="G23030" s="358" t="s">
        <v>14327</v>
      </c>
      <c r="H23030" s="358" t="s">
        <v>14331</v>
      </c>
      <c r="I23030" s="358" t="s">
        <v>14327</v>
      </c>
      <c r="J23030" s="358"/>
      <c r="K23030" s="358"/>
      <c r="L23030" s="358" t="s">
        <v>26096</v>
      </c>
    </row>
    <row r="23031" spans="2:12">
      <c r="B23031" s="367"/>
      <c r="C23031" s="360"/>
      <c r="D23031" s="367"/>
      <c r="E23031" s="367"/>
      <c r="F23031" s="360"/>
      <c r="G23031" s="360"/>
      <c r="H23031" s="360"/>
      <c r="I23031" s="360"/>
      <c r="J23031" s="365"/>
      <c r="K23031" s="365"/>
      <c r="L23031" s="367"/>
    </row>
    <row r="23032" spans="2:12">
      <c r="B23032" s="367"/>
      <c r="C23032" s="359" t="s">
        <v>12794</v>
      </c>
      <c r="D23032" s="367"/>
      <c r="E23032" s="367"/>
      <c r="F23032" s="359" t="s">
        <v>14326</v>
      </c>
      <c r="G23032" s="359" t="s">
        <v>14669</v>
      </c>
      <c r="H23032" s="359" t="s">
        <v>14328</v>
      </c>
      <c r="I23032" s="359" t="s">
        <v>14669</v>
      </c>
      <c r="J23032" s="365"/>
      <c r="K23032" s="365"/>
      <c r="L23032" s="367"/>
    </row>
    <row r="23033" spans="2:12">
      <c r="B23033" s="367"/>
      <c r="C23033" s="360"/>
      <c r="D23033" s="367"/>
      <c r="E23033" s="367"/>
      <c r="F23033" s="360"/>
      <c r="G23033" s="360"/>
      <c r="H23033" s="360"/>
      <c r="I23033" s="360"/>
      <c r="J23033" s="365"/>
      <c r="K23033" s="365"/>
      <c r="L23033" s="367"/>
    </row>
    <row r="23034" spans="2:12" ht="71.25">
      <c r="B23034" s="367"/>
      <c r="C23034" s="359" t="s">
        <v>28164</v>
      </c>
      <c r="D23034" s="367"/>
      <c r="E23034" s="367"/>
      <c r="F23034" s="359" t="s">
        <v>29864</v>
      </c>
      <c r="G23034" s="359" t="s">
        <v>14890</v>
      </c>
      <c r="H23034" s="359" t="s">
        <v>14381</v>
      </c>
      <c r="I23034" s="359" t="s">
        <v>14890</v>
      </c>
      <c r="J23034" s="365"/>
      <c r="K23034" s="365"/>
      <c r="L23034" s="367"/>
    </row>
    <row r="23035" spans="2:12">
      <c r="B23035" s="367"/>
      <c r="C23035" s="360"/>
      <c r="D23035" s="367"/>
      <c r="E23035" s="367"/>
      <c r="F23035" s="360"/>
      <c r="G23035" s="360"/>
      <c r="H23035" s="360"/>
      <c r="I23035" s="360"/>
      <c r="J23035" s="365"/>
      <c r="K23035" s="365"/>
      <c r="L23035" s="367"/>
    </row>
    <row r="23036" spans="2:12">
      <c r="B23036" s="368"/>
      <c r="C23036" s="362"/>
      <c r="D23036" s="368"/>
      <c r="E23036" s="368"/>
      <c r="F23036" s="362"/>
      <c r="G23036" s="362"/>
      <c r="H23036" s="361" t="s">
        <v>14332</v>
      </c>
      <c r="I23036" s="362"/>
      <c r="J23036" s="366"/>
      <c r="K23036" s="366"/>
      <c r="L23036" s="368"/>
    </row>
    <row r="23037" spans="2:12" ht="28.5">
      <c r="B23037" s="358" t="s">
        <v>9753</v>
      </c>
      <c r="C23037" s="358" t="s">
        <v>26116</v>
      </c>
      <c r="D23037" s="358" t="s">
        <v>9754</v>
      </c>
      <c r="E23037" s="358" t="s">
        <v>9755</v>
      </c>
      <c r="F23037" s="358" t="s">
        <v>14330</v>
      </c>
      <c r="G23037" s="358" t="s">
        <v>14327</v>
      </c>
      <c r="H23037" s="358" t="s">
        <v>14331</v>
      </c>
      <c r="I23037" s="358" t="s">
        <v>14327</v>
      </c>
      <c r="J23037" s="358"/>
      <c r="K23037" s="358"/>
      <c r="L23037" s="358" t="s">
        <v>26096</v>
      </c>
    </row>
    <row r="23038" spans="2:12">
      <c r="B23038" s="367"/>
      <c r="C23038" s="360"/>
      <c r="D23038" s="367"/>
      <c r="E23038" s="367"/>
      <c r="F23038" s="360"/>
      <c r="G23038" s="360"/>
      <c r="H23038" s="360"/>
      <c r="I23038" s="360"/>
      <c r="J23038" s="365"/>
      <c r="K23038" s="365"/>
      <c r="L23038" s="367"/>
    </row>
    <row r="23039" spans="2:12">
      <c r="B23039" s="367"/>
      <c r="C23039" s="359" t="s">
        <v>12794</v>
      </c>
      <c r="D23039" s="367"/>
      <c r="E23039" s="367"/>
      <c r="F23039" s="359" t="s">
        <v>14326</v>
      </c>
      <c r="G23039" s="359" t="s">
        <v>14669</v>
      </c>
      <c r="H23039" s="359" t="s">
        <v>14328</v>
      </c>
      <c r="I23039" s="359" t="s">
        <v>14669</v>
      </c>
      <c r="J23039" s="365"/>
      <c r="K23039" s="365"/>
      <c r="L23039" s="367"/>
    </row>
    <row r="23040" spans="2:12">
      <c r="B23040" s="367"/>
      <c r="C23040" s="360"/>
      <c r="D23040" s="367"/>
      <c r="E23040" s="367"/>
      <c r="F23040" s="360"/>
      <c r="G23040" s="360"/>
      <c r="H23040" s="360"/>
      <c r="I23040" s="360"/>
      <c r="J23040" s="365"/>
      <c r="K23040" s="365"/>
      <c r="L23040" s="367"/>
    </row>
    <row r="23041" spans="2:12" ht="71.25">
      <c r="B23041" s="367"/>
      <c r="C23041" s="359" t="s">
        <v>28165</v>
      </c>
      <c r="D23041" s="367"/>
      <c r="E23041" s="367"/>
      <c r="F23041" s="359" t="s">
        <v>29864</v>
      </c>
      <c r="G23041" s="359" t="s">
        <v>14890</v>
      </c>
      <c r="H23041" s="359" t="s">
        <v>14381</v>
      </c>
      <c r="I23041" s="359" t="s">
        <v>14890</v>
      </c>
      <c r="J23041" s="365"/>
      <c r="K23041" s="365"/>
      <c r="L23041" s="367"/>
    </row>
    <row r="23042" spans="2:12">
      <c r="B23042" s="367"/>
      <c r="C23042" s="360"/>
      <c r="D23042" s="367"/>
      <c r="E23042" s="367"/>
      <c r="F23042" s="360"/>
      <c r="G23042" s="360"/>
      <c r="H23042" s="360"/>
      <c r="I23042" s="360"/>
      <c r="J23042" s="365"/>
      <c r="K23042" s="365"/>
      <c r="L23042" s="367"/>
    </row>
    <row r="23043" spans="2:12">
      <c r="B23043" s="368"/>
      <c r="C23043" s="362"/>
      <c r="D23043" s="368"/>
      <c r="E23043" s="368"/>
      <c r="F23043" s="362"/>
      <c r="G23043" s="362"/>
      <c r="H23043" s="361" t="s">
        <v>14332</v>
      </c>
      <c r="I23043" s="362"/>
      <c r="J23043" s="366"/>
      <c r="K23043" s="366"/>
      <c r="L23043" s="368"/>
    </row>
    <row r="23044" spans="2:12" ht="28.5">
      <c r="B23044" s="358" t="s">
        <v>9758</v>
      </c>
      <c r="C23044" s="358" t="s">
        <v>29873</v>
      </c>
      <c r="D23044" s="358" t="s">
        <v>9759</v>
      </c>
      <c r="E23044" s="358" t="s">
        <v>9760</v>
      </c>
      <c r="F23044" s="358" t="s">
        <v>14330</v>
      </c>
      <c r="G23044" s="358" t="s">
        <v>14327</v>
      </c>
      <c r="H23044" s="358" t="s">
        <v>14331</v>
      </c>
      <c r="I23044" s="358" t="s">
        <v>14327</v>
      </c>
      <c r="J23044" s="358"/>
      <c r="K23044" s="358"/>
      <c r="L23044" s="358" t="s">
        <v>26096</v>
      </c>
    </row>
    <row r="23045" spans="2:12">
      <c r="B23045" s="367"/>
      <c r="C23045" s="360"/>
      <c r="D23045" s="367"/>
      <c r="E23045" s="367"/>
      <c r="F23045" s="360"/>
      <c r="G23045" s="360"/>
      <c r="H23045" s="360"/>
      <c r="I23045" s="360"/>
      <c r="J23045" s="365"/>
      <c r="K23045" s="365"/>
      <c r="L23045" s="367"/>
    </row>
    <row r="23046" spans="2:12" ht="57">
      <c r="B23046" s="367"/>
      <c r="C23046" s="359" t="s">
        <v>26117</v>
      </c>
      <c r="D23046" s="367"/>
      <c r="E23046" s="367"/>
      <c r="F23046" s="359" t="s">
        <v>14326</v>
      </c>
      <c r="G23046" s="359" t="s">
        <v>14669</v>
      </c>
      <c r="H23046" s="359" t="s">
        <v>14328</v>
      </c>
      <c r="I23046" s="359" t="s">
        <v>14669</v>
      </c>
      <c r="J23046" s="365"/>
      <c r="K23046" s="365"/>
      <c r="L23046" s="367"/>
    </row>
    <row r="23047" spans="2:12">
      <c r="B23047" s="367"/>
      <c r="C23047" s="360"/>
      <c r="D23047" s="367"/>
      <c r="E23047" s="367"/>
      <c r="F23047" s="360"/>
      <c r="G23047" s="360"/>
      <c r="H23047" s="360"/>
      <c r="I23047" s="360"/>
      <c r="J23047" s="365"/>
      <c r="K23047" s="365"/>
      <c r="L23047" s="367"/>
    </row>
    <row r="23048" spans="2:12" ht="28.5">
      <c r="B23048" s="367"/>
      <c r="C23048" s="360"/>
      <c r="D23048" s="367"/>
      <c r="E23048" s="367"/>
      <c r="F23048" s="359" t="s">
        <v>29864</v>
      </c>
      <c r="G23048" s="359" t="s">
        <v>14890</v>
      </c>
      <c r="H23048" s="359" t="s">
        <v>14381</v>
      </c>
      <c r="I23048" s="359" t="s">
        <v>14890</v>
      </c>
      <c r="J23048" s="365"/>
      <c r="K23048" s="365"/>
      <c r="L23048" s="367"/>
    </row>
    <row r="23049" spans="2:12">
      <c r="B23049" s="367"/>
      <c r="C23049" s="360"/>
      <c r="D23049" s="367"/>
      <c r="E23049" s="367"/>
      <c r="F23049" s="360"/>
      <c r="G23049" s="360"/>
      <c r="H23049" s="360"/>
      <c r="I23049" s="360"/>
      <c r="J23049" s="365"/>
      <c r="K23049" s="365"/>
      <c r="L23049" s="367"/>
    </row>
    <row r="23050" spans="2:12">
      <c r="B23050" s="368"/>
      <c r="C23050" s="362"/>
      <c r="D23050" s="368"/>
      <c r="E23050" s="368"/>
      <c r="F23050" s="362"/>
      <c r="G23050" s="362"/>
      <c r="H23050" s="361" t="s">
        <v>14332</v>
      </c>
      <c r="I23050" s="362"/>
      <c r="J23050" s="366"/>
      <c r="K23050" s="366"/>
      <c r="L23050" s="368"/>
    </row>
    <row r="23051" spans="2:12" ht="28.5">
      <c r="B23051" s="358" t="s">
        <v>9762</v>
      </c>
      <c r="C23051" s="358" t="s">
        <v>29874</v>
      </c>
      <c r="D23051" s="358" t="s">
        <v>9763</v>
      </c>
      <c r="E23051" s="358" t="s">
        <v>9764</v>
      </c>
      <c r="F23051" s="358" t="s">
        <v>14330</v>
      </c>
      <c r="G23051" s="358" t="s">
        <v>14327</v>
      </c>
      <c r="H23051" s="358" t="s">
        <v>14331</v>
      </c>
      <c r="I23051" s="358" t="s">
        <v>14327</v>
      </c>
      <c r="J23051" s="358"/>
      <c r="K23051" s="358"/>
      <c r="L23051" s="358" t="s">
        <v>26096</v>
      </c>
    </row>
    <row r="23052" spans="2:12">
      <c r="B23052" s="367"/>
      <c r="C23052" s="360"/>
      <c r="D23052" s="367"/>
      <c r="E23052" s="367"/>
      <c r="F23052" s="360"/>
      <c r="G23052" s="360"/>
      <c r="H23052" s="360"/>
      <c r="I23052" s="360"/>
      <c r="J23052" s="365"/>
      <c r="K23052" s="365"/>
      <c r="L23052" s="367"/>
    </row>
    <row r="23053" spans="2:12" ht="42.75">
      <c r="B23053" s="367"/>
      <c r="C23053" s="359" t="s">
        <v>28166</v>
      </c>
      <c r="D23053" s="367"/>
      <c r="E23053" s="367"/>
      <c r="F23053" s="359" t="s">
        <v>14326</v>
      </c>
      <c r="G23053" s="359" t="s">
        <v>14669</v>
      </c>
      <c r="H23053" s="359" t="s">
        <v>14328</v>
      </c>
      <c r="I23053" s="359" t="s">
        <v>14669</v>
      </c>
      <c r="J23053" s="365"/>
      <c r="K23053" s="365"/>
      <c r="L23053" s="367"/>
    </row>
    <row r="23054" spans="2:12">
      <c r="B23054" s="367"/>
      <c r="C23054" s="360"/>
      <c r="D23054" s="367"/>
      <c r="E23054" s="367"/>
      <c r="F23054" s="360"/>
      <c r="G23054" s="360"/>
      <c r="H23054" s="360"/>
      <c r="I23054" s="360"/>
      <c r="J23054" s="365"/>
      <c r="K23054" s="365"/>
      <c r="L23054" s="367"/>
    </row>
    <row r="23055" spans="2:12" ht="28.5">
      <c r="B23055" s="367"/>
      <c r="C23055" s="360"/>
      <c r="D23055" s="367"/>
      <c r="E23055" s="367"/>
      <c r="F23055" s="359" t="s">
        <v>29864</v>
      </c>
      <c r="G23055" s="359" t="s">
        <v>14890</v>
      </c>
      <c r="H23055" s="359" t="s">
        <v>14381</v>
      </c>
      <c r="I23055" s="359" t="s">
        <v>14890</v>
      </c>
      <c r="J23055" s="365"/>
      <c r="K23055" s="365"/>
      <c r="L23055" s="367"/>
    </row>
    <row r="23056" spans="2:12">
      <c r="B23056" s="367"/>
      <c r="C23056" s="360"/>
      <c r="D23056" s="367"/>
      <c r="E23056" s="367"/>
      <c r="F23056" s="360"/>
      <c r="G23056" s="360"/>
      <c r="H23056" s="360"/>
      <c r="I23056" s="360"/>
      <c r="J23056" s="365"/>
      <c r="K23056" s="365"/>
      <c r="L23056" s="367"/>
    </row>
    <row r="23057" spans="2:12">
      <c r="B23057" s="368"/>
      <c r="C23057" s="362"/>
      <c r="D23057" s="368"/>
      <c r="E23057" s="368"/>
      <c r="F23057" s="362"/>
      <c r="G23057" s="362"/>
      <c r="H23057" s="361" t="s">
        <v>14332</v>
      </c>
      <c r="I23057" s="362"/>
      <c r="J23057" s="366"/>
      <c r="K23057" s="366"/>
      <c r="L23057" s="368"/>
    </row>
    <row r="23058" spans="2:12">
      <c r="B23058" s="358" t="s">
        <v>9766</v>
      </c>
      <c r="C23058" s="358" t="s">
        <v>26118</v>
      </c>
      <c r="D23058" s="358" t="s">
        <v>9767</v>
      </c>
      <c r="E23058" s="358" t="s">
        <v>9768</v>
      </c>
      <c r="F23058" s="358" t="s">
        <v>14330</v>
      </c>
      <c r="G23058" s="358" t="s">
        <v>14327</v>
      </c>
      <c r="H23058" s="358" t="s">
        <v>14331</v>
      </c>
      <c r="I23058" s="358" t="s">
        <v>14327</v>
      </c>
      <c r="J23058" s="358"/>
      <c r="K23058" s="358"/>
      <c r="L23058" s="358" t="s">
        <v>26096</v>
      </c>
    </row>
    <row r="23059" spans="2:12">
      <c r="B23059" s="367"/>
      <c r="C23059" s="360"/>
      <c r="D23059" s="367"/>
      <c r="E23059" s="367"/>
      <c r="F23059" s="360"/>
      <c r="G23059" s="360"/>
      <c r="H23059" s="360"/>
      <c r="I23059" s="360"/>
      <c r="J23059" s="365"/>
      <c r="K23059" s="365"/>
      <c r="L23059" s="367"/>
    </row>
    <row r="23060" spans="2:12">
      <c r="B23060" s="367"/>
      <c r="C23060" s="359" t="s">
        <v>12794</v>
      </c>
      <c r="D23060" s="367"/>
      <c r="E23060" s="367"/>
      <c r="F23060" s="359" t="s">
        <v>14326</v>
      </c>
      <c r="G23060" s="359" t="s">
        <v>14669</v>
      </c>
      <c r="H23060" s="359" t="s">
        <v>14328</v>
      </c>
      <c r="I23060" s="359" t="s">
        <v>14669</v>
      </c>
      <c r="J23060" s="365"/>
      <c r="K23060" s="365"/>
      <c r="L23060" s="367"/>
    </row>
    <row r="23061" spans="2:12">
      <c r="B23061" s="367"/>
      <c r="C23061" s="360"/>
      <c r="D23061" s="367"/>
      <c r="E23061" s="367"/>
      <c r="F23061" s="360"/>
      <c r="G23061" s="360"/>
      <c r="H23061" s="360"/>
      <c r="I23061" s="360"/>
      <c r="J23061" s="365"/>
      <c r="K23061" s="365"/>
      <c r="L23061" s="367"/>
    </row>
    <row r="23062" spans="2:12" ht="71.25">
      <c r="B23062" s="367"/>
      <c r="C23062" s="359" t="s">
        <v>28167</v>
      </c>
      <c r="D23062" s="367"/>
      <c r="E23062" s="367"/>
      <c r="F23062" s="359" t="s">
        <v>29864</v>
      </c>
      <c r="G23062" s="359" t="s">
        <v>14890</v>
      </c>
      <c r="H23062" s="359" t="s">
        <v>14381</v>
      </c>
      <c r="I23062" s="359" t="s">
        <v>14890</v>
      </c>
      <c r="J23062" s="365"/>
      <c r="K23062" s="365"/>
      <c r="L23062" s="367"/>
    </row>
    <row r="23063" spans="2:12">
      <c r="B23063" s="367"/>
      <c r="C23063" s="360"/>
      <c r="D23063" s="367"/>
      <c r="E23063" s="367"/>
      <c r="F23063" s="360"/>
      <c r="G23063" s="360"/>
      <c r="H23063" s="360"/>
      <c r="I23063" s="360"/>
      <c r="J23063" s="365"/>
      <c r="K23063" s="365"/>
      <c r="L23063" s="367"/>
    </row>
    <row r="23064" spans="2:12">
      <c r="B23064" s="368"/>
      <c r="C23064" s="362"/>
      <c r="D23064" s="368"/>
      <c r="E23064" s="368"/>
      <c r="F23064" s="362"/>
      <c r="G23064" s="362"/>
      <c r="H23064" s="361" t="s">
        <v>14332</v>
      </c>
      <c r="I23064" s="362"/>
      <c r="J23064" s="366"/>
      <c r="K23064" s="366"/>
      <c r="L23064" s="368"/>
    </row>
    <row r="23065" spans="2:12" ht="28.5">
      <c r="B23065" s="358" t="s">
        <v>9770</v>
      </c>
      <c r="C23065" s="358" t="s">
        <v>29875</v>
      </c>
      <c r="D23065" s="358" t="s">
        <v>9771</v>
      </c>
      <c r="E23065" s="358" t="s">
        <v>9772</v>
      </c>
      <c r="F23065" s="358" t="s">
        <v>14330</v>
      </c>
      <c r="G23065" s="358" t="s">
        <v>14327</v>
      </c>
      <c r="H23065" s="358" t="s">
        <v>14331</v>
      </c>
      <c r="I23065" s="358" t="s">
        <v>14327</v>
      </c>
      <c r="J23065" s="358"/>
      <c r="K23065" s="358"/>
      <c r="L23065" s="358" t="s">
        <v>26096</v>
      </c>
    </row>
    <row r="23066" spans="2:12">
      <c r="B23066" s="367"/>
      <c r="C23066" s="360"/>
      <c r="D23066" s="367"/>
      <c r="E23066" s="367"/>
      <c r="F23066" s="360"/>
      <c r="G23066" s="360"/>
      <c r="H23066" s="360"/>
      <c r="I23066" s="360"/>
      <c r="J23066" s="365"/>
      <c r="K23066" s="365"/>
      <c r="L23066" s="367"/>
    </row>
    <row r="23067" spans="2:12" ht="57">
      <c r="B23067" s="367"/>
      <c r="C23067" s="359" t="s">
        <v>28168</v>
      </c>
      <c r="D23067" s="367"/>
      <c r="E23067" s="367"/>
      <c r="F23067" s="359" t="s">
        <v>14326</v>
      </c>
      <c r="G23067" s="359" t="s">
        <v>14669</v>
      </c>
      <c r="H23067" s="359" t="s">
        <v>14328</v>
      </c>
      <c r="I23067" s="359" t="s">
        <v>14669</v>
      </c>
      <c r="J23067" s="365"/>
      <c r="K23067" s="365"/>
      <c r="L23067" s="367"/>
    </row>
    <row r="23068" spans="2:12">
      <c r="B23068" s="367"/>
      <c r="C23068" s="360"/>
      <c r="D23068" s="367"/>
      <c r="E23068" s="367"/>
      <c r="F23068" s="360"/>
      <c r="G23068" s="360"/>
      <c r="H23068" s="360"/>
      <c r="I23068" s="360"/>
      <c r="J23068" s="365"/>
      <c r="K23068" s="365"/>
      <c r="L23068" s="367"/>
    </row>
    <row r="23069" spans="2:12" ht="28.5">
      <c r="B23069" s="367"/>
      <c r="C23069" s="360"/>
      <c r="D23069" s="367"/>
      <c r="E23069" s="367"/>
      <c r="F23069" s="359" t="s">
        <v>29864</v>
      </c>
      <c r="G23069" s="359" t="s">
        <v>14890</v>
      </c>
      <c r="H23069" s="359" t="s">
        <v>14381</v>
      </c>
      <c r="I23069" s="359" t="s">
        <v>14890</v>
      </c>
      <c r="J23069" s="365"/>
      <c r="K23069" s="365"/>
      <c r="L23069" s="367"/>
    </row>
    <row r="23070" spans="2:12">
      <c r="B23070" s="367"/>
      <c r="C23070" s="360"/>
      <c r="D23070" s="367"/>
      <c r="E23070" s="367"/>
      <c r="F23070" s="360"/>
      <c r="G23070" s="360"/>
      <c r="H23070" s="360"/>
      <c r="I23070" s="360"/>
      <c r="J23070" s="365"/>
      <c r="K23070" s="365"/>
      <c r="L23070" s="367"/>
    </row>
    <row r="23071" spans="2:12">
      <c r="B23071" s="368"/>
      <c r="C23071" s="362"/>
      <c r="D23071" s="368"/>
      <c r="E23071" s="368"/>
      <c r="F23071" s="362"/>
      <c r="G23071" s="362"/>
      <c r="H23071" s="361" t="s">
        <v>14332</v>
      </c>
      <c r="I23071" s="362"/>
      <c r="J23071" s="366"/>
      <c r="K23071" s="366"/>
      <c r="L23071" s="368"/>
    </row>
    <row r="23072" spans="2:12" ht="28.5">
      <c r="B23072" s="358" t="s">
        <v>9774</v>
      </c>
      <c r="C23072" s="358" t="s">
        <v>26119</v>
      </c>
      <c r="D23072" s="358" t="s">
        <v>9775</v>
      </c>
      <c r="E23072" s="358" t="s">
        <v>9776</v>
      </c>
      <c r="F23072" s="358" t="s">
        <v>14330</v>
      </c>
      <c r="G23072" s="358" t="s">
        <v>14327</v>
      </c>
      <c r="H23072" s="358" t="s">
        <v>14331</v>
      </c>
      <c r="I23072" s="358" t="s">
        <v>14327</v>
      </c>
      <c r="J23072" s="358"/>
      <c r="K23072" s="358"/>
      <c r="L23072" s="358" t="s">
        <v>26096</v>
      </c>
    </row>
    <row r="23073" spans="2:12">
      <c r="B23073" s="367"/>
      <c r="C23073" s="360"/>
      <c r="D23073" s="367"/>
      <c r="E23073" s="367"/>
      <c r="F23073" s="360"/>
      <c r="G23073" s="360"/>
      <c r="H23073" s="360"/>
      <c r="I23073" s="360"/>
      <c r="J23073" s="365"/>
      <c r="K23073" s="365"/>
      <c r="L23073" s="367"/>
    </row>
    <row r="23074" spans="2:12">
      <c r="B23074" s="367"/>
      <c r="C23074" s="359" t="s">
        <v>12794</v>
      </c>
      <c r="D23074" s="367"/>
      <c r="E23074" s="367"/>
      <c r="F23074" s="359" t="s">
        <v>14326</v>
      </c>
      <c r="G23074" s="359" t="s">
        <v>14669</v>
      </c>
      <c r="H23074" s="359" t="s">
        <v>14328</v>
      </c>
      <c r="I23074" s="359" t="s">
        <v>14669</v>
      </c>
      <c r="J23074" s="365"/>
      <c r="K23074" s="365"/>
      <c r="L23074" s="367"/>
    </row>
    <row r="23075" spans="2:12">
      <c r="B23075" s="367"/>
      <c r="C23075" s="360"/>
      <c r="D23075" s="367"/>
      <c r="E23075" s="367"/>
      <c r="F23075" s="360"/>
      <c r="G23075" s="360"/>
      <c r="H23075" s="360"/>
      <c r="I23075" s="360"/>
      <c r="J23075" s="365"/>
      <c r="K23075" s="365"/>
      <c r="L23075" s="367"/>
    </row>
    <row r="23076" spans="2:12" ht="71.25">
      <c r="B23076" s="367"/>
      <c r="C23076" s="359" t="s">
        <v>30655</v>
      </c>
      <c r="D23076" s="367"/>
      <c r="E23076" s="367"/>
      <c r="F23076" s="359" t="s">
        <v>29864</v>
      </c>
      <c r="G23076" s="359" t="s">
        <v>14890</v>
      </c>
      <c r="H23076" s="359" t="s">
        <v>14381</v>
      </c>
      <c r="I23076" s="359" t="s">
        <v>14890</v>
      </c>
      <c r="J23076" s="365"/>
      <c r="K23076" s="365"/>
      <c r="L23076" s="367"/>
    </row>
    <row r="23077" spans="2:12">
      <c r="B23077" s="367"/>
      <c r="C23077" s="360"/>
      <c r="D23077" s="367"/>
      <c r="E23077" s="367"/>
      <c r="F23077" s="360"/>
      <c r="G23077" s="360"/>
      <c r="H23077" s="360"/>
      <c r="I23077" s="360"/>
      <c r="J23077" s="365"/>
      <c r="K23077" s="365"/>
      <c r="L23077" s="367"/>
    </row>
    <row r="23078" spans="2:12">
      <c r="B23078" s="368"/>
      <c r="C23078" s="362"/>
      <c r="D23078" s="368"/>
      <c r="E23078" s="368"/>
      <c r="F23078" s="362"/>
      <c r="G23078" s="362"/>
      <c r="H23078" s="361" t="s">
        <v>14332</v>
      </c>
      <c r="I23078" s="362"/>
      <c r="J23078" s="366"/>
      <c r="K23078" s="366"/>
      <c r="L23078" s="368"/>
    </row>
    <row r="23079" spans="2:12" ht="28.5">
      <c r="B23079" s="358" t="s">
        <v>9778</v>
      </c>
      <c r="C23079" s="358" t="s">
        <v>26120</v>
      </c>
      <c r="D23079" s="358" t="s">
        <v>9779</v>
      </c>
      <c r="E23079" s="358" t="s">
        <v>9780</v>
      </c>
      <c r="F23079" s="358" t="s">
        <v>14330</v>
      </c>
      <c r="G23079" s="358" t="s">
        <v>14327</v>
      </c>
      <c r="H23079" s="358" t="s">
        <v>14331</v>
      </c>
      <c r="I23079" s="358" t="s">
        <v>14327</v>
      </c>
      <c r="J23079" s="358"/>
      <c r="K23079" s="358"/>
      <c r="L23079" s="358" t="s">
        <v>26096</v>
      </c>
    </row>
    <row r="23080" spans="2:12">
      <c r="B23080" s="367"/>
      <c r="C23080" s="360"/>
      <c r="D23080" s="367"/>
      <c r="E23080" s="367"/>
      <c r="F23080" s="360"/>
      <c r="G23080" s="360"/>
      <c r="H23080" s="360"/>
      <c r="I23080" s="360"/>
      <c r="J23080" s="365"/>
      <c r="K23080" s="365"/>
      <c r="L23080" s="367"/>
    </row>
    <row r="23081" spans="2:12">
      <c r="B23081" s="367"/>
      <c r="C23081" s="359" t="s">
        <v>26106</v>
      </c>
      <c r="D23081" s="367"/>
      <c r="E23081" s="367"/>
      <c r="F23081" s="359" t="s">
        <v>14326</v>
      </c>
      <c r="G23081" s="359" t="s">
        <v>14669</v>
      </c>
      <c r="H23081" s="359" t="s">
        <v>14328</v>
      </c>
      <c r="I23081" s="359" t="s">
        <v>14669</v>
      </c>
      <c r="J23081" s="365"/>
      <c r="K23081" s="365"/>
      <c r="L23081" s="367"/>
    </row>
    <row r="23082" spans="2:12">
      <c r="B23082" s="367"/>
      <c r="C23082" s="360"/>
      <c r="D23082" s="367"/>
      <c r="E23082" s="367"/>
      <c r="F23082" s="360"/>
      <c r="G23082" s="360"/>
      <c r="H23082" s="360"/>
      <c r="I23082" s="360"/>
      <c r="J23082" s="365"/>
      <c r="K23082" s="365"/>
      <c r="L23082" s="367"/>
    </row>
    <row r="23083" spans="2:12" ht="71.25">
      <c r="B23083" s="367"/>
      <c r="C23083" s="359" t="s">
        <v>30656</v>
      </c>
      <c r="D23083" s="367"/>
      <c r="E23083" s="367"/>
      <c r="F23083" s="359" t="s">
        <v>29864</v>
      </c>
      <c r="G23083" s="359" t="s">
        <v>14890</v>
      </c>
      <c r="H23083" s="359" t="s">
        <v>14381</v>
      </c>
      <c r="I23083" s="359" t="s">
        <v>14890</v>
      </c>
      <c r="J23083" s="365"/>
      <c r="K23083" s="365"/>
      <c r="L23083" s="367"/>
    </row>
    <row r="23084" spans="2:12">
      <c r="B23084" s="367"/>
      <c r="C23084" s="360"/>
      <c r="D23084" s="367"/>
      <c r="E23084" s="367"/>
      <c r="F23084" s="360"/>
      <c r="G23084" s="360"/>
      <c r="H23084" s="360"/>
      <c r="I23084" s="360"/>
      <c r="J23084" s="365"/>
      <c r="K23084" s="365"/>
      <c r="L23084" s="367"/>
    </row>
    <row r="23085" spans="2:12">
      <c r="B23085" s="368"/>
      <c r="C23085" s="362"/>
      <c r="D23085" s="368"/>
      <c r="E23085" s="368"/>
      <c r="F23085" s="362"/>
      <c r="G23085" s="362"/>
      <c r="H23085" s="361" t="s">
        <v>14332</v>
      </c>
      <c r="I23085" s="362"/>
      <c r="J23085" s="366"/>
      <c r="K23085" s="366"/>
      <c r="L23085" s="368"/>
    </row>
    <row r="23086" spans="2:12" ht="28.5">
      <c r="B23086" s="358" t="s">
        <v>9782</v>
      </c>
      <c r="C23086" s="358" t="s">
        <v>26121</v>
      </c>
      <c r="D23086" s="358" t="s">
        <v>9783</v>
      </c>
      <c r="E23086" s="358" t="s">
        <v>9784</v>
      </c>
      <c r="F23086" s="358" t="s">
        <v>14330</v>
      </c>
      <c r="G23086" s="358" t="s">
        <v>14327</v>
      </c>
      <c r="H23086" s="358" t="s">
        <v>14331</v>
      </c>
      <c r="I23086" s="358" t="s">
        <v>14327</v>
      </c>
      <c r="J23086" s="358"/>
      <c r="K23086" s="358"/>
      <c r="L23086" s="358" t="s">
        <v>26096</v>
      </c>
    </row>
    <row r="23087" spans="2:12">
      <c r="B23087" s="367"/>
      <c r="C23087" s="360"/>
      <c r="D23087" s="367"/>
      <c r="E23087" s="367"/>
      <c r="F23087" s="360"/>
      <c r="G23087" s="360"/>
      <c r="H23087" s="360"/>
      <c r="I23087" s="360"/>
      <c r="J23087" s="365"/>
      <c r="K23087" s="365"/>
      <c r="L23087" s="367"/>
    </row>
    <row r="23088" spans="2:12">
      <c r="B23088" s="367"/>
      <c r="C23088" s="359" t="s">
        <v>12794</v>
      </c>
      <c r="D23088" s="367"/>
      <c r="E23088" s="367"/>
      <c r="F23088" s="359" t="s">
        <v>14326</v>
      </c>
      <c r="G23088" s="359" t="s">
        <v>14669</v>
      </c>
      <c r="H23088" s="359" t="s">
        <v>14328</v>
      </c>
      <c r="I23088" s="359" t="s">
        <v>14669</v>
      </c>
      <c r="J23088" s="365"/>
      <c r="K23088" s="365"/>
      <c r="L23088" s="367"/>
    </row>
    <row r="23089" spans="2:12">
      <c r="B23089" s="367"/>
      <c r="C23089" s="360"/>
      <c r="D23089" s="367"/>
      <c r="E23089" s="367"/>
      <c r="F23089" s="360"/>
      <c r="G23089" s="360"/>
      <c r="H23089" s="360"/>
      <c r="I23089" s="360"/>
      <c r="J23089" s="365"/>
      <c r="K23089" s="365"/>
      <c r="L23089" s="367"/>
    </row>
    <row r="23090" spans="2:12" ht="71.25">
      <c r="B23090" s="367"/>
      <c r="C23090" s="359" t="s">
        <v>28169</v>
      </c>
      <c r="D23090" s="367"/>
      <c r="E23090" s="367"/>
      <c r="F23090" s="359" t="s">
        <v>29864</v>
      </c>
      <c r="G23090" s="359" t="s">
        <v>14890</v>
      </c>
      <c r="H23090" s="359" t="s">
        <v>14381</v>
      </c>
      <c r="I23090" s="359" t="s">
        <v>14890</v>
      </c>
      <c r="J23090" s="365"/>
      <c r="K23090" s="365"/>
      <c r="L23090" s="367"/>
    </row>
    <row r="23091" spans="2:12">
      <c r="B23091" s="367"/>
      <c r="C23091" s="360"/>
      <c r="D23091" s="367"/>
      <c r="E23091" s="367"/>
      <c r="F23091" s="360"/>
      <c r="G23091" s="360"/>
      <c r="H23091" s="360"/>
      <c r="I23091" s="360"/>
      <c r="J23091" s="365"/>
      <c r="K23091" s="365"/>
      <c r="L23091" s="367"/>
    </row>
    <row r="23092" spans="2:12">
      <c r="B23092" s="368"/>
      <c r="C23092" s="362"/>
      <c r="D23092" s="368"/>
      <c r="E23092" s="368"/>
      <c r="F23092" s="362"/>
      <c r="G23092" s="362"/>
      <c r="H23092" s="361" t="s">
        <v>14332</v>
      </c>
      <c r="I23092" s="362"/>
      <c r="J23092" s="366"/>
      <c r="K23092" s="366"/>
      <c r="L23092" s="368"/>
    </row>
    <row r="23093" spans="2:12" ht="28.5">
      <c r="B23093" s="358" t="s">
        <v>9786</v>
      </c>
      <c r="C23093" s="358" t="s">
        <v>29876</v>
      </c>
      <c r="D23093" s="358" t="s">
        <v>9787</v>
      </c>
      <c r="E23093" s="358" t="s">
        <v>9788</v>
      </c>
      <c r="F23093" s="358" t="s">
        <v>14330</v>
      </c>
      <c r="G23093" s="358" t="s">
        <v>14327</v>
      </c>
      <c r="H23093" s="358" t="s">
        <v>14331</v>
      </c>
      <c r="I23093" s="358" t="s">
        <v>14327</v>
      </c>
      <c r="J23093" s="358"/>
      <c r="K23093" s="358"/>
      <c r="L23093" s="358" t="s">
        <v>26096</v>
      </c>
    </row>
    <row r="23094" spans="2:12">
      <c r="B23094" s="367"/>
      <c r="C23094" s="360"/>
      <c r="D23094" s="367"/>
      <c r="E23094" s="367"/>
      <c r="F23094" s="360"/>
      <c r="G23094" s="360"/>
      <c r="H23094" s="360"/>
      <c r="I23094" s="360"/>
      <c r="J23094" s="365"/>
      <c r="K23094" s="365"/>
      <c r="L23094" s="367"/>
    </row>
    <row r="23095" spans="2:12" ht="57">
      <c r="B23095" s="367"/>
      <c r="C23095" s="359" t="s">
        <v>28170</v>
      </c>
      <c r="D23095" s="367"/>
      <c r="E23095" s="367"/>
      <c r="F23095" s="359" t="s">
        <v>14326</v>
      </c>
      <c r="G23095" s="359" t="s">
        <v>14669</v>
      </c>
      <c r="H23095" s="359" t="s">
        <v>14328</v>
      </c>
      <c r="I23095" s="359" t="s">
        <v>14669</v>
      </c>
      <c r="J23095" s="365"/>
      <c r="K23095" s="365"/>
      <c r="L23095" s="367"/>
    </row>
    <row r="23096" spans="2:12">
      <c r="B23096" s="367"/>
      <c r="C23096" s="360"/>
      <c r="D23096" s="367"/>
      <c r="E23096" s="367"/>
      <c r="F23096" s="360"/>
      <c r="G23096" s="360"/>
      <c r="H23096" s="360"/>
      <c r="I23096" s="360"/>
      <c r="J23096" s="365"/>
      <c r="K23096" s="365"/>
      <c r="L23096" s="367"/>
    </row>
    <row r="23097" spans="2:12" ht="28.5">
      <c r="B23097" s="367"/>
      <c r="C23097" s="360"/>
      <c r="D23097" s="367"/>
      <c r="E23097" s="367"/>
      <c r="F23097" s="359" t="s">
        <v>29864</v>
      </c>
      <c r="G23097" s="359" t="s">
        <v>14890</v>
      </c>
      <c r="H23097" s="359" t="s">
        <v>14381</v>
      </c>
      <c r="I23097" s="359" t="s">
        <v>14890</v>
      </c>
      <c r="J23097" s="365"/>
      <c r="K23097" s="365"/>
      <c r="L23097" s="367"/>
    </row>
    <row r="23098" spans="2:12">
      <c r="B23098" s="367"/>
      <c r="C23098" s="360"/>
      <c r="D23098" s="367"/>
      <c r="E23098" s="367"/>
      <c r="F23098" s="360"/>
      <c r="G23098" s="360"/>
      <c r="H23098" s="360"/>
      <c r="I23098" s="360"/>
      <c r="J23098" s="365"/>
      <c r="K23098" s="365"/>
      <c r="L23098" s="367"/>
    </row>
    <row r="23099" spans="2:12">
      <c r="B23099" s="368"/>
      <c r="C23099" s="362"/>
      <c r="D23099" s="368"/>
      <c r="E23099" s="368"/>
      <c r="F23099" s="362"/>
      <c r="G23099" s="362"/>
      <c r="H23099" s="361" t="s">
        <v>14332</v>
      </c>
      <c r="I23099" s="362"/>
      <c r="J23099" s="366"/>
      <c r="K23099" s="366"/>
      <c r="L23099" s="368"/>
    </row>
    <row r="23100" spans="2:12" ht="28.5">
      <c r="B23100" s="358" t="s">
        <v>9790</v>
      </c>
      <c r="C23100" s="358" t="s">
        <v>26122</v>
      </c>
      <c r="D23100" s="358" t="s">
        <v>9791</v>
      </c>
      <c r="E23100" s="358" t="s">
        <v>9792</v>
      </c>
      <c r="F23100" s="358" t="s">
        <v>14330</v>
      </c>
      <c r="G23100" s="358" t="s">
        <v>14327</v>
      </c>
      <c r="H23100" s="358" t="s">
        <v>14331</v>
      </c>
      <c r="I23100" s="358" t="s">
        <v>14327</v>
      </c>
      <c r="J23100" s="358"/>
      <c r="K23100" s="358"/>
      <c r="L23100" s="358" t="s">
        <v>26096</v>
      </c>
    </row>
    <row r="23101" spans="2:12">
      <c r="B23101" s="367"/>
      <c r="C23101" s="360"/>
      <c r="D23101" s="367"/>
      <c r="E23101" s="367"/>
      <c r="F23101" s="360"/>
      <c r="G23101" s="360"/>
      <c r="H23101" s="360"/>
      <c r="I23101" s="360"/>
      <c r="J23101" s="365"/>
      <c r="K23101" s="365"/>
      <c r="L23101" s="367"/>
    </row>
    <row r="23102" spans="2:12">
      <c r="B23102" s="367"/>
      <c r="C23102" s="359" t="s">
        <v>12794</v>
      </c>
      <c r="D23102" s="367"/>
      <c r="E23102" s="367"/>
      <c r="F23102" s="359" t="s">
        <v>14326</v>
      </c>
      <c r="G23102" s="359" t="s">
        <v>14669</v>
      </c>
      <c r="H23102" s="359" t="s">
        <v>14328</v>
      </c>
      <c r="I23102" s="359" t="s">
        <v>14669</v>
      </c>
      <c r="J23102" s="365"/>
      <c r="K23102" s="365"/>
      <c r="L23102" s="367"/>
    </row>
    <row r="23103" spans="2:12">
      <c r="B23103" s="367"/>
      <c r="C23103" s="360"/>
      <c r="D23103" s="367"/>
      <c r="E23103" s="367"/>
      <c r="F23103" s="360"/>
      <c r="G23103" s="360"/>
      <c r="H23103" s="360"/>
      <c r="I23103" s="360"/>
      <c r="J23103" s="365"/>
      <c r="K23103" s="365"/>
      <c r="L23103" s="367"/>
    </row>
    <row r="23104" spans="2:12" ht="42.75">
      <c r="B23104" s="367"/>
      <c r="C23104" s="359" t="s">
        <v>29877</v>
      </c>
      <c r="D23104" s="367"/>
      <c r="E23104" s="367"/>
      <c r="F23104" s="359" t="s">
        <v>29864</v>
      </c>
      <c r="G23104" s="359" t="s">
        <v>14890</v>
      </c>
      <c r="H23104" s="359" t="s">
        <v>14381</v>
      </c>
      <c r="I23104" s="359" t="s">
        <v>14890</v>
      </c>
      <c r="J23104" s="365"/>
      <c r="K23104" s="365"/>
      <c r="L23104" s="367"/>
    </row>
    <row r="23105" spans="2:12">
      <c r="B23105" s="367"/>
      <c r="C23105" s="360"/>
      <c r="D23105" s="367"/>
      <c r="E23105" s="367"/>
      <c r="F23105" s="360"/>
      <c r="G23105" s="360"/>
      <c r="H23105" s="360"/>
      <c r="I23105" s="360"/>
      <c r="J23105" s="365"/>
      <c r="K23105" s="365"/>
      <c r="L23105" s="367"/>
    </row>
    <row r="23106" spans="2:12" ht="42.75">
      <c r="B23106" s="368"/>
      <c r="C23106" s="361" t="s">
        <v>30657</v>
      </c>
      <c r="D23106" s="368"/>
      <c r="E23106" s="368"/>
      <c r="F23106" s="362"/>
      <c r="G23106" s="362"/>
      <c r="H23106" s="361" t="s">
        <v>14332</v>
      </c>
      <c r="I23106" s="362"/>
      <c r="J23106" s="366"/>
      <c r="K23106" s="366"/>
      <c r="L23106" s="368"/>
    </row>
    <row r="23107" spans="2:12">
      <c r="B23107" s="358" t="s">
        <v>9793</v>
      </c>
      <c r="C23107" s="358" t="s">
        <v>30658</v>
      </c>
      <c r="D23107" s="358" t="s">
        <v>9794</v>
      </c>
      <c r="E23107" s="358" t="s">
        <v>12796</v>
      </c>
      <c r="F23107" s="358" t="s">
        <v>14330</v>
      </c>
      <c r="G23107" s="358" t="s">
        <v>14327</v>
      </c>
      <c r="H23107" s="358" t="s">
        <v>14331</v>
      </c>
      <c r="I23107" s="358" t="s">
        <v>14327</v>
      </c>
      <c r="J23107" s="358"/>
      <c r="K23107" s="358"/>
      <c r="L23107" s="358" t="s">
        <v>26096</v>
      </c>
    </row>
    <row r="23108" spans="2:12">
      <c r="B23108" s="367"/>
      <c r="C23108" s="367"/>
      <c r="D23108" s="367"/>
      <c r="E23108" s="367"/>
      <c r="F23108" s="360"/>
      <c r="G23108" s="360"/>
      <c r="H23108" s="360"/>
      <c r="I23108" s="360"/>
      <c r="J23108" s="365"/>
      <c r="K23108" s="365"/>
      <c r="L23108" s="367"/>
    </row>
    <row r="23109" spans="2:12">
      <c r="B23109" s="367"/>
      <c r="C23109" s="367"/>
      <c r="D23109" s="367"/>
      <c r="E23109" s="367"/>
      <c r="F23109" s="359" t="s">
        <v>14326</v>
      </c>
      <c r="G23109" s="359" t="s">
        <v>14669</v>
      </c>
      <c r="H23109" s="359" t="s">
        <v>14328</v>
      </c>
      <c r="I23109" s="359" t="s">
        <v>14669</v>
      </c>
      <c r="J23109" s="365"/>
      <c r="K23109" s="365"/>
      <c r="L23109" s="367"/>
    </row>
    <row r="23110" spans="2:12">
      <c r="B23110" s="367"/>
      <c r="C23110" s="367"/>
      <c r="D23110" s="367"/>
      <c r="E23110" s="367"/>
      <c r="F23110" s="360"/>
      <c r="G23110" s="360"/>
      <c r="H23110" s="360"/>
      <c r="I23110" s="360"/>
      <c r="J23110" s="365"/>
      <c r="K23110" s="365"/>
      <c r="L23110" s="367"/>
    </row>
    <row r="23111" spans="2:12" ht="28.5">
      <c r="B23111" s="367"/>
      <c r="C23111" s="367"/>
      <c r="D23111" s="367"/>
      <c r="E23111" s="367"/>
      <c r="F23111" s="359" t="s">
        <v>29864</v>
      </c>
      <c r="G23111" s="359" t="s">
        <v>14890</v>
      </c>
      <c r="H23111" s="359" t="s">
        <v>14381</v>
      </c>
      <c r="I23111" s="359" t="s">
        <v>14890</v>
      </c>
      <c r="J23111" s="365"/>
      <c r="K23111" s="365"/>
      <c r="L23111" s="367"/>
    </row>
    <row r="23112" spans="2:12">
      <c r="B23112" s="367"/>
      <c r="C23112" s="367"/>
      <c r="D23112" s="367"/>
      <c r="E23112" s="367"/>
      <c r="F23112" s="360"/>
      <c r="G23112" s="360"/>
      <c r="H23112" s="360"/>
      <c r="I23112" s="360"/>
      <c r="J23112" s="365"/>
      <c r="K23112" s="365"/>
      <c r="L23112" s="367"/>
    </row>
    <row r="23113" spans="2:12">
      <c r="B23113" s="368"/>
      <c r="C23113" s="368"/>
      <c r="D23113" s="368"/>
      <c r="E23113" s="368"/>
      <c r="F23113" s="362"/>
      <c r="G23113" s="362"/>
      <c r="H23113" s="361" t="s">
        <v>14332</v>
      </c>
      <c r="I23113" s="362"/>
      <c r="J23113" s="366"/>
      <c r="K23113" s="366"/>
      <c r="L23113" s="368"/>
    </row>
    <row r="23114" spans="2:12">
      <c r="B23114" s="358" t="s">
        <v>9796</v>
      </c>
      <c r="C23114" s="358" t="s">
        <v>30659</v>
      </c>
      <c r="D23114" s="358" t="s">
        <v>9797</v>
      </c>
      <c r="E23114" s="358" t="s">
        <v>9798</v>
      </c>
      <c r="F23114" s="358" t="s">
        <v>14330</v>
      </c>
      <c r="G23114" s="358" t="s">
        <v>14327</v>
      </c>
      <c r="H23114" s="358" t="s">
        <v>14331</v>
      </c>
      <c r="I23114" s="358" t="s">
        <v>14327</v>
      </c>
      <c r="J23114" s="358"/>
      <c r="K23114" s="358"/>
      <c r="L23114" s="358" t="s">
        <v>26096</v>
      </c>
    </row>
    <row r="23115" spans="2:12">
      <c r="B23115" s="367"/>
      <c r="C23115" s="367"/>
      <c r="D23115" s="367"/>
      <c r="E23115" s="367"/>
      <c r="F23115" s="360"/>
      <c r="G23115" s="360"/>
      <c r="H23115" s="360"/>
      <c r="I23115" s="360"/>
      <c r="J23115" s="365"/>
      <c r="K23115" s="365"/>
      <c r="L23115" s="367"/>
    </row>
    <row r="23116" spans="2:12">
      <c r="B23116" s="367"/>
      <c r="C23116" s="367"/>
      <c r="D23116" s="367"/>
      <c r="E23116" s="367"/>
      <c r="F23116" s="359" t="s">
        <v>14326</v>
      </c>
      <c r="G23116" s="359" t="s">
        <v>14669</v>
      </c>
      <c r="H23116" s="359" t="s">
        <v>14328</v>
      </c>
      <c r="I23116" s="359" t="s">
        <v>14669</v>
      </c>
      <c r="J23116" s="365"/>
      <c r="K23116" s="365"/>
      <c r="L23116" s="367"/>
    </row>
    <row r="23117" spans="2:12">
      <c r="B23117" s="367"/>
      <c r="C23117" s="367"/>
      <c r="D23117" s="367"/>
      <c r="E23117" s="367"/>
      <c r="F23117" s="360"/>
      <c r="G23117" s="360"/>
      <c r="H23117" s="360"/>
      <c r="I23117" s="360"/>
      <c r="J23117" s="365"/>
      <c r="K23117" s="365"/>
      <c r="L23117" s="367"/>
    </row>
    <row r="23118" spans="2:12" ht="28.5">
      <c r="B23118" s="367"/>
      <c r="C23118" s="367"/>
      <c r="D23118" s="367"/>
      <c r="E23118" s="367"/>
      <c r="F23118" s="359" t="s">
        <v>29864</v>
      </c>
      <c r="G23118" s="359" t="s">
        <v>14890</v>
      </c>
      <c r="H23118" s="359" t="s">
        <v>14381</v>
      </c>
      <c r="I23118" s="359" t="s">
        <v>14890</v>
      </c>
      <c r="J23118" s="365"/>
      <c r="K23118" s="365"/>
      <c r="L23118" s="367"/>
    </row>
    <row r="23119" spans="2:12">
      <c r="B23119" s="367"/>
      <c r="C23119" s="367"/>
      <c r="D23119" s="367"/>
      <c r="E23119" s="367"/>
      <c r="F23119" s="360"/>
      <c r="G23119" s="360"/>
      <c r="H23119" s="360"/>
      <c r="I23119" s="360"/>
      <c r="J23119" s="365"/>
      <c r="K23119" s="365"/>
      <c r="L23119" s="367"/>
    </row>
    <row r="23120" spans="2:12">
      <c r="B23120" s="368"/>
      <c r="C23120" s="368"/>
      <c r="D23120" s="368"/>
      <c r="E23120" s="368"/>
      <c r="F23120" s="362"/>
      <c r="G23120" s="362"/>
      <c r="H23120" s="361" t="s">
        <v>14332</v>
      </c>
      <c r="I23120" s="362"/>
      <c r="J23120" s="366"/>
      <c r="K23120" s="366"/>
      <c r="L23120" s="368"/>
    </row>
    <row r="23121" spans="2:12">
      <c r="B23121" s="358" t="s">
        <v>9799</v>
      </c>
      <c r="C23121" s="358" t="s">
        <v>28171</v>
      </c>
      <c r="D23121" s="358" t="s">
        <v>9800</v>
      </c>
      <c r="E23121" s="358" t="s">
        <v>9801</v>
      </c>
      <c r="F23121" s="358" t="s">
        <v>14330</v>
      </c>
      <c r="G23121" s="358" t="s">
        <v>14327</v>
      </c>
      <c r="H23121" s="358" t="s">
        <v>14331</v>
      </c>
      <c r="I23121" s="358" t="s">
        <v>14327</v>
      </c>
      <c r="J23121" s="358"/>
      <c r="K23121" s="358"/>
      <c r="L23121" s="358" t="s">
        <v>26096</v>
      </c>
    </row>
    <row r="23122" spans="2:12">
      <c r="B23122" s="367"/>
      <c r="C23122" s="360"/>
      <c r="D23122" s="367"/>
      <c r="E23122" s="367"/>
      <c r="F23122" s="360"/>
      <c r="G23122" s="360"/>
      <c r="H23122" s="360"/>
      <c r="I23122" s="360"/>
      <c r="J23122" s="365"/>
      <c r="K23122" s="365"/>
      <c r="L23122" s="367"/>
    </row>
    <row r="23123" spans="2:12">
      <c r="B23123" s="367"/>
      <c r="C23123" s="359" t="s">
        <v>12794</v>
      </c>
      <c r="D23123" s="367"/>
      <c r="E23123" s="367"/>
      <c r="F23123" s="359" t="s">
        <v>14326</v>
      </c>
      <c r="G23123" s="359" t="s">
        <v>14669</v>
      </c>
      <c r="H23123" s="359" t="s">
        <v>14328</v>
      </c>
      <c r="I23123" s="359" t="s">
        <v>14669</v>
      </c>
      <c r="J23123" s="365"/>
      <c r="K23123" s="365"/>
      <c r="L23123" s="367"/>
    </row>
    <row r="23124" spans="2:12">
      <c r="B23124" s="367"/>
      <c r="C23124" s="360"/>
      <c r="D23124" s="367"/>
      <c r="E23124" s="367"/>
      <c r="F23124" s="360"/>
      <c r="G23124" s="360"/>
      <c r="H23124" s="360"/>
      <c r="I23124" s="360"/>
      <c r="J23124" s="365"/>
      <c r="K23124" s="365"/>
      <c r="L23124" s="367"/>
    </row>
    <row r="23125" spans="2:12" ht="71.25">
      <c r="B23125" s="367"/>
      <c r="C23125" s="359" t="s">
        <v>30660</v>
      </c>
      <c r="D23125" s="367"/>
      <c r="E23125" s="367"/>
      <c r="F23125" s="359" t="s">
        <v>29864</v>
      </c>
      <c r="G23125" s="359" t="s">
        <v>14890</v>
      </c>
      <c r="H23125" s="359" t="s">
        <v>14381</v>
      </c>
      <c r="I23125" s="359" t="s">
        <v>14890</v>
      </c>
      <c r="J23125" s="365"/>
      <c r="K23125" s="365"/>
      <c r="L23125" s="367"/>
    </row>
    <row r="23126" spans="2:12">
      <c r="B23126" s="367"/>
      <c r="C23126" s="360"/>
      <c r="D23126" s="367"/>
      <c r="E23126" s="367"/>
      <c r="F23126" s="360"/>
      <c r="G23126" s="360"/>
      <c r="H23126" s="360"/>
      <c r="I23126" s="360"/>
      <c r="J23126" s="365"/>
      <c r="K23126" s="365"/>
      <c r="L23126" s="367"/>
    </row>
    <row r="23127" spans="2:12">
      <c r="B23127" s="368"/>
      <c r="C23127" s="362"/>
      <c r="D23127" s="368"/>
      <c r="E23127" s="368"/>
      <c r="F23127" s="362"/>
      <c r="G23127" s="362"/>
      <c r="H23127" s="361" t="s">
        <v>14332</v>
      </c>
      <c r="I23127" s="362"/>
      <c r="J23127" s="366"/>
      <c r="K23127" s="366"/>
      <c r="L23127" s="368"/>
    </row>
    <row r="23128" spans="2:12">
      <c r="B23128" s="358" t="s">
        <v>9802</v>
      </c>
      <c r="C23128" s="358" t="s">
        <v>28172</v>
      </c>
      <c r="D23128" s="358" t="s">
        <v>9803</v>
      </c>
      <c r="E23128" s="358" t="s">
        <v>9804</v>
      </c>
      <c r="F23128" s="358" t="s">
        <v>14330</v>
      </c>
      <c r="G23128" s="358" t="s">
        <v>14327</v>
      </c>
      <c r="H23128" s="358" t="s">
        <v>14331</v>
      </c>
      <c r="I23128" s="358" t="s">
        <v>14327</v>
      </c>
      <c r="J23128" s="358"/>
      <c r="K23128" s="358"/>
      <c r="L23128" s="358" t="s">
        <v>26096</v>
      </c>
    </row>
    <row r="23129" spans="2:12">
      <c r="B23129" s="367"/>
      <c r="C23129" s="360"/>
      <c r="D23129" s="367"/>
      <c r="E23129" s="367"/>
      <c r="F23129" s="360"/>
      <c r="G23129" s="360"/>
      <c r="H23129" s="360"/>
      <c r="I23129" s="360"/>
      <c r="J23129" s="365"/>
      <c r="K23129" s="365"/>
      <c r="L23129" s="367"/>
    </row>
    <row r="23130" spans="2:12">
      <c r="B23130" s="367"/>
      <c r="C23130" s="359" t="s">
        <v>12794</v>
      </c>
      <c r="D23130" s="367"/>
      <c r="E23130" s="367"/>
      <c r="F23130" s="359" t="s">
        <v>14326</v>
      </c>
      <c r="G23130" s="359" t="s">
        <v>14669</v>
      </c>
      <c r="H23130" s="359" t="s">
        <v>14328</v>
      </c>
      <c r="I23130" s="359" t="s">
        <v>14669</v>
      </c>
      <c r="J23130" s="365"/>
      <c r="K23130" s="365"/>
      <c r="L23130" s="367"/>
    </row>
    <row r="23131" spans="2:12">
      <c r="B23131" s="367"/>
      <c r="C23131" s="360"/>
      <c r="D23131" s="367"/>
      <c r="E23131" s="367"/>
      <c r="F23131" s="360"/>
      <c r="G23131" s="360"/>
      <c r="H23131" s="360"/>
      <c r="I23131" s="360"/>
      <c r="J23131" s="365"/>
      <c r="K23131" s="365"/>
      <c r="L23131" s="367"/>
    </row>
    <row r="23132" spans="2:12" ht="99.75">
      <c r="B23132" s="367"/>
      <c r="C23132" s="359" t="s">
        <v>30661</v>
      </c>
      <c r="D23132" s="367"/>
      <c r="E23132" s="367"/>
      <c r="F23132" s="359" t="s">
        <v>29864</v>
      </c>
      <c r="G23132" s="359" t="s">
        <v>14890</v>
      </c>
      <c r="H23132" s="359" t="s">
        <v>14381</v>
      </c>
      <c r="I23132" s="359" t="s">
        <v>14890</v>
      </c>
      <c r="J23132" s="365"/>
      <c r="K23132" s="365"/>
      <c r="L23132" s="367"/>
    </row>
    <row r="23133" spans="2:12">
      <c r="B23133" s="367"/>
      <c r="C23133" s="360"/>
      <c r="D23133" s="367"/>
      <c r="E23133" s="367"/>
      <c r="F23133" s="360"/>
      <c r="G23133" s="360"/>
      <c r="H23133" s="360"/>
      <c r="I23133" s="360"/>
      <c r="J23133" s="365"/>
      <c r="K23133" s="365"/>
      <c r="L23133" s="367"/>
    </row>
    <row r="23134" spans="2:12">
      <c r="B23134" s="368"/>
      <c r="C23134" s="362"/>
      <c r="D23134" s="368"/>
      <c r="E23134" s="368"/>
      <c r="F23134" s="362"/>
      <c r="G23134" s="362"/>
      <c r="H23134" s="361" t="s">
        <v>14332</v>
      </c>
      <c r="I23134" s="362"/>
      <c r="J23134" s="366"/>
      <c r="K23134" s="366"/>
      <c r="L23134" s="368"/>
    </row>
    <row r="23135" spans="2:12" ht="28.5">
      <c r="B23135" s="358" t="s">
        <v>9805</v>
      </c>
      <c r="C23135" s="358" t="s">
        <v>30662</v>
      </c>
      <c r="D23135" s="358" t="s">
        <v>9806</v>
      </c>
      <c r="E23135" s="358" t="s">
        <v>9807</v>
      </c>
      <c r="F23135" s="358" t="s">
        <v>14330</v>
      </c>
      <c r="G23135" s="358" t="s">
        <v>14327</v>
      </c>
      <c r="H23135" s="358" t="s">
        <v>14331</v>
      </c>
      <c r="I23135" s="358" t="s">
        <v>14327</v>
      </c>
      <c r="J23135" s="358"/>
      <c r="K23135" s="358"/>
      <c r="L23135" s="358" t="s">
        <v>26123</v>
      </c>
    </row>
    <row r="23136" spans="2:12">
      <c r="B23136" s="367"/>
      <c r="C23136" s="360"/>
      <c r="D23136" s="367"/>
      <c r="E23136" s="367"/>
      <c r="F23136" s="360"/>
      <c r="G23136" s="360"/>
      <c r="H23136" s="360"/>
      <c r="I23136" s="360"/>
      <c r="J23136" s="365"/>
      <c r="K23136" s="365"/>
      <c r="L23136" s="367"/>
    </row>
    <row r="23137" spans="2:12" ht="71.25">
      <c r="B23137" s="367"/>
      <c r="C23137" s="359" t="s">
        <v>28173</v>
      </c>
      <c r="D23137" s="367"/>
      <c r="E23137" s="367"/>
      <c r="F23137" s="359" t="s">
        <v>14326</v>
      </c>
      <c r="G23137" s="359" t="s">
        <v>14669</v>
      </c>
      <c r="H23137" s="359" t="s">
        <v>14328</v>
      </c>
      <c r="I23137" s="359" t="s">
        <v>14669</v>
      </c>
      <c r="J23137" s="365"/>
      <c r="K23137" s="365"/>
      <c r="L23137" s="367"/>
    </row>
    <row r="23138" spans="2:12">
      <c r="B23138" s="367"/>
      <c r="C23138" s="360"/>
      <c r="D23138" s="367"/>
      <c r="E23138" s="367"/>
      <c r="F23138" s="360"/>
      <c r="G23138" s="360"/>
      <c r="H23138" s="360"/>
      <c r="I23138" s="360"/>
      <c r="J23138" s="365"/>
      <c r="K23138" s="365"/>
      <c r="L23138" s="367"/>
    </row>
    <row r="23139" spans="2:12" ht="28.5">
      <c r="B23139" s="367"/>
      <c r="C23139" s="360"/>
      <c r="D23139" s="367"/>
      <c r="E23139" s="367"/>
      <c r="F23139" s="359" t="s">
        <v>29864</v>
      </c>
      <c r="G23139" s="359" t="s">
        <v>14890</v>
      </c>
      <c r="H23139" s="359" t="s">
        <v>14381</v>
      </c>
      <c r="I23139" s="359" t="s">
        <v>14890</v>
      </c>
      <c r="J23139" s="365"/>
      <c r="K23139" s="365"/>
      <c r="L23139" s="367"/>
    </row>
    <row r="23140" spans="2:12">
      <c r="B23140" s="367"/>
      <c r="C23140" s="360"/>
      <c r="D23140" s="367"/>
      <c r="E23140" s="367"/>
      <c r="F23140" s="360"/>
      <c r="G23140" s="360"/>
      <c r="H23140" s="360"/>
      <c r="I23140" s="360"/>
      <c r="J23140" s="365"/>
      <c r="K23140" s="365"/>
      <c r="L23140" s="367"/>
    </row>
    <row r="23141" spans="2:12">
      <c r="B23141" s="368"/>
      <c r="C23141" s="362"/>
      <c r="D23141" s="368"/>
      <c r="E23141" s="368"/>
      <c r="F23141" s="362"/>
      <c r="G23141" s="362"/>
      <c r="H23141" s="361" t="s">
        <v>14332</v>
      </c>
      <c r="I23141" s="362"/>
      <c r="J23141" s="366"/>
      <c r="K23141" s="366"/>
      <c r="L23141" s="368"/>
    </row>
    <row r="23142" spans="2:12" ht="28.5">
      <c r="B23142" s="358" t="s">
        <v>9809</v>
      </c>
      <c r="C23142" s="358" t="s">
        <v>30663</v>
      </c>
      <c r="D23142" s="358" t="s">
        <v>9810</v>
      </c>
      <c r="E23142" s="358" t="s">
        <v>9811</v>
      </c>
      <c r="F23142" s="358" t="s">
        <v>14330</v>
      </c>
      <c r="G23142" s="358" t="s">
        <v>14327</v>
      </c>
      <c r="H23142" s="358" t="s">
        <v>14331</v>
      </c>
      <c r="I23142" s="358" t="s">
        <v>14327</v>
      </c>
      <c r="J23142" s="358"/>
      <c r="K23142" s="358"/>
      <c r="L23142" s="358" t="s">
        <v>26096</v>
      </c>
    </row>
    <row r="23143" spans="2:12">
      <c r="B23143" s="367"/>
      <c r="C23143" s="367"/>
      <c r="D23143" s="367"/>
      <c r="E23143" s="367"/>
      <c r="F23143" s="360"/>
      <c r="G23143" s="360"/>
      <c r="H23143" s="360"/>
      <c r="I23143" s="360"/>
      <c r="J23143" s="365"/>
      <c r="K23143" s="365"/>
      <c r="L23143" s="367"/>
    </row>
    <row r="23144" spans="2:12">
      <c r="B23144" s="367"/>
      <c r="C23144" s="367"/>
      <c r="D23144" s="367"/>
      <c r="E23144" s="367"/>
      <c r="F23144" s="359" t="s">
        <v>14326</v>
      </c>
      <c r="G23144" s="359" t="s">
        <v>14669</v>
      </c>
      <c r="H23144" s="359" t="s">
        <v>14328</v>
      </c>
      <c r="I23144" s="359" t="s">
        <v>14669</v>
      </c>
      <c r="J23144" s="365"/>
      <c r="K23144" s="365"/>
      <c r="L23144" s="367"/>
    </row>
    <row r="23145" spans="2:12">
      <c r="B23145" s="367"/>
      <c r="C23145" s="367"/>
      <c r="D23145" s="367"/>
      <c r="E23145" s="367"/>
      <c r="F23145" s="360"/>
      <c r="G23145" s="360"/>
      <c r="H23145" s="360"/>
      <c r="I23145" s="360"/>
      <c r="J23145" s="365"/>
      <c r="K23145" s="365"/>
      <c r="L23145" s="367"/>
    </row>
    <row r="23146" spans="2:12" ht="28.5">
      <c r="B23146" s="367"/>
      <c r="C23146" s="367"/>
      <c r="D23146" s="367"/>
      <c r="E23146" s="367"/>
      <c r="F23146" s="359" t="s">
        <v>29864</v>
      </c>
      <c r="G23146" s="359" t="s">
        <v>14890</v>
      </c>
      <c r="H23146" s="359" t="s">
        <v>14381</v>
      </c>
      <c r="I23146" s="359" t="s">
        <v>14890</v>
      </c>
      <c r="J23146" s="365"/>
      <c r="K23146" s="365"/>
      <c r="L23146" s="367"/>
    </row>
    <row r="23147" spans="2:12">
      <c r="B23147" s="367"/>
      <c r="C23147" s="367"/>
      <c r="D23147" s="367"/>
      <c r="E23147" s="367"/>
      <c r="F23147" s="360"/>
      <c r="G23147" s="360"/>
      <c r="H23147" s="360"/>
      <c r="I23147" s="360"/>
      <c r="J23147" s="365"/>
      <c r="K23147" s="365"/>
      <c r="L23147" s="367"/>
    </row>
    <row r="23148" spans="2:12">
      <c r="B23148" s="368"/>
      <c r="C23148" s="368"/>
      <c r="D23148" s="368"/>
      <c r="E23148" s="368"/>
      <c r="F23148" s="362"/>
      <c r="G23148" s="362"/>
      <c r="H23148" s="361" t="s">
        <v>14332</v>
      </c>
      <c r="I23148" s="362"/>
      <c r="J23148" s="366"/>
      <c r="K23148" s="366"/>
      <c r="L23148" s="368"/>
    </row>
    <row r="23149" spans="2:12" ht="42.75">
      <c r="B23149" s="358" t="s">
        <v>9813</v>
      </c>
      <c r="C23149" s="358" t="s">
        <v>30664</v>
      </c>
      <c r="D23149" s="358" t="s">
        <v>9814</v>
      </c>
      <c r="E23149" s="358" t="s">
        <v>9815</v>
      </c>
      <c r="F23149" s="358" t="s">
        <v>14330</v>
      </c>
      <c r="G23149" s="358" t="s">
        <v>14327</v>
      </c>
      <c r="H23149" s="358" t="s">
        <v>14331</v>
      </c>
      <c r="I23149" s="358" t="s">
        <v>14327</v>
      </c>
      <c r="J23149" s="358"/>
      <c r="K23149" s="358"/>
      <c r="L23149" s="358" t="s">
        <v>26096</v>
      </c>
    </row>
    <row r="23150" spans="2:12">
      <c r="B23150" s="367"/>
      <c r="C23150" s="367"/>
      <c r="D23150" s="367"/>
      <c r="E23150" s="367"/>
      <c r="F23150" s="360"/>
      <c r="G23150" s="360"/>
      <c r="H23150" s="360"/>
      <c r="I23150" s="360"/>
      <c r="J23150" s="365"/>
      <c r="K23150" s="365"/>
      <c r="L23150" s="367"/>
    </row>
    <row r="23151" spans="2:12">
      <c r="B23151" s="367"/>
      <c r="C23151" s="367"/>
      <c r="D23151" s="367"/>
      <c r="E23151" s="367"/>
      <c r="F23151" s="359" t="s">
        <v>14326</v>
      </c>
      <c r="G23151" s="359" t="s">
        <v>14669</v>
      </c>
      <c r="H23151" s="359" t="s">
        <v>14328</v>
      </c>
      <c r="I23151" s="359" t="s">
        <v>14669</v>
      </c>
      <c r="J23151" s="365"/>
      <c r="K23151" s="365"/>
      <c r="L23151" s="367"/>
    </row>
    <row r="23152" spans="2:12">
      <c r="B23152" s="367"/>
      <c r="C23152" s="367"/>
      <c r="D23152" s="367"/>
      <c r="E23152" s="367"/>
      <c r="F23152" s="360"/>
      <c r="G23152" s="360"/>
      <c r="H23152" s="360"/>
      <c r="I23152" s="360"/>
      <c r="J23152" s="365"/>
      <c r="K23152" s="365"/>
      <c r="L23152" s="367"/>
    </row>
    <row r="23153" spans="2:12" ht="28.5">
      <c r="B23153" s="367"/>
      <c r="C23153" s="367"/>
      <c r="D23153" s="367"/>
      <c r="E23153" s="367"/>
      <c r="F23153" s="359" t="s">
        <v>29864</v>
      </c>
      <c r="G23153" s="359" t="s">
        <v>14890</v>
      </c>
      <c r="H23153" s="359" t="s">
        <v>14381</v>
      </c>
      <c r="I23153" s="359" t="s">
        <v>14890</v>
      </c>
      <c r="J23153" s="365"/>
      <c r="K23153" s="365"/>
      <c r="L23153" s="367"/>
    </row>
    <row r="23154" spans="2:12">
      <c r="B23154" s="367"/>
      <c r="C23154" s="367"/>
      <c r="D23154" s="367"/>
      <c r="E23154" s="367"/>
      <c r="F23154" s="360"/>
      <c r="G23154" s="360"/>
      <c r="H23154" s="360"/>
      <c r="I23154" s="360"/>
      <c r="J23154" s="365"/>
      <c r="K23154" s="365"/>
      <c r="L23154" s="367"/>
    </row>
    <row r="23155" spans="2:12">
      <c r="B23155" s="368"/>
      <c r="C23155" s="368"/>
      <c r="D23155" s="368"/>
      <c r="E23155" s="368"/>
      <c r="F23155" s="362"/>
      <c r="G23155" s="362"/>
      <c r="H23155" s="361" t="s">
        <v>14332</v>
      </c>
      <c r="I23155" s="362"/>
      <c r="J23155" s="366"/>
      <c r="K23155" s="366"/>
      <c r="L23155" s="368"/>
    </row>
    <row r="23156" spans="2:12">
      <c r="B23156" s="358" t="s">
        <v>9817</v>
      </c>
      <c r="C23156" s="358" t="s">
        <v>26124</v>
      </c>
      <c r="D23156" s="358" t="s">
        <v>9818</v>
      </c>
      <c r="E23156" s="358" t="s">
        <v>9819</v>
      </c>
      <c r="F23156" s="358" t="s">
        <v>14330</v>
      </c>
      <c r="G23156" s="358" t="s">
        <v>14327</v>
      </c>
      <c r="H23156" s="358" t="s">
        <v>14331</v>
      </c>
      <c r="I23156" s="358" t="s">
        <v>14327</v>
      </c>
      <c r="J23156" s="358"/>
      <c r="K23156" s="358"/>
      <c r="L23156" s="358" t="s">
        <v>26096</v>
      </c>
    </row>
    <row r="23157" spans="2:12">
      <c r="B23157" s="367"/>
      <c r="C23157" s="360"/>
      <c r="D23157" s="367"/>
      <c r="E23157" s="367"/>
      <c r="F23157" s="360"/>
      <c r="G23157" s="360"/>
      <c r="H23157" s="360"/>
      <c r="I23157" s="360"/>
      <c r="J23157" s="365"/>
      <c r="K23157" s="365"/>
      <c r="L23157" s="367"/>
    </row>
    <row r="23158" spans="2:12">
      <c r="B23158" s="367"/>
      <c r="C23158" s="359" t="s">
        <v>12799</v>
      </c>
      <c r="D23158" s="367"/>
      <c r="E23158" s="367"/>
      <c r="F23158" s="359" t="s">
        <v>14326</v>
      </c>
      <c r="G23158" s="359" t="s">
        <v>14669</v>
      </c>
      <c r="H23158" s="359" t="s">
        <v>14328</v>
      </c>
      <c r="I23158" s="359" t="s">
        <v>14669</v>
      </c>
      <c r="J23158" s="365"/>
      <c r="K23158" s="365"/>
      <c r="L23158" s="367"/>
    </row>
    <row r="23159" spans="2:12">
      <c r="B23159" s="367"/>
      <c r="C23159" s="360"/>
      <c r="D23159" s="367"/>
      <c r="E23159" s="367"/>
      <c r="F23159" s="360"/>
      <c r="G23159" s="360"/>
      <c r="H23159" s="360"/>
      <c r="I23159" s="360"/>
      <c r="J23159" s="365"/>
      <c r="K23159" s="365"/>
      <c r="L23159" s="367"/>
    </row>
    <row r="23160" spans="2:12" ht="85.5">
      <c r="B23160" s="367"/>
      <c r="C23160" s="359" t="s">
        <v>30665</v>
      </c>
      <c r="D23160" s="367"/>
      <c r="E23160" s="367"/>
      <c r="F23160" s="359" t="s">
        <v>29864</v>
      </c>
      <c r="G23160" s="359" t="s">
        <v>14890</v>
      </c>
      <c r="H23160" s="359" t="s">
        <v>14381</v>
      </c>
      <c r="I23160" s="359" t="s">
        <v>14890</v>
      </c>
      <c r="J23160" s="365"/>
      <c r="K23160" s="365"/>
      <c r="L23160" s="367"/>
    </row>
    <row r="23161" spans="2:12">
      <c r="B23161" s="367"/>
      <c r="C23161" s="360"/>
      <c r="D23161" s="367"/>
      <c r="E23161" s="367"/>
      <c r="F23161" s="360"/>
      <c r="G23161" s="360"/>
      <c r="H23161" s="360"/>
      <c r="I23161" s="360"/>
      <c r="J23161" s="365"/>
      <c r="K23161" s="365"/>
      <c r="L23161" s="367"/>
    </row>
    <row r="23162" spans="2:12">
      <c r="B23162" s="368"/>
      <c r="C23162" s="362"/>
      <c r="D23162" s="368"/>
      <c r="E23162" s="368"/>
      <c r="F23162" s="362"/>
      <c r="G23162" s="362"/>
      <c r="H23162" s="361" t="s">
        <v>14332</v>
      </c>
      <c r="I23162" s="362"/>
      <c r="J23162" s="366"/>
      <c r="K23162" s="366"/>
      <c r="L23162" s="368"/>
    </row>
    <row r="23163" spans="2:12">
      <c r="B23163" s="358" t="s">
        <v>9821</v>
      </c>
      <c r="C23163" s="358" t="s">
        <v>26125</v>
      </c>
      <c r="D23163" s="358" t="s">
        <v>9822</v>
      </c>
      <c r="E23163" s="358" t="s">
        <v>9823</v>
      </c>
      <c r="F23163" s="358" t="s">
        <v>14330</v>
      </c>
      <c r="G23163" s="358" t="s">
        <v>14327</v>
      </c>
      <c r="H23163" s="358" t="s">
        <v>14331</v>
      </c>
      <c r="I23163" s="358" t="s">
        <v>14327</v>
      </c>
      <c r="J23163" s="358"/>
      <c r="K23163" s="358"/>
      <c r="L23163" s="358" t="s">
        <v>26096</v>
      </c>
    </row>
    <row r="23164" spans="2:12">
      <c r="B23164" s="367"/>
      <c r="C23164" s="360"/>
      <c r="D23164" s="367"/>
      <c r="E23164" s="367"/>
      <c r="F23164" s="360"/>
      <c r="G23164" s="360"/>
      <c r="H23164" s="360"/>
      <c r="I23164" s="360"/>
      <c r="J23164" s="365"/>
      <c r="K23164" s="365"/>
      <c r="L23164" s="367"/>
    </row>
    <row r="23165" spans="2:12">
      <c r="B23165" s="367"/>
      <c r="C23165" s="359" t="s">
        <v>12799</v>
      </c>
      <c r="D23165" s="367"/>
      <c r="E23165" s="367"/>
      <c r="F23165" s="359" t="s">
        <v>14326</v>
      </c>
      <c r="G23165" s="359" t="s">
        <v>14669</v>
      </c>
      <c r="H23165" s="359" t="s">
        <v>14328</v>
      </c>
      <c r="I23165" s="359" t="s">
        <v>14669</v>
      </c>
      <c r="J23165" s="365"/>
      <c r="K23165" s="365"/>
      <c r="L23165" s="367"/>
    </row>
    <row r="23166" spans="2:12">
      <c r="B23166" s="367"/>
      <c r="C23166" s="360"/>
      <c r="D23166" s="367"/>
      <c r="E23166" s="367"/>
      <c r="F23166" s="360"/>
      <c r="G23166" s="360"/>
      <c r="H23166" s="360"/>
      <c r="I23166" s="360"/>
      <c r="J23166" s="365"/>
      <c r="K23166" s="365"/>
      <c r="L23166" s="367"/>
    </row>
    <row r="23167" spans="2:12" ht="71.25">
      <c r="B23167" s="367"/>
      <c r="C23167" s="359" t="s">
        <v>28174</v>
      </c>
      <c r="D23167" s="367"/>
      <c r="E23167" s="367"/>
      <c r="F23167" s="359" t="s">
        <v>29864</v>
      </c>
      <c r="G23167" s="359" t="s">
        <v>14890</v>
      </c>
      <c r="H23167" s="359" t="s">
        <v>14381</v>
      </c>
      <c r="I23167" s="359" t="s">
        <v>14890</v>
      </c>
      <c r="J23167" s="365"/>
      <c r="K23167" s="365"/>
      <c r="L23167" s="367"/>
    </row>
    <row r="23168" spans="2:12">
      <c r="B23168" s="367"/>
      <c r="C23168" s="360"/>
      <c r="D23168" s="367"/>
      <c r="E23168" s="367"/>
      <c r="F23168" s="360"/>
      <c r="G23168" s="360"/>
      <c r="H23168" s="360"/>
      <c r="I23168" s="360"/>
      <c r="J23168" s="365"/>
      <c r="K23168" s="365"/>
      <c r="L23168" s="367"/>
    </row>
    <row r="23169" spans="2:12">
      <c r="B23169" s="368"/>
      <c r="C23169" s="362"/>
      <c r="D23169" s="368"/>
      <c r="E23169" s="368"/>
      <c r="F23169" s="362"/>
      <c r="G23169" s="362"/>
      <c r="H23169" s="361" t="s">
        <v>14332</v>
      </c>
      <c r="I23169" s="362"/>
      <c r="J23169" s="366"/>
      <c r="K23169" s="366"/>
      <c r="L23169" s="368"/>
    </row>
    <row r="23170" spans="2:12" ht="28.5">
      <c r="B23170" s="358" t="s">
        <v>9825</v>
      </c>
      <c r="C23170" s="358" t="s">
        <v>26126</v>
      </c>
      <c r="D23170" s="358" t="s">
        <v>9826</v>
      </c>
      <c r="E23170" s="358" t="s">
        <v>9827</v>
      </c>
      <c r="F23170" s="358" t="s">
        <v>14330</v>
      </c>
      <c r="G23170" s="358" t="s">
        <v>14327</v>
      </c>
      <c r="H23170" s="358" t="s">
        <v>14331</v>
      </c>
      <c r="I23170" s="358" t="s">
        <v>14327</v>
      </c>
      <c r="J23170" s="358"/>
      <c r="K23170" s="358"/>
      <c r="L23170" s="358" t="s">
        <v>26096</v>
      </c>
    </row>
    <row r="23171" spans="2:12">
      <c r="B23171" s="367"/>
      <c r="C23171" s="360"/>
      <c r="D23171" s="367"/>
      <c r="E23171" s="367"/>
      <c r="F23171" s="360"/>
      <c r="G23171" s="360"/>
      <c r="H23171" s="360"/>
      <c r="I23171" s="360"/>
      <c r="J23171" s="365"/>
      <c r="K23171" s="365"/>
      <c r="L23171" s="367"/>
    </row>
    <row r="23172" spans="2:12">
      <c r="B23172" s="367"/>
      <c r="C23172" s="359" t="s">
        <v>12799</v>
      </c>
      <c r="D23172" s="367"/>
      <c r="E23172" s="367"/>
      <c r="F23172" s="359" t="s">
        <v>14326</v>
      </c>
      <c r="G23172" s="359" t="s">
        <v>14669</v>
      </c>
      <c r="H23172" s="359" t="s">
        <v>14328</v>
      </c>
      <c r="I23172" s="359" t="s">
        <v>14669</v>
      </c>
      <c r="J23172" s="365"/>
      <c r="K23172" s="365"/>
      <c r="L23172" s="367"/>
    </row>
    <row r="23173" spans="2:12">
      <c r="B23173" s="367"/>
      <c r="C23173" s="360"/>
      <c r="D23173" s="367"/>
      <c r="E23173" s="367"/>
      <c r="F23173" s="360"/>
      <c r="G23173" s="360"/>
      <c r="H23173" s="360"/>
      <c r="I23173" s="360"/>
      <c r="J23173" s="365"/>
      <c r="K23173" s="365"/>
      <c r="L23173" s="367"/>
    </row>
    <row r="23174" spans="2:12" ht="71.25">
      <c r="B23174" s="367"/>
      <c r="C23174" s="359" t="s">
        <v>30666</v>
      </c>
      <c r="D23174" s="367"/>
      <c r="E23174" s="367"/>
      <c r="F23174" s="359" t="s">
        <v>29864</v>
      </c>
      <c r="G23174" s="359" t="s">
        <v>14890</v>
      </c>
      <c r="H23174" s="359" t="s">
        <v>14381</v>
      </c>
      <c r="I23174" s="359" t="s">
        <v>14890</v>
      </c>
      <c r="J23174" s="365"/>
      <c r="K23174" s="365"/>
      <c r="L23174" s="367"/>
    </row>
    <row r="23175" spans="2:12">
      <c r="B23175" s="367"/>
      <c r="C23175" s="360"/>
      <c r="D23175" s="367"/>
      <c r="E23175" s="367"/>
      <c r="F23175" s="360"/>
      <c r="G23175" s="360"/>
      <c r="H23175" s="360"/>
      <c r="I23175" s="360"/>
      <c r="J23175" s="365"/>
      <c r="K23175" s="365"/>
      <c r="L23175" s="367"/>
    </row>
    <row r="23176" spans="2:12">
      <c r="B23176" s="368"/>
      <c r="C23176" s="362"/>
      <c r="D23176" s="368"/>
      <c r="E23176" s="368"/>
      <c r="F23176" s="362"/>
      <c r="G23176" s="362"/>
      <c r="H23176" s="361" t="s">
        <v>14332</v>
      </c>
      <c r="I23176" s="362"/>
      <c r="J23176" s="366"/>
      <c r="K23176" s="366"/>
      <c r="L23176" s="368"/>
    </row>
    <row r="23177" spans="2:12">
      <c r="B23177" s="358" t="s">
        <v>9829</v>
      </c>
      <c r="C23177" s="358" t="s">
        <v>26127</v>
      </c>
      <c r="D23177" s="358" t="s">
        <v>9830</v>
      </c>
      <c r="E23177" s="358" t="s">
        <v>9831</v>
      </c>
      <c r="F23177" s="358" t="s">
        <v>14330</v>
      </c>
      <c r="G23177" s="358" t="s">
        <v>14327</v>
      </c>
      <c r="H23177" s="358" t="s">
        <v>14331</v>
      </c>
      <c r="I23177" s="358" t="s">
        <v>14327</v>
      </c>
      <c r="J23177" s="358"/>
      <c r="K23177" s="358"/>
      <c r="L23177" s="358" t="s">
        <v>26096</v>
      </c>
    </row>
    <row r="23178" spans="2:12">
      <c r="B23178" s="367"/>
      <c r="C23178" s="360"/>
      <c r="D23178" s="367"/>
      <c r="E23178" s="367"/>
      <c r="F23178" s="360"/>
      <c r="G23178" s="360"/>
      <c r="H23178" s="360"/>
      <c r="I23178" s="360"/>
      <c r="J23178" s="365"/>
      <c r="K23178" s="365"/>
      <c r="L23178" s="367"/>
    </row>
    <row r="23179" spans="2:12">
      <c r="B23179" s="367"/>
      <c r="C23179" s="359" t="s">
        <v>12799</v>
      </c>
      <c r="D23179" s="367"/>
      <c r="E23179" s="367"/>
      <c r="F23179" s="359" t="s">
        <v>14326</v>
      </c>
      <c r="G23179" s="359" t="s">
        <v>14669</v>
      </c>
      <c r="H23179" s="359" t="s">
        <v>14328</v>
      </c>
      <c r="I23179" s="359" t="s">
        <v>14669</v>
      </c>
      <c r="J23179" s="365"/>
      <c r="K23179" s="365"/>
      <c r="L23179" s="367"/>
    </row>
    <row r="23180" spans="2:12">
      <c r="B23180" s="367"/>
      <c r="C23180" s="360"/>
      <c r="D23180" s="367"/>
      <c r="E23180" s="367"/>
      <c r="F23180" s="360"/>
      <c r="G23180" s="360"/>
      <c r="H23180" s="360"/>
      <c r="I23180" s="360"/>
      <c r="J23180" s="365"/>
      <c r="K23180" s="365"/>
      <c r="L23180" s="367"/>
    </row>
    <row r="23181" spans="2:12" ht="85.5">
      <c r="B23181" s="367"/>
      <c r="C23181" s="359" t="s">
        <v>28175</v>
      </c>
      <c r="D23181" s="367"/>
      <c r="E23181" s="367"/>
      <c r="F23181" s="359" t="s">
        <v>29864</v>
      </c>
      <c r="G23181" s="359" t="s">
        <v>14890</v>
      </c>
      <c r="H23181" s="359" t="s">
        <v>14381</v>
      </c>
      <c r="I23181" s="359" t="s">
        <v>14890</v>
      </c>
      <c r="J23181" s="365"/>
      <c r="K23181" s="365"/>
      <c r="L23181" s="367"/>
    </row>
    <row r="23182" spans="2:12">
      <c r="B23182" s="367"/>
      <c r="C23182" s="360"/>
      <c r="D23182" s="367"/>
      <c r="E23182" s="367"/>
      <c r="F23182" s="360"/>
      <c r="G23182" s="360"/>
      <c r="H23182" s="360"/>
      <c r="I23182" s="360"/>
      <c r="J23182" s="365"/>
      <c r="K23182" s="365"/>
      <c r="L23182" s="367"/>
    </row>
    <row r="23183" spans="2:12">
      <c r="B23183" s="368"/>
      <c r="C23183" s="362"/>
      <c r="D23183" s="368"/>
      <c r="E23183" s="368"/>
      <c r="F23183" s="362"/>
      <c r="G23183" s="362"/>
      <c r="H23183" s="361" t="s">
        <v>14332</v>
      </c>
      <c r="I23183" s="362"/>
      <c r="J23183" s="366"/>
      <c r="K23183" s="366"/>
      <c r="L23183" s="368"/>
    </row>
    <row r="23184" spans="2:12" ht="28.5">
      <c r="B23184" s="358" t="s">
        <v>9833</v>
      </c>
      <c r="C23184" s="358" t="s">
        <v>26128</v>
      </c>
      <c r="D23184" s="358" t="s">
        <v>9834</v>
      </c>
      <c r="E23184" s="358" t="s">
        <v>9835</v>
      </c>
      <c r="F23184" s="358" t="s">
        <v>14330</v>
      </c>
      <c r="G23184" s="358" t="s">
        <v>14327</v>
      </c>
      <c r="H23184" s="358" t="s">
        <v>14331</v>
      </c>
      <c r="I23184" s="358" t="s">
        <v>14327</v>
      </c>
      <c r="J23184" s="358"/>
      <c r="K23184" s="358"/>
      <c r="L23184" s="358" t="s">
        <v>26096</v>
      </c>
    </row>
    <row r="23185" spans="2:12">
      <c r="B23185" s="367"/>
      <c r="C23185" s="360"/>
      <c r="D23185" s="367"/>
      <c r="E23185" s="367"/>
      <c r="F23185" s="360"/>
      <c r="G23185" s="360"/>
      <c r="H23185" s="360"/>
      <c r="I23185" s="360"/>
      <c r="J23185" s="365"/>
      <c r="K23185" s="365"/>
      <c r="L23185" s="367"/>
    </row>
    <row r="23186" spans="2:12">
      <c r="B23186" s="367"/>
      <c r="C23186" s="359" t="s">
        <v>12799</v>
      </c>
      <c r="D23186" s="367"/>
      <c r="E23186" s="367"/>
      <c r="F23186" s="359" t="s">
        <v>14326</v>
      </c>
      <c r="G23186" s="359" t="s">
        <v>14669</v>
      </c>
      <c r="H23186" s="359" t="s">
        <v>14328</v>
      </c>
      <c r="I23186" s="359" t="s">
        <v>14669</v>
      </c>
      <c r="J23186" s="365"/>
      <c r="K23186" s="365"/>
      <c r="L23186" s="367"/>
    </row>
    <row r="23187" spans="2:12">
      <c r="B23187" s="367"/>
      <c r="C23187" s="360"/>
      <c r="D23187" s="367"/>
      <c r="E23187" s="367"/>
      <c r="F23187" s="360"/>
      <c r="G23187" s="360"/>
      <c r="H23187" s="360"/>
      <c r="I23187" s="360"/>
      <c r="J23187" s="365"/>
      <c r="K23187" s="365"/>
      <c r="L23187" s="367"/>
    </row>
    <row r="23188" spans="2:12" ht="57">
      <c r="B23188" s="367"/>
      <c r="C23188" s="359" t="s">
        <v>30667</v>
      </c>
      <c r="D23188" s="367"/>
      <c r="E23188" s="367"/>
      <c r="F23188" s="359" t="s">
        <v>29864</v>
      </c>
      <c r="G23188" s="359" t="s">
        <v>14890</v>
      </c>
      <c r="H23188" s="359" t="s">
        <v>14381</v>
      </c>
      <c r="I23188" s="359" t="s">
        <v>14890</v>
      </c>
      <c r="J23188" s="365"/>
      <c r="K23188" s="365"/>
      <c r="L23188" s="367"/>
    </row>
    <row r="23189" spans="2:12">
      <c r="B23189" s="367"/>
      <c r="C23189" s="360"/>
      <c r="D23189" s="367"/>
      <c r="E23189" s="367"/>
      <c r="F23189" s="360"/>
      <c r="G23189" s="360"/>
      <c r="H23189" s="360"/>
      <c r="I23189" s="360"/>
      <c r="J23189" s="365"/>
      <c r="K23189" s="365"/>
      <c r="L23189" s="367"/>
    </row>
    <row r="23190" spans="2:12">
      <c r="B23190" s="368"/>
      <c r="C23190" s="362"/>
      <c r="D23190" s="368"/>
      <c r="E23190" s="368"/>
      <c r="F23190" s="362"/>
      <c r="G23190" s="362"/>
      <c r="H23190" s="361" t="s">
        <v>14332</v>
      </c>
      <c r="I23190" s="362"/>
      <c r="J23190" s="366"/>
      <c r="K23190" s="366"/>
      <c r="L23190" s="368"/>
    </row>
    <row r="23191" spans="2:12">
      <c r="B23191" s="358" t="s">
        <v>9836</v>
      </c>
      <c r="C23191" s="358" t="s">
        <v>28176</v>
      </c>
      <c r="D23191" s="358" t="s">
        <v>12797</v>
      </c>
      <c r="E23191" s="358" t="s">
        <v>9838</v>
      </c>
      <c r="F23191" s="358" t="s">
        <v>14330</v>
      </c>
      <c r="G23191" s="358" t="s">
        <v>14327</v>
      </c>
      <c r="H23191" s="358" t="s">
        <v>14331</v>
      </c>
      <c r="I23191" s="358" t="s">
        <v>14327</v>
      </c>
      <c r="J23191" s="358"/>
      <c r="K23191" s="358"/>
      <c r="L23191" s="358" t="s">
        <v>26096</v>
      </c>
    </row>
    <row r="23192" spans="2:12">
      <c r="B23192" s="367"/>
      <c r="C23192" s="360"/>
      <c r="D23192" s="367"/>
      <c r="E23192" s="367"/>
      <c r="F23192" s="360"/>
      <c r="G23192" s="360"/>
      <c r="H23192" s="360"/>
      <c r="I23192" s="360"/>
      <c r="J23192" s="365"/>
      <c r="K23192" s="365"/>
      <c r="L23192" s="367"/>
    </row>
    <row r="23193" spans="2:12">
      <c r="B23193" s="367"/>
      <c r="C23193" s="359" t="s">
        <v>12799</v>
      </c>
      <c r="D23193" s="367"/>
      <c r="E23193" s="367"/>
      <c r="F23193" s="359" t="s">
        <v>14326</v>
      </c>
      <c r="G23193" s="359" t="s">
        <v>14669</v>
      </c>
      <c r="H23193" s="359" t="s">
        <v>14328</v>
      </c>
      <c r="I23193" s="359" t="s">
        <v>14669</v>
      </c>
      <c r="J23193" s="365"/>
      <c r="K23193" s="365"/>
      <c r="L23193" s="367"/>
    </row>
    <row r="23194" spans="2:12">
      <c r="B23194" s="367"/>
      <c r="C23194" s="360"/>
      <c r="D23194" s="367"/>
      <c r="E23194" s="367"/>
      <c r="F23194" s="360"/>
      <c r="G23194" s="360"/>
      <c r="H23194" s="360"/>
      <c r="I23194" s="360"/>
      <c r="J23194" s="365"/>
      <c r="K23194" s="365"/>
      <c r="L23194" s="367"/>
    </row>
    <row r="23195" spans="2:12" ht="99.75">
      <c r="B23195" s="367"/>
      <c r="C23195" s="359" t="s">
        <v>28177</v>
      </c>
      <c r="D23195" s="367"/>
      <c r="E23195" s="367"/>
      <c r="F23195" s="359" t="s">
        <v>29864</v>
      </c>
      <c r="G23195" s="359" t="s">
        <v>14890</v>
      </c>
      <c r="H23195" s="359" t="s">
        <v>14381</v>
      </c>
      <c r="I23195" s="359" t="s">
        <v>14890</v>
      </c>
      <c r="J23195" s="365"/>
      <c r="K23195" s="365"/>
      <c r="L23195" s="367"/>
    </row>
    <row r="23196" spans="2:12">
      <c r="B23196" s="367"/>
      <c r="C23196" s="360"/>
      <c r="D23196" s="367"/>
      <c r="E23196" s="367"/>
      <c r="F23196" s="360"/>
      <c r="G23196" s="360"/>
      <c r="H23196" s="360"/>
      <c r="I23196" s="360"/>
      <c r="J23196" s="365"/>
      <c r="K23196" s="365"/>
      <c r="L23196" s="367"/>
    </row>
    <row r="23197" spans="2:12">
      <c r="B23197" s="368"/>
      <c r="C23197" s="362"/>
      <c r="D23197" s="368"/>
      <c r="E23197" s="368"/>
      <c r="F23197" s="362"/>
      <c r="G23197" s="362"/>
      <c r="H23197" s="361" t="s">
        <v>14332</v>
      </c>
      <c r="I23197" s="362"/>
      <c r="J23197" s="366"/>
      <c r="K23197" s="366"/>
      <c r="L23197" s="368"/>
    </row>
    <row r="23198" spans="2:12">
      <c r="B23198" s="358" t="s">
        <v>9839</v>
      </c>
      <c r="C23198" s="358" t="s">
        <v>28178</v>
      </c>
      <c r="D23198" s="358" t="s">
        <v>9840</v>
      </c>
      <c r="E23198" s="358" t="s">
        <v>9841</v>
      </c>
      <c r="F23198" s="358" t="s">
        <v>14330</v>
      </c>
      <c r="G23198" s="358" t="s">
        <v>14327</v>
      </c>
      <c r="H23198" s="358" t="s">
        <v>14331</v>
      </c>
      <c r="I23198" s="358" t="s">
        <v>14327</v>
      </c>
      <c r="J23198" s="358"/>
      <c r="K23198" s="358"/>
      <c r="L23198" s="358" t="s">
        <v>26096</v>
      </c>
    </row>
    <row r="23199" spans="2:12">
      <c r="B23199" s="367"/>
      <c r="C23199" s="360"/>
      <c r="D23199" s="367"/>
      <c r="E23199" s="367"/>
      <c r="F23199" s="360"/>
      <c r="G23199" s="360"/>
      <c r="H23199" s="360"/>
      <c r="I23199" s="360"/>
      <c r="J23199" s="365"/>
      <c r="K23199" s="365"/>
      <c r="L23199" s="367"/>
    </row>
    <row r="23200" spans="2:12">
      <c r="B23200" s="367"/>
      <c r="C23200" s="359" t="s">
        <v>12799</v>
      </c>
      <c r="D23200" s="367"/>
      <c r="E23200" s="367"/>
      <c r="F23200" s="359" t="s">
        <v>14326</v>
      </c>
      <c r="G23200" s="359" t="s">
        <v>14669</v>
      </c>
      <c r="H23200" s="359" t="s">
        <v>14328</v>
      </c>
      <c r="I23200" s="359" t="s">
        <v>14669</v>
      </c>
      <c r="J23200" s="365"/>
      <c r="K23200" s="365"/>
      <c r="L23200" s="367"/>
    </row>
    <row r="23201" spans="2:12">
      <c r="B23201" s="367"/>
      <c r="C23201" s="360"/>
      <c r="D23201" s="367"/>
      <c r="E23201" s="367"/>
      <c r="F23201" s="360"/>
      <c r="G23201" s="360"/>
      <c r="H23201" s="360"/>
      <c r="I23201" s="360"/>
      <c r="J23201" s="365"/>
      <c r="K23201" s="365"/>
      <c r="L23201" s="367"/>
    </row>
    <row r="23202" spans="2:12" ht="57">
      <c r="B23202" s="367"/>
      <c r="C23202" s="359" t="s">
        <v>28179</v>
      </c>
      <c r="D23202" s="367"/>
      <c r="E23202" s="367"/>
      <c r="F23202" s="359" t="s">
        <v>29864</v>
      </c>
      <c r="G23202" s="359" t="s">
        <v>14890</v>
      </c>
      <c r="H23202" s="359" t="s">
        <v>14381</v>
      </c>
      <c r="I23202" s="359" t="s">
        <v>14890</v>
      </c>
      <c r="J23202" s="365"/>
      <c r="K23202" s="365"/>
      <c r="L23202" s="367"/>
    </row>
    <row r="23203" spans="2:12">
      <c r="B23203" s="367"/>
      <c r="C23203" s="360"/>
      <c r="D23203" s="367"/>
      <c r="E23203" s="367"/>
      <c r="F23203" s="360"/>
      <c r="G23203" s="360"/>
      <c r="H23203" s="360"/>
      <c r="I23203" s="360"/>
      <c r="J23203" s="365"/>
      <c r="K23203" s="365"/>
      <c r="L23203" s="367"/>
    </row>
    <row r="23204" spans="2:12">
      <c r="B23204" s="368"/>
      <c r="C23204" s="362"/>
      <c r="D23204" s="368"/>
      <c r="E23204" s="368"/>
      <c r="F23204" s="362"/>
      <c r="G23204" s="362"/>
      <c r="H23204" s="361" t="s">
        <v>14332</v>
      </c>
      <c r="I23204" s="362"/>
      <c r="J23204" s="366"/>
      <c r="K23204" s="366"/>
      <c r="L23204" s="368"/>
    </row>
    <row r="23205" spans="2:12" ht="28.5">
      <c r="B23205" s="358" t="s">
        <v>9842</v>
      </c>
      <c r="C23205" s="358" t="s">
        <v>30668</v>
      </c>
      <c r="D23205" s="358" t="s">
        <v>9843</v>
      </c>
      <c r="E23205" s="358" t="s">
        <v>9844</v>
      </c>
      <c r="F23205" s="358" t="s">
        <v>14330</v>
      </c>
      <c r="G23205" s="358" t="s">
        <v>14327</v>
      </c>
      <c r="H23205" s="358" t="s">
        <v>14331</v>
      </c>
      <c r="I23205" s="358" t="s">
        <v>14327</v>
      </c>
      <c r="J23205" s="358"/>
      <c r="K23205" s="358"/>
      <c r="L23205" s="358" t="s">
        <v>26096</v>
      </c>
    </row>
    <row r="23206" spans="2:12">
      <c r="B23206" s="367"/>
      <c r="C23206" s="367"/>
      <c r="D23206" s="367"/>
      <c r="E23206" s="367"/>
      <c r="F23206" s="360"/>
      <c r="G23206" s="360"/>
      <c r="H23206" s="360"/>
      <c r="I23206" s="360"/>
      <c r="J23206" s="365"/>
      <c r="K23206" s="365"/>
      <c r="L23206" s="367"/>
    </row>
    <row r="23207" spans="2:12">
      <c r="B23207" s="367"/>
      <c r="C23207" s="367"/>
      <c r="D23207" s="367"/>
      <c r="E23207" s="367"/>
      <c r="F23207" s="359" t="s">
        <v>14326</v>
      </c>
      <c r="G23207" s="359" t="s">
        <v>14669</v>
      </c>
      <c r="H23207" s="359" t="s">
        <v>14328</v>
      </c>
      <c r="I23207" s="359" t="s">
        <v>14669</v>
      </c>
      <c r="J23207" s="365"/>
      <c r="K23207" s="365"/>
      <c r="L23207" s="367"/>
    </row>
    <row r="23208" spans="2:12">
      <c r="B23208" s="367"/>
      <c r="C23208" s="367"/>
      <c r="D23208" s="367"/>
      <c r="E23208" s="367"/>
      <c r="F23208" s="360"/>
      <c r="G23208" s="360"/>
      <c r="H23208" s="360"/>
      <c r="I23208" s="360"/>
      <c r="J23208" s="365"/>
      <c r="K23208" s="365"/>
      <c r="L23208" s="367"/>
    </row>
    <row r="23209" spans="2:12" ht="28.5">
      <c r="B23209" s="367"/>
      <c r="C23209" s="367"/>
      <c r="D23209" s="367"/>
      <c r="E23209" s="367"/>
      <c r="F23209" s="359" t="s">
        <v>29864</v>
      </c>
      <c r="G23209" s="359" t="s">
        <v>14890</v>
      </c>
      <c r="H23209" s="359" t="s">
        <v>14381</v>
      </c>
      <c r="I23209" s="359" t="s">
        <v>14890</v>
      </c>
      <c r="J23209" s="365"/>
      <c r="K23209" s="365"/>
      <c r="L23209" s="367"/>
    </row>
    <row r="23210" spans="2:12">
      <c r="B23210" s="367"/>
      <c r="C23210" s="367"/>
      <c r="D23210" s="367"/>
      <c r="E23210" s="367"/>
      <c r="F23210" s="360"/>
      <c r="G23210" s="360"/>
      <c r="H23210" s="360"/>
      <c r="I23210" s="360"/>
      <c r="J23210" s="365"/>
      <c r="K23210" s="365"/>
      <c r="L23210" s="367"/>
    </row>
    <row r="23211" spans="2:12">
      <c r="B23211" s="368"/>
      <c r="C23211" s="368"/>
      <c r="D23211" s="368"/>
      <c r="E23211" s="368"/>
      <c r="F23211" s="362"/>
      <c r="G23211" s="362"/>
      <c r="H23211" s="361" t="s">
        <v>14332</v>
      </c>
      <c r="I23211" s="362"/>
      <c r="J23211" s="366"/>
      <c r="K23211" s="366"/>
      <c r="L23211" s="368"/>
    </row>
    <row r="23212" spans="2:12">
      <c r="B23212" s="358" t="s">
        <v>9846</v>
      </c>
      <c r="C23212" s="358" t="s">
        <v>28180</v>
      </c>
      <c r="D23212" s="358" t="s">
        <v>9847</v>
      </c>
      <c r="E23212" s="358" t="s">
        <v>9848</v>
      </c>
      <c r="F23212" s="358" t="s">
        <v>14330</v>
      </c>
      <c r="G23212" s="358" t="s">
        <v>14327</v>
      </c>
      <c r="H23212" s="358" t="s">
        <v>14331</v>
      </c>
      <c r="I23212" s="358" t="s">
        <v>14327</v>
      </c>
      <c r="J23212" s="358"/>
      <c r="K23212" s="358"/>
      <c r="L23212" s="358" t="s">
        <v>26096</v>
      </c>
    </row>
    <row r="23213" spans="2:12">
      <c r="B23213" s="367"/>
      <c r="C23213" s="360"/>
      <c r="D23213" s="367"/>
      <c r="E23213" s="367"/>
      <c r="F23213" s="360"/>
      <c r="G23213" s="360"/>
      <c r="H23213" s="360"/>
      <c r="I23213" s="360"/>
      <c r="J23213" s="365"/>
      <c r="K23213" s="365"/>
      <c r="L23213" s="367"/>
    </row>
    <row r="23214" spans="2:12">
      <c r="B23214" s="367"/>
      <c r="C23214" s="359" t="s">
        <v>12799</v>
      </c>
      <c r="D23214" s="367"/>
      <c r="E23214" s="367"/>
      <c r="F23214" s="359" t="s">
        <v>14326</v>
      </c>
      <c r="G23214" s="359" t="s">
        <v>14669</v>
      </c>
      <c r="H23214" s="359" t="s">
        <v>14328</v>
      </c>
      <c r="I23214" s="359" t="s">
        <v>14669</v>
      </c>
      <c r="J23214" s="365"/>
      <c r="K23214" s="365"/>
      <c r="L23214" s="367"/>
    </row>
    <row r="23215" spans="2:12">
      <c r="B23215" s="367"/>
      <c r="C23215" s="360"/>
      <c r="D23215" s="367"/>
      <c r="E23215" s="367"/>
      <c r="F23215" s="360"/>
      <c r="G23215" s="360"/>
      <c r="H23215" s="360"/>
      <c r="I23215" s="360"/>
      <c r="J23215" s="365"/>
      <c r="K23215" s="365"/>
      <c r="L23215" s="367"/>
    </row>
    <row r="23216" spans="2:12" ht="99.75">
      <c r="B23216" s="367"/>
      <c r="C23216" s="359" t="s">
        <v>29878</v>
      </c>
      <c r="D23216" s="367"/>
      <c r="E23216" s="367"/>
      <c r="F23216" s="359" t="s">
        <v>29864</v>
      </c>
      <c r="G23216" s="359" t="s">
        <v>14890</v>
      </c>
      <c r="H23216" s="359" t="s">
        <v>14381</v>
      </c>
      <c r="I23216" s="359" t="s">
        <v>14890</v>
      </c>
      <c r="J23216" s="365"/>
      <c r="K23216" s="365"/>
      <c r="L23216" s="367"/>
    </row>
    <row r="23217" spans="2:12">
      <c r="B23217" s="367"/>
      <c r="C23217" s="360"/>
      <c r="D23217" s="367"/>
      <c r="E23217" s="367"/>
      <c r="F23217" s="360"/>
      <c r="G23217" s="360"/>
      <c r="H23217" s="360"/>
      <c r="I23217" s="360"/>
      <c r="J23217" s="365"/>
      <c r="K23217" s="365"/>
      <c r="L23217" s="367"/>
    </row>
    <row r="23218" spans="2:12">
      <c r="B23218" s="368"/>
      <c r="C23218" s="362"/>
      <c r="D23218" s="368"/>
      <c r="E23218" s="368"/>
      <c r="F23218" s="362"/>
      <c r="G23218" s="362"/>
      <c r="H23218" s="361" t="s">
        <v>14332</v>
      </c>
      <c r="I23218" s="362"/>
      <c r="J23218" s="366"/>
      <c r="K23218" s="366"/>
      <c r="L23218" s="368"/>
    </row>
    <row r="23219" spans="2:12">
      <c r="B23219" s="358" t="s">
        <v>9850</v>
      </c>
      <c r="C23219" s="358" t="s">
        <v>26129</v>
      </c>
      <c r="D23219" s="358" t="s">
        <v>9851</v>
      </c>
      <c r="E23219" s="358" t="s">
        <v>9852</v>
      </c>
      <c r="F23219" s="358" t="s">
        <v>14330</v>
      </c>
      <c r="G23219" s="358" t="s">
        <v>14327</v>
      </c>
      <c r="H23219" s="358" t="s">
        <v>14331</v>
      </c>
      <c r="I23219" s="358" t="s">
        <v>14327</v>
      </c>
      <c r="J23219" s="358"/>
      <c r="K23219" s="358"/>
      <c r="L23219" s="358" t="s">
        <v>26096</v>
      </c>
    </row>
    <row r="23220" spans="2:12">
      <c r="B23220" s="367"/>
      <c r="C23220" s="360"/>
      <c r="D23220" s="367"/>
      <c r="E23220" s="367"/>
      <c r="F23220" s="360"/>
      <c r="G23220" s="360"/>
      <c r="H23220" s="360"/>
      <c r="I23220" s="360"/>
      <c r="J23220" s="365"/>
      <c r="K23220" s="365"/>
      <c r="L23220" s="367"/>
    </row>
    <row r="23221" spans="2:12">
      <c r="B23221" s="367"/>
      <c r="C23221" s="359" t="s">
        <v>12799</v>
      </c>
      <c r="D23221" s="367"/>
      <c r="E23221" s="367"/>
      <c r="F23221" s="359" t="s">
        <v>14326</v>
      </c>
      <c r="G23221" s="359" t="s">
        <v>14669</v>
      </c>
      <c r="H23221" s="359" t="s">
        <v>14328</v>
      </c>
      <c r="I23221" s="359" t="s">
        <v>14669</v>
      </c>
      <c r="J23221" s="365"/>
      <c r="K23221" s="365"/>
      <c r="L23221" s="367"/>
    </row>
    <row r="23222" spans="2:12">
      <c r="B23222" s="367"/>
      <c r="C23222" s="360"/>
      <c r="D23222" s="367"/>
      <c r="E23222" s="367"/>
      <c r="F23222" s="360"/>
      <c r="G23222" s="360"/>
      <c r="H23222" s="360"/>
      <c r="I23222" s="360"/>
      <c r="J23222" s="365"/>
      <c r="K23222" s="365"/>
      <c r="L23222" s="367"/>
    </row>
    <row r="23223" spans="2:12" ht="57">
      <c r="B23223" s="367"/>
      <c r="C23223" s="359" t="s">
        <v>30669</v>
      </c>
      <c r="D23223" s="367"/>
      <c r="E23223" s="367"/>
      <c r="F23223" s="359" t="s">
        <v>29864</v>
      </c>
      <c r="G23223" s="359" t="s">
        <v>14890</v>
      </c>
      <c r="H23223" s="359" t="s">
        <v>14381</v>
      </c>
      <c r="I23223" s="359" t="s">
        <v>14890</v>
      </c>
      <c r="J23223" s="365"/>
      <c r="K23223" s="365"/>
      <c r="L23223" s="367"/>
    </row>
    <row r="23224" spans="2:12">
      <c r="B23224" s="367"/>
      <c r="C23224" s="360"/>
      <c r="D23224" s="367"/>
      <c r="E23224" s="367"/>
      <c r="F23224" s="360"/>
      <c r="G23224" s="360"/>
      <c r="H23224" s="360"/>
      <c r="I23224" s="360"/>
      <c r="J23224" s="365"/>
      <c r="K23224" s="365"/>
      <c r="L23224" s="367"/>
    </row>
    <row r="23225" spans="2:12">
      <c r="B23225" s="368"/>
      <c r="C23225" s="362"/>
      <c r="D23225" s="368"/>
      <c r="E23225" s="368"/>
      <c r="F23225" s="362"/>
      <c r="G23225" s="362"/>
      <c r="H23225" s="361" t="s">
        <v>14332</v>
      </c>
      <c r="I23225" s="362"/>
      <c r="J23225" s="366"/>
      <c r="K23225" s="366"/>
      <c r="L23225" s="368"/>
    </row>
    <row r="23226" spans="2:12">
      <c r="B23226" s="358" t="s">
        <v>9854</v>
      </c>
      <c r="C23226" s="358" t="s">
        <v>26130</v>
      </c>
      <c r="D23226" s="358" t="s">
        <v>9855</v>
      </c>
      <c r="E23226" s="358" t="s">
        <v>9856</v>
      </c>
      <c r="F23226" s="358" t="s">
        <v>14330</v>
      </c>
      <c r="G23226" s="358" t="s">
        <v>14327</v>
      </c>
      <c r="H23226" s="358" t="s">
        <v>14331</v>
      </c>
      <c r="I23226" s="358" t="s">
        <v>14327</v>
      </c>
      <c r="J23226" s="358"/>
      <c r="K23226" s="358"/>
      <c r="L23226" s="358" t="s">
        <v>26096</v>
      </c>
    </row>
    <row r="23227" spans="2:12">
      <c r="B23227" s="367"/>
      <c r="C23227" s="360"/>
      <c r="D23227" s="367"/>
      <c r="E23227" s="367"/>
      <c r="F23227" s="360"/>
      <c r="G23227" s="360"/>
      <c r="H23227" s="360"/>
      <c r="I23227" s="360"/>
      <c r="J23227" s="365"/>
      <c r="K23227" s="365"/>
      <c r="L23227" s="367"/>
    </row>
    <row r="23228" spans="2:12">
      <c r="B23228" s="367"/>
      <c r="C23228" s="359" t="s">
        <v>12799</v>
      </c>
      <c r="D23228" s="367"/>
      <c r="E23228" s="367"/>
      <c r="F23228" s="359" t="s">
        <v>14326</v>
      </c>
      <c r="G23228" s="359" t="s">
        <v>14669</v>
      </c>
      <c r="H23228" s="359" t="s">
        <v>14328</v>
      </c>
      <c r="I23228" s="359" t="s">
        <v>14669</v>
      </c>
      <c r="J23228" s="365"/>
      <c r="K23228" s="365"/>
      <c r="L23228" s="367"/>
    </row>
    <row r="23229" spans="2:12">
      <c r="B23229" s="367"/>
      <c r="C23229" s="360"/>
      <c r="D23229" s="367"/>
      <c r="E23229" s="367"/>
      <c r="F23229" s="360"/>
      <c r="G23229" s="360"/>
      <c r="H23229" s="360"/>
      <c r="I23229" s="360"/>
      <c r="J23229" s="365"/>
      <c r="K23229" s="365"/>
      <c r="L23229" s="367"/>
    </row>
    <row r="23230" spans="2:12" ht="85.5">
      <c r="B23230" s="367"/>
      <c r="C23230" s="359" t="s">
        <v>30670</v>
      </c>
      <c r="D23230" s="367"/>
      <c r="E23230" s="367"/>
      <c r="F23230" s="359" t="s">
        <v>29864</v>
      </c>
      <c r="G23230" s="359" t="s">
        <v>14890</v>
      </c>
      <c r="H23230" s="359" t="s">
        <v>14381</v>
      </c>
      <c r="I23230" s="359" t="s">
        <v>14890</v>
      </c>
      <c r="J23230" s="365"/>
      <c r="K23230" s="365"/>
      <c r="L23230" s="367"/>
    </row>
    <row r="23231" spans="2:12">
      <c r="B23231" s="367"/>
      <c r="C23231" s="360"/>
      <c r="D23231" s="367"/>
      <c r="E23231" s="367"/>
      <c r="F23231" s="360"/>
      <c r="G23231" s="360"/>
      <c r="H23231" s="360"/>
      <c r="I23231" s="360"/>
      <c r="J23231" s="365"/>
      <c r="K23231" s="365"/>
      <c r="L23231" s="367"/>
    </row>
    <row r="23232" spans="2:12">
      <c r="B23232" s="368"/>
      <c r="C23232" s="362"/>
      <c r="D23232" s="368"/>
      <c r="E23232" s="368"/>
      <c r="F23232" s="362"/>
      <c r="G23232" s="362"/>
      <c r="H23232" s="361" t="s">
        <v>14332</v>
      </c>
      <c r="I23232" s="362"/>
      <c r="J23232" s="366"/>
      <c r="K23232" s="366"/>
      <c r="L23232" s="368"/>
    </row>
    <row r="23233" spans="2:12">
      <c r="B23233" s="358" t="s">
        <v>9858</v>
      </c>
      <c r="C23233" s="358" t="s">
        <v>26131</v>
      </c>
      <c r="D23233" s="358" t="s">
        <v>9859</v>
      </c>
      <c r="E23233" s="358" t="s">
        <v>9860</v>
      </c>
      <c r="F23233" s="358" t="s">
        <v>14330</v>
      </c>
      <c r="G23233" s="358" t="s">
        <v>14327</v>
      </c>
      <c r="H23233" s="358" t="s">
        <v>14331</v>
      </c>
      <c r="I23233" s="358" t="s">
        <v>14327</v>
      </c>
      <c r="J23233" s="358"/>
      <c r="K23233" s="358"/>
      <c r="L23233" s="358" t="s">
        <v>26096</v>
      </c>
    </row>
    <row r="23234" spans="2:12">
      <c r="B23234" s="367"/>
      <c r="C23234" s="360"/>
      <c r="D23234" s="367"/>
      <c r="E23234" s="367"/>
      <c r="F23234" s="360"/>
      <c r="G23234" s="360"/>
      <c r="H23234" s="360"/>
      <c r="I23234" s="360"/>
      <c r="J23234" s="365"/>
      <c r="K23234" s="365"/>
      <c r="L23234" s="367"/>
    </row>
    <row r="23235" spans="2:12">
      <c r="B23235" s="367"/>
      <c r="C23235" s="359" t="s">
        <v>12799</v>
      </c>
      <c r="D23235" s="367"/>
      <c r="E23235" s="367"/>
      <c r="F23235" s="359" t="s">
        <v>14326</v>
      </c>
      <c r="G23235" s="359" t="s">
        <v>14669</v>
      </c>
      <c r="H23235" s="359" t="s">
        <v>14328</v>
      </c>
      <c r="I23235" s="359" t="s">
        <v>14669</v>
      </c>
      <c r="J23235" s="365"/>
      <c r="K23235" s="365"/>
      <c r="L23235" s="367"/>
    </row>
    <row r="23236" spans="2:12">
      <c r="B23236" s="367"/>
      <c r="C23236" s="360"/>
      <c r="D23236" s="367"/>
      <c r="E23236" s="367"/>
      <c r="F23236" s="360"/>
      <c r="G23236" s="360"/>
      <c r="H23236" s="360"/>
      <c r="I23236" s="360"/>
      <c r="J23236" s="365"/>
      <c r="K23236" s="365"/>
      <c r="L23236" s="367"/>
    </row>
    <row r="23237" spans="2:12" ht="57">
      <c r="B23237" s="367"/>
      <c r="C23237" s="359" t="s">
        <v>28181</v>
      </c>
      <c r="D23237" s="367"/>
      <c r="E23237" s="367"/>
      <c r="F23237" s="359" t="s">
        <v>29864</v>
      </c>
      <c r="G23237" s="359" t="s">
        <v>14890</v>
      </c>
      <c r="H23237" s="359" t="s">
        <v>14381</v>
      </c>
      <c r="I23237" s="359" t="s">
        <v>14890</v>
      </c>
      <c r="J23237" s="365"/>
      <c r="K23237" s="365"/>
      <c r="L23237" s="367"/>
    </row>
    <row r="23238" spans="2:12">
      <c r="B23238" s="367"/>
      <c r="C23238" s="360"/>
      <c r="D23238" s="367"/>
      <c r="E23238" s="367"/>
      <c r="F23238" s="360"/>
      <c r="G23238" s="360"/>
      <c r="H23238" s="360"/>
      <c r="I23238" s="360"/>
      <c r="J23238" s="365"/>
      <c r="K23238" s="365"/>
      <c r="L23238" s="367"/>
    </row>
    <row r="23239" spans="2:12">
      <c r="B23239" s="368"/>
      <c r="C23239" s="362"/>
      <c r="D23239" s="368"/>
      <c r="E23239" s="368"/>
      <c r="F23239" s="362"/>
      <c r="G23239" s="362"/>
      <c r="H23239" s="361" t="s">
        <v>14332</v>
      </c>
      <c r="I23239" s="362"/>
      <c r="J23239" s="366"/>
      <c r="K23239" s="366"/>
      <c r="L23239" s="368"/>
    </row>
    <row r="23240" spans="2:12">
      <c r="B23240" s="358" t="s">
        <v>9862</v>
      </c>
      <c r="C23240" s="358" t="s">
        <v>26132</v>
      </c>
      <c r="D23240" s="358" t="s">
        <v>9863</v>
      </c>
      <c r="E23240" s="358" t="s">
        <v>9864</v>
      </c>
      <c r="F23240" s="358" t="s">
        <v>14330</v>
      </c>
      <c r="G23240" s="358" t="s">
        <v>14327</v>
      </c>
      <c r="H23240" s="358" t="s">
        <v>14331</v>
      </c>
      <c r="I23240" s="358" t="s">
        <v>14327</v>
      </c>
      <c r="J23240" s="358"/>
      <c r="K23240" s="358"/>
      <c r="L23240" s="358" t="s">
        <v>26096</v>
      </c>
    </row>
    <row r="23241" spans="2:12">
      <c r="B23241" s="367"/>
      <c r="C23241" s="360"/>
      <c r="D23241" s="367"/>
      <c r="E23241" s="367"/>
      <c r="F23241" s="360"/>
      <c r="G23241" s="360"/>
      <c r="H23241" s="360"/>
      <c r="I23241" s="360"/>
      <c r="J23241" s="365"/>
      <c r="K23241" s="365"/>
      <c r="L23241" s="367"/>
    </row>
    <row r="23242" spans="2:12">
      <c r="B23242" s="367"/>
      <c r="C23242" s="359" t="s">
        <v>12799</v>
      </c>
      <c r="D23242" s="367"/>
      <c r="E23242" s="367"/>
      <c r="F23242" s="359" t="s">
        <v>14326</v>
      </c>
      <c r="G23242" s="359" t="s">
        <v>14669</v>
      </c>
      <c r="H23242" s="359" t="s">
        <v>14328</v>
      </c>
      <c r="I23242" s="359" t="s">
        <v>14669</v>
      </c>
      <c r="J23242" s="365"/>
      <c r="K23242" s="365"/>
      <c r="L23242" s="367"/>
    </row>
    <row r="23243" spans="2:12">
      <c r="B23243" s="367"/>
      <c r="C23243" s="360"/>
      <c r="D23243" s="367"/>
      <c r="E23243" s="367"/>
      <c r="F23243" s="360"/>
      <c r="G23243" s="360"/>
      <c r="H23243" s="360"/>
      <c r="I23243" s="360"/>
      <c r="J23243" s="365"/>
      <c r="K23243" s="365"/>
      <c r="L23243" s="367"/>
    </row>
    <row r="23244" spans="2:12" ht="57">
      <c r="B23244" s="367"/>
      <c r="C23244" s="359" t="s">
        <v>28182</v>
      </c>
      <c r="D23244" s="367"/>
      <c r="E23244" s="367"/>
      <c r="F23244" s="359" t="s">
        <v>29864</v>
      </c>
      <c r="G23244" s="359" t="s">
        <v>14890</v>
      </c>
      <c r="H23244" s="359" t="s">
        <v>14381</v>
      </c>
      <c r="I23244" s="359" t="s">
        <v>14890</v>
      </c>
      <c r="J23244" s="365"/>
      <c r="K23244" s="365"/>
      <c r="L23244" s="367"/>
    </row>
    <row r="23245" spans="2:12">
      <c r="B23245" s="367"/>
      <c r="C23245" s="360"/>
      <c r="D23245" s="367"/>
      <c r="E23245" s="367"/>
      <c r="F23245" s="360"/>
      <c r="G23245" s="360"/>
      <c r="H23245" s="360"/>
      <c r="I23245" s="360"/>
      <c r="J23245" s="365"/>
      <c r="K23245" s="365"/>
      <c r="L23245" s="367"/>
    </row>
    <row r="23246" spans="2:12">
      <c r="B23246" s="368"/>
      <c r="C23246" s="362"/>
      <c r="D23246" s="368"/>
      <c r="E23246" s="368"/>
      <c r="F23246" s="362"/>
      <c r="G23246" s="362"/>
      <c r="H23246" s="361" t="s">
        <v>14332</v>
      </c>
      <c r="I23246" s="362"/>
      <c r="J23246" s="366"/>
      <c r="K23246" s="366"/>
      <c r="L23246" s="368"/>
    </row>
    <row r="23247" spans="2:12" ht="28.5">
      <c r="B23247" s="358" t="s">
        <v>9866</v>
      </c>
      <c r="C23247" s="358" t="s">
        <v>26133</v>
      </c>
      <c r="D23247" s="358" t="s">
        <v>9867</v>
      </c>
      <c r="E23247" s="358" t="s">
        <v>9868</v>
      </c>
      <c r="F23247" s="358" t="s">
        <v>14330</v>
      </c>
      <c r="G23247" s="358" t="s">
        <v>14327</v>
      </c>
      <c r="H23247" s="358" t="s">
        <v>14331</v>
      </c>
      <c r="I23247" s="358" t="s">
        <v>14327</v>
      </c>
      <c r="J23247" s="358"/>
      <c r="K23247" s="358"/>
      <c r="L23247" s="358" t="s">
        <v>26096</v>
      </c>
    </row>
    <row r="23248" spans="2:12">
      <c r="B23248" s="367"/>
      <c r="C23248" s="360"/>
      <c r="D23248" s="367"/>
      <c r="E23248" s="367"/>
      <c r="F23248" s="360"/>
      <c r="G23248" s="360"/>
      <c r="H23248" s="360"/>
      <c r="I23248" s="360"/>
      <c r="J23248" s="365"/>
      <c r="K23248" s="365"/>
      <c r="L23248" s="367"/>
    </row>
    <row r="23249" spans="2:12">
      <c r="B23249" s="367"/>
      <c r="C23249" s="359" t="s">
        <v>12799</v>
      </c>
      <c r="D23249" s="367"/>
      <c r="E23249" s="367"/>
      <c r="F23249" s="359" t="s">
        <v>14326</v>
      </c>
      <c r="G23249" s="359" t="s">
        <v>14669</v>
      </c>
      <c r="H23249" s="359" t="s">
        <v>14328</v>
      </c>
      <c r="I23249" s="359" t="s">
        <v>14669</v>
      </c>
      <c r="J23249" s="365"/>
      <c r="K23249" s="365"/>
      <c r="L23249" s="367"/>
    </row>
    <row r="23250" spans="2:12">
      <c r="B23250" s="367"/>
      <c r="C23250" s="360"/>
      <c r="D23250" s="367"/>
      <c r="E23250" s="367"/>
      <c r="F23250" s="360"/>
      <c r="G23250" s="360"/>
      <c r="H23250" s="360"/>
      <c r="I23250" s="360"/>
      <c r="J23250" s="365"/>
      <c r="K23250" s="365"/>
      <c r="L23250" s="367"/>
    </row>
    <row r="23251" spans="2:12" ht="85.5">
      <c r="B23251" s="367"/>
      <c r="C23251" s="359" t="s">
        <v>28183</v>
      </c>
      <c r="D23251" s="367"/>
      <c r="E23251" s="367"/>
      <c r="F23251" s="359" t="s">
        <v>29864</v>
      </c>
      <c r="G23251" s="359" t="s">
        <v>14890</v>
      </c>
      <c r="H23251" s="359" t="s">
        <v>14381</v>
      </c>
      <c r="I23251" s="359" t="s">
        <v>14890</v>
      </c>
      <c r="J23251" s="365"/>
      <c r="K23251" s="365"/>
      <c r="L23251" s="367"/>
    </row>
    <row r="23252" spans="2:12">
      <c r="B23252" s="367"/>
      <c r="C23252" s="360"/>
      <c r="D23252" s="367"/>
      <c r="E23252" s="367"/>
      <c r="F23252" s="360"/>
      <c r="G23252" s="360"/>
      <c r="H23252" s="360"/>
      <c r="I23252" s="360"/>
      <c r="J23252" s="365"/>
      <c r="K23252" s="365"/>
      <c r="L23252" s="367"/>
    </row>
    <row r="23253" spans="2:12">
      <c r="B23253" s="368"/>
      <c r="C23253" s="362"/>
      <c r="D23253" s="368"/>
      <c r="E23253" s="368"/>
      <c r="F23253" s="362"/>
      <c r="G23253" s="362"/>
      <c r="H23253" s="361" t="s">
        <v>14332</v>
      </c>
      <c r="I23253" s="362"/>
      <c r="J23253" s="366"/>
      <c r="K23253" s="366"/>
      <c r="L23253" s="368"/>
    </row>
    <row r="23254" spans="2:12">
      <c r="B23254" s="358" t="s">
        <v>9870</v>
      </c>
      <c r="C23254" s="358" t="s">
        <v>26134</v>
      </c>
      <c r="D23254" s="358" t="s">
        <v>9871</v>
      </c>
      <c r="E23254" s="358" t="s">
        <v>9872</v>
      </c>
      <c r="F23254" s="358" t="s">
        <v>14330</v>
      </c>
      <c r="G23254" s="358" t="s">
        <v>14327</v>
      </c>
      <c r="H23254" s="358" t="s">
        <v>14331</v>
      </c>
      <c r="I23254" s="358" t="s">
        <v>14327</v>
      </c>
      <c r="J23254" s="358"/>
      <c r="K23254" s="358"/>
      <c r="L23254" s="358" t="s">
        <v>26096</v>
      </c>
    </row>
    <row r="23255" spans="2:12">
      <c r="B23255" s="367"/>
      <c r="C23255" s="360"/>
      <c r="D23255" s="367"/>
      <c r="E23255" s="367"/>
      <c r="F23255" s="360"/>
      <c r="G23255" s="360"/>
      <c r="H23255" s="360"/>
      <c r="I23255" s="360"/>
      <c r="J23255" s="365"/>
      <c r="K23255" s="365"/>
      <c r="L23255" s="367"/>
    </row>
    <row r="23256" spans="2:12">
      <c r="B23256" s="367"/>
      <c r="C23256" s="359" t="s">
        <v>12799</v>
      </c>
      <c r="D23256" s="367"/>
      <c r="E23256" s="367"/>
      <c r="F23256" s="359" t="s">
        <v>14326</v>
      </c>
      <c r="G23256" s="359" t="s">
        <v>14669</v>
      </c>
      <c r="H23256" s="359" t="s">
        <v>14328</v>
      </c>
      <c r="I23256" s="359" t="s">
        <v>14669</v>
      </c>
      <c r="J23256" s="365"/>
      <c r="K23256" s="365"/>
      <c r="L23256" s="367"/>
    </row>
    <row r="23257" spans="2:12">
      <c r="B23257" s="367"/>
      <c r="C23257" s="360"/>
      <c r="D23257" s="367"/>
      <c r="E23257" s="367"/>
      <c r="F23257" s="360"/>
      <c r="G23257" s="360"/>
      <c r="H23257" s="360"/>
      <c r="I23257" s="360"/>
      <c r="J23257" s="365"/>
      <c r="K23257" s="365"/>
      <c r="L23257" s="367"/>
    </row>
    <row r="23258" spans="2:12" ht="85.5">
      <c r="B23258" s="367"/>
      <c r="C23258" s="359" t="s">
        <v>28184</v>
      </c>
      <c r="D23258" s="367"/>
      <c r="E23258" s="367"/>
      <c r="F23258" s="359" t="s">
        <v>29864</v>
      </c>
      <c r="G23258" s="359" t="s">
        <v>14890</v>
      </c>
      <c r="H23258" s="359" t="s">
        <v>14381</v>
      </c>
      <c r="I23258" s="359" t="s">
        <v>14890</v>
      </c>
      <c r="J23258" s="365"/>
      <c r="K23258" s="365"/>
      <c r="L23258" s="367"/>
    </row>
    <row r="23259" spans="2:12">
      <c r="B23259" s="367"/>
      <c r="C23259" s="360"/>
      <c r="D23259" s="367"/>
      <c r="E23259" s="367"/>
      <c r="F23259" s="360"/>
      <c r="G23259" s="360"/>
      <c r="H23259" s="360"/>
      <c r="I23259" s="360"/>
      <c r="J23259" s="365"/>
      <c r="K23259" s="365"/>
      <c r="L23259" s="367"/>
    </row>
    <row r="23260" spans="2:12">
      <c r="B23260" s="368"/>
      <c r="C23260" s="362"/>
      <c r="D23260" s="368"/>
      <c r="E23260" s="368"/>
      <c r="F23260" s="362"/>
      <c r="G23260" s="362"/>
      <c r="H23260" s="361" t="s">
        <v>14332</v>
      </c>
      <c r="I23260" s="362"/>
      <c r="J23260" s="366"/>
      <c r="K23260" s="366"/>
      <c r="L23260" s="368"/>
    </row>
    <row r="23261" spans="2:12" ht="28.5">
      <c r="B23261" s="358" t="s">
        <v>9874</v>
      </c>
      <c r="C23261" s="358" t="s">
        <v>29879</v>
      </c>
      <c r="D23261" s="358" t="s">
        <v>9875</v>
      </c>
      <c r="E23261" s="358" t="s">
        <v>9876</v>
      </c>
      <c r="F23261" s="358" t="s">
        <v>14330</v>
      </c>
      <c r="G23261" s="358" t="s">
        <v>14327</v>
      </c>
      <c r="H23261" s="358" t="s">
        <v>14331</v>
      </c>
      <c r="I23261" s="358" t="s">
        <v>14327</v>
      </c>
      <c r="J23261" s="358"/>
      <c r="K23261" s="358"/>
      <c r="L23261" s="358" t="s">
        <v>26096</v>
      </c>
    </row>
    <row r="23262" spans="2:12">
      <c r="B23262" s="367"/>
      <c r="C23262" s="360"/>
      <c r="D23262" s="367"/>
      <c r="E23262" s="367"/>
      <c r="F23262" s="360"/>
      <c r="G23262" s="360"/>
      <c r="H23262" s="360"/>
      <c r="I23262" s="360"/>
      <c r="J23262" s="365"/>
      <c r="K23262" s="365"/>
      <c r="L23262" s="367"/>
    </row>
    <row r="23263" spans="2:12" ht="71.25">
      <c r="B23263" s="367"/>
      <c r="C23263" s="359" t="s">
        <v>30671</v>
      </c>
      <c r="D23263" s="367"/>
      <c r="E23263" s="367"/>
      <c r="F23263" s="359" t="s">
        <v>14326</v>
      </c>
      <c r="G23263" s="359" t="s">
        <v>14669</v>
      </c>
      <c r="H23263" s="359" t="s">
        <v>14328</v>
      </c>
      <c r="I23263" s="359" t="s">
        <v>14669</v>
      </c>
      <c r="J23263" s="365"/>
      <c r="K23263" s="365"/>
      <c r="L23263" s="367"/>
    </row>
    <row r="23264" spans="2:12">
      <c r="B23264" s="367"/>
      <c r="C23264" s="360"/>
      <c r="D23264" s="367"/>
      <c r="E23264" s="367"/>
      <c r="F23264" s="360"/>
      <c r="G23264" s="360"/>
      <c r="H23264" s="360"/>
      <c r="I23264" s="360"/>
      <c r="J23264" s="365"/>
      <c r="K23264" s="365"/>
      <c r="L23264" s="367"/>
    </row>
    <row r="23265" spans="2:12" ht="28.5">
      <c r="B23265" s="367"/>
      <c r="C23265" s="360"/>
      <c r="D23265" s="367"/>
      <c r="E23265" s="367"/>
      <c r="F23265" s="359" t="s">
        <v>29864</v>
      </c>
      <c r="G23265" s="359" t="s">
        <v>14890</v>
      </c>
      <c r="H23265" s="359" t="s">
        <v>14381</v>
      </c>
      <c r="I23265" s="359" t="s">
        <v>14890</v>
      </c>
      <c r="J23265" s="365"/>
      <c r="K23265" s="365"/>
      <c r="L23265" s="367"/>
    </row>
    <row r="23266" spans="2:12">
      <c r="B23266" s="367"/>
      <c r="C23266" s="360"/>
      <c r="D23266" s="367"/>
      <c r="E23266" s="367"/>
      <c r="F23266" s="360"/>
      <c r="G23266" s="360"/>
      <c r="H23266" s="360"/>
      <c r="I23266" s="360"/>
      <c r="J23266" s="365"/>
      <c r="K23266" s="365"/>
      <c r="L23266" s="367"/>
    </row>
    <row r="23267" spans="2:12">
      <c r="B23267" s="368"/>
      <c r="C23267" s="362"/>
      <c r="D23267" s="368"/>
      <c r="E23267" s="368"/>
      <c r="F23267" s="362"/>
      <c r="G23267" s="362"/>
      <c r="H23267" s="361" t="s">
        <v>14332</v>
      </c>
      <c r="I23267" s="362"/>
      <c r="J23267" s="366"/>
      <c r="K23267" s="366"/>
      <c r="L23267" s="368"/>
    </row>
    <row r="23268" spans="2:12">
      <c r="B23268" s="358" t="s">
        <v>9878</v>
      </c>
      <c r="C23268" s="358" t="s">
        <v>26135</v>
      </c>
      <c r="D23268" s="358" t="s">
        <v>9879</v>
      </c>
      <c r="E23268" s="358" t="s">
        <v>9880</v>
      </c>
      <c r="F23268" s="358" t="s">
        <v>14330</v>
      </c>
      <c r="G23268" s="358" t="s">
        <v>14327</v>
      </c>
      <c r="H23268" s="358" t="s">
        <v>14331</v>
      </c>
      <c r="I23268" s="358" t="s">
        <v>14327</v>
      </c>
      <c r="J23268" s="358"/>
      <c r="K23268" s="358"/>
      <c r="L23268" s="358" t="s">
        <v>26096</v>
      </c>
    </row>
    <row r="23269" spans="2:12">
      <c r="B23269" s="367"/>
      <c r="C23269" s="360"/>
      <c r="D23269" s="367"/>
      <c r="E23269" s="367"/>
      <c r="F23269" s="360"/>
      <c r="G23269" s="360"/>
      <c r="H23269" s="360"/>
      <c r="I23269" s="360"/>
      <c r="J23269" s="365"/>
      <c r="K23269" s="365"/>
      <c r="L23269" s="367"/>
    </row>
    <row r="23270" spans="2:12">
      <c r="B23270" s="367"/>
      <c r="C23270" s="359" t="s">
        <v>12799</v>
      </c>
      <c r="D23270" s="367"/>
      <c r="E23270" s="367"/>
      <c r="F23270" s="359" t="s">
        <v>14326</v>
      </c>
      <c r="G23270" s="359" t="s">
        <v>14669</v>
      </c>
      <c r="H23270" s="359" t="s">
        <v>14328</v>
      </c>
      <c r="I23270" s="359" t="s">
        <v>14669</v>
      </c>
      <c r="J23270" s="365"/>
      <c r="K23270" s="365"/>
      <c r="L23270" s="367"/>
    </row>
    <row r="23271" spans="2:12">
      <c r="B23271" s="367"/>
      <c r="C23271" s="360"/>
      <c r="D23271" s="367"/>
      <c r="E23271" s="367"/>
      <c r="F23271" s="360"/>
      <c r="G23271" s="360"/>
      <c r="H23271" s="360"/>
      <c r="I23271" s="360"/>
      <c r="J23271" s="365"/>
      <c r="K23271" s="365"/>
      <c r="L23271" s="367"/>
    </row>
    <row r="23272" spans="2:12" ht="85.5">
      <c r="B23272" s="367"/>
      <c r="C23272" s="359" t="s">
        <v>28185</v>
      </c>
      <c r="D23272" s="367"/>
      <c r="E23272" s="367"/>
      <c r="F23272" s="359" t="s">
        <v>29864</v>
      </c>
      <c r="G23272" s="359" t="s">
        <v>14890</v>
      </c>
      <c r="H23272" s="359" t="s">
        <v>14381</v>
      </c>
      <c r="I23272" s="359" t="s">
        <v>14890</v>
      </c>
      <c r="J23272" s="365"/>
      <c r="K23272" s="365"/>
      <c r="L23272" s="367"/>
    </row>
    <row r="23273" spans="2:12">
      <c r="B23273" s="367"/>
      <c r="C23273" s="360"/>
      <c r="D23273" s="367"/>
      <c r="E23273" s="367"/>
      <c r="F23273" s="360"/>
      <c r="G23273" s="360"/>
      <c r="H23273" s="360"/>
      <c r="I23273" s="360"/>
      <c r="J23273" s="365"/>
      <c r="K23273" s="365"/>
      <c r="L23273" s="367"/>
    </row>
    <row r="23274" spans="2:12">
      <c r="B23274" s="368"/>
      <c r="C23274" s="362"/>
      <c r="D23274" s="368"/>
      <c r="E23274" s="368"/>
      <c r="F23274" s="362"/>
      <c r="G23274" s="362"/>
      <c r="H23274" s="361" t="s">
        <v>14332</v>
      </c>
      <c r="I23274" s="362"/>
      <c r="J23274" s="366"/>
      <c r="K23274" s="366"/>
      <c r="L23274" s="368"/>
    </row>
    <row r="23275" spans="2:12" ht="28.5">
      <c r="B23275" s="358" t="s">
        <v>9882</v>
      </c>
      <c r="C23275" s="358" t="s">
        <v>26136</v>
      </c>
      <c r="D23275" s="358" t="s">
        <v>9883</v>
      </c>
      <c r="E23275" s="358" t="s">
        <v>9884</v>
      </c>
      <c r="F23275" s="358" t="s">
        <v>14330</v>
      </c>
      <c r="G23275" s="358" t="s">
        <v>14327</v>
      </c>
      <c r="H23275" s="358" t="s">
        <v>14331</v>
      </c>
      <c r="I23275" s="358" t="s">
        <v>14327</v>
      </c>
      <c r="J23275" s="358"/>
      <c r="K23275" s="358"/>
      <c r="L23275" s="358" t="s">
        <v>26096</v>
      </c>
    </row>
    <row r="23276" spans="2:12">
      <c r="B23276" s="367"/>
      <c r="C23276" s="360"/>
      <c r="D23276" s="367"/>
      <c r="E23276" s="367"/>
      <c r="F23276" s="360"/>
      <c r="G23276" s="360"/>
      <c r="H23276" s="360"/>
      <c r="I23276" s="360"/>
      <c r="J23276" s="365"/>
      <c r="K23276" s="365"/>
      <c r="L23276" s="367"/>
    </row>
    <row r="23277" spans="2:12">
      <c r="B23277" s="367"/>
      <c r="C23277" s="359" t="s">
        <v>12799</v>
      </c>
      <c r="D23277" s="367"/>
      <c r="E23277" s="367"/>
      <c r="F23277" s="359" t="s">
        <v>14326</v>
      </c>
      <c r="G23277" s="359" t="s">
        <v>14669</v>
      </c>
      <c r="H23277" s="359" t="s">
        <v>14328</v>
      </c>
      <c r="I23277" s="359" t="s">
        <v>14669</v>
      </c>
      <c r="J23277" s="365"/>
      <c r="K23277" s="365"/>
      <c r="L23277" s="367"/>
    </row>
    <row r="23278" spans="2:12">
      <c r="B23278" s="367"/>
      <c r="C23278" s="360"/>
      <c r="D23278" s="367"/>
      <c r="E23278" s="367"/>
      <c r="F23278" s="360"/>
      <c r="G23278" s="360"/>
      <c r="H23278" s="360"/>
      <c r="I23278" s="360"/>
      <c r="J23278" s="365"/>
      <c r="K23278" s="365"/>
      <c r="L23278" s="367"/>
    </row>
    <row r="23279" spans="2:12" ht="85.5">
      <c r="B23279" s="367"/>
      <c r="C23279" s="359" t="s">
        <v>30672</v>
      </c>
      <c r="D23279" s="367"/>
      <c r="E23279" s="367"/>
      <c r="F23279" s="359" t="s">
        <v>29864</v>
      </c>
      <c r="G23279" s="359" t="s">
        <v>14890</v>
      </c>
      <c r="H23279" s="359" t="s">
        <v>14381</v>
      </c>
      <c r="I23279" s="359" t="s">
        <v>14890</v>
      </c>
      <c r="J23279" s="365"/>
      <c r="K23279" s="365"/>
      <c r="L23279" s="367"/>
    </row>
    <row r="23280" spans="2:12">
      <c r="B23280" s="367"/>
      <c r="C23280" s="360"/>
      <c r="D23280" s="367"/>
      <c r="E23280" s="367"/>
      <c r="F23280" s="360"/>
      <c r="G23280" s="360"/>
      <c r="H23280" s="360"/>
      <c r="I23280" s="360"/>
      <c r="J23280" s="365"/>
      <c r="K23280" s="365"/>
      <c r="L23280" s="367"/>
    </row>
    <row r="23281" spans="2:12">
      <c r="B23281" s="368"/>
      <c r="C23281" s="362"/>
      <c r="D23281" s="368"/>
      <c r="E23281" s="368"/>
      <c r="F23281" s="362"/>
      <c r="G23281" s="362"/>
      <c r="H23281" s="361" t="s">
        <v>14332</v>
      </c>
      <c r="I23281" s="362"/>
      <c r="J23281" s="366"/>
      <c r="K23281" s="366"/>
      <c r="L23281" s="368"/>
    </row>
    <row r="23282" spans="2:12" ht="28.5">
      <c r="B23282" s="358" t="s">
        <v>9886</v>
      </c>
      <c r="C23282" s="358" t="s">
        <v>26137</v>
      </c>
      <c r="D23282" s="358" t="s">
        <v>9887</v>
      </c>
      <c r="E23282" s="358" t="s">
        <v>9888</v>
      </c>
      <c r="F23282" s="358" t="s">
        <v>14330</v>
      </c>
      <c r="G23282" s="358" t="s">
        <v>14327</v>
      </c>
      <c r="H23282" s="358" t="s">
        <v>14331</v>
      </c>
      <c r="I23282" s="358" t="s">
        <v>14327</v>
      </c>
      <c r="J23282" s="358"/>
      <c r="K23282" s="358"/>
      <c r="L23282" s="358" t="s">
        <v>26096</v>
      </c>
    </row>
    <row r="23283" spans="2:12">
      <c r="B23283" s="367"/>
      <c r="C23283" s="360"/>
      <c r="D23283" s="367"/>
      <c r="E23283" s="367"/>
      <c r="F23283" s="360"/>
      <c r="G23283" s="360"/>
      <c r="H23283" s="360"/>
      <c r="I23283" s="360"/>
      <c r="J23283" s="365"/>
      <c r="K23283" s="365"/>
      <c r="L23283" s="367"/>
    </row>
    <row r="23284" spans="2:12">
      <c r="B23284" s="367"/>
      <c r="C23284" s="359" t="s">
        <v>12799</v>
      </c>
      <c r="D23284" s="367"/>
      <c r="E23284" s="367"/>
      <c r="F23284" s="359" t="s">
        <v>14326</v>
      </c>
      <c r="G23284" s="359" t="s">
        <v>14669</v>
      </c>
      <c r="H23284" s="359" t="s">
        <v>14328</v>
      </c>
      <c r="I23284" s="359" t="s">
        <v>14669</v>
      </c>
      <c r="J23284" s="365"/>
      <c r="K23284" s="365"/>
      <c r="L23284" s="367"/>
    </row>
    <row r="23285" spans="2:12">
      <c r="B23285" s="367"/>
      <c r="C23285" s="360"/>
      <c r="D23285" s="367"/>
      <c r="E23285" s="367"/>
      <c r="F23285" s="360"/>
      <c r="G23285" s="360"/>
      <c r="H23285" s="360"/>
      <c r="I23285" s="360"/>
      <c r="J23285" s="365"/>
      <c r="K23285" s="365"/>
      <c r="L23285" s="367"/>
    </row>
    <row r="23286" spans="2:12" ht="71.25">
      <c r="B23286" s="367"/>
      <c r="C23286" s="359" t="s">
        <v>28186</v>
      </c>
      <c r="D23286" s="367"/>
      <c r="E23286" s="367"/>
      <c r="F23286" s="359" t="s">
        <v>29864</v>
      </c>
      <c r="G23286" s="359" t="s">
        <v>14890</v>
      </c>
      <c r="H23286" s="359" t="s">
        <v>14381</v>
      </c>
      <c r="I23286" s="359" t="s">
        <v>14890</v>
      </c>
      <c r="J23286" s="365"/>
      <c r="K23286" s="365"/>
      <c r="L23286" s="367"/>
    </row>
    <row r="23287" spans="2:12">
      <c r="B23287" s="367"/>
      <c r="C23287" s="360"/>
      <c r="D23287" s="367"/>
      <c r="E23287" s="367"/>
      <c r="F23287" s="360"/>
      <c r="G23287" s="360"/>
      <c r="H23287" s="360"/>
      <c r="I23287" s="360"/>
      <c r="J23287" s="365"/>
      <c r="K23287" s="365"/>
      <c r="L23287" s="367"/>
    </row>
    <row r="23288" spans="2:12">
      <c r="B23288" s="368"/>
      <c r="C23288" s="362"/>
      <c r="D23288" s="368"/>
      <c r="E23288" s="368"/>
      <c r="F23288" s="362"/>
      <c r="G23288" s="362"/>
      <c r="H23288" s="361" t="s">
        <v>14332</v>
      </c>
      <c r="I23288" s="362"/>
      <c r="J23288" s="366"/>
      <c r="K23288" s="366"/>
      <c r="L23288" s="368"/>
    </row>
    <row r="23289" spans="2:12">
      <c r="B23289" s="358" t="s">
        <v>9890</v>
      </c>
      <c r="C23289" s="358" t="s">
        <v>26138</v>
      </c>
      <c r="D23289" s="358" t="s">
        <v>9891</v>
      </c>
      <c r="E23289" s="358" t="s">
        <v>9892</v>
      </c>
      <c r="F23289" s="358" t="s">
        <v>14330</v>
      </c>
      <c r="G23289" s="358" t="s">
        <v>14327</v>
      </c>
      <c r="H23289" s="358" t="s">
        <v>14331</v>
      </c>
      <c r="I23289" s="358" t="s">
        <v>14327</v>
      </c>
      <c r="J23289" s="358"/>
      <c r="K23289" s="358"/>
      <c r="L23289" s="358" t="s">
        <v>26096</v>
      </c>
    </row>
    <row r="23290" spans="2:12">
      <c r="B23290" s="367"/>
      <c r="C23290" s="360"/>
      <c r="D23290" s="367"/>
      <c r="E23290" s="367"/>
      <c r="F23290" s="360"/>
      <c r="G23290" s="360"/>
      <c r="H23290" s="360"/>
      <c r="I23290" s="360"/>
      <c r="J23290" s="365"/>
      <c r="K23290" s="365"/>
      <c r="L23290" s="367"/>
    </row>
    <row r="23291" spans="2:12">
      <c r="B23291" s="367"/>
      <c r="C23291" s="359" t="s">
        <v>12799</v>
      </c>
      <c r="D23291" s="367"/>
      <c r="E23291" s="367"/>
      <c r="F23291" s="359" t="s">
        <v>14326</v>
      </c>
      <c r="G23291" s="359" t="s">
        <v>14669</v>
      </c>
      <c r="H23291" s="359" t="s">
        <v>14328</v>
      </c>
      <c r="I23291" s="359" t="s">
        <v>14669</v>
      </c>
      <c r="J23291" s="365"/>
      <c r="K23291" s="365"/>
      <c r="L23291" s="367"/>
    </row>
    <row r="23292" spans="2:12">
      <c r="B23292" s="367"/>
      <c r="C23292" s="360"/>
      <c r="D23292" s="367"/>
      <c r="E23292" s="367"/>
      <c r="F23292" s="360"/>
      <c r="G23292" s="360"/>
      <c r="H23292" s="360"/>
      <c r="I23292" s="360"/>
      <c r="J23292" s="365"/>
      <c r="K23292" s="365"/>
      <c r="L23292" s="367"/>
    </row>
    <row r="23293" spans="2:12" ht="71.25">
      <c r="B23293" s="367"/>
      <c r="C23293" s="359" t="s">
        <v>28187</v>
      </c>
      <c r="D23293" s="367"/>
      <c r="E23293" s="367"/>
      <c r="F23293" s="359" t="s">
        <v>29864</v>
      </c>
      <c r="G23293" s="359" t="s">
        <v>14890</v>
      </c>
      <c r="H23293" s="359" t="s">
        <v>14381</v>
      </c>
      <c r="I23293" s="359" t="s">
        <v>14890</v>
      </c>
      <c r="J23293" s="365"/>
      <c r="K23293" s="365"/>
      <c r="L23293" s="367"/>
    </row>
    <row r="23294" spans="2:12">
      <c r="B23294" s="367"/>
      <c r="C23294" s="360"/>
      <c r="D23294" s="367"/>
      <c r="E23294" s="367"/>
      <c r="F23294" s="360"/>
      <c r="G23294" s="360"/>
      <c r="H23294" s="360"/>
      <c r="I23294" s="360"/>
      <c r="J23294" s="365"/>
      <c r="K23294" s="365"/>
      <c r="L23294" s="367"/>
    </row>
    <row r="23295" spans="2:12">
      <c r="B23295" s="368"/>
      <c r="C23295" s="362"/>
      <c r="D23295" s="368"/>
      <c r="E23295" s="368"/>
      <c r="F23295" s="362"/>
      <c r="G23295" s="362"/>
      <c r="H23295" s="361" t="s">
        <v>14332</v>
      </c>
      <c r="I23295" s="362"/>
      <c r="J23295" s="366"/>
      <c r="K23295" s="366"/>
      <c r="L23295" s="368"/>
    </row>
    <row r="23296" spans="2:12" ht="28.5">
      <c r="B23296" s="358" t="s">
        <v>9894</v>
      </c>
      <c r="C23296" s="358" t="s">
        <v>29880</v>
      </c>
      <c r="D23296" s="358" t="s">
        <v>9895</v>
      </c>
      <c r="E23296" s="358" t="s">
        <v>9896</v>
      </c>
      <c r="F23296" s="358" t="s">
        <v>14330</v>
      </c>
      <c r="G23296" s="358" t="s">
        <v>14327</v>
      </c>
      <c r="H23296" s="358" t="s">
        <v>14331</v>
      </c>
      <c r="I23296" s="358" t="s">
        <v>14327</v>
      </c>
      <c r="J23296" s="358"/>
      <c r="K23296" s="358"/>
      <c r="L23296" s="358" t="s">
        <v>26096</v>
      </c>
    </row>
    <row r="23297" spans="2:12">
      <c r="B23297" s="367"/>
      <c r="C23297" s="360"/>
      <c r="D23297" s="367"/>
      <c r="E23297" s="367"/>
      <c r="F23297" s="360"/>
      <c r="G23297" s="360"/>
      <c r="H23297" s="360"/>
      <c r="I23297" s="360"/>
      <c r="J23297" s="365"/>
      <c r="K23297" s="365"/>
      <c r="L23297" s="367"/>
    </row>
    <row r="23298" spans="2:12" ht="71.25">
      <c r="B23298" s="367"/>
      <c r="C23298" s="359" t="s">
        <v>30673</v>
      </c>
      <c r="D23298" s="367"/>
      <c r="E23298" s="367"/>
      <c r="F23298" s="359" t="s">
        <v>14326</v>
      </c>
      <c r="G23298" s="359" t="s">
        <v>14669</v>
      </c>
      <c r="H23298" s="359" t="s">
        <v>14328</v>
      </c>
      <c r="I23298" s="359" t="s">
        <v>14669</v>
      </c>
      <c r="J23298" s="365"/>
      <c r="K23298" s="365"/>
      <c r="L23298" s="367"/>
    </row>
    <row r="23299" spans="2:12">
      <c r="B23299" s="367"/>
      <c r="C23299" s="360"/>
      <c r="D23299" s="367"/>
      <c r="E23299" s="367"/>
      <c r="F23299" s="360"/>
      <c r="G23299" s="360"/>
      <c r="H23299" s="360"/>
      <c r="I23299" s="360"/>
      <c r="J23299" s="365"/>
      <c r="K23299" s="365"/>
      <c r="L23299" s="367"/>
    </row>
    <row r="23300" spans="2:12" ht="28.5">
      <c r="B23300" s="367"/>
      <c r="C23300" s="360"/>
      <c r="D23300" s="367"/>
      <c r="E23300" s="367"/>
      <c r="F23300" s="359" t="s">
        <v>29864</v>
      </c>
      <c r="G23300" s="359" t="s">
        <v>14890</v>
      </c>
      <c r="H23300" s="359" t="s">
        <v>14381</v>
      </c>
      <c r="I23300" s="359" t="s">
        <v>14890</v>
      </c>
      <c r="J23300" s="365"/>
      <c r="K23300" s="365"/>
      <c r="L23300" s="367"/>
    </row>
    <row r="23301" spans="2:12">
      <c r="B23301" s="367"/>
      <c r="C23301" s="360"/>
      <c r="D23301" s="367"/>
      <c r="E23301" s="367"/>
      <c r="F23301" s="360"/>
      <c r="G23301" s="360"/>
      <c r="H23301" s="360"/>
      <c r="I23301" s="360"/>
      <c r="J23301" s="365"/>
      <c r="K23301" s="365"/>
      <c r="L23301" s="367"/>
    </row>
    <row r="23302" spans="2:12">
      <c r="B23302" s="368"/>
      <c r="C23302" s="362"/>
      <c r="D23302" s="368"/>
      <c r="E23302" s="368"/>
      <c r="F23302" s="362"/>
      <c r="G23302" s="362"/>
      <c r="H23302" s="361" t="s">
        <v>14332</v>
      </c>
      <c r="I23302" s="362"/>
      <c r="J23302" s="366"/>
      <c r="K23302" s="366"/>
      <c r="L23302" s="368"/>
    </row>
    <row r="23303" spans="2:12" ht="28.5">
      <c r="B23303" s="358" t="s">
        <v>9898</v>
      </c>
      <c r="C23303" s="358" t="s">
        <v>29881</v>
      </c>
      <c r="D23303" s="358" t="s">
        <v>9899</v>
      </c>
      <c r="E23303" s="358" t="s">
        <v>9900</v>
      </c>
      <c r="F23303" s="358" t="s">
        <v>14330</v>
      </c>
      <c r="G23303" s="358" t="s">
        <v>14327</v>
      </c>
      <c r="H23303" s="358" t="s">
        <v>14331</v>
      </c>
      <c r="I23303" s="358" t="s">
        <v>14327</v>
      </c>
      <c r="J23303" s="358"/>
      <c r="K23303" s="358"/>
      <c r="L23303" s="358" t="s">
        <v>26096</v>
      </c>
    </row>
    <row r="23304" spans="2:12">
      <c r="B23304" s="367"/>
      <c r="C23304" s="360"/>
      <c r="D23304" s="367"/>
      <c r="E23304" s="367"/>
      <c r="F23304" s="360"/>
      <c r="G23304" s="360"/>
      <c r="H23304" s="360"/>
      <c r="I23304" s="360"/>
      <c r="J23304" s="365"/>
      <c r="K23304" s="365"/>
      <c r="L23304" s="367"/>
    </row>
    <row r="23305" spans="2:12" ht="57">
      <c r="B23305" s="367"/>
      <c r="C23305" s="359" t="s">
        <v>28188</v>
      </c>
      <c r="D23305" s="367"/>
      <c r="E23305" s="367"/>
      <c r="F23305" s="359" t="s">
        <v>14326</v>
      </c>
      <c r="G23305" s="359" t="s">
        <v>14669</v>
      </c>
      <c r="H23305" s="359" t="s">
        <v>14328</v>
      </c>
      <c r="I23305" s="359" t="s">
        <v>14669</v>
      </c>
      <c r="J23305" s="365"/>
      <c r="K23305" s="365"/>
      <c r="L23305" s="367"/>
    </row>
    <row r="23306" spans="2:12">
      <c r="B23306" s="367"/>
      <c r="C23306" s="360"/>
      <c r="D23306" s="367"/>
      <c r="E23306" s="367"/>
      <c r="F23306" s="360"/>
      <c r="G23306" s="360"/>
      <c r="H23306" s="360"/>
      <c r="I23306" s="360"/>
      <c r="J23306" s="365"/>
      <c r="K23306" s="365"/>
      <c r="L23306" s="367"/>
    </row>
    <row r="23307" spans="2:12" ht="28.5">
      <c r="B23307" s="367"/>
      <c r="C23307" s="360"/>
      <c r="D23307" s="367"/>
      <c r="E23307" s="367"/>
      <c r="F23307" s="359" t="s">
        <v>29864</v>
      </c>
      <c r="G23307" s="359" t="s">
        <v>14890</v>
      </c>
      <c r="H23307" s="359" t="s">
        <v>14381</v>
      </c>
      <c r="I23307" s="359" t="s">
        <v>14890</v>
      </c>
      <c r="J23307" s="365"/>
      <c r="K23307" s="365"/>
      <c r="L23307" s="367"/>
    </row>
    <row r="23308" spans="2:12">
      <c r="B23308" s="367"/>
      <c r="C23308" s="360"/>
      <c r="D23308" s="367"/>
      <c r="E23308" s="367"/>
      <c r="F23308" s="360"/>
      <c r="G23308" s="360"/>
      <c r="H23308" s="360"/>
      <c r="I23308" s="360"/>
      <c r="J23308" s="365"/>
      <c r="K23308" s="365"/>
      <c r="L23308" s="367"/>
    </row>
    <row r="23309" spans="2:12">
      <c r="B23309" s="368"/>
      <c r="C23309" s="362"/>
      <c r="D23309" s="368"/>
      <c r="E23309" s="368"/>
      <c r="F23309" s="362"/>
      <c r="G23309" s="362"/>
      <c r="H23309" s="361" t="s">
        <v>14332</v>
      </c>
      <c r="I23309" s="362"/>
      <c r="J23309" s="366"/>
      <c r="K23309" s="366"/>
      <c r="L23309" s="368"/>
    </row>
    <row r="23310" spans="2:12" ht="28.5">
      <c r="B23310" s="358" t="s">
        <v>9902</v>
      </c>
      <c r="C23310" s="358" t="s">
        <v>29882</v>
      </c>
      <c r="D23310" s="358" t="s">
        <v>9903</v>
      </c>
      <c r="E23310" s="358" t="s">
        <v>9904</v>
      </c>
      <c r="F23310" s="358" t="s">
        <v>14330</v>
      </c>
      <c r="G23310" s="358" t="s">
        <v>14327</v>
      </c>
      <c r="H23310" s="358" t="s">
        <v>14331</v>
      </c>
      <c r="I23310" s="358" t="s">
        <v>14327</v>
      </c>
      <c r="J23310" s="358"/>
      <c r="K23310" s="358"/>
      <c r="L23310" s="358" t="s">
        <v>26096</v>
      </c>
    </row>
    <row r="23311" spans="2:12">
      <c r="B23311" s="367"/>
      <c r="C23311" s="360"/>
      <c r="D23311" s="367"/>
      <c r="E23311" s="367"/>
      <c r="F23311" s="360"/>
      <c r="G23311" s="360"/>
      <c r="H23311" s="360"/>
      <c r="I23311" s="360"/>
      <c r="J23311" s="365"/>
      <c r="K23311" s="365"/>
      <c r="L23311" s="367"/>
    </row>
    <row r="23312" spans="2:12" ht="57">
      <c r="B23312" s="367"/>
      <c r="C23312" s="359" t="s">
        <v>28189</v>
      </c>
      <c r="D23312" s="367"/>
      <c r="E23312" s="367"/>
      <c r="F23312" s="359" t="s">
        <v>14326</v>
      </c>
      <c r="G23312" s="359" t="s">
        <v>14669</v>
      </c>
      <c r="H23312" s="359" t="s">
        <v>14328</v>
      </c>
      <c r="I23312" s="359" t="s">
        <v>14669</v>
      </c>
      <c r="J23312" s="365"/>
      <c r="K23312" s="365"/>
      <c r="L23312" s="367"/>
    </row>
    <row r="23313" spans="2:12">
      <c r="B23313" s="367"/>
      <c r="C23313" s="360"/>
      <c r="D23313" s="367"/>
      <c r="E23313" s="367"/>
      <c r="F23313" s="360"/>
      <c r="G23313" s="360"/>
      <c r="H23313" s="360"/>
      <c r="I23313" s="360"/>
      <c r="J23313" s="365"/>
      <c r="K23313" s="365"/>
      <c r="L23313" s="367"/>
    </row>
    <row r="23314" spans="2:12" ht="28.5">
      <c r="B23314" s="367"/>
      <c r="C23314" s="360"/>
      <c r="D23314" s="367"/>
      <c r="E23314" s="367"/>
      <c r="F23314" s="359" t="s">
        <v>29864</v>
      </c>
      <c r="G23314" s="359" t="s">
        <v>14890</v>
      </c>
      <c r="H23314" s="359" t="s">
        <v>14381</v>
      </c>
      <c r="I23314" s="359" t="s">
        <v>14890</v>
      </c>
      <c r="J23314" s="365"/>
      <c r="K23314" s="365"/>
      <c r="L23314" s="367"/>
    </row>
    <row r="23315" spans="2:12">
      <c r="B23315" s="367"/>
      <c r="C23315" s="360"/>
      <c r="D23315" s="367"/>
      <c r="E23315" s="367"/>
      <c r="F23315" s="360"/>
      <c r="G23315" s="360"/>
      <c r="H23315" s="360"/>
      <c r="I23315" s="360"/>
      <c r="J23315" s="365"/>
      <c r="K23315" s="365"/>
      <c r="L23315" s="367"/>
    </row>
    <row r="23316" spans="2:12">
      <c r="B23316" s="368"/>
      <c r="C23316" s="362"/>
      <c r="D23316" s="368"/>
      <c r="E23316" s="368"/>
      <c r="F23316" s="362"/>
      <c r="G23316" s="362"/>
      <c r="H23316" s="361" t="s">
        <v>14332</v>
      </c>
      <c r="I23316" s="362"/>
      <c r="J23316" s="366"/>
      <c r="K23316" s="366"/>
      <c r="L23316" s="368"/>
    </row>
    <row r="23317" spans="2:12" ht="99.75">
      <c r="B23317" s="358" t="s">
        <v>9906</v>
      </c>
      <c r="C23317" s="358" t="s">
        <v>30674</v>
      </c>
      <c r="D23317" s="358" t="s">
        <v>9907</v>
      </c>
      <c r="E23317" s="358" t="s">
        <v>9908</v>
      </c>
      <c r="F23317" s="358" t="s">
        <v>14330</v>
      </c>
      <c r="G23317" s="358" t="s">
        <v>14327</v>
      </c>
      <c r="H23317" s="358" t="s">
        <v>14331</v>
      </c>
      <c r="I23317" s="358" t="s">
        <v>14327</v>
      </c>
      <c r="J23317" s="358"/>
      <c r="K23317" s="358"/>
      <c r="L23317" s="358" t="s">
        <v>26096</v>
      </c>
    </row>
    <row r="23318" spans="2:12">
      <c r="B23318" s="367"/>
      <c r="C23318" s="367"/>
      <c r="D23318" s="367"/>
      <c r="E23318" s="367"/>
      <c r="F23318" s="360"/>
      <c r="G23318" s="360"/>
      <c r="H23318" s="360"/>
      <c r="I23318" s="360"/>
      <c r="J23318" s="365"/>
      <c r="K23318" s="365"/>
      <c r="L23318" s="367"/>
    </row>
    <row r="23319" spans="2:12">
      <c r="B23319" s="367"/>
      <c r="C23319" s="367"/>
      <c r="D23319" s="367"/>
      <c r="E23319" s="367"/>
      <c r="F23319" s="359" t="s">
        <v>14326</v>
      </c>
      <c r="G23319" s="359" t="s">
        <v>14669</v>
      </c>
      <c r="H23319" s="359" t="s">
        <v>14328</v>
      </c>
      <c r="I23319" s="359" t="s">
        <v>14669</v>
      </c>
      <c r="J23319" s="365"/>
      <c r="K23319" s="365"/>
      <c r="L23319" s="367"/>
    </row>
    <row r="23320" spans="2:12">
      <c r="B23320" s="367"/>
      <c r="C23320" s="367"/>
      <c r="D23320" s="367"/>
      <c r="E23320" s="367"/>
      <c r="F23320" s="360"/>
      <c r="G23320" s="360"/>
      <c r="H23320" s="360"/>
      <c r="I23320" s="360"/>
      <c r="J23320" s="365"/>
      <c r="K23320" s="365"/>
      <c r="L23320" s="367"/>
    </row>
    <row r="23321" spans="2:12" ht="28.5">
      <c r="B23321" s="367"/>
      <c r="C23321" s="367"/>
      <c r="D23321" s="367"/>
      <c r="E23321" s="367"/>
      <c r="F23321" s="359" t="s">
        <v>29864</v>
      </c>
      <c r="G23321" s="359" t="s">
        <v>14890</v>
      </c>
      <c r="H23321" s="359" t="s">
        <v>14381</v>
      </c>
      <c r="I23321" s="359" t="s">
        <v>14890</v>
      </c>
      <c r="J23321" s="365"/>
      <c r="K23321" s="365"/>
      <c r="L23321" s="367"/>
    </row>
    <row r="23322" spans="2:12">
      <c r="B23322" s="367"/>
      <c r="C23322" s="367"/>
      <c r="D23322" s="367"/>
      <c r="E23322" s="367"/>
      <c r="F23322" s="360"/>
      <c r="G23322" s="360"/>
      <c r="H23322" s="360"/>
      <c r="I23322" s="360"/>
      <c r="J23322" s="365"/>
      <c r="K23322" s="365"/>
      <c r="L23322" s="367"/>
    </row>
    <row r="23323" spans="2:12">
      <c r="B23323" s="368"/>
      <c r="C23323" s="368"/>
      <c r="D23323" s="368"/>
      <c r="E23323" s="368"/>
      <c r="F23323" s="362"/>
      <c r="G23323" s="362"/>
      <c r="H23323" s="361" t="s">
        <v>14332</v>
      </c>
      <c r="I23323" s="362"/>
      <c r="J23323" s="366"/>
      <c r="K23323" s="366"/>
      <c r="L23323" s="368"/>
    </row>
    <row r="23324" spans="2:12" ht="28.5">
      <c r="B23324" s="358" t="s">
        <v>9910</v>
      </c>
      <c r="C23324" s="358" t="s">
        <v>26139</v>
      </c>
      <c r="D23324" s="358" t="s">
        <v>9911</v>
      </c>
      <c r="E23324" s="358" t="s">
        <v>9912</v>
      </c>
      <c r="F23324" s="358" t="s">
        <v>14330</v>
      </c>
      <c r="G23324" s="358" t="s">
        <v>14327</v>
      </c>
      <c r="H23324" s="358" t="s">
        <v>14331</v>
      </c>
      <c r="I23324" s="358" t="s">
        <v>14327</v>
      </c>
      <c r="J23324" s="358"/>
      <c r="K23324" s="358"/>
      <c r="L23324" s="358" t="s">
        <v>26096</v>
      </c>
    </row>
    <row r="23325" spans="2:12">
      <c r="B23325" s="367"/>
      <c r="C23325" s="360"/>
      <c r="D23325" s="367"/>
      <c r="E23325" s="367"/>
      <c r="F23325" s="360"/>
      <c r="G23325" s="360"/>
      <c r="H23325" s="360"/>
      <c r="I23325" s="360"/>
      <c r="J23325" s="365"/>
      <c r="K23325" s="365"/>
      <c r="L23325" s="367"/>
    </row>
    <row r="23326" spans="2:12">
      <c r="B23326" s="367"/>
      <c r="C23326" s="359" t="s">
        <v>12799</v>
      </c>
      <c r="D23326" s="367"/>
      <c r="E23326" s="367"/>
      <c r="F23326" s="359" t="s">
        <v>14326</v>
      </c>
      <c r="G23326" s="359" t="s">
        <v>14669</v>
      </c>
      <c r="H23326" s="359" t="s">
        <v>14328</v>
      </c>
      <c r="I23326" s="359" t="s">
        <v>14669</v>
      </c>
      <c r="J23326" s="365"/>
      <c r="K23326" s="365"/>
      <c r="L23326" s="367"/>
    </row>
    <row r="23327" spans="2:12">
      <c r="B23327" s="367"/>
      <c r="C23327" s="360"/>
      <c r="D23327" s="367"/>
      <c r="E23327" s="367"/>
      <c r="F23327" s="360"/>
      <c r="G23327" s="360"/>
      <c r="H23327" s="360"/>
      <c r="I23327" s="360"/>
      <c r="J23327" s="365"/>
      <c r="K23327" s="365"/>
      <c r="L23327" s="367"/>
    </row>
    <row r="23328" spans="2:12" ht="71.25">
      <c r="B23328" s="367"/>
      <c r="C23328" s="359" t="s">
        <v>30675</v>
      </c>
      <c r="D23328" s="367"/>
      <c r="E23328" s="367"/>
      <c r="F23328" s="359" t="s">
        <v>29864</v>
      </c>
      <c r="G23328" s="359" t="s">
        <v>14890</v>
      </c>
      <c r="H23328" s="359" t="s">
        <v>14381</v>
      </c>
      <c r="I23328" s="359" t="s">
        <v>14890</v>
      </c>
      <c r="J23328" s="365"/>
      <c r="K23328" s="365"/>
      <c r="L23328" s="367"/>
    </row>
    <row r="23329" spans="2:12">
      <c r="B23329" s="367"/>
      <c r="C23329" s="360"/>
      <c r="D23329" s="367"/>
      <c r="E23329" s="367"/>
      <c r="F23329" s="360"/>
      <c r="G23329" s="360"/>
      <c r="H23329" s="360"/>
      <c r="I23329" s="360"/>
      <c r="J23329" s="365"/>
      <c r="K23329" s="365"/>
      <c r="L23329" s="367"/>
    </row>
    <row r="23330" spans="2:12">
      <c r="B23330" s="368"/>
      <c r="C23330" s="362"/>
      <c r="D23330" s="368"/>
      <c r="E23330" s="368"/>
      <c r="F23330" s="362"/>
      <c r="G23330" s="362"/>
      <c r="H23330" s="361" t="s">
        <v>14332</v>
      </c>
      <c r="I23330" s="362"/>
      <c r="J23330" s="366"/>
      <c r="K23330" s="366"/>
      <c r="L23330" s="368"/>
    </row>
    <row r="23331" spans="2:12" ht="28.5">
      <c r="B23331" s="358" t="s">
        <v>9915</v>
      </c>
      <c r="C23331" s="358" t="s">
        <v>26140</v>
      </c>
      <c r="D23331" s="358" t="s">
        <v>9916</v>
      </c>
      <c r="E23331" s="358" t="s">
        <v>9917</v>
      </c>
      <c r="F23331" s="358" t="s">
        <v>14330</v>
      </c>
      <c r="G23331" s="358" t="s">
        <v>14327</v>
      </c>
      <c r="H23331" s="358" t="s">
        <v>14331</v>
      </c>
      <c r="I23331" s="358" t="s">
        <v>14327</v>
      </c>
      <c r="J23331" s="358"/>
      <c r="K23331" s="358"/>
      <c r="L23331" s="358" t="s">
        <v>26096</v>
      </c>
    </row>
    <row r="23332" spans="2:12">
      <c r="B23332" s="367"/>
      <c r="C23332" s="360"/>
      <c r="D23332" s="367"/>
      <c r="E23332" s="367"/>
      <c r="F23332" s="360"/>
      <c r="G23332" s="360"/>
      <c r="H23332" s="360"/>
      <c r="I23332" s="360"/>
      <c r="J23332" s="365"/>
      <c r="K23332" s="365"/>
      <c r="L23332" s="367"/>
    </row>
    <row r="23333" spans="2:12">
      <c r="B23333" s="367"/>
      <c r="C23333" s="359" t="s">
        <v>12799</v>
      </c>
      <c r="D23333" s="367"/>
      <c r="E23333" s="367"/>
      <c r="F23333" s="359" t="s">
        <v>14326</v>
      </c>
      <c r="G23333" s="359" t="s">
        <v>14669</v>
      </c>
      <c r="H23333" s="359" t="s">
        <v>14328</v>
      </c>
      <c r="I23333" s="359" t="s">
        <v>14669</v>
      </c>
      <c r="J23333" s="365"/>
      <c r="K23333" s="365"/>
      <c r="L23333" s="367"/>
    </row>
    <row r="23334" spans="2:12">
      <c r="B23334" s="367"/>
      <c r="C23334" s="360"/>
      <c r="D23334" s="367"/>
      <c r="E23334" s="367"/>
      <c r="F23334" s="360"/>
      <c r="G23334" s="360"/>
      <c r="H23334" s="360"/>
      <c r="I23334" s="360"/>
      <c r="J23334" s="365"/>
      <c r="K23334" s="365"/>
      <c r="L23334" s="367"/>
    </row>
    <row r="23335" spans="2:12" ht="57">
      <c r="B23335" s="367"/>
      <c r="C23335" s="359" t="s">
        <v>26141</v>
      </c>
      <c r="D23335" s="367"/>
      <c r="E23335" s="367"/>
      <c r="F23335" s="359" t="s">
        <v>29864</v>
      </c>
      <c r="G23335" s="359" t="s">
        <v>14890</v>
      </c>
      <c r="H23335" s="359" t="s">
        <v>14381</v>
      </c>
      <c r="I23335" s="359" t="s">
        <v>14890</v>
      </c>
      <c r="J23335" s="365"/>
      <c r="K23335" s="365"/>
      <c r="L23335" s="367"/>
    </row>
    <row r="23336" spans="2:12">
      <c r="B23336" s="367"/>
      <c r="C23336" s="360"/>
      <c r="D23336" s="367"/>
      <c r="E23336" s="367"/>
      <c r="F23336" s="360"/>
      <c r="G23336" s="360"/>
      <c r="H23336" s="360"/>
      <c r="I23336" s="360"/>
      <c r="J23336" s="365"/>
      <c r="K23336" s="365"/>
      <c r="L23336" s="367"/>
    </row>
    <row r="23337" spans="2:12">
      <c r="B23337" s="368"/>
      <c r="C23337" s="362"/>
      <c r="D23337" s="368"/>
      <c r="E23337" s="368"/>
      <c r="F23337" s="362"/>
      <c r="G23337" s="362"/>
      <c r="H23337" s="361" t="s">
        <v>14332</v>
      </c>
      <c r="I23337" s="362"/>
      <c r="J23337" s="366"/>
      <c r="K23337" s="366"/>
      <c r="L23337" s="368"/>
    </row>
    <row r="23338" spans="2:12" ht="28.5">
      <c r="B23338" s="358" t="s">
        <v>9920</v>
      </c>
      <c r="C23338" s="358" t="s">
        <v>26142</v>
      </c>
      <c r="D23338" s="358" t="s">
        <v>9921</v>
      </c>
      <c r="E23338" s="358" t="s">
        <v>9922</v>
      </c>
      <c r="F23338" s="358" t="s">
        <v>14330</v>
      </c>
      <c r="G23338" s="358" t="s">
        <v>14327</v>
      </c>
      <c r="H23338" s="358" t="s">
        <v>14331</v>
      </c>
      <c r="I23338" s="358" t="s">
        <v>14327</v>
      </c>
      <c r="J23338" s="358"/>
      <c r="K23338" s="358"/>
      <c r="L23338" s="358" t="s">
        <v>26096</v>
      </c>
    </row>
    <row r="23339" spans="2:12">
      <c r="B23339" s="367"/>
      <c r="C23339" s="360"/>
      <c r="D23339" s="367"/>
      <c r="E23339" s="367"/>
      <c r="F23339" s="360"/>
      <c r="G23339" s="360"/>
      <c r="H23339" s="360"/>
      <c r="I23339" s="360"/>
      <c r="J23339" s="365"/>
      <c r="K23339" s="365"/>
      <c r="L23339" s="367"/>
    </row>
    <row r="23340" spans="2:12">
      <c r="B23340" s="367"/>
      <c r="C23340" s="359" t="s">
        <v>12799</v>
      </c>
      <c r="D23340" s="367"/>
      <c r="E23340" s="367"/>
      <c r="F23340" s="359" t="s">
        <v>14326</v>
      </c>
      <c r="G23340" s="359" t="s">
        <v>14669</v>
      </c>
      <c r="H23340" s="359" t="s">
        <v>14328</v>
      </c>
      <c r="I23340" s="359" t="s">
        <v>14669</v>
      </c>
      <c r="J23340" s="365"/>
      <c r="K23340" s="365"/>
      <c r="L23340" s="367"/>
    </row>
    <row r="23341" spans="2:12">
      <c r="B23341" s="367"/>
      <c r="C23341" s="360"/>
      <c r="D23341" s="367"/>
      <c r="E23341" s="367"/>
      <c r="F23341" s="360"/>
      <c r="G23341" s="360"/>
      <c r="H23341" s="360"/>
      <c r="I23341" s="360"/>
      <c r="J23341" s="365"/>
      <c r="K23341" s="365"/>
      <c r="L23341" s="367"/>
    </row>
    <row r="23342" spans="2:12" ht="57">
      <c r="B23342" s="367"/>
      <c r="C23342" s="359" t="s">
        <v>29883</v>
      </c>
      <c r="D23342" s="367"/>
      <c r="E23342" s="367"/>
      <c r="F23342" s="359" t="s">
        <v>29864</v>
      </c>
      <c r="G23342" s="359" t="s">
        <v>14890</v>
      </c>
      <c r="H23342" s="359" t="s">
        <v>14381</v>
      </c>
      <c r="I23342" s="359" t="s">
        <v>14890</v>
      </c>
      <c r="J23342" s="365"/>
      <c r="K23342" s="365"/>
      <c r="L23342" s="367"/>
    </row>
    <row r="23343" spans="2:12">
      <c r="B23343" s="367"/>
      <c r="C23343" s="360"/>
      <c r="D23343" s="367"/>
      <c r="E23343" s="367"/>
      <c r="F23343" s="360"/>
      <c r="G23343" s="360"/>
      <c r="H23343" s="360"/>
      <c r="I23343" s="360"/>
      <c r="J23343" s="365"/>
      <c r="K23343" s="365"/>
      <c r="L23343" s="367"/>
    </row>
    <row r="23344" spans="2:12">
      <c r="B23344" s="368"/>
      <c r="C23344" s="362"/>
      <c r="D23344" s="368"/>
      <c r="E23344" s="368"/>
      <c r="F23344" s="362"/>
      <c r="G23344" s="362"/>
      <c r="H23344" s="361" t="s">
        <v>14332</v>
      </c>
      <c r="I23344" s="362"/>
      <c r="J23344" s="366"/>
      <c r="K23344" s="366"/>
      <c r="L23344" s="368"/>
    </row>
    <row r="23345" spans="2:12" ht="28.5">
      <c r="B23345" s="358" t="s">
        <v>9925</v>
      </c>
      <c r="C23345" s="358" t="s">
        <v>26143</v>
      </c>
      <c r="D23345" s="358" t="s">
        <v>9926</v>
      </c>
      <c r="E23345" s="358" t="s">
        <v>9927</v>
      </c>
      <c r="F23345" s="358" t="s">
        <v>14330</v>
      </c>
      <c r="G23345" s="358" t="s">
        <v>14327</v>
      </c>
      <c r="H23345" s="358" t="s">
        <v>14331</v>
      </c>
      <c r="I23345" s="358" t="s">
        <v>14327</v>
      </c>
      <c r="J23345" s="358"/>
      <c r="K23345" s="358"/>
      <c r="L23345" s="358" t="s">
        <v>26096</v>
      </c>
    </row>
    <row r="23346" spans="2:12">
      <c r="B23346" s="367"/>
      <c r="C23346" s="360"/>
      <c r="D23346" s="367"/>
      <c r="E23346" s="367"/>
      <c r="F23346" s="360"/>
      <c r="G23346" s="360"/>
      <c r="H23346" s="360"/>
      <c r="I23346" s="360"/>
      <c r="J23346" s="365"/>
      <c r="K23346" s="365"/>
      <c r="L23346" s="367"/>
    </row>
    <row r="23347" spans="2:12">
      <c r="B23347" s="367"/>
      <c r="C23347" s="359" t="s">
        <v>12799</v>
      </c>
      <c r="D23347" s="367"/>
      <c r="E23347" s="367"/>
      <c r="F23347" s="359" t="s">
        <v>14326</v>
      </c>
      <c r="G23347" s="359" t="s">
        <v>14669</v>
      </c>
      <c r="H23347" s="359" t="s">
        <v>14328</v>
      </c>
      <c r="I23347" s="359" t="s">
        <v>14669</v>
      </c>
      <c r="J23347" s="365"/>
      <c r="K23347" s="365"/>
      <c r="L23347" s="367"/>
    </row>
    <row r="23348" spans="2:12">
      <c r="B23348" s="367"/>
      <c r="C23348" s="360"/>
      <c r="D23348" s="367"/>
      <c r="E23348" s="367"/>
      <c r="F23348" s="360"/>
      <c r="G23348" s="360"/>
      <c r="H23348" s="360"/>
      <c r="I23348" s="360"/>
      <c r="J23348" s="365"/>
      <c r="K23348" s="365"/>
      <c r="L23348" s="367"/>
    </row>
    <row r="23349" spans="2:12" ht="57">
      <c r="B23349" s="367"/>
      <c r="C23349" s="359" t="s">
        <v>26144</v>
      </c>
      <c r="D23349" s="367"/>
      <c r="E23349" s="367"/>
      <c r="F23349" s="359" t="s">
        <v>29864</v>
      </c>
      <c r="G23349" s="359" t="s">
        <v>14890</v>
      </c>
      <c r="H23349" s="359" t="s">
        <v>14381</v>
      </c>
      <c r="I23349" s="359" t="s">
        <v>14890</v>
      </c>
      <c r="J23349" s="365"/>
      <c r="K23349" s="365"/>
      <c r="L23349" s="367"/>
    </row>
    <row r="23350" spans="2:12">
      <c r="B23350" s="367"/>
      <c r="C23350" s="360"/>
      <c r="D23350" s="367"/>
      <c r="E23350" s="367"/>
      <c r="F23350" s="360"/>
      <c r="G23350" s="360"/>
      <c r="H23350" s="360"/>
      <c r="I23350" s="360"/>
      <c r="J23350" s="365"/>
      <c r="K23350" s="365"/>
      <c r="L23350" s="367"/>
    </row>
    <row r="23351" spans="2:12">
      <c r="B23351" s="368"/>
      <c r="C23351" s="362"/>
      <c r="D23351" s="368"/>
      <c r="E23351" s="368"/>
      <c r="F23351" s="362"/>
      <c r="G23351" s="362"/>
      <c r="H23351" s="361" t="s">
        <v>14332</v>
      </c>
      <c r="I23351" s="362"/>
      <c r="J23351" s="366"/>
      <c r="K23351" s="366"/>
      <c r="L23351" s="368"/>
    </row>
    <row r="23352" spans="2:12">
      <c r="B23352" s="358" t="s">
        <v>9929</v>
      </c>
      <c r="C23352" s="358" t="s">
        <v>26145</v>
      </c>
      <c r="D23352" s="358" t="s">
        <v>9930</v>
      </c>
      <c r="E23352" s="358" t="s">
        <v>9931</v>
      </c>
      <c r="F23352" s="358" t="s">
        <v>14330</v>
      </c>
      <c r="G23352" s="358" t="s">
        <v>14327</v>
      </c>
      <c r="H23352" s="358" t="s">
        <v>14331</v>
      </c>
      <c r="I23352" s="358" t="s">
        <v>14327</v>
      </c>
      <c r="J23352" s="358"/>
      <c r="K23352" s="358"/>
      <c r="L23352" s="358" t="s">
        <v>26096</v>
      </c>
    </row>
    <row r="23353" spans="2:12">
      <c r="B23353" s="367"/>
      <c r="C23353" s="360"/>
      <c r="D23353" s="367"/>
      <c r="E23353" s="367"/>
      <c r="F23353" s="360"/>
      <c r="G23353" s="360"/>
      <c r="H23353" s="360"/>
      <c r="I23353" s="360"/>
      <c r="J23353" s="365"/>
      <c r="K23353" s="365"/>
      <c r="L23353" s="367"/>
    </row>
    <row r="23354" spans="2:12">
      <c r="B23354" s="367"/>
      <c r="C23354" s="359" t="s">
        <v>12799</v>
      </c>
      <c r="D23354" s="367"/>
      <c r="E23354" s="367"/>
      <c r="F23354" s="359" t="s">
        <v>14326</v>
      </c>
      <c r="G23354" s="359" t="s">
        <v>14669</v>
      </c>
      <c r="H23354" s="359" t="s">
        <v>14328</v>
      </c>
      <c r="I23354" s="359" t="s">
        <v>14669</v>
      </c>
      <c r="J23354" s="365"/>
      <c r="K23354" s="365"/>
      <c r="L23354" s="367"/>
    </row>
    <row r="23355" spans="2:12">
      <c r="B23355" s="367"/>
      <c r="C23355" s="360"/>
      <c r="D23355" s="367"/>
      <c r="E23355" s="367"/>
      <c r="F23355" s="360"/>
      <c r="G23355" s="360"/>
      <c r="H23355" s="360"/>
      <c r="I23355" s="360"/>
      <c r="J23355" s="365"/>
      <c r="K23355" s="365"/>
      <c r="L23355" s="367"/>
    </row>
    <row r="23356" spans="2:12" ht="114">
      <c r="B23356" s="367"/>
      <c r="C23356" s="359" t="s">
        <v>30676</v>
      </c>
      <c r="D23356" s="367"/>
      <c r="E23356" s="367"/>
      <c r="F23356" s="359" t="s">
        <v>29864</v>
      </c>
      <c r="G23356" s="359" t="s">
        <v>14890</v>
      </c>
      <c r="H23356" s="359" t="s">
        <v>14381</v>
      </c>
      <c r="I23356" s="359" t="s">
        <v>14890</v>
      </c>
      <c r="J23356" s="365"/>
      <c r="K23356" s="365"/>
      <c r="L23356" s="367"/>
    </row>
    <row r="23357" spans="2:12">
      <c r="B23357" s="367"/>
      <c r="C23357" s="360"/>
      <c r="D23357" s="367"/>
      <c r="E23357" s="367"/>
      <c r="F23357" s="360"/>
      <c r="G23357" s="360"/>
      <c r="H23357" s="360"/>
      <c r="I23357" s="360"/>
      <c r="J23357" s="365"/>
      <c r="K23357" s="365"/>
      <c r="L23357" s="367"/>
    </row>
    <row r="23358" spans="2:12">
      <c r="B23358" s="368"/>
      <c r="C23358" s="362"/>
      <c r="D23358" s="368"/>
      <c r="E23358" s="368"/>
      <c r="F23358" s="362"/>
      <c r="G23358" s="362"/>
      <c r="H23358" s="361" t="s">
        <v>14332</v>
      </c>
      <c r="I23358" s="362"/>
      <c r="J23358" s="366"/>
      <c r="K23358" s="366"/>
      <c r="L23358" s="368"/>
    </row>
    <row r="23359" spans="2:12" ht="28.5">
      <c r="B23359" s="358" t="s">
        <v>9933</v>
      </c>
      <c r="C23359" s="358" t="s">
        <v>29884</v>
      </c>
      <c r="D23359" s="358" t="s">
        <v>9934</v>
      </c>
      <c r="E23359" s="358" t="s">
        <v>9935</v>
      </c>
      <c r="F23359" s="358" t="s">
        <v>14330</v>
      </c>
      <c r="G23359" s="358" t="s">
        <v>14327</v>
      </c>
      <c r="H23359" s="358" t="s">
        <v>14331</v>
      </c>
      <c r="I23359" s="358" t="s">
        <v>14327</v>
      </c>
      <c r="J23359" s="358"/>
      <c r="K23359" s="358"/>
      <c r="L23359" s="358" t="s">
        <v>26096</v>
      </c>
    </row>
    <row r="23360" spans="2:12">
      <c r="B23360" s="367"/>
      <c r="C23360" s="360"/>
      <c r="D23360" s="367"/>
      <c r="E23360" s="367"/>
      <c r="F23360" s="360"/>
      <c r="G23360" s="360"/>
      <c r="H23360" s="360"/>
      <c r="I23360" s="360"/>
      <c r="J23360" s="365"/>
      <c r="K23360" s="365"/>
      <c r="L23360" s="367"/>
    </row>
    <row r="23361" spans="2:12" ht="114">
      <c r="B23361" s="367"/>
      <c r="C23361" s="359" t="s">
        <v>28190</v>
      </c>
      <c r="D23361" s="367"/>
      <c r="E23361" s="367"/>
      <c r="F23361" s="359" t="s">
        <v>14326</v>
      </c>
      <c r="G23361" s="359" t="s">
        <v>14669</v>
      </c>
      <c r="H23361" s="359" t="s">
        <v>14328</v>
      </c>
      <c r="I23361" s="359" t="s">
        <v>14669</v>
      </c>
      <c r="J23361" s="365"/>
      <c r="K23361" s="365"/>
      <c r="L23361" s="367"/>
    </row>
    <row r="23362" spans="2:12">
      <c r="B23362" s="367"/>
      <c r="C23362" s="360"/>
      <c r="D23362" s="367"/>
      <c r="E23362" s="367"/>
      <c r="F23362" s="360"/>
      <c r="G23362" s="360"/>
      <c r="H23362" s="360"/>
      <c r="I23362" s="360"/>
      <c r="J23362" s="365"/>
      <c r="K23362" s="365"/>
      <c r="L23362" s="367"/>
    </row>
    <row r="23363" spans="2:12" ht="28.5">
      <c r="B23363" s="367"/>
      <c r="C23363" s="360"/>
      <c r="D23363" s="367"/>
      <c r="E23363" s="367"/>
      <c r="F23363" s="359" t="s">
        <v>29864</v>
      </c>
      <c r="G23363" s="359" t="s">
        <v>14890</v>
      </c>
      <c r="H23363" s="359" t="s">
        <v>14381</v>
      </c>
      <c r="I23363" s="359" t="s">
        <v>14890</v>
      </c>
      <c r="J23363" s="365"/>
      <c r="K23363" s="365"/>
      <c r="L23363" s="367"/>
    </row>
    <row r="23364" spans="2:12">
      <c r="B23364" s="367"/>
      <c r="C23364" s="360"/>
      <c r="D23364" s="367"/>
      <c r="E23364" s="367"/>
      <c r="F23364" s="360"/>
      <c r="G23364" s="360"/>
      <c r="H23364" s="360"/>
      <c r="I23364" s="360"/>
      <c r="J23364" s="365"/>
      <c r="K23364" s="365"/>
      <c r="L23364" s="367"/>
    </row>
    <row r="23365" spans="2:12">
      <c r="B23365" s="368"/>
      <c r="C23365" s="362"/>
      <c r="D23365" s="368"/>
      <c r="E23365" s="368"/>
      <c r="F23365" s="362"/>
      <c r="G23365" s="362"/>
      <c r="H23365" s="361" t="s">
        <v>14332</v>
      </c>
      <c r="I23365" s="362"/>
      <c r="J23365" s="366"/>
      <c r="K23365" s="366"/>
      <c r="L23365" s="368"/>
    </row>
    <row r="23366" spans="2:12" ht="28.5">
      <c r="B23366" s="358" t="s">
        <v>9937</v>
      </c>
      <c r="C23366" s="358" t="s">
        <v>29885</v>
      </c>
      <c r="D23366" s="358" t="s">
        <v>9938</v>
      </c>
      <c r="E23366" s="358" t="s">
        <v>9939</v>
      </c>
      <c r="F23366" s="358" t="s">
        <v>14330</v>
      </c>
      <c r="G23366" s="358" t="s">
        <v>14327</v>
      </c>
      <c r="H23366" s="358" t="s">
        <v>14331</v>
      </c>
      <c r="I23366" s="358" t="s">
        <v>14327</v>
      </c>
      <c r="J23366" s="358"/>
      <c r="K23366" s="358"/>
      <c r="L23366" s="358" t="s">
        <v>26096</v>
      </c>
    </row>
    <row r="23367" spans="2:12">
      <c r="B23367" s="367"/>
      <c r="C23367" s="360"/>
      <c r="D23367" s="367"/>
      <c r="E23367" s="367"/>
      <c r="F23367" s="360"/>
      <c r="G23367" s="360"/>
      <c r="H23367" s="360"/>
      <c r="I23367" s="360"/>
      <c r="J23367" s="365"/>
      <c r="K23367" s="365"/>
      <c r="L23367" s="367"/>
    </row>
    <row r="23368" spans="2:12" ht="71.25">
      <c r="B23368" s="367"/>
      <c r="C23368" s="359" t="s">
        <v>30677</v>
      </c>
      <c r="D23368" s="367"/>
      <c r="E23368" s="367"/>
      <c r="F23368" s="359" t="s">
        <v>14326</v>
      </c>
      <c r="G23368" s="359" t="s">
        <v>14669</v>
      </c>
      <c r="H23368" s="359" t="s">
        <v>14328</v>
      </c>
      <c r="I23368" s="359" t="s">
        <v>14669</v>
      </c>
      <c r="J23368" s="365"/>
      <c r="K23368" s="365"/>
      <c r="L23368" s="367"/>
    </row>
    <row r="23369" spans="2:12">
      <c r="B23369" s="367"/>
      <c r="C23369" s="360"/>
      <c r="D23369" s="367"/>
      <c r="E23369" s="367"/>
      <c r="F23369" s="360"/>
      <c r="G23369" s="360"/>
      <c r="H23369" s="360"/>
      <c r="I23369" s="360"/>
      <c r="J23369" s="365"/>
      <c r="K23369" s="365"/>
      <c r="L23369" s="367"/>
    </row>
    <row r="23370" spans="2:12" ht="28.5">
      <c r="B23370" s="367"/>
      <c r="C23370" s="360"/>
      <c r="D23370" s="367"/>
      <c r="E23370" s="367"/>
      <c r="F23370" s="359" t="s">
        <v>29864</v>
      </c>
      <c r="G23370" s="359" t="s">
        <v>14890</v>
      </c>
      <c r="H23370" s="359" t="s">
        <v>14381</v>
      </c>
      <c r="I23370" s="359" t="s">
        <v>14890</v>
      </c>
      <c r="J23370" s="365"/>
      <c r="K23370" s="365"/>
      <c r="L23370" s="367"/>
    </row>
    <row r="23371" spans="2:12">
      <c r="B23371" s="367"/>
      <c r="C23371" s="360"/>
      <c r="D23371" s="367"/>
      <c r="E23371" s="367"/>
      <c r="F23371" s="360"/>
      <c r="G23371" s="360"/>
      <c r="H23371" s="360"/>
      <c r="I23371" s="360"/>
      <c r="J23371" s="365"/>
      <c r="K23371" s="365"/>
      <c r="L23371" s="367"/>
    </row>
    <row r="23372" spans="2:12">
      <c r="B23372" s="368"/>
      <c r="C23372" s="362"/>
      <c r="D23372" s="368"/>
      <c r="E23372" s="368"/>
      <c r="F23372" s="362"/>
      <c r="G23372" s="362"/>
      <c r="H23372" s="361" t="s">
        <v>14332</v>
      </c>
      <c r="I23372" s="362"/>
      <c r="J23372" s="366"/>
      <c r="K23372" s="366"/>
      <c r="L23372" s="368"/>
    </row>
    <row r="23373" spans="2:12">
      <c r="B23373" s="358" t="s">
        <v>9942</v>
      </c>
      <c r="C23373" s="358" t="s">
        <v>12798</v>
      </c>
      <c r="D23373" s="358" t="s">
        <v>9943</v>
      </c>
      <c r="E23373" s="358" t="s">
        <v>9944</v>
      </c>
      <c r="F23373" s="358" t="s">
        <v>14330</v>
      </c>
      <c r="G23373" s="358" t="s">
        <v>14327</v>
      </c>
      <c r="H23373" s="358" t="s">
        <v>14331</v>
      </c>
      <c r="I23373" s="358" t="s">
        <v>14327</v>
      </c>
      <c r="J23373" s="358"/>
      <c r="K23373" s="358"/>
      <c r="L23373" s="358" t="s">
        <v>26096</v>
      </c>
    </row>
    <row r="23374" spans="2:12">
      <c r="B23374" s="367"/>
      <c r="C23374" s="360"/>
      <c r="D23374" s="367"/>
      <c r="E23374" s="367"/>
      <c r="F23374" s="360"/>
      <c r="G23374" s="360"/>
      <c r="H23374" s="360"/>
      <c r="I23374" s="360"/>
      <c r="J23374" s="365"/>
      <c r="K23374" s="365"/>
      <c r="L23374" s="367"/>
    </row>
    <row r="23375" spans="2:12" ht="42.75">
      <c r="B23375" s="367"/>
      <c r="C23375" s="359" t="s">
        <v>29886</v>
      </c>
      <c r="D23375" s="367"/>
      <c r="E23375" s="367"/>
      <c r="F23375" s="359" t="s">
        <v>14326</v>
      </c>
      <c r="G23375" s="359" t="s">
        <v>14669</v>
      </c>
      <c r="H23375" s="359" t="s">
        <v>14328</v>
      </c>
      <c r="I23375" s="359" t="s">
        <v>14669</v>
      </c>
      <c r="J23375" s="365"/>
      <c r="K23375" s="365"/>
      <c r="L23375" s="367"/>
    </row>
    <row r="23376" spans="2:12">
      <c r="B23376" s="367"/>
      <c r="C23376" s="360"/>
      <c r="D23376" s="367"/>
      <c r="E23376" s="367"/>
      <c r="F23376" s="360"/>
      <c r="G23376" s="360"/>
      <c r="H23376" s="360"/>
      <c r="I23376" s="360"/>
      <c r="J23376" s="365"/>
      <c r="K23376" s="365"/>
      <c r="L23376" s="367"/>
    </row>
    <row r="23377" spans="2:12" ht="28.5">
      <c r="B23377" s="367"/>
      <c r="C23377" s="360"/>
      <c r="D23377" s="367"/>
      <c r="E23377" s="367"/>
      <c r="F23377" s="359" t="s">
        <v>29864</v>
      </c>
      <c r="G23377" s="359" t="s">
        <v>14890</v>
      </c>
      <c r="H23377" s="359" t="s">
        <v>14381</v>
      </c>
      <c r="I23377" s="359" t="s">
        <v>14890</v>
      </c>
      <c r="J23377" s="365"/>
      <c r="K23377" s="365"/>
      <c r="L23377" s="367"/>
    </row>
    <row r="23378" spans="2:12">
      <c r="B23378" s="367"/>
      <c r="C23378" s="360"/>
      <c r="D23378" s="367"/>
      <c r="E23378" s="367"/>
      <c r="F23378" s="360"/>
      <c r="G23378" s="360"/>
      <c r="H23378" s="360"/>
      <c r="I23378" s="360"/>
      <c r="J23378" s="365"/>
      <c r="K23378" s="365"/>
      <c r="L23378" s="367"/>
    </row>
    <row r="23379" spans="2:12">
      <c r="B23379" s="368"/>
      <c r="C23379" s="362"/>
      <c r="D23379" s="368"/>
      <c r="E23379" s="368"/>
      <c r="F23379" s="362"/>
      <c r="G23379" s="362"/>
      <c r="H23379" s="361" t="s">
        <v>14332</v>
      </c>
      <c r="I23379" s="362"/>
      <c r="J23379" s="366"/>
      <c r="K23379" s="366"/>
      <c r="L23379" s="368"/>
    </row>
    <row r="23380" spans="2:12" ht="28.5">
      <c r="B23380" s="358" t="s">
        <v>9946</v>
      </c>
      <c r="C23380" s="358" t="s">
        <v>29887</v>
      </c>
      <c r="D23380" s="358" t="s">
        <v>9947</v>
      </c>
      <c r="E23380" s="358" t="s">
        <v>9948</v>
      </c>
      <c r="F23380" s="358" t="s">
        <v>14330</v>
      </c>
      <c r="G23380" s="358" t="s">
        <v>14327</v>
      </c>
      <c r="H23380" s="358" t="s">
        <v>14331</v>
      </c>
      <c r="I23380" s="358" t="s">
        <v>14327</v>
      </c>
      <c r="J23380" s="358"/>
      <c r="K23380" s="358"/>
      <c r="L23380" s="358" t="s">
        <v>26096</v>
      </c>
    </row>
    <row r="23381" spans="2:12">
      <c r="B23381" s="367"/>
      <c r="C23381" s="360"/>
      <c r="D23381" s="367"/>
      <c r="E23381" s="367"/>
      <c r="F23381" s="360"/>
      <c r="G23381" s="360"/>
      <c r="H23381" s="360"/>
      <c r="I23381" s="360"/>
      <c r="J23381" s="365"/>
      <c r="K23381" s="365"/>
      <c r="L23381" s="367"/>
    </row>
    <row r="23382" spans="2:12" ht="71.25">
      <c r="B23382" s="367"/>
      <c r="C23382" s="359" t="s">
        <v>28191</v>
      </c>
      <c r="D23382" s="367"/>
      <c r="E23382" s="367"/>
      <c r="F23382" s="359" t="s">
        <v>14326</v>
      </c>
      <c r="G23382" s="359" t="s">
        <v>14669</v>
      </c>
      <c r="H23382" s="359" t="s">
        <v>14328</v>
      </c>
      <c r="I23382" s="359" t="s">
        <v>14669</v>
      </c>
      <c r="J23382" s="365"/>
      <c r="K23382" s="365"/>
      <c r="L23382" s="367"/>
    </row>
    <row r="23383" spans="2:12">
      <c r="B23383" s="367"/>
      <c r="C23383" s="360"/>
      <c r="D23383" s="367"/>
      <c r="E23383" s="367"/>
      <c r="F23383" s="360"/>
      <c r="G23383" s="360"/>
      <c r="H23383" s="360"/>
      <c r="I23383" s="360"/>
      <c r="J23383" s="365"/>
      <c r="K23383" s="365"/>
      <c r="L23383" s="367"/>
    </row>
    <row r="23384" spans="2:12" ht="28.5">
      <c r="B23384" s="367"/>
      <c r="C23384" s="360"/>
      <c r="D23384" s="367"/>
      <c r="E23384" s="367"/>
      <c r="F23384" s="359" t="s">
        <v>29864</v>
      </c>
      <c r="G23384" s="359" t="s">
        <v>14890</v>
      </c>
      <c r="H23384" s="359" t="s">
        <v>14381</v>
      </c>
      <c r="I23384" s="359" t="s">
        <v>14890</v>
      </c>
      <c r="J23384" s="365"/>
      <c r="K23384" s="365"/>
      <c r="L23384" s="367"/>
    </row>
    <row r="23385" spans="2:12">
      <c r="B23385" s="367"/>
      <c r="C23385" s="360"/>
      <c r="D23385" s="367"/>
      <c r="E23385" s="367"/>
      <c r="F23385" s="360"/>
      <c r="G23385" s="360"/>
      <c r="H23385" s="360"/>
      <c r="I23385" s="360"/>
      <c r="J23385" s="365"/>
      <c r="K23385" s="365"/>
      <c r="L23385" s="367"/>
    </row>
    <row r="23386" spans="2:12">
      <c r="B23386" s="368"/>
      <c r="C23386" s="362"/>
      <c r="D23386" s="368"/>
      <c r="E23386" s="368"/>
      <c r="F23386" s="362"/>
      <c r="G23386" s="362"/>
      <c r="H23386" s="361" t="s">
        <v>14332</v>
      </c>
      <c r="I23386" s="362"/>
      <c r="J23386" s="366"/>
      <c r="K23386" s="366"/>
      <c r="L23386" s="368"/>
    </row>
    <row r="23387" spans="2:12">
      <c r="B23387" s="358" t="s">
        <v>9950</v>
      </c>
      <c r="C23387" s="358" t="s">
        <v>29888</v>
      </c>
      <c r="D23387" s="358" t="s">
        <v>9951</v>
      </c>
      <c r="E23387" s="358" t="s">
        <v>9952</v>
      </c>
      <c r="F23387" s="358" t="s">
        <v>14330</v>
      </c>
      <c r="G23387" s="358" t="s">
        <v>14327</v>
      </c>
      <c r="H23387" s="358" t="s">
        <v>14331</v>
      </c>
      <c r="I23387" s="358" t="s">
        <v>14327</v>
      </c>
      <c r="J23387" s="358"/>
      <c r="K23387" s="358"/>
      <c r="L23387" s="358" t="s">
        <v>26096</v>
      </c>
    </row>
    <row r="23388" spans="2:12">
      <c r="B23388" s="367"/>
      <c r="C23388" s="360"/>
      <c r="D23388" s="367"/>
      <c r="E23388" s="367"/>
      <c r="F23388" s="360"/>
      <c r="G23388" s="360"/>
      <c r="H23388" s="360"/>
      <c r="I23388" s="360"/>
      <c r="J23388" s="365"/>
      <c r="K23388" s="365"/>
      <c r="L23388" s="367"/>
    </row>
    <row r="23389" spans="2:12" ht="57">
      <c r="B23389" s="367"/>
      <c r="C23389" s="359" t="s">
        <v>28192</v>
      </c>
      <c r="D23389" s="367"/>
      <c r="E23389" s="367"/>
      <c r="F23389" s="359" t="s">
        <v>14326</v>
      </c>
      <c r="G23389" s="359" t="s">
        <v>14669</v>
      </c>
      <c r="H23389" s="359" t="s">
        <v>14328</v>
      </c>
      <c r="I23389" s="359" t="s">
        <v>14669</v>
      </c>
      <c r="J23389" s="365"/>
      <c r="K23389" s="365"/>
      <c r="L23389" s="367"/>
    </row>
    <row r="23390" spans="2:12">
      <c r="B23390" s="367"/>
      <c r="C23390" s="360"/>
      <c r="D23390" s="367"/>
      <c r="E23390" s="367"/>
      <c r="F23390" s="360"/>
      <c r="G23390" s="360"/>
      <c r="H23390" s="360"/>
      <c r="I23390" s="360"/>
      <c r="J23390" s="365"/>
      <c r="K23390" s="365"/>
      <c r="L23390" s="367"/>
    </row>
    <row r="23391" spans="2:12" ht="28.5">
      <c r="B23391" s="367"/>
      <c r="C23391" s="360"/>
      <c r="D23391" s="367"/>
      <c r="E23391" s="367"/>
      <c r="F23391" s="359" t="s">
        <v>29864</v>
      </c>
      <c r="G23391" s="359" t="s">
        <v>14890</v>
      </c>
      <c r="H23391" s="359" t="s">
        <v>14381</v>
      </c>
      <c r="I23391" s="359" t="s">
        <v>14890</v>
      </c>
      <c r="J23391" s="365"/>
      <c r="K23391" s="365"/>
      <c r="L23391" s="367"/>
    </row>
    <row r="23392" spans="2:12">
      <c r="B23392" s="367"/>
      <c r="C23392" s="360"/>
      <c r="D23392" s="367"/>
      <c r="E23392" s="367"/>
      <c r="F23392" s="360"/>
      <c r="G23392" s="360"/>
      <c r="H23392" s="360"/>
      <c r="I23392" s="360"/>
      <c r="J23392" s="365"/>
      <c r="K23392" s="365"/>
      <c r="L23392" s="367"/>
    </row>
    <row r="23393" spans="2:12">
      <c r="B23393" s="368"/>
      <c r="C23393" s="362"/>
      <c r="D23393" s="368"/>
      <c r="E23393" s="368"/>
      <c r="F23393" s="362"/>
      <c r="G23393" s="362"/>
      <c r="H23393" s="361" t="s">
        <v>14332</v>
      </c>
      <c r="I23393" s="362"/>
      <c r="J23393" s="366"/>
      <c r="K23393" s="366"/>
      <c r="L23393" s="368"/>
    </row>
    <row r="23394" spans="2:12">
      <c r="B23394" s="358" t="s">
        <v>9954</v>
      </c>
      <c r="C23394" s="358" t="s">
        <v>26146</v>
      </c>
      <c r="D23394" s="358" t="s">
        <v>9955</v>
      </c>
      <c r="E23394" s="358" t="s">
        <v>9956</v>
      </c>
      <c r="F23394" s="358" t="s">
        <v>14330</v>
      </c>
      <c r="G23394" s="358" t="s">
        <v>14327</v>
      </c>
      <c r="H23394" s="358" t="s">
        <v>14331</v>
      </c>
      <c r="I23394" s="358" t="s">
        <v>14327</v>
      </c>
      <c r="J23394" s="358"/>
      <c r="K23394" s="358"/>
      <c r="L23394" s="358" t="s">
        <v>26096</v>
      </c>
    </row>
    <row r="23395" spans="2:12">
      <c r="B23395" s="367"/>
      <c r="C23395" s="360"/>
      <c r="D23395" s="367"/>
      <c r="E23395" s="367"/>
      <c r="F23395" s="360"/>
      <c r="G23395" s="360"/>
      <c r="H23395" s="360"/>
      <c r="I23395" s="360"/>
      <c r="J23395" s="365"/>
      <c r="K23395" s="365"/>
      <c r="L23395" s="367"/>
    </row>
    <row r="23396" spans="2:12">
      <c r="B23396" s="367"/>
      <c r="C23396" s="359" t="s">
        <v>12799</v>
      </c>
      <c r="D23396" s="367"/>
      <c r="E23396" s="367"/>
      <c r="F23396" s="359" t="s">
        <v>14326</v>
      </c>
      <c r="G23396" s="359" t="s">
        <v>14669</v>
      </c>
      <c r="H23396" s="359" t="s">
        <v>14328</v>
      </c>
      <c r="I23396" s="359" t="s">
        <v>14669</v>
      </c>
      <c r="J23396" s="365"/>
      <c r="K23396" s="365"/>
      <c r="L23396" s="367"/>
    </row>
    <row r="23397" spans="2:12">
      <c r="B23397" s="367"/>
      <c r="C23397" s="360"/>
      <c r="D23397" s="367"/>
      <c r="E23397" s="367"/>
      <c r="F23397" s="360"/>
      <c r="G23397" s="360"/>
      <c r="H23397" s="360"/>
      <c r="I23397" s="360"/>
      <c r="J23397" s="365"/>
      <c r="K23397" s="365"/>
      <c r="L23397" s="367"/>
    </row>
    <row r="23398" spans="2:12" ht="71.25">
      <c r="B23398" s="367"/>
      <c r="C23398" s="359" t="s">
        <v>28193</v>
      </c>
      <c r="D23398" s="367"/>
      <c r="E23398" s="367"/>
      <c r="F23398" s="359" t="s">
        <v>29864</v>
      </c>
      <c r="G23398" s="359" t="s">
        <v>14890</v>
      </c>
      <c r="H23398" s="359" t="s">
        <v>14381</v>
      </c>
      <c r="I23398" s="359" t="s">
        <v>14890</v>
      </c>
      <c r="J23398" s="365"/>
      <c r="K23398" s="365"/>
      <c r="L23398" s="367"/>
    </row>
    <row r="23399" spans="2:12">
      <c r="B23399" s="367"/>
      <c r="C23399" s="360"/>
      <c r="D23399" s="367"/>
      <c r="E23399" s="367"/>
      <c r="F23399" s="360"/>
      <c r="G23399" s="360"/>
      <c r="H23399" s="360"/>
      <c r="I23399" s="360"/>
      <c r="J23399" s="365"/>
      <c r="K23399" s="365"/>
      <c r="L23399" s="367"/>
    </row>
    <row r="23400" spans="2:12">
      <c r="B23400" s="368"/>
      <c r="C23400" s="362"/>
      <c r="D23400" s="368"/>
      <c r="E23400" s="368"/>
      <c r="F23400" s="362"/>
      <c r="G23400" s="362"/>
      <c r="H23400" s="361" t="s">
        <v>14332</v>
      </c>
      <c r="I23400" s="362"/>
      <c r="J23400" s="366"/>
      <c r="K23400" s="366"/>
      <c r="L23400" s="368"/>
    </row>
    <row r="23401" spans="2:12" ht="28.5">
      <c r="B23401" s="358" t="s">
        <v>9958</v>
      </c>
      <c r="C23401" s="358" t="s">
        <v>26147</v>
      </c>
      <c r="D23401" s="358" t="s">
        <v>9959</v>
      </c>
      <c r="E23401" s="358" t="s">
        <v>9960</v>
      </c>
      <c r="F23401" s="358" t="s">
        <v>14330</v>
      </c>
      <c r="G23401" s="358" t="s">
        <v>14327</v>
      </c>
      <c r="H23401" s="358" t="s">
        <v>14331</v>
      </c>
      <c r="I23401" s="358" t="s">
        <v>14327</v>
      </c>
      <c r="J23401" s="358"/>
      <c r="K23401" s="358"/>
      <c r="L23401" s="358" t="s">
        <v>26096</v>
      </c>
    </row>
    <row r="23402" spans="2:12">
      <c r="B23402" s="367"/>
      <c r="C23402" s="360"/>
      <c r="D23402" s="367"/>
      <c r="E23402" s="367"/>
      <c r="F23402" s="360"/>
      <c r="G23402" s="360"/>
      <c r="H23402" s="360"/>
      <c r="I23402" s="360"/>
      <c r="J23402" s="365"/>
      <c r="K23402" s="365"/>
      <c r="L23402" s="367"/>
    </row>
    <row r="23403" spans="2:12">
      <c r="B23403" s="367"/>
      <c r="C23403" s="359" t="s">
        <v>12799</v>
      </c>
      <c r="D23403" s="367"/>
      <c r="E23403" s="367"/>
      <c r="F23403" s="359" t="s">
        <v>14326</v>
      </c>
      <c r="G23403" s="359" t="s">
        <v>14669</v>
      </c>
      <c r="H23403" s="359" t="s">
        <v>14328</v>
      </c>
      <c r="I23403" s="359" t="s">
        <v>14669</v>
      </c>
      <c r="J23403" s="365"/>
      <c r="K23403" s="365"/>
      <c r="L23403" s="367"/>
    </row>
    <row r="23404" spans="2:12">
      <c r="B23404" s="367"/>
      <c r="C23404" s="360"/>
      <c r="D23404" s="367"/>
      <c r="E23404" s="367"/>
      <c r="F23404" s="360"/>
      <c r="G23404" s="360"/>
      <c r="H23404" s="360"/>
      <c r="I23404" s="360"/>
      <c r="J23404" s="365"/>
      <c r="K23404" s="365"/>
      <c r="L23404" s="367"/>
    </row>
    <row r="23405" spans="2:12" ht="99.75">
      <c r="B23405" s="367"/>
      <c r="C23405" s="359" t="s">
        <v>28194</v>
      </c>
      <c r="D23405" s="367"/>
      <c r="E23405" s="367"/>
      <c r="F23405" s="359" t="s">
        <v>29864</v>
      </c>
      <c r="G23405" s="359" t="s">
        <v>14890</v>
      </c>
      <c r="H23405" s="359" t="s">
        <v>14381</v>
      </c>
      <c r="I23405" s="359" t="s">
        <v>14890</v>
      </c>
      <c r="J23405" s="365"/>
      <c r="K23405" s="365"/>
      <c r="L23405" s="367"/>
    </row>
    <row r="23406" spans="2:12">
      <c r="B23406" s="367"/>
      <c r="C23406" s="360"/>
      <c r="D23406" s="367"/>
      <c r="E23406" s="367"/>
      <c r="F23406" s="360"/>
      <c r="G23406" s="360"/>
      <c r="H23406" s="360"/>
      <c r="I23406" s="360"/>
      <c r="J23406" s="365"/>
      <c r="K23406" s="365"/>
      <c r="L23406" s="367"/>
    </row>
    <row r="23407" spans="2:12">
      <c r="B23407" s="368"/>
      <c r="C23407" s="362"/>
      <c r="D23407" s="368"/>
      <c r="E23407" s="368"/>
      <c r="F23407" s="362"/>
      <c r="G23407" s="362"/>
      <c r="H23407" s="361" t="s">
        <v>14332</v>
      </c>
      <c r="I23407" s="362"/>
      <c r="J23407" s="366"/>
      <c r="K23407" s="366"/>
      <c r="L23407" s="368"/>
    </row>
    <row r="23408" spans="2:12" ht="28.5">
      <c r="B23408" s="358" t="s">
        <v>9962</v>
      </c>
      <c r="C23408" s="358" t="s">
        <v>29889</v>
      </c>
      <c r="D23408" s="358" t="s">
        <v>9963</v>
      </c>
      <c r="E23408" s="358" t="s">
        <v>9964</v>
      </c>
      <c r="F23408" s="358" t="s">
        <v>14330</v>
      </c>
      <c r="G23408" s="358" t="s">
        <v>14327</v>
      </c>
      <c r="H23408" s="358" t="s">
        <v>14331</v>
      </c>
      <c r="I23408" s="358" t="s">
        <v>14327</v>
      </c>
      <c r="J23408" s="358"/>
      <c r="K23408" s="358"/>
      <c r="L23408" s="358" t="s">
        <v>26096</v>
      </c>
    </row>
    <row r="23409" spans="2:12">
      <c r="B23409" s="367"/>
      <c r="C23409" s="360"/>
      <c r="D23409" s="367"/>
      <c r="E23409" s="367"/>
      <c r="F23409" s="360"/>
      <c r="G23409" s="360"/>
      <c r="H23409" s="360"/>
      <c r="I23409" s="360"/>
      <c r="J23409" s="365"/>
      <c r="K23409" s="365"/>
      <c r="L23409" s="367"/>
    </row>
    <row r="23410" spans="2:12" ht="85.5">
      <c r="B23410" s="367"/>
      <c r="C23410" s="359" t="s">
        <v>30678</v>
      </c>
      <c r="D23410" s="367"/>
      <c r="E23410" s="367"/>
      <c r="F23410" s="359" t="s">
        <v>14326</v>
      </c>
      <c r="G23410" s="359" t="s">
        <v>14669</v>
      </c>
      <c r="H23410" s="359" t="s">
        <v>14328</v>
      </c>
      <c r="I23410" s="359" t="s">
        <v>14669</v>
      </c>
      <c r="J23410" s="365"/>
      <c r="K23410" s="365"/>
      <c r="L23410" s="367"/>
    </row>
    <row r="23411" spans="2:12">
      <c r="B23411" s="367"/>
      <c r="C23411" s="360"/>
      <c r="D23411" s="367"/>
      <c r="E23411" s="367"/>
      <c r="F23411" s="360"/>
      <c r="G23411" s="360"/>
      <c r="H23411" s="360"/>
      <c r="I23411" s="360"/>
      <c r="J23411" s="365"/>
      <c r="K23411" s="365"/>
      <c r="L23411" s="367"/>
    </row>
    <row r="23412" spans="2:12" ht="28.5">
      <c r="B23412" s="367"/>
      <c r="C23412" s="360"/>
      <c r="D23412" s="367"/>
      <c r="E23412" s="367"/>
      <c r="F23412" s="359" t="s">
        <v>29864</v>
      </c>
      <c r="G23412" s="359" t="s">
        <v>14890</v>
      </c>
      <c r="H23412" s="359" t="s">
        <v>14381</v>
      </c>
      <c r="I23412" s="359" t="s">
        <v>14890</v>
      </c>
      <c r="J23412" s="365"/>
      <c r="K23412" s="365"/>
      <c r="L23412" s="367"/>
    </row>
    <row r="23413" spans="2:12">
      <c r="B23413" s="367"/>
      <c r="C23413" s="360"/>
      <c r="D23413" s="367"/>
      <c r="E23413" s="367"/>
      <c r="F23413" s="360"/>
      <c r="G23413" s="360"/>
      <c r="H23413" s="360"/>
      <c r="I23413" s="360"/>
      <c r="J23413" s="365"/>
      <c r="K23413" s="365"/>
      <c r="L23413" s="367"/>
    </row>
    <row r="23414" spans="2:12">
      <c r="B23414" s="368"/>
      <c r="C23414" s="362"/>
      <c r="D23414" s="368"/>
      <c r="E23414" s="368"/>
      <c r="F23414" s="362"/>
      <c r="G23414" s="362"/>
      <c r="H23414" s="361" t="s">
        <v>14332</v>
      </c>
      <c r="I23414" s="362"/>
      <c r="J23414" s="366"/>
      <c r="K23414" s="366"/>
      <c r="L23414" s="368"/>
    </row>
    <row r="23415" spans="2:12" ht="28.5">
      <c r="B23415" s="358" t="s">
        <v>9967</v>
      </c>
      <c r="C23415" s="358" t="s">
        <v>26148</v>
      </c>
      <c r="D23415" s="358" t="s">
        <v>9968</v>
      </c>
      <c r="E23415" s="358" t="s">
        <v>9969</v>
      </c>
      <c r="F23415" s="358" t="s">
        <v>14330</v>
      </c>
      <c r="G23415" s="358" t="s">
        <v>14327</v>
      </c>
      <c r="H23415" s="358" t="s">
        <v>14331</v>
      </c>
      <c r="I23415" s="358" t="s">
        <v>14327</v>
      </c>
      <c r="J23415" s="358"/>
      <c r="K23415" s="358"/>
      <c r="L23415" s="358" t="s">
        <v>26096</v>
      </c>
    </row>
    <row r="23416" spans="2:12">
      <c r="B23416" s="367"/>
      <c r="C23416" s="360"/>
      <c r="D23416" s="367"/>
      <c r="E23416" s="367"/>
      <c r="F23416" s="360"/>
      <c r="G23416" s="360"/>
      <c r="H23416" s="360"/>
      <c r="I23416" s="360"/>
      <c r="J23416" s="365"/>
      <c r="K23416" s="365"/>
      <c r="L23416" s="367"/>
    </row>
    <row r="23417" spans="2:12">
      <c r="B23417" s="367"/>
      <c r="C23417" s="359" t="s">
        <v>12799</v>
      </c>
      <c r="D23417" s="367"/>
      <c r="E23417" s="367"/>
      <c r="F23417" s="359" t="s">
        <v>14326</v>
      </c>
      <c r="G23417" s="359" t="s">
        <v>14669</v>
      </c>
      <c r="H23417" s="359" t="s">
        <v>14328</v>
      </c>
      <c r="I23417" s="359" t="s">
        <v>14669</v>
      </c>
      <c r="J23417" s="365"/>
      <c r="K23417" s="365"/>
      <c r="L23417" s="367"/>
    </row>
    <row r="23418" spans="2:12">
      <c r="B23418" s="367"/>
      <c r="C23418" s="360"/>
      <c r="D23418" s="367"/>
      <c r="E23418" s="367"/>
      <c r="F23418" s="360"/>
      <c r="G23418" s="360"/>
      <c r="H23418" s="360"/>
      <c r="I23418" s="360"/>
      <c r="J23418" s="365"/>
      <c r="K23418" s="365"/>
      <c r="L23418" s="367"/>
    </row>
    <row r="23419" spans="2:12" ht="57">
      <c r="B23419" s="367"/>
      <c r="C23419" s="359" t="s">
        <v>26149</v>
      </c>
      <c r="D23419" s="367"/>
      <c r="E23419" s="367"/>
      <c r="F23419" s="359" t="s">
        <v>29864</v>
      </c>
      <c r="G23419" s="359" t="s">
        <v>14890</v>
      </c>
      <c r="H23419" s="359" t="s">
        <v>14381</v>
      </c>
      <c r="I23419" s="359" t="s">
        <v>14890</v>
      </c>
      <c r="J23419" s="365"/>
      <c r="K23419" s="365"/>
      <c r="L23419" s="367"/>
    </row>
    <row r="23420" spans="2:12">
      <c r="B23420" s="367"/>
      <c r="C23420" s="360"/>
      <c r="D23420" s="367"/>
      <c r="E23420" s="367"/>
      <c r="F23420" s="360"/>
      <c r="G23420" s="360"/>
      <c r="H23420" s="360"/>
      <c r="I23420" s="360"/>
      <c r="J23420" s="365"/>
      <c r="K23420" s="365"/>
      <c r="L23420" s="367"/>
    </row>
    <row r="23421" spans="2:12">
      <c r="B23421" s="368"/>
      <c r="C23421" s="362"/>
      <c r="D23421" s="368"/>
      <c r="E23421" s="368"/>
      <c r="F23421" s="362"/>
      <c r="G23421" s="362"/>
      <c r="H23421" s="361" t="s">
        <v>14332</v>
      </c>
      <c r="I23421" s="362"/>
      <c r="J23421" s="366"/>
      <c r="K23421" s="366"/>
      <c r="L23421" s="368"/>
    </row>
    <row r="23422" spans="2:12" ht="28.5">
      <c r="B23422" s="358" t="s">
        <v>9971</v>
      </c>
      <c r="C23422" s="358" t="s">
        <v>26150</v>
      </c>
      <c r="D23422" s="358" t="s">
        <v>9972</v>
      </c>
      <c r="E23422" s="358" t="s">
        <v>9973</v>
      </c>
      <c r="F23422" s="358" t="s">
        <v>14330</v>
      </c>
      <c r="G23422" s="358" t="s">
        <v>14327</v>
      </c>
      <c r="H23422" s="358" t="s">
        <v>14331</v>
      </c>
      <c r="I23422" s="358" t="s">
        <v>14327</v>
      </c>
      <c r="J23422" s="358"/>
      <c r="K23422" s="358"/>
      <c r="L23422" s="358" t="s">
        <v>26096</v>
      </c>
    </row>
    <row r="23423" spans="2:12">
      <c r="B23423" s="367"/>
      <c r="C23423" s="360"/>
      <c r="D23423" s="367"/>
      <c r="E23423" s="367"/>
      <c r="F23423" s="360"/>
      <c r="G23423" s="360"/>
      <c r="H23423" s="360"/>
      <c r="I23423" s="360"/>
      <c r="J23423" s="365"/>
      <c r="K23423" s="365"/>
      <c r="L23423" s="367"/>
    </row>
    <row r="23424" spans="2:12">
      <c r="B23424" s="367"/>
      <c r="C23424" s="359" t="s">
        <v>12799</v>
      </c>
      <c r="D23424" s="367"/>
      <c r="E23424" s="367"/>
      <c r="F23424" s="359" t="s">
        <v>14326</v>
      </c>
      <c r="G23424" s="359" t="s">
        <v>14669</v>
      </c>
      <c r="H23424" s="359" t="s">
        <v>14328</v>
      </c>
      <c r="I23424" s="359" t="s">
        <v>14669</v>
      </c>
      <c r="J23424" s="365"/>
      <c r="K23424" s="365"/>
      <c r="L23424" s="367"/>
    </row>
    <row r="23425" spans="2:12">
      <c r="B23425" s="367"/>
      <c r="C23425" s="360"/>
      <c r="D23425" s="367"/>
      <c r="E23425" s="367"/>
      <c r="F23425" s="360"/>
      <c r="G23425" s="360"/>
      <c r="H23425" s="360"/>
      <c r="I23425" s="360"/>
      <c r="J23425" s="365"/>
      <c r="K23425" s="365"/>
      <c r="L23425" s="367"/>
    </row>
    <row r="23426" spans="2:12" ht="71.25">
      <c r="B23426" s="367"/>
      <c r="C23426" s="359" t="s">
        <v>28195</v>
      </c>
      <c r="D23426" s="367"/>
      <c r="E23426" s="367"/>
      <c r="F23426" s="359" t="s">
        <v>29864</v>
      </c>
      <c r="G23426" s="359" t="s">
        <v>14890</v>
      </c>
      <c r="H23426" s="359" t="s">
        <v>14381</v>
      </c>
      <c r="I23426" s="359" t="s">
        <v>14890</v>
      </c>
      <c r="J23426" s="365"/>
      <c r="K23426" s="365"/>
      <c r="L23426" s="367"/>
    </row>
    <row r="23427" spans="2:12">
      <c r="B23427" s="367"/>
      <c r="C23427" s="360"/>
      <c r="D23427" s="367"/>
      <c r="E23427" s="367"/>
      <c r="F23427" s="360"/>
      <c r="G23427" s="360"/>
      <c r="H23427" s="360"/>
      <c r="I23427" s="360"/>
      <c r="J23427" s="365"/>
      <c r="K23427" s="365"/>
      <c r="L23427" s="367"/>
    </row>
    <row r="23428" spans="2:12">
      <c r="B23428" s="368"/>
      <c r="C23428" s="362"/>
      <c r="D23428" s="368"/>
      <c r="E23428" s="368"/>
      <c r="F23428" s="362"/>
      <c r="G23428" s="362"/>
      <c r="H23428" s="361" t="s">
        <v>14332</v>
      </c>
      <c r="I23428" s="362"/>
      <c r="J23428" s="366"/>
      <c r="K23428" s="366"/>
      <c r="L23428" s="368"/>
    </row>
    <row r="23429" spans="2:12" ht="28.5">
      <c r="B23429" s="358" t="s">
        <v>9976</v>
      </c>
      <c r="C23429" s="358" t="s">
        <v>26151</v>
      </c>
      <c r="D23429" s="358" t="s">
        <v>9977</v>
      </c>
      <c r="E23429" s="358" t="s">
        <v>9978</v>
      </c>
      <c r="F23429" s="358" t="s">
        <v>14330</v>
      </c>
      <c r="G23429" s="358" t="s">
        <v>14327</v>
      </c>
      <c r="H23429" s="358" t="s">
        <v>14331</v>
      </c>
      <c r="I23429" s="358" t="s">
        <v>14327</v>
      </c>
      <c r="J23429" s="358"/>
      <c r="K23429" s="358"/>
      <c r="L23429" s="358" t="s">
        <v>26096</v>
      </c>
    </row>
    <row r="23430" spans="2:12">
      <c r="B23430" s="367"/>
      <c r="C23430" s="360"/>
      <c r="D23430" s="367"/>
      <c r="E23430" s="367"/>
      <c r="F23430" s="360"/>
      <c r="G23430" s="360"/>
      <c r="H23430" s="360"/>
      <c r="I23430" s="360"/>
      <c r="J23430" s="365"/>
      <c r="K23430" s="365"/>
      <c r="L23430" s="367"/>
    </row>
    <row r="23431" spans="2:12">
      <c r="B23431" s="367"/>
      <c r="C23431" s="359" t="s">
        <v>12799</v>
      </c>
      <c r="D23431" s="367"/>
      <c r="E23431" s="367"/>
      <c r="F23431" s="359" t="s">
        <v>14326</v>
      </c>
      <c r="G23431" s="359" t="s">
        <v>14669</v>
      </c>
      <c r="H23431" s="359" t="s">
        <v>14328</v>
      </c>
      <c r="I23431" s="359" t="s">
        <v>14669</v>
      </c>
      <c r="J23431" s="365"/>
      <c r="K23431" s="365"/>
      <c r="L23431" s="367"/>
    </row>
    <row r="23432" spans="2:12">
      <c r="B23432" s="367"/>
      <c r="C23432" s="360"/>
      <c r="D23432" s="367"/>
      <c r="E23432" s="367"/>
      <c r="F23432" s="360"/>
      <c r="G23432" s="360"/>
      <c r="H23432" s="360"/>
      <c r="I23432" s="360"/>
      <c r="J23432" s="365"/>
      <c r="K23432" s="365"/>
      <c r="L23432" s="367"/>
    </row>
    <row r="23433" spans="2:12" ht="57">
      <c r="B23433" s="367"/>
      <c r="C23433" s="359" t="s">
        <v>26152</v>
      </c>
      <c r="D23433" s="367"/>
      <c r="E23433" s="367"/>
      <c r="F23433" s="359" t="s">
        <v>29864</v>
      </c>
      <c r="G23433" s="359" t="s">
        <v>14890</v>
      </c>
      <c r="H23433" s="359" t="s">
        <v>14381</v>
      </c>
      <c r="I23433" s="359" t="s">
        <v>14890</v>
      </c>
      <c r="J23433" s="365"/>
      <c r="K23433" s="365"/>
      <c r="L23433" s="367"/>
    </row>
    <row r="23434" spans="2:12">
      <c r="B23434" s="367"/>
      <c r="C23434" s="360"/>
      <c r="D23434" s="367"/>
      <c r="E23434" s="367"/>
      <c r="F23434" s="360"/>
      <c r="G23434" s="360"/>
      <c r="H23434" s="360"/>
      <c r="I23434" s="360"/>
      <c r="J23434" s="365"/>
      <c r="K23434" s="365"/>
      <c r="L23434" s="367"/>
    </row>
    <row r="23435" spans="2:12">
      <c r="B23435" s="368"/>
      <c r="C23435" s="362"/>
      <c r="D23435" s="368"/>
      <c r="E23435" s="368"/>
      <c r="F23435" s="362"/>
      <c r="G23435" s="362"/>
      <c r="H23435" s="361" t="s">
        <v>14332</v>
      </c>
      <c r="I23435" s="362"/>
      <c r="J23435" s="366"/>
      <c r="K23435" s="366"/>
      <c r="L23435" s="368"/>
    </row>
    <row r="23436" spans="2:12" ht="28.5">
      <c r="B23436" s="358" t="s">
        <v>9980</v>
      </c>
      <c r="C23436" s="358" t="s">
        <v>26153</v>
      </c>
      <c r="D23436" s="358" t="s">
        <v>9981</v>
      </c>
      <c r="E23436" s="358" t="s">
        <v>9982</v>
      </c>
      <c r="F23436" s="358" t="s">
        <v>14330</v>
      </c>
      <c r="G23436" s="358" t="s">
        <v>14327</v>
      </c>
      <c r="H23436" s="358" t="s">
        <v>14331</v>
      </c>
      <c r="I23436" s="358" t="s">
        <v>14327</v>
      </c>
      <c r="J23436" s="358"/>
      <c r="K23436" s="358"/>
      <c r="L23436" s="358" t="s">
        <v>26096</v>
      </c>
    </row>
    <row r="23437" spans="2:12">
      <c r="B23437" s="367"/>
      <c r="C23437" s="360"/>
      <c r="D23437" s="367"/>
      <c r="E23437" s="367"/>
      <c r="F23437" s="360"/>
      <c r="G23437" s="360"/>
      <c r="H23437" s="360"/>
      <c r="I23437" s="360"/>
      <c r="J23437" s="365"/>
      <c r="K23437" s="365"/>
      <c r="L23437" s="367"/>
    </row>
    <row r="23438" spans="2:12">
      <c r="B23438" s="367"/>
      <c r="C23438" s="359" t="s">
        <v>12799</v>
      </c>
      <c r="D23438" s="367"/>
      <c r="E23438" s="367"/>
      <c r="F23438" s="359" t="s">
        <v>14326</v>
      </c>
      <c r="G23438" s="359" t="s">
        <v>14669</v>
      </c>
      <c r="H23438" s="359" t="s">
        <v>14328</v>
      </c>
      <c r="I23438" s="359" t="s">
        <v>14669</v>
      </c>
      <c r="J23438" s="365"/>
      <c r="K23438" s="365"/>
      <c r="L23438" s="367"/>
    </row>
    <row r="23439" spans="2:12">
      <c r="B23439" s="367"/>
      <c r="C23439" s="360"/>
      <c r="D23439" s="367"/>
      <c r="E23439" s="367"/>
      <c r="F23439" s="360"/>
      <c r="G23439" s="360"/>
      <c r="H23439" s="360"/>
      <c r="I23439" s="360"/>
      <c r="J23439" s="365"/>
      <c r="K23439" s="365"/>
      <c r="L23439" s="367"/>
    </row>
    <row r="23440" spans="2:12" ht="85.5">
      <c r="B23440" s="367"/>
      <c r="C23440" s="359" t="s">
        <v>28196</v>
      </c>
      <c r="D23440" s="367"/>
      <c r="E23440" s="367"/>
      <c r="F23440" s="359" t="s">
        <v>29864</v>
      </c>
      <c r="G23440" s="359" t="s">
        <v>14890</v>
      </c>
      <c r="H23440" s="359" t="s">
        <v>14381</v>
      </c>
      <c r="I23440" s="359" t="s">
        <v>14890</v>
      </c>
      <c r="J23440" s="365"/>
      <c r="K23440" s="365"/>
      <c r="L23440" s="367"/>
    </row>
    <row r="23441" spans="2:12">
      <c r="B23441" s="367"/>
      <c r="C23441" s="360"/>
      <c r="D23441" s="367"/>
      <c r="E23441" s="367"/>
      <c r="F23441" s="360"/>
      <c r="G23441" s="360"/>
      <c r="H23441" s="360"/>
      <c r="I23441" s="360"/>
      <c r="J23441" s="365"/>
      <c r="K23441" s="365"/>
      <c r="L23441" s="367"/>
    </row>
    <row r="23442" spans="2:12">
      <c r="B23442" s="368"/>
      <c r="C23442" s="362"/>
      <c r="D23442" s="368"/>
      <c r="E23442" s="368"/>
      <c r="F23442" s="362"/>
      <c r="G23442" s="362"/>
      <c r="H23442" s="361" t="s">
        <v>14332</v>
      </c>
      <c r="I23442" s="362"/>
      <c r="J23442" s="366"/>
      <c r="K23442" s="366"/>
      <c r="L23442" s="368"/>
    </row>
    <row r="23443" spans="2:12" ht="28.5">
      <c r="B23443" s="358" t="s">
        <v>9985</v>
      </c>
      <c r="C23443" s="358" t="s">
        <v>26154</v>
      </c>
      <c r="D23443" s="358" t="s">
        <v>9986</v>
      </c>
      <c r="E23443" s="358" t="s">
        <v>9987</v>
      </c>
      <c r="F23443" s="358" t="s">
        <v>14330</v>
      </c>
      <c r="G23443" s="358" t="s">
        <v>14327</v>
      </c>
      <c r="H23443" s="358" t="s">
        <v>14331</v>
      </c>
      <c r="I23443" s="358" t="s">
        <v>14327</v>
      </c>
      <c r="J23443" s="358"/>
      <c r="K23443" s="358"/>
      <c r="L23443" s="358" t="s">
        <v>26096</v>
      </c>
    </row>
    <row r="23444" spans="2:12">
      <c r="B23444" s="367"/>
      <c r="C23444" s="360"/>
      <c r="D23444" s="367"/>
      <c r="E23444" s="367"/>
      <c r="F23444" s="360"/>
      <c r="G23444" s="360"/>
      <c r="H23444" s="360"/>
      <c r="I23444" s="360"/>
      <c r="J23444" s="365"/>
      <c r="K23444" s="365"/>
      <c r="L23444" s="367"/>
    </row>
    <row r="23445" spans="2:12">
      <c r="B23445" s="367"/>
      <c r="C23445" s="359" t="s">
        <v>12799</v>
      </c>
      <c r="D23445" s="367"/>
      <c r="E23445" s="367"/>
      <c r="F23445" s="359" t="s">
        <v>14326</v>
      </c>
      <c r="G23445" s="359" t="s">
        <v>14669</v>
      </c>
      <c r="H23445" s="359" t="s">
        <v>14328</v>
      </c>
      <c r="I23445" s="359" t="s">
        <v>14669</v>
      </c>
      <c r="J23445" s="365"/>
      <c r="K23445" s="365"/>
      <c r="L23445" s="367"/>
    </row>
    <row r="23446" spans="2:12">
      <c r="B23446" s="367"/>
      <c r="C23446" s="360"/>
      <c r="D23446" s="367"/>
      <c r="E23446" s="367"/>
      <c r="F23446" s="360"/>
      <c r="G23446" s="360"/>
      <c r="H23446" s="360"/>
      <c r="I23446" s="360"/>
      <c r="J23446" s="365"/>
      <c r="K23446" s="365"/>
      <c r="L23446" s="367"/>
    </row>
    <row r="23447" spans="2:12" ht="57">
      <c r="B23447" s="367"/>
      <c r="C23447" s="359" t="s">
        <v>26155</v>
      </c>
      <c r="D23447" s="367"/>
      <c r="E23447" s="367"/>
      <c r="F23447" s="359" t="s">
        <v>29864</v>
      </c>
      <c r="G23447" s="359" t="s">
        <v>14890</v>
      </c>
      <c r="H23447" s="359" t="s">
        <v>14381</v>
      </c>
      <c r="I23447" s="359" t="s">
        <v>14890</v>
      </c>
      <c r="J23447" s="365"/>
      <c r="K23447" s="365"/>
      <c r="L23447" s="367"/>
    </row>
    <row r="23448" spans="2:12">
      <c r="B23448" s="367"/>
      <c r="C23448" s="360"/>
      <c r="D23448" s="367"/>
      <c r="E23448" s="367"/>
      <c r="F23448" s="360"/>
      <c r="G23448" s="360"/>
      <c r="H23448" s="360"/>
      <c r="I23448" s="360"/>
      <c r="J23448" s="365"/>
      <c r="K23448" s="365"/>
      <c r="L23448" s="367"/>
    </row>
    <row r="23449" spans="2:12">
      <c r="B23449" s="368"/>
      <c r="C23449" s="362"/>
      <c r="D23449" s="368"/>
      <c r="E23449" s="368"/>
      <c r="F23449" s="362"/>
      <c r="G23449" s="362"/>
      <c r="H23449" s="361" t="s">
        <v>14332</v>
      </c>
      <c r="I23449" s="362"/>
      <c r="J23449" s="366"/>
      <c r="K23449" s="366"/>
      <c r="L23449" s="368"/>
    </row>
    <row r="23450" spans="2:12">
      <c r="B23450" s="358" t="s">
        <v>9989</v>
      </c>
      <c r="C23450" s="358" t="s">
        <v>26156</v>
      </c>
      <c r="D23450" s="358" t="s">
        <v>9990</v>
      </c>
      <c r="E23450" s="358" t="s">
        <v>9991</v>
      </c>
      <c r="F23450" s="358" t="s">
        <v>14330</v>
      </c>
      <c r="G23450" s="358" t="s">
        <v>14327</v>
      </c>
      <c r="H23450" s="358" t="s">
        <v>14331</v>
      </c>
      <c r="I23450" s="358" t="s">
        <v>14327</v>
      </c>
      <c r="J23450" s="358"/>
      <c r="K23450" s="358"/>
      <c r="L23450" s="358" t="s">
        <v>26096</v>
      </c>
    </row>
    <row r="23451" spans="2:12">
      <c r="B23451" s="367"/>
      <c r="C23451" s="360"/>
      <c r="D23451" s="367"/>
      <c r="E23451" s="367"/>
      <c r="F23451" s="360"/>
      <c r="G23451" s="360"/>
      <c r="H23451" s="360"/>
      <c r="I23451" s="360"/>
      <c r="J23451" s="365"/>
      <c r="K23451" s="365"/>
      <c r="L23451" s="367"/>
    </row>
    <row r="23452" spans="2:12">
      <c r="B23452" s="367"/>
      <c r="C23452" s="359" t="s">
        <v>12799</v>
      </c>
      <c r="D23452" s="367"/>
      <c r="E23452" s="367"/>
      <c r="F23452" s="359" t="s">
        <v>14326</v>
      </c>
      <c r="G23452" s="359" t="s">
        <v>14669</v>
      </c>
      <c r="H23452" s="359" t="s">
        <v>14328</v>
      </c>
      <c r="I23452" s="359" t="s">
        <v>14669</v>
      </c>
      <c r="J23452" s="365"/>
      <c r="K23452" s="365"/>
      <c r="L23452" s="367"/>
    </row>
    <row r="23453" spans="2:12">
      <c r="B23453" s="367"/>
      <c r="C23453" s="360"/>
      <c r="D23453" s="367"/>
      <c r="E23453" s="367"/>
      <c r="F23453" s="360"/>
      <c r="G23453" s="360"/>
      <c r="H23453" s="360"/>
      <c r="I23453" s="360"/>
      <c r="J23453" s="365"/>
      <c r="K23453" s="365"/>
      <c r="L23453" s="367"/>
    </row>
    <row r="23454" spans="2:12" ht="57">
      <c r="B23454" s="367"/>
      <c r="C23454" s="359" t="s">
        <v>28197</v>
      </c>
      <c r="D23454" s="367"/>
      <c r="E23454" s="367"/>
      <c r="F23454" s="359" t="s">
        <v>29864</v>
      </c>
      <c r="G23454" s="359" t="s">
        <v>14890</v>
      </c>
      <c r="H23454" s="359" t="s">
        <v>14381</v>
      </c>
      <c r="I23454" s="359" t="s">
        <v>14890</v>
      </c>
      <c r="J23454" s="365"/>
      <c r="K23454" s="365"/>
      <c r="L23454" s="367"/>
    </row>
    <row r="23455" spans="2:12">
      <c r="B23455" s="367"/>
      <c r="C23455" s="360"/>
      <c r="D23455" s="367"/>
      <c r="E23455" s="367"/>
      <c r="F23455" s="360"/>
      <c r="G23455" s="360"/>
      <c r="H23455" s="360"/>
      <c r="I23455" s="360"/>
      <c r="J23455" s="365"/>
      <c r="K23455" s="365"/>
      <c r="L23455" s="367"/>
    </row>
    <row r="23456" spans="2:12">
      <c r="B23456" s="368"/>
      <c r="C23456" s="362"/>
      <c r="D23456" s="368"/>
      <c r="E23456" s="368"/>
      <c r="F23456" s="362"/>
      <c r="G23456" s="362"/>
      <c r="H23456" s="361" t="s">
        <v>14332</v>
      </c>
      <c r="I23456" s="362"/>
      <c r="J23456" s="366"/>
      <c r="K23456" s="366"/>
      <c r="L23456" s="368"/>
    </row>
    <row r="23457" spans="2:12">
      <c r="B23457" s="358" t="s">
        <v>9993</v>
      </c>
      <c r="C23457" s="358" t="s">
        <v>26157</v>
      </c>
      <c r="D23457" s="358" t="s">
        <v>9994</v>
      </c>
      <c r="E23457" s="358" t="s">
        <v>9995</v>
      </c>
      <c r="F23457" s="358" t="s">
        <v>14330</v>
      </c>
      <c r="G23457" s="358" t="s">
        <v>14327</v>
      </c>
      <c r="H23457" s="358" t="s">
        <v>14331</v>
      </c>
      <c r="I23457" s="358" t="s">
        <v>14327</v>
      </c>
      <c r="J23457" s="358"/>
      <c r="K23457" s="358"/>
      <c r="L23457" s="358" t="s">
        <v>26096</v>
      </c>
    </row>
    <row r="23458" spans="2:12">
      <c r="B23458" s="367"/>
      <c r="C23458" s="360"/>
      <c r="D23458" s="367"/>
      <c r="E23458" s="367"/>
      <c r="F23458" s="360"/>
      <c r="G23458" s="360"/>
      <c r="H23458" s="360"/>
      <c r="I23458" s="360"/>
      <c r="J23458" s="365"/>
      <c r="K23458" s="365"/>
      <c r="L23458" s="367"/>
    </row>
    <row r="23459" spans="2:12">
      <c r="B23459" s="367"/>
      <c r="C23459" s="359" t="s">
        <v>12799</v>
      </c>
      <c r="D23459" s="367"/>
      <c r="E23459" s="367"/>
      <c r="F23459" s="359" t="s">
        <v>14326</v>
      </c>
      <c r="G23459" s="359" t="s">
        <v>14669</v>
      </c>
      <c r="H23459" s="359" t="s">
        <v>14328</v>
      </c>
      <c r="I23459" s="359" t="s">
        <v>14669</v>
      </c>
      <c r="J23459" s="365"/>
      <c r="K23459" s="365"/>
      <c r="L23459" s="367"/>
    </row>
    <row r="23460" spans="2:12">
      <c r="B23460" s="367"/>
      <c r="C23460" s="360"/>
      <c r="D23460" s="367"/>
      <c r="E23460" s="367"/>
      <c r="F23460" s="360"/>
      <c r="G23460" s="360"/>
      <c r="H23460" s="360"/>
      <c r="I23460" s="360"/>
      <c r="J23460" s="365"/>
      <c r="K23460" s="365"/>
      <c r="L23460" s="367"/>
    </row>
    <row r="23461" spans="2:12" ht="57">
      <c r="B23461" s="367"/>
      <c r="C23461" s="359" t="s">
        <v>28198</v>
      </c>
      <c r="D23461" s="367"/>
      <c r="E23461" s="367"/>
      <c r="F23461" s="359" t="s">
        <v>29864</v>
      </c>
      <c r="G23461" s="359" t="s">
        <v>14890</v>
      </c>
      <c r="H23461" s="359" t="s">
        <v>14381</v>
      </c>
      <c r="I23461" s="359" t="s">
        <v>14890</v>
      </c>
      <c r="J23461" s="365"/>
      <c r="K23461" s="365"/>
      <c r="L23461" s="367"/>
    </row>
    <row r="23462" spans="2:12">
      <c r="B23462" s="367"/>
      <c r="C23462" s="360"/>
      <c r="D23462" s="367"/>
      <c r="E23462" s="367"/>
      <c r="F23462" s="360"/>
      <c r="G23462" s="360"/>
      <c r="H23462" s="360"/>
      <c r="I23462" s="360"/>
      <c r="J23462" s="365"/>
      <c r="K23462" s="365"/>
      <c r="L23462" s="367"/>
    </row>
    <row r="23463" spans="2:12">
      <c r="B23463" s="368"/>
      <c r="C23463" s="362"/>
      <c r="D23463" s="368"/>
      <c r="E23463" s="368"/>
      <c r="F23463" s="362"/>
      <c r="G23463" s="362"/>
      <c r="H23463" s="361" t="s">
        <v>14332</v>
      </c>
      <c r="I23463" s="362"/>
      <c r="J23463" s="366"/>
      <c r="K23463" s="366"/>
      <c r="L23463" s="368"/>
    </row>
    <row r="23464" spans="2:12">
      <c r="B23464" s="358" t="s">
        <v>9998</v>
      </c>
      <c r="C23464" s="358" t="s">
        <v>26158</v>
      </c>
      <c r="D23464" s="358" t="s">
        <v>9999</v>
      </c>
      <c r="E23464" s="358" t="s">
        <v>10000</v>
      </c>
      <c r="F23464" s="358" t="s">
        <v>14330</v>
      </c>
      <c r="G23464" s="358" t="s">
        <v>14327</v>
      </c>
      <c r="H23464" s="358" t="s">
        <v>14331</v>
      </c>
      <c r="I23464" s="358" t="s">
        <v>14327</v>
      </c>
      <c r="J23464" s="358"/>
      <c r="K23464" s="358"/>
      <c r="L23464" s="358" t="s">
        <v>26096</v>
      </c>
    </row>
    <row r="23465" spans="2:12">
      <c r="B23465" s="367"/>
      <c r="C23465" s="360"/>
      <c r="D23465" s="367"/>
      <c r="E23465" s="367"/>
      <c r="F23465" s="360"/>
      <c r="G23465" s="360"/>
      <c r="H23465" s="360"/>
      <c r="I23465" s="360"/>
      <c r="J23465" s="365"/>
      <c r="K23465" s="365"/>
      <c r="L23465" s="367"/>
    </row>
    <row r="23466" spans="2:12">
      <c r="B23466" s="367"/>
      <c r="C23466" s="359" t="s">
        <v>12799</v>
      </c>
      <c r="D23466" s="367"/>
      <c r="E23466" s="367"/>
      <c r="F23466" s="359" t="s">
        <v>14326</v>
      </c>
      <c r="G23466" s="359" t="s">
        <v>14669</v>
      </c>
      <c r="H23466" s="359" t="s">
        <v>14328</v>
      </c>
      <c r="I23466" s="359" t="s">
        <v>14669</v>
      </c>
      <c r="J23466" s="365"/>
      <c r="K23466" s="365"/>
      <c r="L23466" s="367"/>
    </row>
    <row r="23467" spans="2:12">
      <c r="B23467" s="367"/>
      <c r="C23467" s="360"/>
      <c r="D23467" s="367"/>
      <c r="E23467" s="367"/>
      <c r="F23467" s="360"/>
      <c r="G23467" s="360"/>
      <c r="H23467" s="360"/>
      <c r="I23467" s="360"/>
      <c r="J23467" s="365"/>
      <c r="K23467" s="365"/>
      <c r="L23467" s="367"/>
    </row>
    <row r="23468" spans="2:12" ht="28.5">
      <c r="B23468" s="367"/>
      <c r="C23468" s="359" t="s">
        <v>26159</v>
      </c>
      <c r="D23468" s="367"/>
      <c r="E23468" s="367"/>
      <c r="F23468" s="359" t="s">
        <v>29864</v>
      </c>
      <c r="G23468" s="359" t="s">
        <v>14890</v>
      </c>
      <c r="H23468" s="359" t="s">
        <v>14381</v>
      </c>
      <c r="I23468" s="359" t="s">
        <v>14890</v>
      </c>
      <c r="J23468" s="365"/>
      <c r="K23468" s="365"/>
      <c r="L23468" s="367"/>
    </row>
    <row r="23469" spans="2:12">
      <c r="B23469" s="367"/>
      <c r="C23469" s="360"/>
      <c r="D23469" s="367"/>
      <c r="E23469" s="367"/>
      <c r="F23469" s="360"/>
      <c r="G23469" s="360"/>
      <c r="H23469" s="360"/>
      <c r="I23469" s="360"/>
      <c r="J23469" s="365"/>
      <c r="K23469" s="365"/>
      <c r="L23469" s="367"/>
    </row>
    <row r="23470" spans="2:12">
      <c r="B23470" s="368"/>
      <c r="C23470" s="362"/>
      <c r="D23470" s="368"/>
      <c r="E23470" s="368"/>
      <c r="F23470" s="362"/>
      <c r="G23470" s="362"/>
      <c r="H23470" s="361" t="s">
        <v>14332</v>
      </c>
      <c r="I23470" s="362"/>
      <c r="J23470" s="366"/>
      <c r="K23470" s="366"/>
      <c r="L23470" s="368"/>
    </row>
    <row r="23471" spans="2:12" ht="28.5">
      <c r="B23471" s="358" t="s">
        <v>10003</v>
      </c>
      <c r="C23471" s="358" t="s">
        <v>26160</v>
      </c>
      <c r="D23471" s="358" t="s">
        <v>10004</v>
      </c>
      <c r="E23471" s="358" t="s">
        <v>10005</v>
      </c>
      <c r="F23471" s="358" t="s">
        <v>14330</v>
      </c>
      <c r="G23471" s="358" t="s">
        <v>14327</v>
      </c>
      <c r="H23471" s="358" t="s">
        <v>14331</v>
      </c>
      <c r="I23471" s="358" t="s">
        <v>14327</v>
      </c>
      <c r="J23471" s="358"/>
      <c r="K23471" s="358"/>
      <c r="L23471" s="358" t="s">
        <v>26096</v>
      </c>
    </row>
    <row r="23472" spans="2:12">
      <c r="B23472" s="367"/>
      <c r="C23472" s="360"/>
      <c r="D23472" s="367"/>
      <c r="E23472" s="367"/>
      <c r="F23472" s="360"/>
      <c r="G23472" s="360"/>
      <c r="H23472" s="360"/>
      <c r="I23472" s="360"/>
      <c r="J23472" s="365"/>
      <c r="K23472" s="365"/>
      <c r="L23472" s="367"/>
    </row>
    <row r="23473" spans="2:12">
      <c r="B23473" s="367"/>
      <c r="C23473" s="359" t="s">
        <v>12799</v>
      </c>
      <c r="D23473" s="367"/>
      <c r="E23473" s="367"/>
      <c r="F23473" s="359" t="s">
        <v>14326</v>
      </c>
      <c r="G23473" s="359" t="s">
        <v>14669</v>
      </c>
      <c r="H23473" s="359" t="s">
        <v>14328</v>
      </c>
      <c r="I23473" s="359" t="s">
        <v>14669</v>
      </c>
      <c r="J23473" s="365"/>
      <c r="K23473" s="365"/>
      <c r="L23473" s="367"/>
    </row>
    <row r="23474" spans="2:12">
      <c r="B23474" s="367"/>
      <c r="C23474" s="360"/>
      <c r="D23474" s="367"/>
      <c r="E23474" s="367"/>
      <c r="F23474" s="360"/>
      <c r="G23474" s="360"/>
      <c r="H23474" s="360"/>
      <c r="I23474" s="360"/>
      <c r="J23474" s="365"/>
      <c r="K23474" s="365"/>
      <c r="L23474" s="367"/>
    </row>
    <row r="23475" spans="2:12" ht="42.75">
      <c r="B23475" s="367"/>
      <c r="C23475" s="359" t="s">
        <v>29890</v>
      </c>
      <c r="D23475" s="367"/>
      <c r="E23475" s="367"/>
      <c r="F23475" s="359" t="s">
        <v>29864</v>
      </c>
      <c r="G23475" s="359" t="s">
        <v>14890</v>
      </c>
      <c r="H23475" s="359" t="s">
        <v>14381</v>
      </c>
      <c r="I23475" s="359" t="s">
        <v>14890</v>
      </c>
      <c r="J23475" s="365"/>
      <c r="K23475" s="365"/>
      <c r="L23475" s="367"/>
    </row>
    <row r="23476" spans="2:12">
      <c r="B23476" s="367"/>
      <c r="C23476" s="360"/>
      <c r="D23476" s="367"/>
      <c r="E23476" s="367"/>
      <c r="F23476" s="360"/>
      <c r="G23476" s="360"/>
      <c r="H23476" s="360"/>
      <c r="I23476" s="360"/>
      <c r="J23476" s="365"/>
      <c r="K23476" s="365"/>
      <c r="L23476" s="367"/>
    </row>
    <row r="23477" spans="2:12">
      <c r="B23477" s="368"/>
      <c r="C23477" s="362"/>
      <c r="D23477" s="368"/>
      <c r="E23477" s="368"/>
      <c r="F23477" s="362"/>
      <c r="G23477" s="362"/>
      <c r="H23477" s="361" t="s">
        <v>14332</v>
      </c>
      <c r="I23477" s="362"/>
      <c r="J23477" s="366"/>
      <c r="K23477" s="366"/>
      <c r="L23477" s="368"/>
    </row>
    <row r="23478" spans="2:12" ht="28.5">
      <c r="B23478" s="358" t="s">
        <v>10007</v>
      </c>
      <c r="C23478" s="358" t="s">
        <v>29891</v>
      </c>
      <c r="D23478" s="358" t="s">
        <v>10008</v>
      </c>
      <c r="E23478" s="358" t="s">
        <v>10009</v>
      </c>
      <c r="F23478" s="358" t="s">
        <v>14330</v>
      </c>
      <c r="G23478" s="358" t="s">
        <v>14327</v>
      </c>
      <c r="H23478" s="358" t="s">
        <v>14331</v>
      </c>
      <c r="I23478" s="358" t="s">
        <v>14327</v>
      </c>
      <c r="J23478" s="358"/>
      <c r="K23478" s="358"/>
      <c r="L23478" s="358" t="s">
        <v>26096</v>
      </c>
    </row>
    <row r="23479" spans="2:12">
      <c r="B23479" s="367"/>
      <c r="C23479" s="360"/>
      <c r="D23479" s="367"/>
      <c r="E23479" s="367"/>
      <c r="F23479" s="360"/>
      <c r="G23479" s="360"/>
      <c r="H23479" s="360"/>
      <c r="I23479" s="360"/>
      <c r="J23479" s="365"/>
      <c r="K23479" s="365"/>
      <c r="L23479" s="367"/>
    </row>
    <row r="23480" spans="2:12" ht="57">
      <c r="B23480" s="367"/>
      <c r="C23480" s="359" t="s">
        <v>28199</v>
      </c>
      <c r="D23480" s="367"/>
      <c r="E23480" s="367"/>
      <c r="F23480" s="359" t="s">
        <v>14326</v>
      </c>
      <c r="G23480" s="359" t="s">
        <v>14669</v>
      </c>
      <c r="H23480" s="359" t="s">
        <v>14328</v>
      </c>
      <c r="I23480" s="359" t="s">
        <v>14669</v>
      </c>
      <c r="J23480" s="365"/>
      <c r="K23480" s="365"/>
      <c r="L23480" s="367"/>
    </row>
    <row r="23481" spans="2:12">
      <c r="B23481" s="367"/>
      <c r="C23481" s="360"/>
      <c r="D23481" s="367"/>
      <c r="E23481" s="367"/>
      <c r="F23481" s="360"/>
      <c r="G23481" s="360"/>
      <c r="H23481" s="360"/>
      <c r="I23481" s="360"/>
      <c r="J23481" s="365"/>
      <c r="K23481" s="365"/>
      <c r="L23481" s="367"/>
    </row>
    <row r="23482" spans="2:12" ht="28.5">
      <c r="B23482" s="367"/>
      <c r="C23482" s="360"/>
      <c r="D23482" s="367"/>
      <c r="E23482" s="367"/>
      <c r="F23482" s="359" t="s">
        <v>29864</v>
      </c>
      <c r="G23482" s="359" t="s">
        <v>14890</v>
      </c>
      <c r="H23482" s="359" t="s">
        <v>14381</v>
      </c>
      <c r="I23482" s="359" t="s">
        <v>14890</v>
      </c>
      <c r="J23482" s="365"/>
      <c r="K23482" s="365"/>
      <c r="L23482" s="367"/>
    </row>
    <row r="23483" spans="2:12">
      <c r="B23483" s="367"/>
      <c r="C23483" s="360"/>
      <c r="D23483" s="367"/>
      <c r="E23483" s="367"/>
      <c r="F23483" s="360"/>
      <c r="G23483" s="360"/>
      <c r="H23483" s="360"/>
      <c r="I23483" s="360"/>
      <c r="J23483" s="365"/>
      <c r="K23483" s="365"/>
      <c r="L23483" s="367"/>
    </row>
    <row r="23484" spans="2:12">
      <c r="B23484" s="368"/>
      <c r="C23484" s="362"/>
      <c r="D23484" s="368"/>
      <c r="E23484" s="368"/>
      <c r="F23484" s="362"/>
      <c r="G23484" s="362"/>
      <c r="H23484" s="361" t="s">
        <v>14332</v>
      </c>
      <c r="I23484" s="362"/>
      <c r="J23484" s="366"/>
      <c r="K23484" s="366"/>
      <c r="L23484" s="368"/>
    </row>
    <row r="23485" spans="2:12" ht="42.75">
      <c r="B23485" s="358" t="s">
        <v>10011</v>
      </c>
      <c r="C23485" s="358" t="s">
        <v>26161</v>
      </c>
      <c r="D23485" s="358" t="s">
        <v>10012</v>
      </c>
      <c r="E23485" s="358" t="s">
        <v>10013</v>
      </c>
      <c r="F23485" s="358" t="s">
        <v>14330</v>
      </c>
      <c r="G23485" s="358" t="s">
        <v>14327</v>
      </c>
      <c r="H23485" s="358" t="s">
        <v>14331</v>
      </c>
      <c r="I23485" s="358" t="s">
        <v>14327</v>
      </c>
      <c r="J23485" s="358"/>
      <c r="K23485" s="358"/>
      <c r="L23485" s="358" t="s">
        <v>26096</v>
      </c>
    </row>
    <row r="23486" spans="2:12">
      <c r="B23486" s="367"/>
      <c r="C23486" s="360"/>
      <c r="D23486" s="367"/>
      <c r="E23486" s="367"/>
      <c r="F23486" s="360"/>
      <c r="G23486" s="360"/>
      <c r="H23486" s="360"/>
      <c r="I23486" s="360"/>
      <c r="J23486" s="365"/>
      <c r="K23486" s="365"/>
      <c r="L23486" s="367"/>
    </row>
    <row r="23487" spans="2:12">
      <c r="B23487" s="367"/>
      <c r="C23487" s="359" t="s">
        <v>12799</v>
      </c>
      <c r="D23487" s="367"/>
      <c r="E23487" s="367"/>
      <c r="F23487" s="359" t="s">
        <v>14326</v>
      </c>
      <c r="G23487" s="359" t="s">
        <v>14669</v>
      </c>
      <c r="H23487" s="359" t="s">
        <v>14328</v>
      </c>
      <c r="I23487" s="359" t="s">
        <v>14669</v>
      </c>
      <c r="J23487" s="365"/>
      <c r="K23487" s="365"/>
      <c r="L23487" s="367"/>
    </row>
    <row r="23488" spans="2:12">
      <c r="B23488" s="367"/>
      <c r="C23488" s="360"/>
      <c r="D23488" s="367"/>
      <c r="E23488" s="367"/>
      <c r="F23488" s="360"/>
      <c r="G23488" s="360"/>
      <c r="H23488" s="360"/>
      <c r="I23488" s="360"/>
      <c r="J23488" s="365"/>
      <c r="K23488" s="365"/>
      <c r="L23488" s="367"/>
    </row>
    <row r="23489" spans="2:12" ht="71.25">
      <c r="B23489" s="367"/>
      <c r="C23489" s="359" t="s">
        <v>30679</v>
      </c>
      <c r="D23489" s="367"/>
      <c r="E23489" s="367"/>
      <c r="F23489" s="359" t="s">
        <v>29864</v>
      </c>
      <c r="G23489" s="359" t="s">
        <v>14890</v>
      </c>
      <c r="H23489" s="359" t="s">
        <v>14381</v>
      </c>
      <c r="I23489" s="359" t="s">
        <v>14890</v>
      </c>
      <c r="J23489" s="365"/>
      <c r="K23489" s="365"/>
      <c r="L23489" s="367"/>
    </row>
    <row r="23490" spans="2:12">
      <c r="B23490" s="367"/>
      <c r="C23490" s="360"/>
      <c r="D23490" s="367"/>
      <c r="E23490" s="367"/>
      <c r="F23490" s="360"/>
      <c r="G23490" s="360"/>
      <c r="H23490" s="360"/>
      <c r="I23490" s="360"/>
      <c r="J23490" s="365"/>
      <c r="K23490" s="365"/>
      <c r="L23490" s="367"/>
    </row>
    <row r="23491" spans="2:12">
      <c r="B23491" s="368"/>
      <c r="C23491" s="362"/>
      <c r="D23491" s="368"/>
      <c r="E23491" s="368"/>
      <c r="F23491" s="362"/>
      <c r="G23491" s="362"/>
      <c r="H23491" s="361" t="s">
        <v>14332</v>
      </c>
      <c r="I23491" s="362"/>
      <c r="J23491" s="366"/>
      <c r="K23491" s="366"/>
      <c r="L23491" s="368"/>
    </row>
    <row r="23492" spans="2:12">
      <c r="B23492" s="358" t="s">
        <v>10015</v>
      </c>
      <c r="C23492" s="358" t="s">
        <v>26162</v>
      </c>
      <c r="D23492" s="358" t="s">
        <v>10016</v>
      </c>
      <c r="E23492" s="358" t="s">
        <v>10017</v>
      </c>
      <c r="F23492" s="358" t="s">
        <v>14330</v>
      </c>
      <c r="G23492" s="358" t="s">
        <v>14327</v>
      </c>
      <c r="H23492" s="358" t="s">
        <v>14331</v>
      </c>
      <c r="I23492" s="358" t="s">
        <v>14327</v>
      </c>
      <c r="J23492" s="358"/>
      <c r="K23492" s="358"/>
      <c r="L23492" s="358" t="s">
        <v>26096</v>
      </c>
    </row>
    <row r="23493" spans="2:12">
      <c r="B23493" s="367"/>
      <c r="C23493" s="360"/>
      <c r="D23493" s="367"/>
      <c r="E23493" s="367"/>
      <c r="F23493" s="360"/>
      <c r="G23493" s="360"/>
      <c r="H23493" s="360"/>
      <c r="I23493" s="360"/>
      <c r="J23493" s="365"/>
      <c r="K23493" s="365"/>
      <c r="L23493" s="367"/>
    </row>
    <row r="23494" spans="2:12">
      <c r="B23494" s="367"/>
      <c r="C23494" s="359" t="s">
        <v>12799</v>
      </c>
      <c r="D23494" s="367"/>
      <c r="E23494" s="367"/>
      <c r="F23494" s="359" t="s">
        <v>14326</v>
      </c>
      <c r="G23494" s="359" t="s">
        <v>14669</v>
      </c>
      <c r="H23494" s="359" t="s">
        <v>14328</v>
      </c>
      <c r="I23494" s="359" t="s">
        <v>14669</v>
      </c>
      <c r="J23494" s="365"/>
      <c r="K23494" s="365"/>
      <c r="L23494" s="367"/>
    </row>
    <row r="23495" spans="2:12">
      <c r="B23495" s="367"/>
      <c r="C23495" s="360"/>
      <c r="D23495" s="367"/>
      <c r="E23495" s="367"/>
      <c r="F23495" s="360"/>
      <c r="G23495" s="360"/>
      <c r="H23495" s="360"/>
      <c r="I23495" s="360"/>
      <c r="J23495" s="365"/>
      <c r="K23495" s="365"/>
      <c r="L23495" s="367"/>
    </row>
    <row r="23496" spans="2:12" ht="71.25">
      <c r="B23496" s="367"/>
      <c r="C23496" s="359" t="s">
        <v>28200</v>
      </c>
      <c r="D23496" s="367"/>
      <c r="E23496" s="367"/>
      <c r="F23496" s="359" t="s">
        <v>29864</v>
      </c>
      <c r="G23496" s="359" t="s">
        <v>14890</v>
      </c>
      <c r="H23496" s="359" t="s">
        <v>14381</v>
      </c>
      <c r="I23496" s="359" t="s">
        <v>14890</v>
      </c>
      <c r="J23496" s="365"/>
      <c r="K23496" s="365"/>
      <c r="L23496" s="367"/>
    </row>
    <row r="23497" spans="2:12">
      <c r="B23497" s="367"/>
      <c r="C23497" s="360"/>
      <c r="D23497" s="367"/>
      <c r="E23497" s="367"/>
      <c r="F23497" s="360"/>
      <c r="G23497" s="360"/>
      <c r="H23497" s="360"/>
      <c r="I23497" s="360"/>
      <c r="J23497" s="365"/>
      <c r="K23497" s="365"/>
      <c r="L23497" s="367"/>
    </row>
    <row r="23498" spans="2:12">
      <c r="B23498" s="368"/>
      <c r="C23498" s="362"/>
      <c r="D23498" s="368"/>
      <c r="E23498" s="368"/>
      <c r="F23498" s="362"/>
      <c r="G23498" s="362"/>
      <c r="H23498" s="361" t="s">
        <v>14332</v>
      </c>
      <c r="I23498" s="362"/>
      <c r="J23498" s="366"/>
      <c r="K23498" s="366"/>
      <c r="L23498" s="368"/>
    </row>
    <row r="23499" spans="2:12" ht="28.5">
      <c r="B23499" s="358" t="s">
        <v>10019</v>
      </c>
      <c r="C23499" s="358" t="s">
        <v>29892</v>
      </c>
      <c r="D23499" s="358" t="s">
        <v>10020</v>
      </c>
      <c r="E23499" s="358" t="s">
        <v>10021</v>
      </c>
      <c r="F23499" s="358" t="s">
        <v>14330</v>
      </c>
      <c r="G23499" s="358" t="s">
        <v>14327</v>
      </c>
      <c r="H23499" s="358" t="s">
        <v>14331</v>
      </c>
      <c r="I23499" s="358" t="s">
        <v>14327</v>
      </c>
      <c r="J23499" s="358"/>
      <c r="K23499" s="358"/>
      <c r="L23499" s="358" t="s">
        <v>26096</v>
      </c>
    </row>
    <row r="23500" spans="2:12">
      <c r="B23500" s="367"/>
      <c r="C23500" s="360"/>
      <c r="D23500" s="367"/>
      <c r="E23500" s="367"/>
      <c r="F23500" s="360"/>
      <c r="G23500" s="360"/>
      <c r="H23500" s="360"/>
      <c r="I23500" s="360"/>
      <c r="J23500" s="365"/>
      <c r="K23500" s="365"/>
      <c r="L23500" s="367"/>
    </row>
    <row r="23501" spans="2:12" ht="71.25">
      <c r="B23501" s="367"/>
      <c r="C23501" s="359" t="s">
        <v>28201</v>
      </c>
      <c r="D23501" s="367"/>
      <c r="E23501" s="367"/>
      <c r="F23501" s="359" t="s">
        <v>14326</v>
      </c>
      <c r="G23501" s="359" t="s">
        <v>14669</v>
      </c>
      <c r="H23501" s="359" t="s">
        <v>14328</v>
      </c>
      <c r="I23501" s="359" t="s">
        <v>14669</v>
      </c>
      <c r="J23501" s="365"/>
      <c r="K23501" s="365"/>
      <c r="L23501" s="367"/>
    </row>
    <row r="23502" spans="2:12">
      <c r="B23502" s="367"/>
      <c r="C23502" s="360"/>
      <c r="D23502" s="367"/>
      <c r="E23502" s="367"/>
      <c r="F23502" s="360"/>
      <c r="G23502" s="360"/>
      <c r="H23502" s="360"/>
      <c r="I23502" s="360"/>
      <c r="J23502" s="365"/>
      <c r="K23502" s="365"/>
      <c r="L23502" s="367"/>
    </row>
    <row r="23503" spans="2:12" ht="28.5">
      <c r="B23503" s="367"/>
      <c r="C23503" s="360"/>
      <c r="D23503" s="367"/>
      <c r="E23503" s="367"/>
      <c r="F23503" s="359" t="s">
        <v>29864</v>
      </c>
      <c r="G23503" s="359" t="s">
        <v>14890</v>
      </c>
      <c r="H23503" s="359" t="s">
        <v>14381</v>
      </c>
      <c r="I23503" s="359" t="s">
        <v>14890</v>
      </c>
      <c r="J23503" s="365"/>
      <c r="K23503" s="365"/>
      <c r="L23503" s="367"/>
    </row>
    <row r="23504" spans="2:12">
      <c r="B23504" s="367"/>
      <c r="C23504" s="360"/>
      <c r="D23504" s="367"/>
      <c r="E23504" s="367"/>
      <c r="F23504" s="360"/>
      <c r="G23504" s="360"/>
      <c r="H23504" s="360"/>
      <c r="I23504" s="360"/>
      <c r="J23504" s="365"/>
      <c r="K23504" s="365"/>
      <c r="L23504" s="367"/>
    </row>
    <row r="23505" spans="2:12">
      <c r="B23505" s="368"/>
      <c r="C23505" s="362"/>
      <c r="D23505" s="368"/>
      <c r="E23505" s="368"/>
      <c r="F23505" s="362"/>
      <c r="G23505" s="362"/>
      <c r="H23505" s="361" t="s">
        <v>14332</v>
      </c>
      <c r="I23505" s="362"/>
      <c r="J23505" s="366"/>
      <c r="K23505" s="366"/>
      <c r="L23505" s="368"/>
    </row>
    <row r="23506" spans="2:12" ht="28.5">
      <c r="B23506" s="358" t="s">
        <v>10023</v>
      </c>
      <c r="C23506" s="358" t="s">
        <v>29893</v>
      </c>
      <c r="D23506" s="358" t="s">
        <v>10024</v>
      </c>
      <c r="E23506" s="358" t="s">
        <v>10025</v>
      </c>
      <c r="F23506" s="358" t="s">
        <v>14330</v>
      </c>
      <c r="G23506" s="358" t="s">
        <v>14327</v>
      </c>
      <c r="H23506" s="358" t="s">
        <v>14331</v>
      </c>
      <c r="I23506" s="358" t="s">
        <v>14327</v>
      </c>
      <c r="J23506" s="358"/>
      <c r="K23506" s="358"/>
      <c r="L23506" s="358" t="s">
        <v>26096</v>
      </c>
    </row>
    <row r="23507" spans="2:12">
      <c r="B23507" s="367"/>
      <c r="C23507" s="360"/>
      <c r="D23507" s="367"/>
      <c r="E23507" s="367"/>
      <c r="F23507" s="360"/>
      <c r="G23507" s="360"/>
      <c r="H23507" s="360"/>
      <c r="I23507" s="360"/>
      <c r="J23507" s="365"/>
      <c r="K23507" s="365"/>
      <c r="L23507" s="367"/>
    </row>
    <row r="23508" spans="2:12" ht="85.5">
      <c r="B23508" s="367"/>
      <c r="C23508" s="359" t="s">
        <v>30680</v>
      </c>
      <c r="D23508" s="367"/>
      <c r="E23508" s="367"/>
      <c r="F23508" s="359" t="s">
        <v>14326</v>
      </c>
      <c r="G23508" s="359" t="s">
        <v>14669</v>
      </c>
      <c r="H23508" s="359" t="s">
        <v>14328</v>
      </c>
      <c r="I23508" s="359" t="s">
        <v>14669</v>
      </c>
      <c r="J23508" s="365"/>
      <c r="K23508" s="365"/>
      <c r="L23508" s="367"/>
    </row>
    <row r="23509" spans="2:12">
      <c r="B23509" s="367"/>
      <c r="C23509" s="360"/>
      <c r="D23509" s="367"/>
      <c r="E23509" s="367"/>
      <c r="F23509" s="360"/>
      <c r="G23509" s="360"/>
      <c r="H23509" s="360"/>
      <c r="I23509" s="360"/>
      <c r="J23509" s="365"/>
      <c r="K23509" s="365"/>
      <c r="L23509" s="367"/>
    </row>
    <row r="23510" spans="2:12" ht="28.5">
      <c r="B23510" s="367"/>
      <c r="C23510" s="360"/>
      <c r="D23510" s="367"/>
      <c r="E23510" s="367"/>
      <c r="F23510" s="359" t="s">
        <v>29864</v>
      </c>
      <c r="G23510" s="359" t="s">
        <v>14890</v>
      </c>
      <c r="H23510" s="359" t="s">
        <v>14381</v>
      </c>
      <c r="I23510" s="359" t="s">
        <v>14890</v>
      </c>
      <c r="J23510" s="365"/>
      <c r="K23510" s="365"/>
      <c r="L23510" s="367"/>
    </row>
    <row r="23511" spans="2:12">
      <c r="B23511" s="367"/>
      <c r="C23511" s="360"/>
      <c r="D23511" s="367"/>
      <c r="E23511" s="367"/>
      <c r="F23511" s="360"/>
      <c r="G23511" s="360"/>
      <c r="H23511" s="360"/>
      <c r="I23511" s="360"/>
      <c r="J23511" s="365"/>
      <c r="K23511" s="365"/>
      <c r="L23511" s="367"/>
    </row>
    <row r="23512" spans="2:12">
      <c r="B23512" s="368"/>
      <c r="C23512" s="362"/>
      <c r="D23512" s="368"/>
      <c r="E23512" s="368"/>
      <c r="F23512" s="362"/>
      <c r="G23512" s="362"/>
      <c r="H23512" s="361" t="s">
        <v>14332</v>
      </c>
      <c r="I23512" s="362"/>
      <c r="J23512" s="366"/>
      <c r="K23512" s="366"/>
      <c r="L23512" s="368"/>
    </row>
    <row r="23513" spans="2:12" ht="28.5">
      <c r="B23513" s="358" t="s">
        <v>10027</v>
      </c>
      <c r="C23513" s="358" t="s">
        <v>29894</v>
      </c>
      <c r="D23513" s="358" t="s">
        <v>10028</v>
      </c>
      <c r="E23513" s="358" t="s">
        <v>10029</v>
      </c>
      <c r="F23513" s="358" t="s">
        <v>14330</v>
      </c>
      <c r="G23513" s="358" t="s">
        <v>14327</v>
      </c>
      <c r="H23513" s="358" t="s">
        <v>14331</v>
      </c>
      <c r="I23513" s="358" t="s">
        <v>14327</v>
      </c>
      <c r="J23513" s="358"/>
      <c r="K23513" s="358"/>
      <c r="L23513" s="358" t="s">
        <v>26096</v>
      </c>
    </row>
    <row r="23514" spans="2:12">
      <c r="B23514" s="367"/>
      <c r="C23514" s="360"/>
      <c r="D23514" s="367"/>
      <c r="E23514" s="367"/>
      <c r="F23514" s="360"/>
      <c r="G23514" s="360"/>
      <c r="H23514" s="360"/>
      <c r="I23514" s="360"/>
      <c r="J23514" s="365"/>
      <c r="K23514" s="365"/>
      <c r="L23514" s="367"/>
    </row>
    <row r="23515" spans="2:12" ht="71.25">
      <c r="B23515" s="367"/>
      <c r="C23515" s="359" t="s">
        <v>28202</v>
      </c>
      <c r="D23515" s="367"/>
      <c r="E23515" s="367"/>
      <c r="F23515" s="359" t="s">
        <v>14326</v>
      </c>
      <c r="G23515" s="359" t="s">
        <v>14669</v>
      </c>
      <c r="H23515" s="359" t="s">
        <v>14328</v>
      </c>
      <c r="I23515" s="359" t="s">
        <v>14669</v>
      </c>
      <c r="J23515" s="365"/>
      <c r="K23515" s="365"/>
      <c r="L23515" s="367"/>
    </row>
    <row r="23516" spans="2:12">
      <c r="B23516" s="367"/>
      <c r="C23516" s="360"/>
      <c r="D23516" s="367"/>
      <c r="E23516" s="367"/>
      <c r="F23516" s="360"/>
      <c r="G23516" s="360"/>
      <c r="H23516" s="360"/>
      <c r="I23516" s="360"/>
      <c r="J23516" s="365"/>
      <c r="K23516" s="365"/>
      <c r="L23516" s="367"/>
    </row>
    <row r="23517" spans="2:12" ht="28.5">
      <c r="B23517" s="367"/>
      <c r="C23517" s="360"/>
      <c r="D23517" s="367"/>
      <c r="E23517" s="367"/>
      <c r="F23517" s="359" t="s">
        <v>29864</v>
      </c>
      <c r="G23517" s="359" t="s">
        <v>14890</v>
      </c>
      <c r="H23517" s="359" t="s">
        <v>14381</v>
      </c>
      <c r="I23517" s="359" t="s">
        <v>14890</v>
      </c>
      <c r="J23517" s="365"/>
      <c r="K23517" s="365"/>
      <c r="L23517" s="367"/>
    </row>
    <row r="23518" spans="2:12">
      <c r="B23518" s="367"/>
      <c r="C23518" s="360"/>
      <c r="D23518" s="367"/>
      <c r="E23518" s="367"/>
      <c r="F23518" s="360"/>
      <c r="G23518" s="360"/>
      <c r="H23518" s="360"/>
      <c r="I23518" s="360"/>
      <c r="J23518" s="365"/>
      <c r="K23518" s="365"/>
      <c r="L23518" s="367"/>
    </row>
    <row r="23519" spans="2:12">
      <c r="B23519" s="368"/>
      <c r="C23519" s="362"/>
      <c r="D23519" s="368"/>
      <c r="E23519" s="368"/>
      <c r="F23519" s="362"/>
      <c r="G23519" s="362"/>
      <c r="H23519" s="361" t="s">
        <v>14332</v>
      </c>
      <c r="I23519" s="362"/>
      <c r="J23519" s="366"/>
      <c r="K23519" s="366"/>
      <c r="L23519" s="368"/>
    </row>
    <row r="23520" spans="2:12" ht="28.5">
      <c r="B23520" s="358" t="s">
        <v>10031</v>
      </c>
      <c r="C23520" s="358" t="s">
        <v>26163</v>
      </c>
      <c r="D23520" s="358" t="s">
        <v>10032</v>
      </c>
      <c r="E23520" s="358" t="s">
        <v>10033</v>
      </c>
      <c r="F23520" s="358" t="s">
        <v>14330</v>
      </c>
      <c r="G23520" s="358" t="s">
        <v>14327</v>
      </c>
      <c r="H23520" s="358" t="s">
        <v>14331</v>
      </c>
      <c r="I23520" s="358" t="s">
        <v>14327</v>
      </c>
      <c r="J23520" s="358"/>
      <c r="K23520" s="358"/>
      <c r="L23520" s="358" t="s">
        <v>26096</v>
      </c>
    </row>
    <row r="23521" spans="2:12">
      <c r="B23521" s="367"/>
      <c r="C23521" s="360"/>
      <c r="D23521" s="367"/>
      <c r="E23521" s="367"/>
      <c r="F23521" s="360"/>
      <c r="G23521" s="360"/>
      <c r="H23521" s="360"/>
      <c r="I23521" s="360"/>
      <c r="J23521" s="365"/>
      <c r="K23521" s="365"/>
      <c r="L23521" s="367"/>
    </row>
    <row r="23522" spans="2:12">
      <c r="B23522" s="367"/>
      <c r="C23522" s="359" t="s">
        <v>12799</v>
      </c>
      <c r="D23522" s="367"/>
      <c r="E23522" s="367"/>
      <c r="F23522" s="359" t="s">
        <v>14326</v>
      </c>
      <c r="G23522" s="359" t="s">
        <v>14669</v>
      </c>
      <c r="H23522" s="359" t="s">
        <v>14328</v>
      </c>
      <c r="I23522" s="359" t="s">
        <v>14669</v>
      </c>
      <c r="J23522" s="365"/>
      <c r="K23522" s="365"/>
      <c r="L23522" s="367"/>
    </row>
    <row r="23523" spans="2:12">
      <c r="B23523" s="367"/>
      <c r="C23523" s="360"/>
      <c r="D23523" s="367"/>
      <c r="E23523" s="367"/>
      <c r="F23523" s="360"/>
      <c r="G23523" s="360"/>
      <c r="H23523" s="360"/>
      <c r="I23523" s="360"/>
      <c r="J23523" s="365"/>
      <c r="K23523" s="365"/>
      <c r="L23523" s="367"/>
    </row>
    <row r="23524" spans="2:12" ht="71.25">
      <c r="B23524" s="367"/>
      <c r="C23524" s="359" t="s">
        <v>30681</v>
      </c>
      <c r="D23524" s="367"/>
      <c r="E23524" s="367"/>
      <c r="F23524" s="359" t="s">
        <v>29864</v>
      </c>
      <c r="G23524" s="359" t="s">
        <v>14890</v>
      </c>
      <c r="H23524" s="359" t="s">
        <v>14381</v>
      </c>
      <c r="I23524" s="359" t="s">
        <v>14890</v>
      </c>
      <c r="J23524" s="365"/>
      <c r="K23524" s="365"/>
      <c r="L23524" s="367"/>
    </row>
    <row r="23525" spans="2:12">
      <c r="B23525" s="367"/>
      <c r="C23525" s="360"/>
      <c r="D23525" s="367"/>
      <c r="E23525" s="367"/>
      <c r="F23525" s="360"/>
      <c r="G23525" s="360"/>
      <c r="H23525" s="360"/>
      <c r="I23525" s="360"/>
      <c r="J23525" s="365"/>
      <c r="K23525" s="365"/>
      <c r="L23525" s="367"/>
    </row>
    <row r="23526" spans="2:12">
      <c r="B23526" s="368"/>
      <c r="C23526" s="362"/>
      <c r="D23526" s="368"/>
      <c r="E23526" s="368"/>
      <c r="F23526" s="362"/>
      <c r="G23526" s="362"/>
      <c r="H23526" s="361" t="s">
        <v>14332</v>
      </c>
      <c r="I23526" s="362"/>
      <c r="J23526" s="366"/>
      <c r="K23526" s="366"/>
      <c r="L23526" s="368"/>
    </row>
    <row r="23527" spans="2:12" ht="28.5">
      <c r="B23527" s="358" t="s">
        <v>10035</v>
      </c>
      <c r="C23527" s="358" t="s">
        <v>26164</v>
      </c>
      <c r="D23527" s="358" t="s">
        <v>10036</v>
      </c>
      <c r="E23527" s="358" t="s">
        <v>10037</v>
      </c>
      <c r="F23527" s="358" t="s">
        <v>14330</v>
      </c>
      <c r="G23527" s="358" t="s">
        <v>14327</v>
      </c>
      <c r="H23527" s="358" t="s">
        <v>14331</v>
      </c>
      <c r="I23527" s="358" t="s">
        <v>14327</v>
      </c>
      <c r="J23527" s="358"/>
      <c r="K23527" s="358"/>
      <c r="L23527" s="358" t="s">
        <v>26096</v>
      </c>
    </row>
    <row r="23528" spans="2:12">
      <c r="B23528" s="367"/>
      <c r="C23528" s="360"/>
      <c r="D23528" s="367"/>
      <c r="E23528" s="367"/>
      <c r="F23528" s="360"/>
      <c r="G23528" s="360"/>
      <c r="H23528" s="360"/>
      <c r="I23528" s="360"/>
      <c r="J23528" s="365"/>
      <c r="K23528" s="365"/>
      <c r="L23528" s="367"/>
    </row>
    <row r="23529" spans="2:12">
      <c r="B23529" s="367"/>
      <c r="C23529" s="359" t="s">
        <v>12799</v>
      </c>
      <c r="D23529" s="367"/>
      <c r="E23529" s="367"/>
      <c r="F23529" s="359" t="s">
        <v>14326</v>
      </c>
      <c r="G23529" s="359" t="s">
        <v>14669</v>
      </c>
      <c r="H23529" s="359" t="s">
        <v>14328</v>
      </c>
      <c r="I23529" s="359" t="s">
        <v>14669</v>
      </c>
      <c r="J23529" s="365"/>
      <c r="K23529" s="365"/>
      <c r="L23529" s="367"/>
    </row>
    <row r="23530" spans="2:12">
      <c r="B23530" s="367"/>
      <c r="C23530" s="360"/>
      <c r="D23530" s="367"/>
      <c r="E23530" s="367"/>
      <c r="F23530" s="360"/>
      <c r="G23530" s="360"/>
      <c r="H23530" s="360"/>
      <c r="I23530" s="360"/>
      <c r="J23530" s="365"/>
      <c r="K23530" s="365"/>
      <c r="L23530" s="367"/>
    </row>
    <row r="23531" spans="2:12" ht="114">
      <c r="B23531" s="367"/>
      <c r="C23531" s="359" t="s">
        <v>28203</v>
      </c>
      <c r="D23531" s="367"/>
      <c r="E23531" s="367"/>
      <c r="F23531" s="359" t="s">
        <v>29864</v>
      </c>
      <c r="G23531" s="359" t="s">
        <v>14890</v>
      </c>
      <c r="H23531" s="359" t="s">
        <v>14381</v>
      </c>
      <c r="I23531" s="359" t="s">
        <v>14890</v>
      </c>
      <c r="J23531" s="365"/>
      <c r="K23531" s="365"/>
      <c r="L23531" s="367"/>
    </row>
    <row r="23532" spans="2:12">
      <c r="B23532" s="367"/>
      <c r="C23532" s="360"/>
      <c r="D23532" s="367"/>
      <c r="E23532" s="367"/>
      <c r="F23532" s="360"/>
      <c r="G23532" s="360"/>
      <c r="H23532" s="360"/>
      <c r="I23532" s="360"/>
      <c r="J23532" s="365"/>
      <c r="K23532" s="365"/>
      <c r="L23532" s="367"/>
    </row>
    <row r="23533" spans="2:12">
      <c r="B23533" s="368"/>
      <c r="C23533" s="362"/>
      <c r="D23533" s="368"/>
      <c r="E23533" s="368"/>
      <c r="F23533" s="362"/>
      <c r="G23533" s="362"/>
      <c r="H23533" s="361" t="s">
        <v>14332</v>
      </c>
      <c r="I23533" s="362"/>
      <c r="J23533" s="366"/>
      <c r="K23533" s="366"/>
      <c r="L23533" s="368"/>
    </row>
    <row r="23534" spans="2:12">
      <c r="B23534" s="358" t="s">
        <v>10039</v>
      </c>
      <c r="C23534" s="358" t="s">
        <v>26165</v>
      </c>
      <c r="D23534" s="358" t="s">
        <v>10040</v>
      </c>
      <c r="E23534" s="358" t="s">
        <v>10041</v>
      </c>
      <c r="F23534" s="358" t="s">
        <v>14330</v>
      </c>
      <c r="G23534" s="358" t="s">
        <v>14327</v>
      </c>
      <c r="H23534" s="358" t="s">
        <v>14331</v>
      </c>
      <c r="I23534" s="358" t="s">
        <v>14327</v>
      </c>
      <c r="J23534" s="358"/>
      <c r="K23534" s="358"/>
      <c r="L23534" s="358" t="s">
        <v>26096</v>
      </c>
    </row>
    <row r="23535" spans="2:12">
      <c r="B23535" s="367"/>
      <c r="C23535" s="360"/>
      <c r="D23535" s="367"/>
      <c r="E23535" s="367"/>
      <c r="F23535" s="360"/>
      <c r="G23535" s="360"/>
      <c r="H23535" s="360"/>
      <c r="I23535" s="360"/>
      <c r="J23535" s="365"/>
      <c r="K23535" s="365"/>
      <c r="L23535" s="367"/>
    </row>
    <row r="23536" spans="2:12">
      <c r="B23536" s="367"/>
      <c r="C23536" s="359" t="s">
        <v>12799</v>
      </c>
      <c r="D23536" s="367"/>
      <c r="E23536" s="367"/>
      <c r="F23536" s="359" t="s">
        <v>14326</v>
      </c>
      <c r="G23536" s="359" t="s">
        <v>14669</v>
      </c>
      <c r="H23536" s="359" t="s">
        <v>14328</v>
      </c>
      <c r="I23536" s="359" t="s">
        <v>14669</v>
      </c>
      <c r="J23536" s="365"/>
      <c r="K23536" s="365"/>
      <c r="L23536" s="367"/>
    </row>
    <row r="23537" spans="2:12">
      <c r="B23537" s="367"/>
      <c r="C23537" s="360"/>
      <c r="D23537" s="367"/>
      <c r="E23537" s="367"/>
      <c r="F23537" s="360"/>
      <c r="G23537" s="360"/>
      <c r="H23537" s="360"/>
      <c r="I23537" s="360"/>
      <c r="J23537" s="365"/>
      <c r="K23537" s="365"/>
      <c r="L23537" s="367"/>
    </row>
    <row r="23538" spans="2:12" ht="71.25">
      <c r="B23538" s="367"/>
      <c r="C23538" s="359" t="s">
        <v>28204</v>
      </c>
      <c r="D23538" s="367"/>
      <c r="E23538" s="367"/>
      <c r="F23538" s="359" t="s">
        <v>29864</v>
      </c>
      <c r="G23538" s="359" t="s">
        <v>14890</v>
      </c>
      <c r="H23538" s="359" t="s">
        <v>14381</v>
      </c>
      <c r="I23538" s="359" t="s">
        <v>14890</v>
      </c>
      <c r="J23538" s="365"/>
      <c r="K23538" s="365"/>
      <c r="L23538" s="367"/>
    </row>
    <row r="23539" spans="2:12">
      <c r="B23539" s="367"/>
      <c r="C23539" s="360"/>
      <c r="D23539" s="367"/>
      <c r="E23539" s="367"/>
      <c r="F23539" s="360"/>
      <c r="G23539" s="360"/>
      <c r="H23539" s="360"/>
      <c r="I23539" s="360"/>
      <c r="J23539" s="365"/>
      <c r="K23539" s="365"/>
      <c r="L23539" s="367"/>
    </row>
    <row r="23540" spans="2:12">
      <c r="B23540" s="368"/>
      <c r="C23540" s="362"/>
      <c r="D23540" s="368"/>
      <c r="E23540" s="368"/>
      <c r="F23540" s="362"/>
      <c r="G23540" s="362"/>
      <c r="H23540" s="361" t="s">
        <v>14332</v>
      </c>
      <c r="I23540" s="362"/>
      <c r="J23540" s="366"/>
      <c r="K23540" s="366"/>
      <c r="L23540" s="368"/>
    </row>
    <row r="23541" spans="2:12">
      <c r="B23541" s="358" t="s">
        <v>11460</v>
      </c>
      <c r="C23541" s="358" t="s">
        <v>26166</v>
      </c>
      <c r="D23541" s="358" t="s">
        <v>11461</v>
      </c>
      <c r="E23541" s="358" t="s">
        <v>11462</v>
      </c>
      <c r="F23541" s="358" t="s">
        <v>14326</v>
      </c>
      <c r="G23541" s="358" t="s">
        <v>14327</v>
      </c>
      <c r="H23541" s="358" t="s">
        <v>14328</v>
      </c>
      <c r="I23541" s="358" t="s">
        <v>14327</v>
      </c>
      <c r="J23541" s="358"/>
      <c r="K23541" s="358"/>
      <c r="L23541" s="358" t="s">
        <v>26096</v>
      </c>
    </row>
    <row r="23542" spans="2:12">
      <c r="B23542" s="367"/>
      <c r="C23542" s="360"/>
      <c r="D23542" s="367"/>
      <c r="E23542" s="367"/>
      <c r="F23542" s="360"/>
      <c r="G23542" s="360"/>
      <c r="H23542" s="360"/>
      <c r="I23542" s="360"/>
      <c r="J23542" s="365"/>
      <c r="K23542" s="365"/>
      <c r="L23542" s="367"/>
    </row>
    <row r="23543" spans="2:12">
      <c r="B23543" s="367"/>
      <c r="C23543" s="359" t="s">
        <v>26167</v>
      </c>
      <c r="D23543" s="367"/>
      <c r="E23543" s="367"/>
      <c r="F23543" s="359" t="s">
        <v>14330</v>
      </c>
      <c r="G23543" s="359" t="s">
        <v>14669</v>
      </c>
      <c r="H23543" s="359" t="s">
        <v>14331</v>
      </c>
      <c r="I23543" s="359" t="s">
        <v>14669</v>
      </c>
      <c r="J23543" s="365"/>
      <c r="K23543" s="365"/>
      <c r="L23543" s="367"/>
    </row>
    <row r="23544" spans="2:12">
      <c r="B23544" s="367"/>
      <c r="C23544" s="360"/>
      <c r="D23544" s="367"/>
      <c r="E23544" s="367"/>
      <c r="F23544" s="360"/>
      <c r="G23544" s="360"/>
      <c r="H23544" s="360"/>
      <c r="I23544" s="360"/>
      <c r="J23544" s="365"/>
      <c r="K23544" s="365"/>
      <c r="L23544" s="367"/>
    </row>
    <row r="23545" spans="2:12" ht="71.25">
      <c r="B23545" s="367"/>
      <c r="C23545" s="359" t="s">
        <v>28205</v>
      </c>
      <c r="D23545" s="367"/>
      <c r="E23545" s="367"/>
      <c r="F23545" s="359" t="s">
        <v>14376</v>
      </c>
      <c r="G23545" s="359" t="s">
        <v>14890</v>
      </c>
      <c r="H23545" s="359" t="s">
        <v>14381</v>
      </c>
      <c r="I23545" s="359" t="s">
        <v>14890</v>
      </c>
      <c r="J23545" s="365"/>
      <c r="K23545" s="365"/>
      <c r="L23545" s="367"/>
    </row>
    <row r="23546" spans="2:12">
      <c r="B23546" s="367"/>
      <c r="C23546" s="360"/>
      <c r="D23546" s="367"/>
      <c r="E23546" s="367"/>
      <c r="F23546" s="360"/>
      <c r="G23546" s="360"/>
      <c r="H23546" s="360"/>
      <c r="I23546" s="360"/>
      <c r="J23546" s="365"/>
      <c r="K23546" s="365"/>
      <c r="L23546" s="367"/>
    </row>
    <row r="23547" spans="2:12">
      <c r="B23547" s="368"/>
      <c r="C23547" s="362"/>
      <c r="D23547" s="368"/>
      <c r="E23547" s="368"/>
      <c r="F23547" s="362"/>
      <c r="G23547" s="362"/>
      <c r="H23547" s="361" t="s">
        <v>14332</v>
      </c>
      <c r="I23547" s="362"/>
      <c r="J23547" s="366"/>
      <c r="K23547" s="366"/>
      <c r="L23547" s="368"/>
    </row>
    <row r="23548" spans="2:12">
      <c r="B23548" s="358" t="s">
        <v>11465</v>
      </c>
      <c r="C23548" s="358" t="s">
        <v>26168</v>
      </c>
      <c r="D23548" s="358" t="s">
        <v>11466</v>
      </c>
      <c r="E23548" s="358" t="s">
        <v>11467</v>
      </c>
      <c r="F23548" s="358" t="s">
        <v>14326</v>
      </c>
      <c r="G23548" s="358" t="s">
        <v>14327</v>
      </c>
      <c r="H23548" s="358" t="s">
        <v>14328</v>
      </c>
      <c r="I23548" s="358" t="s">
        <v>14327</v>
      </c>
      <c r="J23548" s="358"/>
      <c r="K23548" s="358"/>
      <c r="L23548" s="358" t="s">
        <v>26096</v>
      </c>
    </row>
    <row r="23549" spans="2:12">
      <c r="B23549" s="367"/>
      <c r="C23549" s="360"/>
      <c r="D23549" s="367"/>
      <c r="E23549" s="367"/>
      <c r="F23549" s="360"/>
      <c r="G23549" s="360"/>
      <c r="H23549" s="360"/>
      <c r="I23549" s="360"/>
      <c r="J23549" s="365"/>
      <c r="K23549" s="365"/>
      <c r="L23549" s="367"/>
    </row>
    <row r="23550" spans="2:12">
      <c r="B23550" s="367"/>
      <c r="C23550" s="359" t="s">
        <v>26167</v>
      </c>
      <c r="D23550" s="367"/>
      <c r="E23550" s="367"/>
      <c r="F23550" s="359" t="s">
        <v>14330</v>
      </c>
      <c r="G23550" s="359" t="s">
        <v>14669</v>
      </c>
      <c r="H23550" s="359" t="s">
        <v>14331</v>
      </c>
      <c r="I23550" s="359" t="s">
        <v>14669</v>
      </c>
      <c r="J23550" s="365"/>
      <c r="K23550" s="365"/>
      <c r="L23550" s="367"/>
    </row>
    <row r="23551" spans="2:12">
      <c r="B23551" s="367"/>
      <c r="C23551" s="360"/>
      <c r="D23551" s="367"/>
      <c r="E23551" s="367"/>
      <c r="F23551" s="360"/>
      <c r="G23551" s="360"/>
      <c r="H23551" s="360"/>
      <c r="I23551" s="360"/>
      <c r="J23551" s="365"/>
      <c r="K23551" s="365"/>
      <c r="L23551" s="367"/>
    </row>
    <row r="23552" spans="2:12" ht="99.75">
      <c r="B23552" s="367"/>
      <c r="C23552" s="359" t="s">
        <v>30682</v>
      </c>
      <c r="D23552" s="367"/>
      <c r="E23552" s="367"/>
      <c r="F23552" s="359" t="s">
        <v>14376</v>
      </c>
      <c r="G23552" s="359" t="s">
        <v>14890</v>
      </c>
      <c r="H23552" s="359" t="s">
        <v>14381</v>
      </c>
      <c r="I23552" s="359" t="s">
        <v>14890</v>
      </c>
      <c r="J23552" s="365"/>
      <c r="K23552" s="365"/>
      <c r="L23552" s="367"/>
    </row>
    <row r="23553" spans="2:12">
      <c r="B23553" s="367"/>
      <c r="C23553" s="360"/>
      <c r="D23553" s="367"/>
      <c r="E23553" s="367"/>
      <c r="F23553" s="360"/>
      <c r="G23553" s="360"/>
      <c r="H23553" s="360"/>
      <c r="I23553" s="360"/>
      <c r="J23553" s="365"/>
      <c r="K23553" s="365"/>
      <c r="L23553" s="367"/>
    </row>
    <row r="23554" spans="2:12">
      <c r="B23554" s="368"/>
      <c r="C23554" s="362"/>
      <c r="D23554" s="368"/>
      <c r="E23554" s="368"/>
      <c r="F23554" s="362"/>
      <c r="G23554" s="362"/>
      <c r="H23554" s="361" t="s">
        <v>14332</v>
      </c>
      <c r="I23554" s="362"/>
      <c r="J23554" s="366"/>
      <c r="K23554" s="366"/>
      <c r="L23554" s="368"/>
    </row>
    <row r="23555" spans="2:12" ht="99.75">
      <c r="B23555" s="358" t="s">
        <v>10042</v>
      </c>
      <c r="C23555" s="358" t="s">
        <v>30683</v>
      </c>
      <c r="D23555" s="358" t="s">
        <v>10043</v>
      </c>
      <c r="E23555" s="358" t="s">
        <v>10044</v>
      </c>
      <c r="F23555" s="358" t="s">
        <v>14330</v>
      </c>
      <c r="G23555" s="358" t="s">
        <v>14327</v>
      </c>
      <c r="H23555" s="358" t="s">
        <v>14331</v>
      </c>
      <c r="I23555" s="358" t="s">
        <v>14327</v>
      </c>
      <c r="J23555" s="358"/>
      <c r="K23555" s="358"/>
      <c r="L23555" s="358" t="s">
        <v>26096</v>
      </c>
    </row>
    <row r="23556" spans="2:12">
      <c r="B23556" s="367"/>
      <c r="C23556" s="367"/>
      <c r="D23556" s="367"/>
      <c r="E23556" s="367"/>
      <c r="F23556" s="360"/>
      <c r="G23556" s="360"/>
      <c r="H23556" s="360"/>
      <c r="I23556" s="360"/>
      <c r="J23556" s="365"/>
      <c r="K23556" s="365"/>
      <c r="L23556" s="367"/>
    </row>
    <row r="23557" spans="2:12">
      <c r="B23557" s="367"/>
      <c r="C23557" s="367"/>
      <c r="D23557" s="367"/>
      <c r="E23557" s="367"/>
      <c r="F23557" s="359" t="s">
        <v>14326</v>
      </c>
      <c r="G23557" s="359" t="s">
        <v>14669</v>
      </c>
      <c r="H23557" s="359" t="s">
        <v>14328</v>
      </c>
      <c r="I23557" s="359" t="s">
        <v>14669</v>
      </c>
      <c r="J23557" s="365"/>
      <c r="K23557" s="365"/>
      <c r="L23557" s="367"/>
    </row>
    <row r="23558" spans="2:12">
      <c r="B23558" s="367"/>
      <c r="C23558" s="367"/>
      <c r="D23558" s="367"/>
      <c r="E23558" s="367"/>
      <c r="F23558" s="360"/>
      <c r="G23558" s="360"/>
      <c r="H23558" s="360"/>
      <c r="I23558" s="360"/>
      <c r="J23558" s="365"/>
      <c r="K23558" s="365"/>
      <c r="L23558" s="367"/>
    </row>
    <row r="23559" spans="2:12" ht="28.5">
      <c r="B23559" s="367"/>
      <c r="C23559" s="367"/>
      <c r="D23559" s="367"/>
      <c r="E23559" s="367"/>
      <c r="F23559" s="359" t="s">
        <v>29864</v>
      </c>
      <c r="G23559" s="359" t="s">
        <v>14890</v>
      </c>
      <c r="H23559" s="359" t="s">
        <v>14381</v>
      </c>
      <c r="I23559" s="359" t="s">
        <v>14890</v>
      </c>
      <c r="J23559" s="365"/>
      <c r="K23559" s="365"/>
      <c r="L23559" s="367"/>
    </row>
    <row r="23560" spans="2:12">
      <c r="B23560" s="367"/>
      <c r="C23560" s="367"/>
      <c r="D23560" s="367"/>
      <c r="E23560" s="367"/>
      <c r="F23560" s="360"/>
      <c r="G23560" s="360"/>
      <c r="H23560" s="360"/>
      <c r="I23560" s="360"/>
      <c r="J23560" s="365"/>
      <c r="K23560" s="365"/>
      <c r="L23560" s="367"/>
    </row>
    <row r="23561" spans="2:12">
      <c r="B23561" s="368"/>
      <c r="C23561" s="368"/>
      <c r="D23561" s="368"/>
      <c r="E23561" s="368"/>
      <c r="F23561" s="362"/>
      <c r="G23561" s="362"/>
      <c r="H23561" s="361" t="s">
        <v>14332</v>
      </c>
      <c r="I23561" s="362"/>
      <c r="J23561" s="366"/>
      <c r="K23561" s="366"/>
      <c r="L23561" s="368"/>
    </row>
    <row r="23562" spans="2:12" ht="42.75">
      <c r="B23562" s="358" t="s">
        <v>10046</v>
      </c>
      <c r="C23562" s="358" t="s">
        <v>29895</v>
      </c>
      <c r="D23562" s="358" t="s">
        <v>10047</v>
      </c>
      <c r="E23562" s="358" t="s">
        <v>10048</v>
      </c>
      <c r="F23562" s="358" t="s">
        <v>14330</v>
      </c>
      <c r="G23562" s="358" t="s">
        <v>14327</v>
      </c>
      <c r="H23562" s="358" t="s">
        <v>14331</v>
      </c>
      <c r="I23562" s="358" t="s">
        <v>14327</v>
      </c>
      <c r="J23562" s="358"/>
      <c r="K23562" s="358"/>
      <c r="L23562" s="358" t="s">
        <v>26096</v>
      </c>
    </row>
    <row r="23563" spans="2:12">
      <c r="B23563" s="367"/>
      <c r="C23563" s="360"/>
      <c r="D23563" s="367"/>
      <c r="E23563" s="367"/>
      <c r="F23563" s="360"/>
      <c r="G23563" s="360"/>
      <c r="H23563" s="360"/>
      <c r="I23563" s="360"/>
      <c r="J23563" s="365"/>
      <c r="K23563" s="365"/>
      <c r="L23563" s="367"/>
    </row>
    <row r="23564" spans="2:12" ht="71.25">
      <c r="B23564" s="367"/>
      <c r="C23564" s="359" t="s">
        <v>30684</v>
      </c>
      <c r="D23564" s="367"/>
      <c r="E23564" s="367"/>
      <c r="F23564" s="359" t="s">
        <v>14326</v>
      </c>
      <c r="G23564" s="359" t="s">
        <v>14669</v>
      </c>
      <c r="H23564" s="359" t="s">
        <v>14328</v>
      </c>
      <c r="I23564" s="359" t="s">
        <v>14669</v>
      </c>
      <c r="J23564" s="365"/>
      <c r="K23564" s="365"/>
      <c r="L23564" s="367"/>
    </row>
    <row r="23565" spans="2:12">
      <c r="B23565" s="367"/>
      <c r="C23565" s="360"/>
      <c r="D23565" s="367"/>
      <c r="E23565" s="367"/>
      <c r="F23565" s="360"/>
      <c r="G23565" s="360"/>
      <c r="H23565" s="360"/>
      <c r="I23565" s="360"/>
      <c r="J23565" s="365"/>
      <c r="K23565" s="365"/>
      <c r="L23565" s="367"/>
    </row>
    <row r="23566" spans="2:12" ht="28.5">
      <c r="B23566" s="367"/>
      <c r="C23566" s="360"/>
      <c r="D23566" s="367"/>
      <c r="E23566" s="367"/>
      <c r="F23566" s="359" t="s">
        <v>29864</v>
      </c>
      <c r="G23566" s="359" t="s">
        <v>14890</v>
      </c>
      <c r="H23566" s="359" t="s">
        <v>14381</v>
      </c>
      <c r="I23566" s="359" t="s">
        <v>14890</v>
      </c>
      <c r="J23566" s="365"/>
      <c r="K23566" s="365"/>
      <c r="L23566" s="367"/>
    </row>
    <row r="23567" spans="2:12">
      <c r="B23567" s="367"/>
      <c r="C23567" s="360"/>
      <c r="D23567" s="367"/>
      <c r="E23567" s="367"/>
      <c r="F23567" s="360"/>
      <c r="G23567" s="360"/>
      <c r="H23567" s="360"/>
      <c r="I23567" s="360"/>
      <c r="J23567" s="365"/>
      <c r="K23567" s="365"/>
      <c r="L23567" s="367"/>
    </row>
    <row r="23568" spans="2:12">
      <c r="B23568" s="368"/>
      <c r="C23568" s="362"/>
      <c r="D23568" s="368"/>
      <c r="E23568" s="368"/>
      <c r="F23568" s="362"/>
      <c r="G23568" s="362"/>
      <c r="H23568" s="361" t="s">
        <v>14332</v>
      </c>
      <c r="I23568" s="362"/>
      <c r="J23568" s="366"/>
      <c r="K23568" s="366"/>
      <c r="L23568" s="368"/>
    </row>
    <row r="23569" spans="2:12" ht="28.5">
      <c r="B23569" s="358" t="s">
        <v>10050</v>
      </c>
      <c r="C23569" s="358" t="s">
        <v>29896</v>
      </c>
      <c r="D23569" s="358" t="s">
        <v>10051</v>
      </c>
      <c r="E23569" s="358" t="s">
        <v>10052</v>
      </c>
      <c r="F23569" s="358" t="s">
        <v>14330</v>
      </c>
      <c r="G23569" s="358" t="s">
        <v>14327</v>
      </c>
      <c r="H23569" s="358" t="s">
        <v>14331</v>
      </c>
      <c r="I23569" s="358" t="s">
        <v>14327</v>
      </c>
      <c r="J23569" s="358"/>
      <c r="K23569" s="358"/>
      <c r="L23569" s="358" t="s">
        <v>26096</v>
      </c>
    </row>
    <row r="23570" spans="2:12">
      <c r="B23570" s="367"/>
      <c r="C23570" s="360"/>
      <c r="D23570" s="367"/>
      <c r="E23570" s="367"/>
      <c r="F23570" s="360"/>
      <c r="G23570" s="360"/>
      <c r="H23570" s="360"/>
      <c r="I23570" s="360"/>
      <c r="J23570" s="365"/>
      <c r="K23570" s="365"/>
      <c r="L23570" s="367"/>
    </row>
    <row r="23571" spans="2:12" ht="28.5">
      <c r="B23571" s="367"/>
      <c r="C23571" s="359" t="s">
        <v>29897</v>
      </c>
      <c r="D23571" s="367"/>
      <c r="E23571" s="367"/>
      <c r="F23571" s="359" t="s">
        <v>14326</v>
      </c>
      <c r="G23571" s="359" t="s">
        <v>14669</v>
      </c>
      <c r="H23571" s="359" t="s">
        <v>14328</v>
      </c>
      <c r="I23571" s="359" t="s">
        <v>14669</v>
      </c>
      <c r="J23571" s="365"/>
      <c r="K23571" s="365"/>
      <c r="L23571" s="367"/>
    </row>
    <row r="23572" spans="2:12">
      <c r="B23572" s="367"/>
      <c r="C23572" s="360"/>
      <c r="D23572" s="367"/>
      <c r="E23572" s="367"/>
      <c r="F23572" s="360"/>
      <c r="G23572" s="360"/>
      <c r="H23572" s="360"/>
      <c r="I23572" s="360"/>
      <c r="J23572" s="365"/>
      <c r="K23572" s="365"/>
      <c r="L23572" s="367"/>
    </row>
    <row r="23573" spans="2:12" ht="42.75">
      <c r="B23573" s="367"/>
      <c r="C23573" s="359" t="s">
        <v>30685</v>
      </c>
      <c r="D23573" s="367"/>
      <c r="E23573" s="367"/>
      <c r="F23573" s="359" t="s">
        <v>29864</v>
      </c>
      <c r="G23573" s="359" t="s">
        <v>14890</v>
      </c>
      <c r="H23573" s="359" t="s">
        <v>14381</v>
      </c>
      <c r="I23573" s="359" t="s">
        <v>14890</v>
      </c>
      <c r="J23573" s="365"/>
      <c r="K23573" s="365"/>
      <c r="L23573" s="367"/>
    </row>
    <row r="23574" spans="2:12">
      <c r="B23574" s="367"/>
      <c r="C23574" s="360"/>
      <c r="D23574" s="367"/>
      <c r="E23574" s="367"/>
      <c r="F23574" s="360"/>
      <c r="G23574" s="360"/>
      <c r="H23574" s="360"/>
      <c r="I23574" s="360"/>
      <c r="J23574" s="365"/>
      <c r="K23574" s="365"/>
      <c r="L23574" s="367"/>
    </row>
    <row r="23575" spans="2:12">
      <c r="B23575" s="368"/>
      <c r="C23575" s="362"/>
      <c r="D23575" s="368"/>
      <c r="E23575" s="368"/>
      <c r="F23575" s="362"/>
      <c r="G23575" s="362"/>
      <c r="H23575" s="361" t="s">
        <v>14332</v>
      </c>
      <c r="I23575" s="362"/>
      <c r="J23575" s="366"/>
      <c r="K23575" s="366"/>
      <c r="L23575" s="368"/>
    </row>
    <row r="23576" spans="2:12" ht="28.5">
      <c r="B23576" s="358" t="s">
        <v>10054</v>
      </c>
      <c r="C23576" s="358" t="s">
        <v>26169</v>
      </c>
      <c r="D23576" s="358" t="s">
        <v>10055</v>
      </c>
      <c r="E23576" s="358" t="s">
        <v>10056</v>
      </c>
      <c r="F23576" s="358" t="s">
        <v>14330</v>
      </c>
      <c r="G23576" s="358" t="s">
        <v>14327</v>
      </c>
      <c r="H23576" s="358" t="s">
        <v>14331</v>
      </c>
      <c r="I23576" s="358" t="s">
        <v>14327</v>
      </c>
      <c r="J23576" s="358"/>
      <c r="K23576" s="358"/>
      <c r="L23576" s="358" t="s">
        <v>26096</v>
      </c>
    </row>
    <row r="23577" spans="2:12">
      <c r="B23577" s="367"/>
      <c r="C23577" s="360"/>
      <c r="D23577" s="367"/>
      <c r="E23577" s="367"/>
      <c r="F23577" s="360"/>
      <c r="G23577" s="360"/>
      <c r="H23577" s="360"/>
      <c r="I23577" s="360"/>
      <c r="J23577" s="365"/>
      <c r="K23577" s="365"/>
      <c r="L23577" s="367"/>
    </row>
    <row r="23578" spans="2:12">
      <c r="B23578" s="367"/>
      <c r="C23578" s="359" t="s">
        <v>12794</v>
      </c>
      <c r="D23578" s="367"/>
      <c r="E23578" s="367"/>
      <c r="F23578" s="359" t="s">
        <v>14326</v>
      </c>
      <c r="G23578" s="359" t="s">
        <v>14669</v>
      </c>
      <c r="H23578" s="359" t="s">
        <v>14328</v>
      </c>
      <c r="I23578" s="359" t="s">
        <v>14669</v>
      </c>
      <c r="J23578" s="365"/>
      <c r="K23578" s="365"/>
      <c r="L23578" s="367"/>
    </row>
    <row r="23579" spans="2:12">
      <c r="B23579" s="367"/>
      <c r="C23579" s="360"/>
      <c r="D23579" s="367"/>
      <c r="E23579" s="367"/>
      <c r="F23579" s="360"/>
      <c r="G23579" s="360"/>
      <c r="H23579" s="360"/>
      <c r="I23579" s="360"/>
      <c r="J23579" s="365"/>
      <c r="K23579" s="365"/>
      <c r="L23579" s="367"/>
    </row>
    <row r="23580" spans="2:12" ht="85.5">
      <c r="B23580" s="367"/>
      <c r="C23580" s="359" t="s">
        <v>30686</v>
      </c>
      <c r="D23580" s="367"/>
      <c r="E23580" s="367"/>
      <c r="F23580" s="359" t="s">
        <v>29864</v>
      </c>
      <c r="G23580" s="359" t="s">
        <v>14890</v>
      </c>
      <c r="H23580" s="359" t="s">
        <v>14381</v>
      </c>
      <c r="I23580" s="359" t="s">
        <v>14890</v>
      </c>
      <c r="J23580" s="365"/>
      <c r="K23580" s="365"/>
      <c r="L23580" s="367"/>
    </row>
    <row r="23581" spans="2:12">
      <c r="B23581" s="367"/>
      <c r="C23581" s="360"/>
      <c r="D23581" s="367"/>
      <c r="E23581" s="367"/>
      <c r="F23581" s="360"/>
      <c r="G23581" s="360"/>
      <c r="H23581" s="360"/>
      <c r="I23581" s="360"/>
      <c r="J23581" s="365"/>
      <c r="K23581" s="365"/>
      <c r="L23581" s="367"/>
    </row>
    <row r="23582" spans="2:12">
      <c r="B23582" s="368"/>
      <c r="C23582" s="362"/>
      <c r="D23582" s="368"/>
      <c r="E23582" s="368"/>
      <c r="F23582" s="362"/>
      <c r="G23582" s="362"/>
      <c r="H23582" s="361" t="s">
        <v>14332</v>
      </c>
      <c r="I23582" s="362"/>
      <c r="J23582" s="366"/>
      <c r="K23582" s="366"/>
      <c r="L23582" s="368"/>
    </row>
    <row r="23583" spans="2:12" ht="28.5">
      <c r="B23583" s="358" t="s">
        <v>10058</v>
      </c>
      <c r="C23583" s="358" t="s">
        <v>26170</v>
      </c>
      <c r="D23583" s="358" t="s">
        <v>10059</v>
      </c>
      <c r="E23583" s="358" t="s">
        <v>10060</v>
      </c>
      <c r="F23583" s="358" t="s">
        <v>14330</v>
      </c>
      <c r="G23583" s="358" t="s">
        <v>14327</v>
      </c>
      <c r="H23583" s="358" t="s">
        <v>14331</v>
      </c>
      <c r="I23583" s="358" t="s">
        <v>14327</v>
      </c>
      <c r="J23583" s="358"/>
      <c r="K23583" s="358"/>
      <c r="L23583" s="358" t="s">
        <v>26096</v>
      </c>
    </row>
    <row r="23584" spans="2:12">
      <c r="B23584" s="367"/>
      <c r="C23584" s="360"/>
      <c r="D23584" s="367"/>
      <c r="E23584" s="367"/>
      <c r="F23584" s="360"/>
      <c r="G23584" s="360"/>
      <c r="H23584" s="360"/>
      <c r="I23584" s="360"/>
      <c r="J23584" s="365"/>
      <c r="K23584" s="365"/>
      <c r="L23584" s="367"/>
    </row>
    <row r="23585" spans="2:12">
      <c r="B23585" s="367"/>
      <c r="C23585" s="359" t="s">
        <v>12794</v>
      </c>
      <c r="D23585" s="367"/>
      <c r="E23585" s="367"/>
      <c r="F23585" s="359" t="s">
        <v>14326</v>
      </c>
      <c r="G23585" s="359" t="s">
        <v>14669</v>
      </c>
      <c r="H23585" s="359" t="s">
        <v>14328</v>
      </c>
      <c r="I23585" s="359" t="s">
        <v>14669</v>
      </c>
      <c r="J23585" s="365"/>
      <c r="K23585" s="365"/>
      <c r="L23585" s="367"/>
    </row>
    <row r="23586" spans="2:12">
      <c r="B23586" s="367"/>
      <c r="C23586" s="360"/>
      <c r="D23586" s="367"/>
      <c r="E23586" s="367"/>
      <c r="F23586" s="360"/>
      <c r="G23586" s="360"/>
      <c r="H23586" s="360"/>
      <c r="I23586" s="360"/>
      <c r="J23586" s="365"/>
      <c r="K23586" s="365"/>
      <c r="L23586" s="367"/>
    </row>
    <row r="23587" spans="2:12" ht="71.25">
      <c r="B23587" s="367"/>
      <c r="C23587" s="359" t="s">
        <v>30687</v>
      </c>
      <c r="D23587" s="367"/>
      <c r="E23587" s="367"/>
      <c r="F23587" s="359" t="s">
        <v>29864</v>
      </c>
      <c r="G23587" s="359" t="s">
        <v>14890</v>
      </c>
      <c r="H23587" s="359" t="s">
        <v>14381</v>
      </c>
      <c r="I23587" s="359" t="s">
        <v>14890</v>
      </c>
      <c r="J23587" s="365"/>
      <c r="K23587" s="365"/>
      <c r="L23587" s="367"/>
    </row>
    <row r="23588" spans="2:12">
      <c r="B23588" s="367"/>
      <c r="C23588" s="360"/>
      <c r="D23588" s="367"/>
      <c r="E23588" s="367"/>
      <c r="F23588" s="360"/>
      <c r="G23588" s="360"/>
      <c r="H23588" s="360"/>
      <c r="I23588" s="360"/>
      <c r="J23588" s="365"/>
      <c r="K23588" s="365"/>
      <c r="L23588" s="367"/>
    </row>
    <row r="23589" spans="2:12">
      <c r="B23589" s="368"/>
      <c r="C23589" s="362"/>
      <c r="D23589" s="368"/>
      <c r="E23589" s="368"/>
      <c r="F23589" s="362"/>
      <c r="G23589" s="362"/>
      <c r="H23589" s="361" t="s">
        <v>14332</v>
      </c>
      <c r="I23589" s="362"/>
      <c r="J23589" s="366"/>
      <c r="K23589" s="366"/>
      <c r="L23589" s="368"/>
    </row>
    <row r="23590" spans="2:12" ht="42.75">
      <c r="B23590" s="358" t="s">
        <v>10062</v>
      </c>
      <c r="C23590" s="358" t="s">
        <v>29898</v>
      </c>
      <c r="D23590" s="358" t="s">
        <v>10063</v>
      </c>
      <c r="E23590" s="358" t="s">
        <v>10064</v>
      </c>
      <c r="F23590" s="358" t="s">
        <v>14330</v>
      </c>
      <c r="G23590" s="358" t="s">
        <v>14327</v>
      </c>
      <c r="H23590" s="358" t="s">
        <v>14331</v>
      </c>
      <c r="I23590" s="358" t="s">
        <v>14327</v>
      </c>
      <c r="J23590" s="358"/>
      <c r="K23590" s="358"/>
      <c r="L23590" s="358" t="s">
        <v>26096</v>
      </c>
    </row>
    <row r="23591" spans="2:12">
      <c r="B23591" s="367"/>
      <c r="C23591" s="360"/>
      <c r="D23591" s="367"/>
      <c r="E23591" s="367"/>
      <c r="F23591" s="360"/>
      <c r="G23591" s="360"/>
      <c r="H23591" s="360"/>
      <c r="I23591" s="360"/>
      <c r="J23591" s="365"/>
      <c r="K23591" s="365"/>
      <c r="L23591" s="367"/>
    </row>
    <row r="23592" spans="2:12" ht="85.5">
      <c r="B23592" s="367"/>
      <c r="C23592" s="359" t="s">
        <v>30688</v>
      </c>
      <c r="D23592" s="367"/>
      <c r="E23592" s="367"/>
      <c r="F23592" s="359" t="s">
        <v>14326</v>
      </c>
      <c r="G23592" s="359" t="s">
        <v>14669</v>
      </c>
      <c r="H23592" s="359" t="s">
        <v>14328</v>
      </c>
      <c r="I23592" s="359" t="s">
        <v>14669</v>
      </c>
      <c r="J23592" s="365"/>
      <c r="K23592" s="365"/>
      <c r="L23592" s="367"/>
    </row>
    <row r="23593" spans="2:12">
      <c r="B23593" s="367"/>
      <c r="C23593" s="360"/>
      <c r="D23593" s="367"/>
      <c r="E23593" s="367"/>
      <c r="F23593" s="360"/>
      <c r="G23593" s="360"/>
      <c r="H23593" s="360"/>
      <c r="I23593" s="360"/>
      <c r="J23593" s="365"/>
      <c r="K23593" s="365"/>
      <c r="L23593" s="367"/>
    </row>
    <row r="23594" spans="2:12" ht="28.5">
      <c r="B23594" s="367"/>
      <c r="C23594" s="360"/>
      <c r="D23594" s="367"/>
      <c r="E23594" s="367"/>
      <c r="F23594" s="359" t="s">
        <v>29864</v>
      </c>
      <c r="G23594" s="359" t="s">
        <v>14890</v>
      </c>
      <c r="H23594" s="359" t="s">
        <v>14381</v>
      </c>
      <c r="I23594" s="359" t="s">
        <v>14890</v>
      </c>
      <c r="J23594" s="365"/>
      <c r="K23594" s="365"/>
      <c r="L23594" s="367"/>
    </row>
    <row r="23595" spans="2:12">
      <c r="B23595" s="367"/>
      <c r="C23595" s="360"/>
      <c r="D23595" s="367"/>
      <c r="E23595" s="367"/>
      <c r="F23595" s="360"/>
      <c r="G23595" s="360"/>
      <c r="H23595" s="360"/>
      <c r="I23595" s="360"/>
      <c r="J23595" s="365"/>
      <c r="K23595" s="365"/>
      <c r="L23595" s="367"/>
    </row>
    <row r="23596" spans="2:12">
      <c r="B23596" s="368"/>
      <c r="C23596" s="362"/>
      <c r="D23596" s="368"/>
      <c r="E23596" s="368"/>
      <c r="F23596" s="362"/>
      <c r="G23596" s="362"/>
      <c r="H23596" s="361" t="s">
        <v>14332</v>
      </c>
      <c r="I23596" s="362"/>
      <c r="J23596" s="366"/>
      <c r="K23596" s="366"/>
      <c r="L23596" s="368"/>
    </row>
    <row r="23597" spans="2:12" ht="28.5">
      <c r="B23597" s="358" t="s">
        <v>10066</v>
      </c>
      <c r="C23597" s="358" t="s">
        <v>26171</v>
      </c>
      <c r="D23597" s="358" t="s">
        <v>10067</v>
      </c>
      <c r="E23597" s="358" t="s">
        <v>10068</v>
      </c>
      <c r="F23597" s="358" t="s">
        <v>14330</v>
      </c>
      <c r="G23597" s="358" t="s">
        <v>14327</v>
      </c>
      <c r="H23597" s="358" t="s">
        <v>14331</v>
      </c>
      <c r="I23597" s="358" t="s">
        <v>14327</v>
      </c>
      <c r="J23597" s="358"/>
      <c r="K23597" s="358"/>
      <c r="L23597" s="358" t="s">
        <v>26096</v>
      </c>
    </row>
    <row r="23598" spans="2:12">
      <c r="B23598" s="367"/>
      <c r="C23598" s="360"/>
      <c r="D23598" s="367"/>
      <c r="E23598" s="367"/>
      <c r="F23598" s="360"/>
      <c r="G23598" s="360"/>
      <c r="H23598" s="360"/>
      <c r="I23598" s="360"/>
      <c r="J23598" s="365"/>
      <c r="K23598" s="365"/>
      <c r="L23598" s="367"/>
    </row>
    <row r="23599" spans="2:12">
      <c r="B23599" s="367"/>
      <c r="C23599" s="359" t="s">
        <v>12794</v>
      </c>
      <c r="D23599" s="367"/>
      <c r="E23599" s="367"/>
      <c r="F23599" s="359" t="s">
        <v>14326</v>
      </c>
      <c r="G23599" s="359" t="s">
        <v>14669</v>
      </c>
      <c r="H23599" s="359" t="s">
        <v>14328</v>
      </c>
      <c r="I23599" s="359" t="s">
        <v>14669</v>
      </c>
      <c r="J23599" s="365"/>
      <c r="K23599" s="365"/>
      <c r="L23599" s="367"/>
    </row>
    <row r="23600" spans="2:12">
      <c r="B23600" s="367"/>
      <c r="C23600" s="360"/>
      <c r="D23600" s="367"/>
      <c r="E23600" s="367"/>
      <c r="F23600" s="360"/>
      <c r="G23600" s="360"/>
      <c r="H23600" s="360"/>
      <c r="I23600" s="360"/>
      <c r="J23600" s="365"/>
      <c r="K23600" s="365"/>
      <c r="L23600" s="367"/>
    </row>
    <row r="23601" spans="2:12" ht="71.25">
      <c r="B23601" s="367"/>
      <c r="C23601" s="359" t="s">
        <v>30689</v>
      </c>
      <c r="D23601" s="367"/>
      <c r="E23601" s="367"/>
      <c r="F23601" s="359" t="s">
        <v>29864</v>
      </c>
      <c r="G23601" s="359" t="s">
        <v>14890</v>
      </c>
      <c r="H23601" s="359" t="s">
        <v>14381</v>
      </c>
      <c r="I23601" s="359" t="s">
        <v>14890</v>
      </c>
      <c r="J23601" s="365"/>
      <c r="K23601" s="365"/>
      <c r="L23601" s="367"/>
    </row>
    <row r="23602" spans="2:12">
      <c r="B23602" s="367"/>
      <c r="C23602" s="360"/>
      <c r="D23602" s="367"/>
      <c r="E23602" s="367"/>
      <c r="F23602" s="360"/>
      <c r="G23602" s="360"/>
      <c r="H23602" s="360"/>
      <c r="I23602" s="360"/>
      <c r="J23602" s="365"/>
      <c r="K23602" s="365"/>
      <c r="L23602" s="367"/>
    </row>
    <row r="23603" spans="2:12">
      <c r="B23603" s="368"/>
      <c r="C23603" s="362"/>
      <c r="D23603" s="368"/>
      <c r="E23603" s="368"/>
      <c r="F23603" s="362"/>
      <c r="G23603" s="362"/>
      <c r="H23603" s="361" t="s">
        <v>14332</v>
      </c>
      <c r="I23603" s="362"/>
      <c r="J23603" s="366"/>
      <c r="K23603" s="366"/>
      <c r="L23603" s="368"/>
    </row>
    <row r="23604" spans="2:12">
      <c r="B23604" s="358" t="s">
        <v>10070</v>
      </c>
      <c r="C23604" s="358" t="s">
        <v>26172</v>
      </c>
      <c r="D23604" s="358" t="s">
        <v>10071</v>
      </c>
      <c r="E23604" s="358" t="s">
        <v>10072</v>
      </c>
      <c r="F23604" s="358" t="s">
        <v>14330</v>
      </c>
      <c r="G23604" s="358" t="s">
        <v>14327</v>
      </c>
      <c r="H23604" s="358" t="s">
        <v>14331</v>
      </c>
      <c r="I23604" s="358" t="s">
        <v>14327</v>
      </c>
      <c r="J23604" s="358"/>
      <c r="K23604" s="358"/>
      <c r="L23604" s="358" t="s">
        <v>26096</v>
      </c>
    </row>
    <row r="23605" spans="2:12">
      <c r="B23605" s="367"/>
      <c r="C23605" s="360"/>
      <c r="D23605" s="367"/>
      <c r="E23605" s="367"/>
      <c r="F23605" s="360"/>
      <c r="G23605" s="360"/>
      <c r="H23605" s="360"/>
      <c r="I23605" s="360"/>
      <c r="J23605" s="365"/>
      <c r="K23605" s="365"/>
      <c r="L23605" s="367"/>
    </row>
    <row r="23606" spans="2:12">
      <c r="B23606" s="367"/>
      <c r="C23606" s="359" t="s">
        <v>12794</v>
      </c>
      <c r="D23606" s="367"/>
      <c r="E23606" s="367"/>
      <c r="F23606" s="359" t="s">
        <v>14326</v>
      </c>
      <c r="G23606" s="359" t="s">
        <v>14669</v>
      </c>
      <c r="H23606" s="359" t="s">
        <v>14328</v>
      </c>
      <c r="I23606" s="359" t="s">
        <v>14669</v>
      </c>
      <c r="J23606" s="365"/>
      <c r="K23606" s="365"/>
      <c r="L23606" s="367"/>
    </row>
    <row r="23607" spans="2:12">
      <c r="B23607" s="367"/>
      <c r="C23607" s="360"/>
      <c r="D23607" s="367"/>
      <c r="E23607" s="367"/>
      <c r="F23607" s="360"/>
      <c r="G23607" s="360"/>
      <c r="H23607" s="360"/>
      <c r="I23607" s="360"/>
      <c r="J23607" s="365"/>
      <c r="K23607" s="365"/>
      <c r="L23607" s="367"/>
    </row>
    <row r="23608" spans="2:12" ht="71.25">
      <c r="B23608" s="367"/>
      <c r="C23608" s="359" t="s">
        <v>30690</v>
      </c>
      <c r="D23608" s="367"/>
      <c r="E23608" s="367"/>
      <c r="F23608" s="359" t="s">
        <v>29864</v>
      </c>
      <c r="G23608" s="359" t="s">
        <v>14890</v>
      </c>
      <c r="H23608" s="359" t="s">
        <v>14381</v>
      </c>
      <c r="I23608" s="359" t="s">
        <v>14890</v>
      </c>
      <c r="J23608" s="365"/>
      <c r="K23608" s="365"/>
      <c r="L23608" s="367"/>
    </row>
    <row r="23609" spans="2:12">
      <c r="B23609" s="367"/>
      <c r="C23609" s="360"/>
      <c r="D23609" s="367"/>
      <c r="E23609" s="367"/>
      <c r="F23609" s="360"/>
      <c r="G23609" s="360"/>
      <c r="H23609" s="360"/>
      <c r="I23609" s="360"/>
      <c r="J23609" s="365"/>
      <c r="K23609" s="365"/>
      <c r="L23609" s="367"/>
    </row>
    <row r="23610" spans="2:12">
      <c r="B23610" s="368"/>
      <c r="C23610" s="362"/>
      <c r="D23610" s="368"/>
      <c r="E23610" s="368"/>
      <c r="F23610" s="362"/>
      <c r="G23610" s="362"/>
      <c r="H23610" s="361" t="s">
        <v>14332</v>
      </c>
      <c r="I23610" s="362"/>
      <c r="J23610" s="366"/>
      <c r="K23610" s="366"/>
      <c r="L23610" s="368"/>
    </row>
    <row r="23611" spans="2:12">
      <c r="B23611" s="358" t="s">
        <v>10074</v>
      </c>
      <c r="C23611" s="358" t="s">
        <v>26173</v>
      </c>
      <c r="D23611" s="358" t="s">
        <v>10075</v>
      </c>
      <c r="E23611" s="358" t="s">
        <v>10076</v>
      </c>
      <c r="F23611" s="358" t="s">
        <v>14330</v>
      </c>
      <c r="G23611" s="358" t="s">
        <v>14327</v>
      </c>
      <c r="H23611" s="358" t="s">
        <v>14331</v>
      </c>
      <c r="I23611" s="358" t="s">
        <v>14327</v>
      </c>
      <c r="J23611" s="358"/>
      <c r="K23611" s="358"/>
      <c r="L23611" s="358" t="s">
        <v>26096</v>
      </c>
    </row>
    <row r="23612" spans="2:12">
      <c r="B23612" s="367"/>
      <c r="C23612" s="360"/>
      <c r="D23612" s="367"/>
      <c r="E23612" s="367"/>
      <c r="F23612" s="360"/>
      <c r="G23612" s="360"/>
      <c r="H23612" s="360"/>
      <c r="I23612" s="360"/>
      <c r="J23612" s="365"/>
      <c r="K23612" s="365"/>
      <c r="L23612" s="367"/>
    </row>
    <row r="23613" spans="2:12">
      <c r="B23613" s="367"/>
      <c r="C23613" s="359" t="s">
        <v>12794</v>
      </c>
      <c r="D23613" s="367"/>
      <c r="E23613" s="367"/>
      <c r="F23613" s="359" t="s">
        <v>14326</v>
      </c>
      <c r="G23613" s="359" t="s">
        <v>14669</v>
      </c>
      <c r="H23613" s="359" t="s">
        <v>14328</v>
      </c>
      <c r="I23613" s="359" t="s">
        <v>14669</v>
      </c>
      <c r="J23613" s="365"/>
      <c r="K23613" s="365"/>
      <c r="L23613" s="367"/>
    </row>
    <row r="23614" spans="2:12">
      <c r="B23614" s="367"/>
      <c r="C23614" s="360"/>
      <c r="D23614" s="367"/>
      <c r="E23614" s="367"/>
      <c r="F23614" s="360"/>
      <c r="G23614" s="360"/>
      <c r="H23614" s="360"/>
      <c r="I23614" s="360"/>
      <c r="J23614" s="365"/>
      <c r="K23614" s="365"/>
      <c r="L23614" s="367"/>
    </row>
    <row r="23615" spans="2:12" ht="57">
      <c r="B23615" s="367"/>
      <c r="C23615" s="359" t="s">
        <v>28206</v>
      </c>
      <c r="D23615" s="367"/>
      <c r="E23615" s="367"/>
      <c r="F23615" s="359" t="s">
        <v>29864</v>
      </c>
      <c r="G23615" s="359" t="s">
        <v>14890</v>
      </c>
      <c r="H23615" s="359" t="s">
        <v>14381</v>
      </c>
      <c r="I23615" s="359" t="s">
        <v>14890</v>
      </c>
      <c r="J23615" s="365"/>
      <c r="K23615" s="365"/>
      <c r="L23615" s="367"/>
    </row>
    <row r="23616" spans="2:12">
      <c r="B23616" s="367"/>
      <c r="C23616" s="360"/>
      <c r="D23616" s="367"/>
      <c r="E23616" s="367"/>
      <c r="F23616" s="360"/>
      <c r="G23616" s="360"/>
      <c r="H23616" s="360"/>
      <c r="I23616" s="360"/>
      <c r="J23616" s="365"/>
      <c r="K23616" s="365"/>
      <c r="L23616" s="367"/>
    </row>
    <row r="23617" spans="2:12">
      <c r="B23617" s="368"/>
      <c r="C23617" s="362"/>
      <c r="D23617" s="368"/>
      <c r="E23617" s="368"/>
      <c r="F23617" s="362"/>
      <c r="G23617" s="362"/>
      <c r="H23617" s="361" t="s">
        <v>14332</v>
      </c>
      <c r="I23617" s="362"/>
      <c r="J23617" s="366"/>
      <c r="K23617" s="366"/>
      <c r="L23617" s="368"/>
    </row>
    <row r="23618" spans="2:12" ht="28.5">
      <c r="B23618" s="358" t="s">
        <v>10078</v>
      </c>
      <c r="C23618" s="358" t="s">
        <v>26174</v>
      </c>
      <c r="D23618" s="358" t="s">
        <v>10079</v>
      </c>
      <c r="E23618" s="358" t="s">
        <v>10080</v>
      </c>
      <c r="F23618" s="358" t="s">
        <v>14330</v>
      </c>
      <c r="G23618" s="358" t="s">
        <v>14327</v>
      </c>
      <c r="H23618" s="358" t="s">
        <v>14331</v>
      </c>
      <c r="I23618" s="358" t="s">
        <v>14327</v>
      </c>
      <c r="J23618" s="358"/>
      <c r="K23618" s="358"/>
      <c r="L23618" s="358" t="s">
        <v>26096</v>
      </c>
    </row>
    <row r="23619" spans="2:12">
      <c r="B23619" s="367"/>
      <c r="C23619" s="360"/>
      <c r="D23619" s="367"/>
      <c r="E23619" s="367"/>
      <c r="F23619" s="360"/>
      <c r="G23619" s="360"/>
      <c r="H23619" s="360"/>
      <c r="I23619" s="360"/>
      <c r="J23619" s="365"/>
      <c r="K23619" s="365"/>
      <c r="L23619" s="367"/>
    </row>
    <row r="23620" spans="2:12">
      <c r="B23620" s="367"/>
      <c r="C23620" s="359" t="s">
        <v>12794</v>
      </c>
      <c r="D23620" s="367"/>
      <c r="E23620" s="367"/>
      <c r="F23620" s="359" t="s">
        <v>14326</v>
      </c>
      <c r="G23620" s="359" t="s">
        <v>14669</v>
      </c>
      <c r="H23620" s="359" t="s">
        <v>14328</v>
      </c>
      <c r="I23620" s="359" t="s">
        <v>14669</v>
      </c>
      <c r="J23620" s="365"/>
      <c r="K23620" s="365"/>
      <c r="L23620" s="367"/>
    </row>
    <row r="23621" spans="2:12">
      <c r="B23621" s="367"/>
      <c r="C23621" s="360"/>
      <c r="D23621" s="367"/>
      <c r="E23621" s="367"/>
      <c r="F23621" s="360"/>
      <c r="G23621" s="360"/>
      <c r="H23621" s="360"/>
      <c r="I23621" s="360"/>
      <c r="J23621" s="365"/>
      <c r="K23621" s="365"/>
      <c r="L23621" s="367"/>
    </row>
    <row r="23622" spans="2:12" ht="42.75">
      <c r="B23622" s="367"/>
      <c r="C23622" s="359" t="s">
        <v>29899</v>
      </c>
      <c r="D23622" s="367"/>
      <c r="E23622" s="367"/>
      <c r="F23622" s="359" t="s">
        <v>29864</v>
      </c>
      <c r="G23622" s="359" t="s">
        <v>14890</v>
      </c>
      <c r="H23622" s="359" t="s">
        <v>14381</v>
      </c>
      <c r="I23622" s="359" t="s">
        <v>14890</v>
      </c>
      <c r="J23622" s="365"/>
      <c r="K23622" s="365"/>
      <c r="L23622" s="367"/>
    </row>
    <row r="23623" spans="2:12">
      <c r="B23623" s="367"/>
      <c r="C23623" s="360"/>
      <c r="D23623" s="367"/>
      <c r="E23623" s="367"/>
      <c r="F23623" s="360"/>
      <c r="G23623" s="360"/>
      <c r="H23623" s="360"/>
      <c r="I23623" s="360"/>
      <c r="J23623" s="365"/>
      <c r="K23623" s="365"/>
      <c r="L23623" s="367"/>
    </row>
    <row r="23624" spans="2:12" ht="57">
      <c r="B23624" s="368"/>
      <c r="C23624" s="361" t="s">
        <v>30691</v>
      </c>
      <c r="D23624" s="368"/>
      <c r="E23624" s="368"/>
      <c r="F23624" s="362"/>
      <c r="G23624" s="362"/>
      <c r="H23624" s="361" t="s">
        <v>14332</v>
      </c>
      <c r="I23624" s="362"/>
      <c r="J23624" s="366"/>
      <c r="K23624" s="366"/>
      <c r="L23624" s="368"/>
    </row>
    <row r="23625" spans="2:12" ht="28.5">
      <c r="B23625" s="358" t="s">
        <v>10082</v>
      </c>
      <c r="C23625" s="358" t="s">
        <v>26175</v>
      </c>
      <c r="D23625" s="358" t="s">
        <v>10083</v>
      </c>
      <c r="E23625" s="358" t="s">
        <v>10084</v>
      </c>
      <c r="F23625" s="358" t="s">
        <v>14330</v>
      </c>
      <c r="G23625" s="358" t="s">
        <v>14327</v>
      </c>
      <c r="H23625" s="358" t="s">
        <v>14331</v>
      </c>
      <c r="I23625" s="358" t="s">
        <v>14327</v>
      </c>
      <c r="J23625" s="358"/>
      <c r="K23625" s="358"/>
      <c r="L23625" s="358" t="s">
        <v>26096</v>
      </c>
    </row>
    <row r="23626" spans="2:12">
      <c r="B23626" s="367"/>
      <c r="C23626" s="360"/>
      <c r="D23626" s="367"/>
      <c r="E23626" s="367"/>
      <c r="F23626" s="360"/>
      <c r="G23626" s="360"/>
      <c r="H23626" s="360"/>
      <c r="I23626" s="360"/>
      <c r="J23626" s="365"/>
      <c r="K23626" s="365"/>
      <c r="L23626" s="367"/>
    </row>
    <row r="23627" spans="2:12">
      <c r="B23627" s="367"/>
      <c r="C23627" s="359" t="s">
        <v>12794</v>
      </c>
      <c r="D23627" s="367"/>
      <c r="E23627" s="367"/>
      <c r="F23627" s="359" t="s">
        <v>14326</v>
      </c>
      <c r="G23627" s="359" t="s">
        <v>14669</v>
      </c>
      <c r="H23627" s="359" t="s">
        <v>14328</v>
      </c>
      <c r="I23627" s="359" t="s">
        <v>14669</v>
      </c>
      <c r="J23627" s="365"/>
      <c r="K23627" s="365"/>
      <c r="L23627" s="367"/>
    </row>
    <row r="23628" spans="2:12">
      <c r="B23628" s="367"/>
      <c r="C23628" s="360"/>
      <c r="D23628" s="367"/>
      <c r="E23628" s="367"/>
      <c r="F23628" s="360"/>
      <c r="G23628" s="360"/>
      <c r="H23628" s="360"/>
      <c r="I23628" s="360"/>
      <c r="J23628" s="365"/>
      <c r="K23628" s="365"/>
      <c r="L23628" s="367"/>
    </row>
    <row r="23629" spans="2:12" ht="85.5">
      <c r="B23629" s="367"/>
      <c r="C23629" s="359" t="s">
        <v>30692</v>
      </c>
      <c r="D23629" s="367"/>
      <c r="E23629" s="367"/>
      <c r="F23629" s="359" t="s">
        <v>29864</v>
      </c>
      <c r="G23629" s="359" t="s">
        <v>14890</v>
      </c>
      <c r="H23629" s="359" t="s">
        <v>14381</v>
      </c>
      <c r="I23629" s="359" t="s">
        <v>14890</v>
      </c>
      <c r="J23629" s="365"/>
      <c r="K23629" s="365"/>
      <c r="L23629" s="367"/>
    </row>
    <row r="23630" spans="2:12">
      <c r="B23630" s="367"/>
      <c r="C23630" s="360"/>
      <c r="D23630" s="367"/>
      <c r="E23630" s="367"/>
      <c r="F23630" s="360"/>
      <c r="G23630" s="360"/>
      <c r="H23630" s="360"/>
      <c r="I23630" s="360"/>
      <c r="J23630" s="365"/>
      <c r="K23630" s="365"/>
      <c r="L23630" s="367"/>
    </row>
    <row r="23631" spans="2:12">
      <c r="B23631" s="368"/>
      <c r="C23631" s="362"/>
      <c r="D23631" s="368"/>
      <c r="E23631" s="368"/>
      <c r="F23631" s="362"/>
      <c r="G23631" s="362"/>
      <c r="H23631" s="361" t="s">
        <v>14332</v>
      </c>
      <c r="I23631" s="362"/>
      <c r="J23631" s="366"/>
      <c r="K23631" s="366"/>
      <c r="L23631" s="368"/>
    </row>
    <row r="23632" spans="2:12" ht="28.5">
      <c r="B23632" s="358" t="s">
        <v>10086</v>
      </c>
      <c r="C23632" s="358" t="s">
        <v>26176</v>
      </c>
      <c r="D23632" s="358" t="s">
        <v>10087</v>
      </c>
      <c r="E23632" s="358" t="s">
        <v>10088</v>
      </c>
      <c r="F23632" s="358" t="s">
        <v>14330</v>
      </c>
      <c r="G23632" s="358" t="s">
        <v>14327</v>
      </c>
      <c r="H23632" s="358" t="s">
        <v>14331</v>
      </c>
      <c r="I23632" s="358" t="s">
        <v>14327</v>
      </c>
      <c r="J23632" s="358"/>
      <c r="K23632" s="358"/>
      <c r="L23632" s="358" t="s">
        <v>26096</v>
      </c>
    </row>
    <row r="23633" spans="2:12">
      <c r="B23633" s="367"/>
      <c r="C23633" s="360"/>
      <c r="D23633" s="367"/>
      <c r="E23633" s="367"/>
      <c r="F23633" s="360"/>
      <c r="G23633" s="360"/>
      <c r="H23633" s="360"/>
      <c r="I23633" s="360"/>
      <c r="J23633" s="365"/>
      <c r="K23633" s="365"/>
      <c r="L23633" s="367"/>
    </row>
    <row r="23634" spans="2:12">
      <c r="B23634" s="367"/>
      <c r="C23634" s="359" t="s">
        <v>12794</v>
      </c>
      <c r="D23634" s="367"/>
      <c r="E23634" s="367"/>
      <c r="F23634" s="359" t="s">
        <v>14326</v>
      </c>
      <c r="G23634" s="359" t="s">
        <v>14669</v>
      </c>
      <c r="H23634" s="359" t="s">
        <v>14328</v>
      </c>
      <c r="I23634" s="359" t="s">
        <v>14669</v>
      </c>
      <c r="J23634" s="365"/>
      <c r="K23634" s="365"/>
      <c r="L23634" s="367"/>
    </row>
    <row r="23635" spans="2:12">
      <c r="B23635" s="367"/>
      <c r="C23635" s="360"/>
      <c r="D23635" s="367"/>
      <c r="E23635" s="367"/>
      <c r="F23635" s="360"/>
      <c r="G23635" s="360"/>
      <c r="H23635" s="360"/>
      <c r="I23635" s="360"/>
      <c r="J23635" s="365"/>
      <c r="K23635" s="365"/>
      <c r="L23635" s="367"/>
    </row>
    <row r="23636" spans="2:12" ht="85.5">
      <c r="B23636" s="367"/>
      <c r="C23636" s="359" t="s">
        <v>30693</v>
      </c>
      <c r="D23636" s="367"/>
      <c r="E23636" s="367"/>
      <c r="F23636" s="359" t="s">
        <v>29864</v>
      </c>
      <c r="G23636" s="359" t="s">
        <v>14890</v>
      </c>
      <c r="H23636" s="359" t="s">
        <v>14381</v>
      </c>
      <c r="I23636" s="359" t="s">
        <v>14890</v>
      </c>
      <c r="J23636" s="365"/>
      <c r="K23636" s="365"/>
      <c r="L23636" s="367"/>
    </row>
    <row r="23637" spans="2:12">
      <c r="B23637" s="367"/>
      <c r="C23637" s="360"/>
      <c r="D23637" s="367"/>
      <c r="E23637" s="367"/>
      <c r="F23637" s="360"/>
      <c r="G23637" s="360"/>
      <c r="H23637" s="360"/>
      <c r="I23637" s="360"/>
      <c r="J23637" s="365"/>
      <c r="K23637" s="365"/>
      <c r="L23637" s="367"/>
    </row>
    <row r="23638" spans="2:12">
      <c r="B23638" s="368"/>
      <c r="C23638" s="362"/>
      <c r="D23638" s="368"/>
      <c r="E23638" s="368"/>
      <c r="F23638" s="362"/>
      <c r="G23638" s="362"/>
      <c r="H23638" s="361" t="s">
        <v>14332</v>
      </c>
      <c r="I23638" s="362"/>
      <c r="J23638" s="366"/>
      <c r="K23638" s="366"/>
      <c r="L23638" s="368"/>
    </row>
    <row r="23639" spans="2:12" ht="28.5">
      <c r="B23639" s="358" t="s">
        <v>10090</v>
      </c>
      <c r="C23639" s="358" t="s">
        <v>26177</v>
      </c>
      <c r="D23639" s="358" t="s">
        <v>10091</v>
      </c>
      <c r="E23639" s="358" t="s">
        <v>10092</v>
      </c>
      <c r="F23639" s="358" t="s">
        <v>14330</v>
      </c>
      <c r="G23639" s="358" t="s">
        <v>14327</v>
      </c>
      <c r="H23639" s="358" t="s">
        <v>14331</v>
      </c>
      <c r="I23639" s="358" t="s">
        <v>14327</v>
      </c>
      <c r="J23639" s="358"/>
      <c r="K23639" s="358"/>
      <c r="L23639" s="358" t="s">
        <v>26096</v>
      </c>
    </row>
    <row r="23640" spans="2:12">
      <c r="B23640" s="367"/>
      <c r="C23640" s="360"/>
      <c r="D23640" s="367"/>
      <c r="E23640" s="367"/>
      <c r="F23640" s="360"/>
      <c r="G23640" s="360"/>
      <c r="H23640" s="360"/>
      <c r="I23640" s="360"/>
      <c r="J23640" s="365"/>
      <c r="K23640" s="365"/>
      <c r="L23640" s="367"/>
    </row>
    <row r="23641" spans="2:12">
      <c r="B23641" s="367"/>
      <c r="C23641" s="359" t="s">
        <v>12794</v>
      </c>
      <c r="D23641" s="367"/>
      <c r="E23641" s="367"/>
      <c r="F23641" s="359" t="s">
        <v>14326</v>
      </c>
      <c r="G23641" s="359" t="s">
        <v>14669</v>
      </c>
      <c r="H23641" s="359" t="s">
        <v>14328</v>
      </c>
      <c r="I23641" s="359" t="s">
        <v>14669</v>
      </c>
      <c r="J23641" s="365"/>
      <c r="K23641" s="365"/>
      <c r="L23641" s="367"/>
    </row>
    <row r="23642" spans="2:12">
      <c r="B23642" s="367"/>
      <c r="C23642" s="360"/>
      <c r="D23642" s="367"/>
      <c r="E23642" s="367"/>
      <c r="F23642" s="360"/>
      <c r="G23642" s="360"/>
      <c r="H23642" s="360"/>
      <c r="I23642" s="360"/>
      <c r="J23642" s="365"/>
      <c r="K23642" s="365"/>
      <c r="L23642" s="367"/>
    </row>
    <row r="23643" spans="2:12" ht="57">
      <c r="B23643" s="367"/>
      <c r="C23643" s="359" t="s">
        <v>28207</v>
      </c>
      <c r="D23643" s="367"/>
      <c r="E23643" s="367"/>
      <c r="F23643" s="359" t="s">
        <v>29864</v>
      </c>
      <c r="G23643" s="359" t="s">
        <v>14890</v>
      </c>
      <c r="H23643" s="359" t="s">
        <v>14381</v>
      </c>
      <c r="I23643" s="359" t="s">
        <v>14890</v>
      </c>
      <c r="J23643" s="365"/>
      <c r="K23643" s="365"/>
      <c r="L23643" s="367"/>
    </row>
    <row r="23644" spans="2:12">
      <c r="B23644" s="367"/>
      <c r="C23644" s="360"/>
      <c r="D23644" s="367"/>
      <c r="E23644" s="367"/>
      <c r="F23644" s="360"/>
      <c r="G23644" s="360"/>
      <c r="H23644" s="360"/>
      <c r="I23644" s="360"/>
      <c r="J23644" s="365"/>
      <c r="K23644" s="365"/>
      <c r="L23644" s="367"/>
    </row>
    <row r="23645" spans="2:12">
      <c r="B23645" s="368"/>
      <c r="C23645" s="362"/>
      <c r="D23645" s="368"/>
      <c r="E23645" s="368"/>
      <c r="F23645" s="362"/>
      <c r="G23645" s="362"/>
      <c r="H23645" s="361" t="s">
        <v>14332</v>
      </c>
      <c r="I23645" s="362"/>
      <c r="J23645" s="366"/>
      <c r="K23645" s="366"/>
      <c r="L23645" s="368"/>
    </row>
    <row r="23646" spans="2:12" ht="28.5">
      <c r="B23646" s="358" t="s">
        <v>10094</v>
      </c>
      <c r="C23646" s="358" t="s">
        <v>26178</v>
      </c>
      <c r="D23646" s="358" t="s">
        <v>10095</v>
      </c>
      <c r="E23646" s="358" t="s">
        <v>10096</v>
      </c>
      <c r="F23646" s="358" t="s">
        <v>14330</v>
      </c>
      <c r="G23646" s="358" t="s">
        <v>14327</v>
      </c>
      <c r="H23646" s="358" t="s">
        <v>14331</v>
      </c>
      <c r="I23646" s="358" t="s">
        <v>14327</v>
      </c>
      <c r="J23646" s="358"/>
      <c r="K23646" s="358"/>
      <c r="L23646" s="358" t="s">
        <v>26096</v>
      </c>
    </row>
    <row r="23647" spans="2:12">
      <c r="B23647" s="367"/>
      <c r="C23647" s="360"/>
      <c r="D23647" s="367"/>
      <c r="E23647" s="367"/>
      <c r="F23647" s="360"/>
      <c r="G23647" s="360"/>
      <c r="H23647" s="360"/>
      <c r="I23647" s="360"/>
      <c r="J23647" s="365"/>
      <c r="K23647" s="365"/>
      <c r="L23647" s="367"/>
    </row>
    <row r="23648" spans="2:12">
      <c r="B23648" s="367"/>
      <c r="C23648" s="359" t="s">
        <v>12794</v>
      </c>
      <c r="D23648" s="367"/>
      <c r="E23648" s="367"/>
      <c r="F23648" s="359" t="s">
        <v>14326</v>
      </c>
      <c r="G23648" s="359" t="s">
        <v>14669</v>
      </c>
      <c r="H23648" s="359" t="s">
        <v>14328</v>
      </c>
      <c r="I23648" s="359" t="s">
        <v>14669</v>
      </c>
      <c r="J23648" s="365"/>
      <c r="K23648" s="365"/>
      <c r="L23648" s="367"/>
    </row>
    <row r="23649" spans="2:12">
      <c r="B23649" s="367"/>
      <c r="C23649" s="360"/>
      <c r="D23649" s="367"/>
      <c r="E23649" s="367"/>
      <c r="F23649" s="360"/>
      <c r="G23649" s="360"/>
      <c r="H23649" s="360"/>
      <c r="I23649" s="360"/>
      <c r="J23649" s="365"/>
      <c r="K23649" s="365"/>
      <c r="L23649" s="367"/>
    </row>
    <row r="23650" spans="2:12" ht="85.5">
      <c r="B23650" s="367"/>
      <c r="C23650" s="359" t="s">
        <v>28208</v>
      </c>
      <c r="D23650" s="367"/>
      <c r="E23650" s="367"/>
      <c r="F23650" s="359" t="s">
        <v>29864</v>
      </c>
      <c r="G23650" s="359" t="s">
        <v>14890</v>
      </c>
      <c r="H23650" s="359" t="s">
        <v>14381</v>
      </c>
      <c r="I23650" s="359" t="s">
        <v>14890</v>
      </c>
      <c r="J23650" s="365"/>
      <c r="K23650" s="365"/>
      <c r="L23650" s="367"/>
    </row>
    <row r="23651" spans="2:12">
      <c r="B23651" s="367"/>
      <c r="C23651" s="360"/>
      <c r="D23651" s="367"/>
      <c r="E23651" s="367"/>
      <c r="F23651" s="360"/>
      <c r="G23651" s="360"/>
      <c r="H23651" s="360"/>
      <c r="I23651" s="360"/>
      <c r="J23651" s="365"/>
      <c r="K23651" s="365"/>
      <c r="L23651" s="367"/>
    </row>
    <row r="23652" spans="2:12">
      <c r="B23652" s="368"/>
      <c r="C23652" s="362"/>
      <c r="D23652" s="368"/>
      <c r="E23652" s="368"/>
      <c r="F23652" s="362"/>
      <c r="G23652" s="362"/>
      <c r="H23652" s="361" t="s">
        <v>14332</v>
      </c>
      <c r="I23652" s="362"/>
      <c r="J23652" s="366"/>
      <c r="K23652" s="366"/>
      <c r="L23652" s="368"/>
    </row>
    <row r="23653" spans="2:12" ht="28.5">
      <c r="B23653" s="358" t="s">
        <v>10098</v>
      </c>
      <c r="C23653" s="358" t="s">
        <v>29900</v>
      </c>
      <c r="D23653" s="358" t="s">
        <v>10099</v>
      </c>
      <c r="E23653" s="358" t="s">
        <v>10100</v>
      </c>
      <c r="F23653" s="358" t="s">
        <v>14330</v>
      </c>
      <c r="G23653" s="358" t="s">
        <v>14327</v>
      </c>
      <c r="H23653" s="358" t="s">
        <v>14331</v>
      </c>
      <c r="I23653" s="358" t="s">
        <v>14327</v>
      </c>
      <c r="J23653" s="358"/>
      <c r="K23653" s="358"/>
      <c r="L23653" s="358" t="s">
        <v>26096</v>
      </c>
    </row>
    <row r="23654" spans="2:12">
      <c r="B23654" s="367"/>
      <c r="C23654" s="360"/>
      <c r="D23654" s="367"/>
      <c r="E23654" s="367"/>
      <c r="F23654" s="360"/>
      <c r="G23654" s="360"/>
      <c r="H23654" s="360"/>
      <c r="I23654" s="360"/>
      <c r="J23654" s="365"/>
      <c r="K23654" s="365"/>
      <c r="L23654" s="367"/>
    </row>
    <row r="23655" spans="2:12" ht="85.5">
      <c r="B23655" s="367"/>
      <c r="C23655" s="359" t="s">
        <v>30694</v>
      </c>
      <c r="D23655" s="367"/>
      <c r="E23655" s="367"/>
      <c r="F23655" s="359" t="s">
        <v>14326</v>
      </c>
      <c r="G23655" s="359" t="s">
        <v>14669</v>
      </c>
      <c r="H23655" s="359" t="s">
        <v>14328</v>
      </c>
      <c r="I23655" s="359" t="s">
        <v>14669</v>
      </c>
      <c r="J23655" s="365"/>
      <c r="K23655" s="365"/>
      <c r="L23655" s="367"/>
    </row>
    <row r="23656" spans="2:12">
      <c r="B23656" s="367"/>
      <c r="C23656" s="360"/>
      <c r="D23656" s="367"/>
      <c r="E23656" s="367"/>
      <c r="F23656" s="360"/>
      <c r="G23656" s="360"/>
      <c r="H23656" s="360"/>
      <c r="I23656" s="360"/>
      <c r="J23656" s="365"/>
      <c r="K23656" s="365"/>
      <c r="L23656" s="367"/>
    </row>
    <row r="23657" spans="2:12" ht="28.5">
      <c r="B23657" s="367"/>
      <c r="C23657" s="360"/>
      <c r="D23657" s="367"/>
      <c r="E23657" s="367"/>
      <c r="F23657" s="359" t="s">
        <v>29864</v>
      </c>
      <c r="G23657" s="359" t="s">
        <v>14890</v>
      </c>
      <c r="H23657" s="359" t="s">
        <v>14381</v>
      </c>
      <c r="I23657" s="359" t="s">
        <v>14890</v>
      </c>
      <c r="J23657" s="365"/>
      <c r="K23657" s="365"/>
      <c r="L23657" s="367"/>
    </row>
    <row r="23658" spans="2:12">
      <c r="B23658" s="367"/>
      <c r="C23658" s="360"/>
      <c r="D23658" s="367"/>
      <c r="E23658" s="367"/>
      <c r="F23658" s="360"/>
      <c r="G23658" s="360"/>
      <c r="H23658" s="360"/>
      <c r="I23658" s="360"/>
      <c r="J23658" s="365"/>
      <c r="K23658" s="365"/>
      <c r="L23658" s="367"/>
    </row>
    <row r="23659" spans="2:12">
      <c r="B23659" s="368"/>
      <c r="C23659" s="362"/>
      <c r="D23659" s="368"/>
      <c r="E23659" s="368"/>
      <c r="F23659" s="362"/>
      <c r="G23659" s="362"/>
      <c r="H23659" s="361" t="s">
        <v>14332</v>
      </c>
      <c r="I23659" s="362"/>
      <c r="J23659" s="366"/>
      <c r="K23659" s="366"/>
      <c r="L23659" s="368"/>
    </row>
    <row r="23660" spans="2:12">
      <c r="B23660" s="358" t="s">
        <v>10101</v>
      </c>
      <c r="C23660" s="358" t="s">
        <v>30695</v>
      </c>
      <c r="D23660" s="358" t="s">
        <v>10102</v>
      </c>
      <c r="E23660" s="358" t="s">
        <v>10103</v>
      </c>
      <c r="F23660" s="358" t="s">
        <v>14330</v>
      </c>
      <c r="G23660" s="358" t="s">
        <v>14327</v>
      </c>
      <c r="H23660" s="358" t="s">
        <v>14331</v>
      </c>
      <c r="I23660" s="358" t="s">
        <v>14327</v>
      </c>
      <c r="J23660" s="358"/>
      <c r="K23660" s="358"/>
      <c r="L23660" s="358" t="s">
        <v>26096</v>
      </c>
    </row>
    <row r="23661" spans="2:12">
      <c r="B23661" s="367"/>
      <c r="C23661" s="367"/>
      <c r="D23661" s="367"/>
      <c r="E23661" s="367"/>
      <c r="F23661" s="360"/>
      <c r="G23661" s="360"/>
      <c r="H23661" s="360"/>
      <c r="I23661" s="360"/>
      <c r="J23661" s="365"/>
      <c r="K23661" s="365"/>
      <c r="L23661" s="367"/>
    </row>
    <row r="23662" spans="2:12">
      <c r="B23662" s="367"/>
      <c r="C23662" s="367"/>
      <c r="D23662" s="367"/>
      <c r="E23662" s="367"/>
      <c r="F23662" s="359" t="s">
        <v>14326</v>
      </c>
      <c r="G23662" s="359" t="s">
        <v>14669</v>
      </c>
      <c r="H23662" s="359" t="s">
        <v>14328</v>
      </c>
      <c r="I23662" s="359" t="s">
        <v>14669</v>
      </c>
      <c r="J23662" s="365"/>
      <c r="K23662" s="365"/>
      <c r="L23662" s="367"/>
    </row>
    <row r="23663" spans="2:12">
      <c r="B23663" s="367"/>
      <c r="C23663" s="367"/>
      <c r="D23663" s="367"/>
      <c r="E23663" s="367"/>
      <c r="F23663" s="360"/>
      <c r="G23663" s="360"/>
      <c r="H23663" s="360"/>
      <c r="I23663" s="360"/>
      <c r="J23663" s="365"/>
      <c r="K23663" s="365"/>
      <c r="L23663" s="367"/>
    </row>
    <row r="23664" spans="2:12" ht="28.5">
      <c r="B23664" s="367"/>
      <c r="C23664" s="367"/>
      <c r="D23664" s="367"/>
      <c r="E23664" s="367"/>
      <c r="F23664" s="359" t="s">
        <v>29864</v>
      </c>
      <c r="G23664" s="359" t="s">
        <v>14890</v>
      </c>
      <c r="H23664" s="359" t="s">
        <v>14381</v>
      </c>
      <c r="I23664" s="359" t="s">
        <v>14890</v>
      </c>
      <c r="J23664" s="365"/>
      <c r="K23664" s="365"/>
      <c r="L23664" s="367"/>
    </row>
    <row r="23665" spans="2:12">
      <c r="B23665" s="367"/>
      <c r="C23665" s="367"/>
      <c r="D23665" s="367"/>
      <c r="E23665" s="367"/>
      <c r="F23665" s="360"/>
      <c r="G23665" s="360"/>
      <c r="H23665" s="360"/>
      <c r="I23665" s="360"/>
      <c r="J23665" s="365"/>
      <c r="K23665" s="365"/>
      <c r="L23665" s="367"/>
    </row>
    <row r="23666" spans="2:12">
      <c r="B23666" s="368"/>
      <c r="C23666" s="368"/>
      <c r="D23666" s="368"/>
      <c r="E23666" s="368"/>
      <c r="F23666" s="362"/>
      <c r="G23666" s="362"/>
      <c r="H23666" s="361" t="s">
        <v>14332</v>
      </c>
      <c r="I23666" s="362"/>
      <c r="J23666" s="366"/>
      <c r="K23666" s="366"/>
      <c r="L23666" s="368"/>
    </row>
    <row r="23667" spans="2:12">
      <c r="B23667" s="358" t="s">
        <v>10104</v>
      </c>
      <c r="C23667" s="358" t="s">
        <v>30696</v>
      </c>
      <c r="D23667" s="358" t="s">
        <v>10105</v>
      </c>
      <c r="E23667" s="358" t="s">
        <v>10106</v>
      </c>
      <c r="F23667" s="358" t="s">
        <v>14330</v>
      </c>
      <c r="G23667" s="358" t="s">
        <v>14327</v>
      </c>
      <c r="H23667" s="358" t="s">
        <v>14331</v>
      </c>
      <c r="I23667" s="358" t="s">
        <v>14327</v>
      </c>
      <c r="J23667" s="358"/>
      <c r="K23667" s="358"/>
      <c r="L23667" s="358" t="s">
        <v>26096</v>
      </c>
    </row>
    <row r="23668" spans="2:12">
      <c r="B23668" s="367"/>
      <c r="C23668" s="367"/>
      <c r="D23668" s="367"/>
      <c r="E23668" s="367"/>
      <c r="F23668" s="360"/>
      <c r="G23668" s="360"/>
      <c r="H23668" s="360"/>
      <c r="I23668" s="360"/>
      <c r="J23668" s="365"/>
      <c r="K23668" s="365"/>
      <c r="L23668" s="367"/>
    </row>
    <row r="23669" spans="2:12">
      <c r="B23669" s="367"/>
      <c r="C23669" s="367"/>
      <c r="D23669" s="367"/>
      <c r="E23669" s="367"/>
      <c r="F23669" s="359" t="s">
        <v>14326</v>
      </c>
      <c r="G23669" s="359" t="s">
        <v>14669</v>
      </c>
      <c r="H23669" s="359" t="s">
        <v>14328</v>
      </c>
      <c r="I23669" s="359" t="s">
        <v>14669</v>
      </c>
      <c r="J23669" s="365"/>
      <c r="K23669" s="365"/>
      <c r="L23669" s="367"/>
    </row>
    <row r="23670" spans="2:12">
      <c r="B23670" s="367"/>
      <c r="C23670" s="367"/>
      <c r="D23670" s="367"/>
      <c r="E23670" s="367"/>
      <c r="F23670" s="360"/>
      <c r="G23670" s="360"/>
      <c r="H23670" s="360"/>
      <c r="I23670" s="360"/>
      <c r="J23670" s="365"/>
      <c r="K23670" s="365"/>
      <c r="L23670" s="367"/>
    </row>
    <row r="23671" spans="2:12" ht="28.5">
      <c r="B23671" s="367"/>
      <c r="C23671" s="367"/>
      <c r="D23671" s="367"/>
      <c r="E23671" s="367"/>
      <c r="F23671" s="359" t="s">
        <v>29864</v>
      </c>
      <c r="G23671" s="359" t="s">
        <v>14890</v>
      </c>
      <c r="H23671" s="359" t="s">
        <v>14381</v>
      </c>
      <c r="I23671" s="359" t="s">
        <v>14890</v>
      </c>
      <c r="J23671" s="365"/>
      <c r="K23671" s="365"/>
      <c r="L23671" s="367"/>
    </row>
    <row r="23672" spans="2:12">
      <c r="B23672" s="367"/>
      <c r="C23672" s="367"/>
      <c r="D23672" s="367"/>
      <c r="E23672" s="367"/>
      <c r="F23672" s="360"/>
      <c r="G23672" s="360"/>
      <c r="H23672" s="360"/>
      <c r="I23672" s="360"/>
      <c r="J23672" s="365"/>
      <c r="K23672" s="365"/>
      <c r="L23672" s="367"/>
    </row>
    <row r="23673" spans="2:12">
      <c r="B23673" s="368"/>
      <c r="C23673" s="368"/>
      <c r="D23673" s="368"/>
      <c r="E23673" s="368"/>
      <c r="F23673" s="362"/>
      <c r="G23673" s="362"/>
      <c r="H23673" s="361" t="s">
        <v>14332</v>
      </c>
      <c r="I23673" s="362"/>
      <c r="J23673" s="366"/>
      <c r="K23673" s="366"/>
      <c r="L23673" s="368"/>
    </row>
    <row r="23674" spans="2:12">
      <c r="B23674" s="358" t="s">
        <v>10107</v>
      </c>
      <c r="C23674" s="358" t="s">
        <v>28209</v>
      </c>
      <c r="D23674" s="358" t="s">
        <v>10108</v>
      </c>
      <c r="E23674" s="358" t="s">
        <v>10109</v>
      </c>
      <c r="F23674" s="358" t="s">
        <v>14330</v>
      </c>
      <c r="G23674" s="358" t="s">
        <v>14327</v>
      </c>
      <c r="H23674" s="358" t="s">
        <v>14331</v>
      </c>
      <c r="I23674" s="358" t="s">
        <v>14327</v>
      </c>
      <c r="J23674" s="358"/>
      <c r="K23674" s="358"/>
      <c r="L23674" s="358" t="s">
        <v>26096</v>
      </c>
    </row>
    <row r="23675" spans="2:12">
      <c r="B23675" s="367"/>
      <c r="C23675" s="360"/>
      <c r="D23675" s="367"/>
      <c r="E23675" s="367"/>
      <c r="F23675" s="360"/>
      <c r="G23675" s="360"/>
      <c r="H23675" s="360"/>
      <c r="I23675" s="360"/>
      <c r="J23675" s="365"/>
      <c r="K23675" s="365"/>
      <c r="L23675" s="367"/>
    </row>
    <row r="23676" spans="2:12">
      <c r="B23676" s="367"/>
      <c r="C23676" s="359" t="s">
        <v>26179</v>
      </c>
      <c r="D23676" s="367"/>
      <c r="E23676" s="367"/>
      <c r="F23676" s="359" t="s">
        <v>14326</v>
      </c>
      <c r="G23676" s="359" t="s">
        <v>14669</v>
      </c>
      <c r="H23676" s="359" t="s">
        <v>14328</v>
      </c>
      <c r="I23676" s="359" t="s">
        <v>14669</v>
      </c>
      <c r="J23676" s="365"/>
      <c r="K23676" s="365"/>
      <c r="L23676" s="367"/>
    </row>
    <row r="23677" spans="2:12">
      <c r="B23677" s="367"/>
      <c r="C23677" s="360"/>
      <c r="D23677" s="367"/>
      <c r="E23677" s="367"/>
      <c r="F23677" s="360"/>
      <c r="G23677" s="360"/>
      <c r="H23677" s="360"/>
      <c r="I23677" s="360"/>
      <c r="J23677" s="365"/>
      <c r="K23677" s="365"/>
      <c r="L23677" s="367"/>
    </row>
    <row r="23678" spans="2:12" ht="28.5">
      <c r="B23678" s="367"/>
      <c r="C23678" s="360"/>
      <c r="D23678" s="367"/>
      <c r="E23678" s="367"/>
      <c r="F23678" s="359" t="s">
        <v>29864</v>
      </c>
      <c r="G23678" s="359" t="s">
        <v>14890</v>
      </c>
      <c r="H23678" s="359" t="s">
        <v>14381</v>
      </c>
      <c r="I23678" s="359" t="s">
        <v>14890</v>
      </c>
      <c r="J23678" s="365"/>
      <c r="K23678" s="365"/>
      <c r="L23678" s="367"/>
    </row>
    <row r="23679" spans="2:12">
      <c r="B23679" s="367"/>
      <c r="C23679" s="360"/>
      <c r="D23679" s="367"/>
      <c r="E23679" s="367"/>
      <c r="F23679" s="360"/>
      <c r="G23679" s="360"/>
      <c r="H23679" s="360"/>
      <c r="I23679" s="360"/>
      <c r="J23679" s="365"/>
      <c r="K23679" s="365"/>
      <c r="L23679" s="367"/>
    </row>
    <row r="23680" spans="2:12">
      <c r="B23680" s="368"/>
      <c r="C23680" s="362"/>
      <c r="D23680" s="368"/>
      <c r="E23680" s="368"/>
      <c r="F23680" s="362"/>
      <c r="G23680" s="362"/>
      <c r="H23680" s="361" t="s">
        <v>14332</v>
      </c>
      <c r="I23680" s="362"/>
      <c r="J23680" s="366"/>
      <c r="K23680" s="366"/>
      <c r="L23680" s="368"/>
    </row>
    <row r="23681" spans="2:12">
      <c r="B23681" s="358" t="s">
        <v>10110</v>
      </c>
      <c r="C23681" s="358" t="s">
        <v>30697</v>
      </c>
      <c r="D23681" s="358" t="s">
        <v>10111</v>
      </c>
      <c r="E23681" s="358" t="s">
        <v>10112</v>
      </c>
      <c r="F23681" s="358" t="s">
        <v>14330</v>
      </c>
      <c r="G23681" s="358" t="s">
        <v>14327</v>
      </c>
      <c r="H23681" s="358" t="s">
        <v>14331</v>
      </c>
      <c r="I23681" s="358" t="s">
        <v>14327</v>
      </c>
      <c r="J23681" s="358"/>
      <c r="K23681" s="358"/>
      <c r="L23681" s="358" t="s">
        <v>26096</v>
      </c>
    </row>
    <row r="23682" spans="2:12">
      <c r="B23682" s="367"/>
      <c r="C23682" s="367"/>
      <c r="D23682" s="367"/>
      <c r="E23682" s="367"/>
      <c r="F23682" s="360"/>
      <c r="G23682" s="360"/>
      <c r="H23682" s="360"/>
      <c r="I23682" s="360"/>
      <c r="J23682" s="365"/>
      <c r="K23682" s="365"/>
      <c r="L23682" s="367"/>
    </row>
    <row r="23683" spans="2:12">
      <c r="B23683" s="367"/>
      <c r="C23683" s="367"/>
      <c r="D23683" s="367"/>
      <c r="E23683" s="367"/>
      <c r="F23683" s="359" t="s">
        <v>14326</v>
      </c>
      <c r="G23683" s="359" t="s">
        <v>14669</v>
      </c>
      <c r="H23683" s="359" t="s">
        <v>14328</v>
      </c>
      <c r="I23683" s="359" t="s">
        <v>14669</v>
      </c>
      <c r="J23683" s="365"/>
      <c r="K23683" s="365"/>
      <c r="L23683" s="367"/>
    </row>
    <row r="23684" spans="2:12">
      <c r="B23684" s="367"/>
      <c r="C23684" s="367"/>
      <c r="D23684" s="367"/>
      <c r="E23684" s="367"/>
      <c r="F23684" s="360"/>
      <c r="G23684" s="360"/>
      <c r="H23684" s="360"/>
      <c r="I23684" s="360"/>
      <c r="J23684" s="365"/>
      <c r="K23684" s="365"/>
      <c r="L23684" s="367"/>
    </row>
    <row r="23685" spans="2:12" ht="28.5">
      <c r="B23685" s="367"/>
      <c r="C23685" s="367"/>
      <c r="D23685" s="367"/>
      <c r="E23685" s="367"/>
      <c r="F23685" s="359" t="s">
        <v>29864</v>
      </c>
      <c r="G23685" s="359" t="s">
        <v>14890</v>
      </c>
      <c r="H23685" s="359" t="s">
        <v>14381</v>
      </c>
      <c r="I23685" s="359" t="s">
        <v>14890</v>
      </c>
      <c r="J23685" s="365"/>
      <c r="K23685" s="365"/>
      <c r="L23685" s="367"/>
    </row>
    <row r="23686" spans="2:12">
      <c r="B23686" s="367"/>
      <c r="C23686" s="367"/>
      <c r="D23686" s="367"/>
      <c r="E23686" s="367"/>
      <c r="F23686" s="360"/>
      <c r="G23686" s="360"/>
      <c r="H23686" s="360"/>
      <c r="I23686" s="360"/>
      <c r="J23686" s="365"/>
      <c r="K23686" s="365"/>
      <c r="L23686" s="367"/>
    </row>
    <row r="23687" spans="2:12">
      <c r="B23687" s="368"/>
      <c r="C23687" s="368"/>
      <c r="D23687" s="368"/>
      <c r="E23687" s="368"/>
      <c r="F23687" s="362"/>
      <c r="G23687" s="362"/>
      <c r="H23687" s="361" t="s">
        <v>14332</v>
      </c>
      <c r="I23687" s="362"/>
      <c r="J23687" s="366"/>
      <c r="K23687" s="366"/>
      <c r="L23687" s="368"/>
    </row>
    <row r="23688" spans="2:12">
      <c r="B23688" s="358" t="s">
        <v>10115</v>
      </c>
      <c r="C23688" s="358" t="s">
        <v>29901</v>
      </c>
      <c r="D23688" s="358" t="s">
        <v>10116</v>
      </c>
      <c r="E23688" s="358" t="s">
        <v>10117</v>
      </c>
      <c r="F23688" s="358" t="s">
        <v>14330</v>
      </c>
      <c r="G23688" s="358" t="s">
        <v>14327</v>
      </c>
      <c r="H23688" s="358" t="s">
        <v>14331</v>
      </c>
      <c r="I23688" s="358" t="s">
        <v>14327</v>
      </c>
      <c r="J23688" s="358"/>
      <c r="K23688" s="358"/>
      <c r="L23688" s="358" t="s">
        <v>26096</v>
      </c>
    </row>
    <row r="23689" spans="2:12">
      <c r="B23689" s="367"/>
      <c r="C23689" s="360"/>
      <c r="D23689" s="367"/>
      <c r="E23689" s="367"/>
      <c r="F23689" s="360"/>
      <c r="G23689" s="360"/>
      <c r="H23689" s="360"/>
      <c r="I23689" s="360"/>
      <c r="J23689" s="365"/>
      <c r="K23689" s="365"/>
      <c r="L23689" s="367"/>
    </row>
    <row r="23690" spans="2:12" ht="42.75">
      <c r="B23690" s="367"/>
      <c r="C23690" s="359" t="s">
        <v>26180</v>
      </c>
      <c r="D23690" s="367"/>
      <c r="E23690" s="367"/>
      <c r="F23690" s="359" t="s">
        <v>14326</v>
      </c>
      <c r="G23690" s="359" t="s">
        <v>14669</v>
      </c>
      <c r="H23690" s="359" t="s">
        <v>14328</v>
      </c>
      <c r="I23690" s="359" t="s">
        <v>14669</v>
      </c>
      <c r="J23690" s="365"/>
      <c r="K23690" s="365"/>
      <c r="L23690" s="367"/>
    </row>
    <row r="23691" spans="2:12">
      <c r="B23691" s="367"/>
      <c r="C23691" s="360"/>
      <c r="D23691" s="367"/>
      <c r="E23691" s="367"/>
      <c r="F23691" s="360"/>
      <c r="G23691" s="360"/>
      <c r="H23691" s="360"/>
      <c r="I23691" s="360"/>
      <c r="J23691" s="365"/>
      <c r="K23691" s="365"/>
      <c r="L23691" s="367"/>
    </row>
    <row r="23692" spans="2:12" ht="28.5">
      <c r="B23692" s="367"/>
      <c r="C23692" s="360"/>
      <c r="D23692" s="367"/>
      <c r="E23692" s="367"/>
      <c r="F23692" s="359" t="s">
        <v>29864</v>
      </c>
      <c r="G23692" s="359" t="s">
        <v>14890</v>
      </c>
      <c r="H23692" s="359" t="s">
        <v>14381</v>
      </c>
      <c r="I23692" s="359" t="s">
        <v>14890</v>
      </c>
      <c r="J23692" s="365"/>
      <c r="K23692" s="365"/>
      <c r="L23692" s="367"/>
    </row>
    <row r="23693" spans="2:12">
      <c r="B23693" s="367"/>
      <c r="C23693" s="360"/>
      <c r="D23693" s="367"/>
      <c r="E23693" s="367"/>
      <c r="F23693" s="360"/>
      <c r="G23693" s="360"/>
      <c r="H23693" s="360"/>
      <c r="I23693" s="360"/>
      <c r="J23693" s="365"/>
      <c r="K23693" s="365"/>
      <c r="L23693" s="367"/>
    </row>
    <row r="23694" spans="2:12">
      <c r="B23694" s="368"/>
      <c r="C23694" s="362"/>
      <c r="D23694" s="368"/>
      <c r="E23694" s="368"/>
      <c r="F23694" s="362"/>
      <c r="G23694" s="362"/>
      <c r="H23694" s="361" t="s">
        <v>14332</v>
      </c>
      <c r="I23694" s="362"/>
      <c r="J23694" s="366"/>
      <c r="K23694" s="366"/>
      <c r="L23694" s="368"/>
    </row>
    <row r="23695" spans="2:12">
      <c r="B23695" s="358" t="s">
        <v>10119</v>
      </c>
      <c r="C23695" s="358" t="s">
        <v>26181</v>
      </c>
      <c r="D23695" s="358" t="s">
        <v>10120</v>
      </c>
      <c r="E23695" s="358" t="s">
        <v>10121</v>
      </c>
      <c r="F23695" s="358" t="s">
        <v>14330</v>
      </c>
      <c r="G23695" s="358" t="s">
        <v>14327</v>
      </c>
      <c r="H23695" s="358" t="s">
        <v>14331</v>
      </c>
      <c r="I23695" s="358" t="s">
        <v>14327</v>
      </c>
      <c r="J23695" s="358"/>
      <c r="K23695" s="358"/>
      <c r="L23695" s="358" t="s">
        <v>26096</v>
      </c>
    </row>
    <row r="23696" spans="2:12">
      <c r="B23696" s="367"/>
      <c r="C23696" s="360"/>
      <c r="D23696" s="367"/>
      <c r="E23696" s="367"/>
      <c r="F23696" s="360"/>
      <c r="G23696" s="360"/>
      <c r="H23696" s="360"/>
      <c r="I23696" s="360"/>
      <c r="J23696" s="365"/>
      <c r="K23696" s="365"/>
      <c r="L23696" s="367"/>
    </row>
    <row r="23697" spans="2:12">
      <c r="B23697" s="367"/>
      <c r="C23697" s="359" t="s">
        <v>12794</v>
      </c>
      <c r="D23697" s="367"/>
      <c r="E23697" s="367"/>
      <c r="F23697" s="359" t="s">
        <v>14326</v>
      </c>
      <c r="G23697" s="359" t="s">
        <v>14669</v>
      </c>
      <c r="H23697" s="359" t="s">
        <v>14328</v>
      </c>
      <c r="I23697" s="359" t="s">
        <v>14669</v>
      </c>
      <c r="J23697" s="365"/>
      <c r="K23697" s="365"/>
      <c r="L23697" s="367"/>
    </row>
    <row r="23698" spans="2:12">
      <c r="B23698" s="367"/>
      <c r="C23698" s="360"/>
      <c r="D23698" s="367"/>
      <c r="E23698" s="367"/>
      <c r="F23698" s="360"/>
      <c r="G23698" s="360"/>
      <c r="H23698" s="360"/>
      <c r="I23698" s="360"/>
      <c r="J23698" s="365"/>
      <c r="K23698" s="365"/>
      <c r="L23698" s="367"/>
    </row>
    <row r="23699" spans="2:12" ht="85.5">
      <c r="B23699" s="367"/>
      <c r="C23699" s="359" t="s">
        <v>30698</v>
      </c>
      <c r="D23699" s="367"/>
      <c r="E23699" s="367"/>
      <c r="F23699" s="359" t="s">
        <v>29864</v>
      </c>
      <c r="G23699" s="359" t="s">
        <v>14890</v>
      </c>
      <c r="H23699" s="359" t="s">
        <v>14381</v>
      </c>
      <c r="I23699" s="359" t="s">
        <v>14890</v>
      </c>
      <c r="J23699" s="365"/>
      <c r="K23699" s="365"/>
      <c r="L23699" s="367"/>
    </row>
    <row r="23700" spans="2:12">
      <c r="B23700" s="367"/>
      <c r="C23700" s="360"/>
      <c r="D23700" s="367"/>
      <c r="E23700" s="367"/>
      <c r="F23700" s="360"/>
      <c r="G23700" s="360"/>
      <c r="H23700" s="360"/>
      <c r="I23700" s="360"/>
      <c r="J23700" s="365"/>
      <c r="K23700" s="365"/>
      <c r="L23700" s="367"/>
    </row>
    <row r="23701" spans="2:12">
      <c r="B23701" s="368"/>
      <c r="C23701" s="362"/>
      <c r="D23701" s="368"/>
      <c r="E23701" s="368"/>
      <c r="F23701" s="362"/>
      <c r="G23701" s="362"/>
      <c r="H23701" s="361" t="s">
        <v>14332</v>
      </c>
      <c r="I23701" s="362"/>
      <c r="J23701" s="366"/>
      <c r="K23701" s="366"/>
      <c r="L23701" s="368"/>
    </row>
    <row r="23702" spans="2:12">
      <c r="B23702" s="358" t="s">
        <v>10122</v>
      </c>
      <c r="C23702" s="358" t="s">
        <v>30699</v>
      </c>
      <c r="D23702" s="358" t="s">
        <v>10123</v>
      </c>
      <c r="E23702" s="358" t="s">
        <v>10124</v>
      </c>
      <c r="F23702" s="358" t="s">
        <v>14330</v>
      </c>
      <c r="G23702" s="358" t="s">
        <v>14327</v>
      </c>
      <c r="H23702" s="358" t="s">
        <v>14331</v>
      </c>
      <c r="I23702" s="358" t="s">
        <v>14327</v>
      </c>
      <c r="J23702" s="358"/>
      <c r="K23702" s="358"/>
      <c r="L23702" s="358" t="s">
        <v>26096</v>
      </c>
    </row>
    <row r="23703" spans="2:12">
      <c r="B23703" s="367"/>
      <c r="C23703" s="367"/>
      <c r="D23703" s="367"/>
      <c r="E23703" s="367"/>
      <c r="F23703" s="360"/>
      <c r="G23703" s="360"/>
      <c r="H23703" s="360"/>
      <c r="I23703" s="360"/>
      <c r="J23703" s="365"/>
      <c r="K23703" s="365"/>
      <c r="L23703" s="367"/>
    </row>
    <row r="23704" spans="2:12">
      <c r="B23704" s="367"/>
      <c r="C23704" s="367"/>
      <c r="D23704" s="367"/>
      <c r="E23704" s="367"/>
      <c r="F23704" s="359" t="s">
        <v>14326</v>
      </c>
      <c r="G23704" s="359" t="s">
        <v>14669</v>
      </c>
      <c r="H23704" s="359" t="s">
        <v>14328</v>
      </c>
      <c r="I23704" s="359" t="s">
        <v>14669</v>
      </c>
      <c r="J23704" s="365"/>
      <c r="K23704" s="365"/>
      <c r="L23704" s="367"/>
    </row>
    <row r="23705" spans="2:12">
      <c r="B23705" s="367"/>
      <c r="C23705" s="367"/>
      <c r="D23705" s="367"/>
      <c r="E23705" s="367"/>
      <c r="F23705" s="360"/>
      <c r="G23705" s="360"/>
      <c r="H23705" s="360"/>
      <c r="I23705" s="360"/>
      <c r="J23705" s="365"/>
      <c r="K23705" s="365"/>
      <c r="L23705" s="367"/>
    </row>
    <row r="23706" spans="2:12" ht="28.5">
      <c r="B23706" s="367"/>
      <c r="C23706" s="367"/>
      <c r="D23706" s="367"/>
      <c r="E23706" s="367"/>
      <c r="F23706" s="359" t="s">
        <v>29864</v>
      </c>
      <c r="G23706" s="359" t="s">
        <v>14890</v>
      </c>
      <c r="H23706" s="359" t="s">
        <v>14381</v>
      </c>
      <c r="I23706" s="359" t="s">
        <v>14890</v>
      </c>
      <c r="J23706" s="365"/>
      <c r="K23706" s="365"/>
      <c r="L23706" s="367"/>
    </row>
    <row r="23707" spans="2:12">
      <c r="B23707" s="367"/>
      <c r="C23707" s="367"/>
      <c r="D23707" s="367"/>
      <c r="E23707" s="367"/>
      <c r="F23707" s="360"/>
      <c r="G23707" s="360"/>
      <c r="H23707" s="360"/>
      <c r="I23707" s="360"/>
      <c r="J23707" s="365"/>
      <c r="K23707" s="365"/>
      <c r="L23707" s="367"/>
    </row>
    <row r="23708" spans="2:12">
      <c r="B23708" s="368"/>
      <c r="C23708" s="368"/>
      <c r="D23708" s="368"/>
      <c r="E23708" s="368"/>
      <c r="F23708" s="362"/>
      <c r="G23708" s="362"/>
      <c r="H23708" s="361" t="s">
        <v>14332</v>
      </c>
      <c r="I23708" s="362"/>
      <c r="J23708" s="366"/>
      <c r="K23708" s="366"/>
      <c r="L23708" s="368"/>
    </row>
    <row r="23709" spans="2:12">
      <c r="B23709" s="358" t="s">
        <v>10125</v>
      </c>
      <c r="C23709" s="358" t="s">
        <v>30700</v>
      </c>
      <c r="D23709" s="358" t="s">
        <v>10126</v>
      </c>
      <c r="E23709" s="358" t="s">
        <v>10127</v>
      </c>
      <c r="F23709" s="358" t="s">
        <v>14330</v>
      </c>
      <c r="G23709" s="358" t="s">
        <v>14327</v>
      </c>
      <c r="H23709" s="358" t="s">
        <v>14331</v>
      </c>
      <c r="I23709" s="358" t="s">
        <v>14327</v>
      </c>
      <c r="J23709" s="358"/>
      <c r="K23709" s="358"/>
      <c r="L23709" s="358" t="s">
        <v>26096</v>
      </c>
    </row>
    <row r="23710" spans="2:12">
      <c r="B23710" s="367"/>
      <c r="C23710" s="367"/>
      <c r="D23710" s="367"/>
      <c r="E23710" s="367"/>
      <c r="F23710" s="360"/>
      <c r="G23710" s="360"/>
      <c r="H23710" s="360"/>
      <c r="I23710" s="360"/>
      <c r="J23710" s="365"/>
      <c r="K23710" s="365"/>
      <c r="L23710" s="367"/>
    </row>
    <row r="23711" spans="2:12">
      <c r="B23711" s="367"/>
      <c r="C23711" s="367"/>
      <c r="D23711" s="367"/>
      <c r="E23711" s="367"/>
      <c r="F23711" s="359" t="s">
        <v>14326</v>
      </c>
      <c r="G23711" s="359" t="s">
        <v>14669</v>
      </c>
      <c r="H23711" s="359" t="s">
        <v>14328</v>
      </c>
      <c r="I23711" s="359" t="s">
        <v>14669</v>
      </c>
      <c r="J23711" s="365"/>
      <c r="K23711" s="365"/>
      <c r="L23711" s="367"/>
    </row>
    <row r="23712" spans="2:12">
      <c r="B23712" s="367"/>
      <c r="C23712" s="367"/>
      <c r="D23712" s="367"/>
      <c r="E23712" s="367"/>
      <c r="F23712" s="360"/>
      <c r="G23712" s="360"/>
      <c r="H23712" s="360"/>
      <c r="I23712" s="360"/>
      <c r="J23712" s="365"/>
      <c r="K23712" s="365"/>
      <c r="L23712" s="367"/>
    </row>
    <row r="23713" spans="2:12" ht="28.5">
      <c r="B23713" s="367"/>
      <c r="C23713" s="367"/>
      <c r="D23713" s="367"/>
      <c r="E23713" s="367"/>
      <c r="F23713" s="359" t="s">
        <v>29864</v>
      </c>
      <c r="G23713" s="359" t="s">
        <v>14890</v>
      </c>
      <c r="H23713" s="359" t="s">
        <v>14381</v>
      </c>
      <c r="I23713" s="359" t="s">
        <v>14890</v>
      </c>
      <c r="J23713" s="365"/>
      <c r="K23713" s="365"/>
      <c r="L23713" s="367"/>
    </row>
    <row r="23714" spans="2:12">
      <c r="B23714" s="367"/>
      <c r="C23714" s="367"/>
      <c r="D23714" s="367"/>
      <c r="E23714" s="367"/>
      <c r="F23714" s="360"/>
      <c r="G23714" s="360"/>
      <c r="H23714" s="360"/>
      <c r="I23714" s="360"/>
      <c r="J23714" s="365"/>
      <c r="K23714" s="365"/>
      <c r="L23714" s="367"/>
    </row>
    <row r="23715" spans="2:12">
      <c r="B23715" s="368"/>
      <c r="C23715" s="368"/>
      <c r="D23715" s="368"/>
      <c r="E23715" s="368"/>
      <c r="F23715" s="362"/>
      <c r="G23715" s="362"/>
      <c r="H23715" s="361" t="s">
        <v>14332</v>
      </c>
      <c r="I23715" s="362"/>
      <c r="J23715" s="366"/>
      <c r="K23715" s="366"/>
      <c r="L23715" s="368"/>
    </row>
    <row r="23716" spans="2:12">
      <c r="B23716" s="358" t="s">
        <v>10128</v>
      </c>
      <c r="C23716" s="358" t="s">
        <v>30701</v>
      </c>
      <c r="D23716" s="358" t="s">
        <v>10129</v>
      </c>
      <c r="E23716" s="358" t="s">
        <v>10130</v>
      </c>
      <c r="F23716" s="358" t="s">
        <v>14330</v>
      </c>
      <c r="G23716" s="358" t="s">
        <v>14327</v>
      </c>
      <c r="H23716" s="358" t="s">
        <v>14331</v>
      </c>
      <c r="I23716" s="358" t="s">
        <v>14327</v>
      </c>
      <c r="J23716" s="358"/>
      <c r="K23716" s="358"/>
      <c r="L23716" s="358" t="s">
        <v>26096</v>
      </c>
    </row>
    <row r="23717" spans="2:12">
      <c r="B23717" s="367"/>
      <c r="C23717" s="367"/>
      <c r="D23717" s="367"/>
      <c r="E23717" s="367"/>
      <c r="F23717" s="360"/>
      <c r="G23717" s="360"/>
      <c r="H23717" s="360"/>
      <c r="I23717" s="360"/>
      <c r="J23717" s="365"/>
      <c r="K23717" s="365"/>
      <c r="L23717" s="367"/>
    </row>
    <row r="23718" spans="2:12">
      <c r="B23718" s="367"/>
      <c r="C23718" s="367"/>
      <c r="D23718" s="367"/>
      <c r="E23718" s="367"/>
      <c r="F23718" s="359" t="s">
        <v>14326</v>
      </c>
      <c r="G23718" s="359" t="s">
        <v>14669</v>
      </c>
      <c r="H23718" s="359" t="s">
        <v>14328</v>
      </c>
      <c r="I23718" s="359" t="s">
        <v>14669</v>
      </c>
      <c r="J23718" s="365"/>
      <c r="K23718" s="365"/>
      <c r="L23718" s="367"/>
    </row>
    <row r="23719" spans="2:12">
      <c r="B23719" s="367"/>
      <c r="C23719" s="367"/>
      <c r="D23719" s="367"/>
      <c r="E23719" s="367"/>
      <c r="F23719" s="360"/>
      <c r="G23719" s="360"/>
      <c r="H23719" s="360"/>
      <c r="I23719" s="360"/>
      <c r="J23719" s="365"/>
      <c r="K23719" s="365"/>
      <c r="L23719" s="367"/>
    </row>
    <row r="23720" spans="2:12" ht="28.5">
      <c r="B23720" s="367"/>
      <c r="C23720" s="367"/>
      <c r="D23720" s="367"/>
      <c r="E23720" s="367"/>
      <c r="F23720" s="359" t="s">
        <v>29864</v>
      </c>
      <c r="G23720" s="359" t="s">
        <v>14890</v>
      </c>
      <c r="H23720" s="359" t="s">
        <v>14381</v>
      </c>
      <c r="I23720" s="359" t="s">
        <v>14890</v>
      </c>
      <c r="J23720" s="365"/>
      <c r="K23720" s="365"/>
      <c r="L23720" s="367"/>
    </row>
    <row r="23721" spans="2:12">
      <c r="B23721" s="367"/>
      <c r="C23721" s="367"/>
      <c r="D23721" s="367"/>
      <c r="E23721" s="367"/>
      <c r="F23721" s="360"/>
      <c r="G23721" s="360"/>
      <c r="H23721" s="360"/>
      <c r="I23721" s="360"/>
      <c r="J23721" s="365"/>
      <c r="K23721" s="365"/>
      <c r="L23721" s="367"/>
    </row>
    <row r="23722" spans="2:12">
      <c r="B23722" s="368"/>
      <c r="C23722" s="368"/>
      <c r="D23722" s="368"/>
      <c r="E23722" s="368"/>
      <c r="F23722" s="362"/>
      <c r="G23722" s="362"/>
      <c r="H23722" s="361" t="s">
        <v>14332</v>
      </c>
      <c r="I23722" s="362"/>
      <c r="J23722" s="366"/>
      <c r="K23722" s="366"/>
      <c r="L23722" s="368"/>
    </row>
    <row r="23723" spans="2:12">
      <c r="B23723" s="358" t="s">
        <v>10132</v>
      </c>
      <c r="C23723" s="358" t="s">
        <v>29902</v>
      </c>
      <c r="D23723" s="358" t="s">
        <v>10133</v>
      </c>
      <c r="E23723" s="358" t="s">
        <v>10134</v>
      </c>
      <c r="F23723" s="358" t="s">
        <v>14330</v>
      </c>
      <c r="G23723" s="358" t="s">
        <v>14327</v>
      </c>
      <c r="H23723" s="358" t="s">
        <v>14331</v>
      </c>
      <c r="I23723" s="358" t="s">
        <v>14327</v>
      </c>
      <c r="J23723" s="358"/>
      <c r="K23723" s="358"/>
      <c r="L23723" s="358" t="s">
        <v>26123</v>
      </c>
    </row>
    <row r="23724" spans="2:12">
      <c r="B23724" s="367"/>
      <c r="C23724" s="360"/>
      <c r="D23724" s="367"/>
      <c r="E23724" s="367"/>
      <c r="F23724" s="360"/>
      <c r="G23724" s="360"/>
      <c r="H23724" s="360"/>
      <c r="I23724" s="360"/>
      <c r="J23724" s="365"/>
      <c r="K23724" s="365"/>
      <c r="L23724" s="367"/>
    </row>
    <row r="23725" spans="2:12" ht="71.25">
      <c r="B23725" s="367"/>
      <c r="C23725" s="359" t="s">
        <v>30702</v>
      </c>
      <c r="D23725" s="367"/>
      <c r="E23725" s="367"/>
      <c r="F23725" s="359" t="s">
        <v>14326</v>
      </c>
      <c r="G23725" s="359" t="s">
        <v>14669</v>
      </c>
      <c r="H23725" s="359" t="s">
        <v>14328</v>
      </c>
      <c r="I23725" s="359" t="s">
        <v>14669</v>
      </c>
      <c r="J23725" s="365"/>
      <c r="K23725" s="365"/>
      <c r="L23725" s="367"/>
    </row>
    <row r="23726" spans="2:12">
      <c r="B23726" s="367"/>
      <c r="C23726" s="360"/>
      <c r="D23726" s="367"/>
      <c r="E23726" s="367"/>
      <c r="F23726" s="360"/>
      <c r="G23726" s="360"/>
      <c r="H23726" s="360"/>
      <c r="I23726" s="360"/>
      <c r="J23726" s="365"/>
      <c r="K23726" s="365"/>
      <c r="L23726" s="367"/>
    </row>
    <row r="23727" spans="2:12" ht="28.5">
      <c r="B23727" s="367"/>
      <c r="C23727" s="359" t="s">
        <v>30703</v>
      </c>
      <c r="D23727" s="367"/>
      <c r="E23727" s="367"/>
      <c r="F23727" s="359" t="s">
        <v>29864</v>
      </c>
      <c r="G23727" s="359" t="s">
        <v>14890</v>
      </c>
      <c r="H23727" s="359" t="s">
        <v>14381</v>
      </c>
      <c r="I23727" s="359" t="s">
        <v>14890</v>
      </c>
      <c r="J23727" s="365"/>
      <c r="K23727" s="365"/>
      <c r="L23727" s="367"/>
    </row>
    <row r="23728" spans="2:12">
      <c r="B23728" s="367"/>
      <c r="C23728" s="360"/>
      <c r="D23728" s="367"/>
      <c r="E23728" s="367"/>
      <c r="F23728" s="360"/>
      <c r="G23728" s="360"/>
      <c r="H23728" s="360"/>
      <c r="I23728" s="360"/>
      <c r="J23728" s="365"/>
      <c r="K23728" s="365"/>
      <c r="L23728" s="367"/>
    </row>
    <row r="23729" spans="2:12">
      <c r="B23729" s="368"/>
      <c r="C23729" s="362"/>
      <c r="D23729" s="368"/>
      <c r="E23729" s="368"/>
      <c r="F23729" s="362"/>
      <c r="G23729" s="362"/>
      <c r="H23729" s="361" t="s">
        <v>14332</v>
      </c>
      <c r="I23729" s="362"/>
      <c r="J23729" s="366"/>
      <c r="K23729" s="366"/>
      <c r="L23729" s="368"/>
    </row>
    <row r="23730" spans="2:12">
      <c r="B23730" s="358" t="s">
        <v>10136</v>
      </c>
      <c r="C23730" s="358" t="s">
        <v>26182</v>
      </c>
      <c r="D23730" s="358" t="s">
        <v>10137</v>
      </c>
      <c r="E23730" s="358" t="s">
        <v>10138</v>
      </c>
      <c r="F23730" s="358" t="s">
        <v>14330</v>
      </c>
      <c r="G23730" s="358" t="s">
        <v>14327</v>
      </c>
      <c r="H23730" s="358" t="s">
        <v>14331</v>
      </c>
      <c r="I23730" s="358" t="s">
        <v>14327</v>
      </c>
      <c r="J23730" s="358"/>
      <c r="K23730" s="358"/>
      <c r="L23730" s="358" t="s">
        <v>26123</v>
      </c>
    </row>
    <row r="23731" spans="2:12">
      <c r="B23731" s="367"/>
      <c r="C23731" s="360"/>
      <c r="D23731" s="367"/>
      <c r="E23731" s="367"/>
      <c r="F23731" s="360"/>
      <c r="G23731" s="360"/>
      <c r="H23731" s="360"/>
      <c r="I23731" s="360"/>
      <c r="J23731" s="365"/>
      <c r="K23731" s="365"/>
      <c r="L23731" s="367"/>
    </row>
    <row r="23732" spans="2:12">
      <c r="B23732" s="367"/>
      <c r="C23732" s="359" t="s">
        <v>12794</v>
      </c>
      <c r="D23732" s="367"/>
      <c r="E23732" s="367"/>
      <c r="F23732" s="359" t="s">
        <v>14326</v>
      </c>
      <c r="G23732" s="359" t="s">
        <v>14669</v>
      </c>
      <c r="H23732" s="359" t="s">
        <v>14328</v>
      </c>
      <c r="I23732" s="359" t="s">
        <v>14669</v>
      </c>
      <c r="J23732" s="365"/>
      <c r="K23732" s="365"/>
      <c r="L23732" s="367"/>
    </row>
    <row r="23733" spans="2:12">
      <c r="B23733" s="367"/>
      <c r="C23733" s="360"/>
      <c r="D23733" s="367"/>
      <c r="E23733" s="367"/>
      <c r="F23733" s="360"/>
      <c r="G23733" s="360"/>
      <c r="H23733" s="360"/>
      <c r="I23733" s="360"/>
      <c r="J23733" s="365"/>
      <c r="K23733" s="365"/>
      <c r="L23733" s="367"/>
    </row>
    <row r="23734" spans="2:12" ht="99.75">
      <c r="B23734" s="367"/>
      <c r="C23734" s="359" t="s">
        <v>30704</v>
      </c>
      <c r="D23734" s="367"/>
      <c r="E23734" s="367"/>
      <c r="F23734" s="359" t="s">
        <v>29864</v>
      </c>
      <c r="G23734" s="359" t="s">
        <v>14890</v>
      </c>
      <c r="H23734" s="359" t="s">
        <v>14381</v>
      </c>
      <c r="I23734" s="359" t="s">
        <v>14890</v>
      </c>
      <c r="J23734" s="365"/>
      <c r="K23734" s="365"/>
      <c r="L23734" s="367"/>
    </row>
    <row r="23735" spans="2:12">
      <c r="B23735" s="367"/>
      <c r="C23735" s="360"/>
      <c r="D23735" s="367"/>
      <c r="E23735" s="367"/>
      <c r="F23735" s="360"/>
      <c r="G23735" s="360"/>
      <c r="H23735" s="360"/>
      <c r="I23735" s="360"/>
      <c r="J23735" s="365"/>
      <c r="K23735" s="365"/>
      <c r="L23735" s="367"/>
    </row>
    <row r="23736" spans="2:12">
      <c r="B23736" s="368"/>
      <c r="C23736" s="362"/>
      <c r="D23736" s="368"/>
      <c r="E23736" s="368"/>
      <c r="F23736" s="362"/>
      <c r="G23736" s="362"/>
      <c r="H23736" s="361" t="s">
        <v>14332</v>
      </c>
      <c r="I23736" s="362"/>
      <c r="J23736" s="366"/>
      <c r="K23736" s="366"/>
      <c r="L23736" s="368"/>
    </row>
    <row r="23737" spans="2:12">
      <c r="B23737" s="358" t="s">
        <v>10139</v>
      </c>
      <c r="C23737" s="358" t="s">
        <v>30705</v>
      </c>
      <c r="D23737" s="358" t="s">
        <v>10140</v>
      </c>
      <c r="E23737" s="358" t="s">
        <v>10141</v>
      </c>
      <c r="F23737" s="358" t="s">
        <v>14330</v>
      </c>
      <c r="G23737" s="358" t="s">
        <v>14327</v>
      </c>
      <c r="H23737" s="358" t="s">
        <v>14331</v>
      </c>
      <c r="I23737" s="358" t="s">
        <v>14327</v>
      </c>
      <c r="J23737" s="358"/>
      <c r="K23737" s="358"/>
      <c r="L23737" s="358" t="s">
        <v>26096</v>
      </c>
    </row>
    <row r="23738" spans="2:12">
      <c r="B23738" s="367"/>
      <c r="C23738" s="360"/>
      <c r="D23738" s="367"/>
      <c r="E23738" s="367"/>
      <c r="F23738" s="360"/>
      <c r="G23738" s="360"/>
      <c r="H23738" s="360"/>
      <c r="I23738" s="360"/>
      <c r="J23738" s="365"/>
      <c r="K23738" s="365"/>
      <c r="L23738" s="367"/>
    </row>
    <row r="23739" spans="2:12">
      <c r="B23739" s="367"/>
      <c r="C23739" s="359" t="s">
        <v>12794</v>
      </c>
      <c r="D23739" s="367"/>
      <c r="E23739" s="367"/>
      <c r="F23739" s="359" t="s">
        <v>14326</v>
      </c>
      <c r="G23739" s="359" t="s">
        <v>14669</v>
      </c>
      <c r="H23739" s="359" t="s">
        <v>14328</v>
      </c>
      <c r="I23739" s="359" t="s">
        <v>14669</v>
      </c>
      <c r="J23739" s="365"/>
      <c r="K23739" s="365"/>
      <c r="L23739" s="367"/>
    </row>
    <row r="23740" spans="2:12">
      <c r="B23740" s="367"/>
      <c r="C23740" s="360"/>
      <c r="D23740" s="367"/>
      <c r="E23740" s="367"/>
      <c r="F23740" s="360"/>
      <c r="G23740" s="360"/>
      <c r="H23740" s="360"/>
      <c r="I23740" s="360"/>
      <c r="J23740" s="365"/>
      <c r="K23740" s="365"/>
      <c r="L23740" s="367"/>
    </row>
    <row r="23741" spans="2:12" ht="99.75">
      <c r="B23741" s="367"/>
      <c r="C23741" s="359" t="s">
        <v>28210</v>
      </c>
      <c r="D23741" s="367"/>
      <c r="E23741" s="367"/>
      <c r="F23741" s="359" t="s">
        <v>29864</v>
      </c>
      <c r="G23741" s="359" t="s">
        <v>14890</v>
      </c>
      <c r="H23741" s="359" t="s">
        <v>14381</v>
      </c>
      <c r="I23741" s="359" t="s">
        <v>14890</v>
      </c>
      <c r="J23741" s="365"/>
      <c r="K23741" s="365"/>
      <c r="L23741" s="367"/>
    </row>
    <row r="23742" spans="2:12">
      <c r="B23742" s="367"/>
      <c r="C23742" s="360"/>
      <c r="D23742" s="367"/>
      <c r="E23742" s="367"/>
      <c r="F23742" s="360"/>
      <c r="G23742" s="360"/>
      <c r="H23742" s="360"/>
      <c r="I23742" s="360"/>
      <c r="J23742" s="365"/>
      <c r="K23742" s="365"/>
      <c r="L23742" s="367"/>
    </row>
    <row r="23743" spans="2:12">
      <c r="B23743" s="368"/>
      <c r="C23743" s="362"/>
      <c r="D23743" s="368"/>
      <c r="E23743" s="368"/>
      <c r="F23743" s="362"/>
      <c r="G23743" s="362"/>
      <c r="H23743" s="361" t="s">
        <v>14332</v>
      </c>
      <c r="I23743" s="362"/>
      <c r="J23743" s="366"/>
      <c r="K23743" s="366"/>
      <c r="L23743" s="368"/>
    </row>
    <row r="23744" spans="2:12">
      <c r="B23744" s="358" t="s">
        <v>10142</v>
      </c>
      <c r="C23744" s="358" t="s">
        <v>28211</v>
      </c>
      <c r="D23744" s="358" t="s">
        <v>10143</v>
      </c>
      <c r="E23744" s="358" t="s">
        <v>10144</v>
      </c>
      <c r="F23744" s="358" t="s">
        <v>14330</v>
      </c>
      <c r="G23744" s="358" t="s">
        <v>14327</v>
      </c>
      <c r="H23744" s="358" t="s">
        <v>14331</v>
      </c>
      <c r="I23744" s="358" t="s">
        <v>14327</v>
      </c>
      <c r="J23744" s="358"/>
      <c r="K23744" s="358"/>
      <c r="L23744" s="358" t="s">
        <v>26096</v>
      </c>
    </row>
    <row r="23745" spans="2:12">
      <c r="B23745" s="367"/>
      <c r="C23745" s="360"/>
      <c r="D23745" s="367"/>
      <c r="E23745" s="367"/>
      <c r="F23745" s="360"/>
      <c r="G23745" s="360"/>
      <c r="H23745" s="360"/>
      <c r="I23745" s="360"/>
      <c r="J23745" s="365"/>
      <c r="K23745" s="365"/>
      <c r="L23745" s="367"/>
    </row>
    <row r="23746" spans="2:12">
      <c r="B23746" s="367"/>
      <c r="C23746" s="359" t="s">
        <v>12794</v>
      </c>
      <c r="D23746" s="367"/>
      <c r="E23746" s="367"/>
      <c r="F23746" s="359" t="s">
        <v>14326</v>
      </c>
      <c r="G23746" s="359" t="s">
        <v>14669</v>
      </c>
      <c r="H23746" s="359" t="s">
        <v>14328</v>
      </c>
      <c r="I23746" s="359" t="s">
        <v>14669</v>
      </c>
      <c r="J23746" s="365"/>
      <c r="K23746" s="365"/>
      <c r="L23746" s="367"/>
    </row>
    <row r="23747" spans="2:12">
      <c r="B23747" s="367"/>
      <c r="C23747" s="360"/>
      <c r="D23747" s="367"/>
      <c r="E23747" s="367"/>
      <c r="F23747" s="360"/>
      <c r="G23747" s="360"/>
      <c r="H23747" s="360"/>
      <c r="I23747" s="360"/>
      <c r="J23747" s="365"/>
      <c r="K23747" s="365"/>
      <c r="L23747" s="367"/>
    </row>
    <row r="23748" spans="2:12" ht="85.5">
      <c r="B23748" s="367"/>
      <c r="C23748" s="359" t="s">
        <v>30706</v>
      </c>
      <c r="D23748" s="367"/>
      <c r="E23748" s="367"/>
      <c r="F23748" s="359" t="s">
        <v>29864</v>
      </c>
      <c r="G23748" s="359" t="s">
        <v>14890</v>
      </c>
      <c r="H23748" s="359" t="s">
        <v>14381</v>
      </c>
      <c r="I23748" s="359" t="s">
        <v>14890</v>
      </c>
      <c r="J23748" s="365"/>
      <c r="K23748" s="365"/>
      <c r="L23748" s="367"/>
    </row>
    <row r="23749" spans="2:12">
      <c r="B23749" s="367"/>
      <c r="C23749" s="360"/>
      <c r="D23749" s="367"/>
      <c r="E23749" s="367"/>
      <c r="F23749" s="360"/>
      <c r="G23749" s="360"/>
      <c r="H23749" s="360"/>
      <c r="I23749" s="360"/>
      <c r="J23749" s="365"/>
      <c r="K23749" s="365"/>
      <c r="L23749" s="367"/>
    </row>
    <row r="23750" spans="2:12">
      <c r="B23750" s="368"/>
      <c r="C23750" s="362"/>
      <c r="D23750" s="368"/>
      <c r="E23750" s="368"/>
      <c r="F23750" s="362"/>
      <c r="G23750" s="362"/>
      <c r="H23750" s="361" t="s">
        <v>14332</v>
      </c>
      <c r="I23750" s="362"/>
      <c r="J23750" s="366"/>
      <c r="K23750" s="366"/>
      <c r="L23750" s="368"/>
    </row>
    <row r="23751" spans="2:12">
      <c r="B23751" s="358" t="s">
        <v>10146</v>
      </c>
      <c r="C23751" s="358" t="s">
        <v>26183</v>
      </c>
      <c r="D23751" s="358" t="s">
        <v>10147</v>
      </c>
      <c r="E23751" s="358" t="s">
        <v>10148</v>
      </c>
      <c r="F23751" s="358" t="s">
        <v>14330</v>
      </c>
      <c r="G23751" s="358" t="s">
        <v>14327</v>
      </c>
      <c r="H23751" s="358" t="s">
        <v>14331</v>
      </c>
      <c r="I23751" s="358" t="s">
        <v>14327</v>
      </c>
      <c r="J23751" s="358"/>
      <c r="K23751" s="358"/>
      <c r="L23751" s="358" t="s">
        <v>26096</v>
      </c>
    </row>
    <row r="23752" spans="2:12">
      <c r="B23752" s="367"/>
      <c r="C23752" s="360"/>
      <c r="D23752" s="367"/>
      <c r="E23752" s="367"/>
      <c r="F23752" s="360"/>
      <c r="G23752" s="360"/>
      <c r="H23752" s="360"/>
      <c r="I23752" s="360"/>
      <c r="J23752" s="365"/>
      <c r="K23752" s="365"/>
      <c r="L23752" s="367"/>
    </row>
    <row r="23753" spans="2:12">
      <c r="B23753" s="367"/>
      <c r="C23753" s="359" t="s">
        <v>12794</v>
      </c>
      <c r="D23753" s="367"/>
      <c r="E23753" s="367"/>
      <c r="F23753" s="359" t="s">
        <v>14326</v>
      </c>
      <c r="G23753" s="359" t="s">
        <v>14669</v>
      </c>
      <c r="H23753" s="359" t="s">
        <v>14328</v>
      </c>
      <c r="I23753" s="359" t="s">
        <v>14669</v>
      </c>
      <c r="J23753" s="365"/>
      <c r="K23753" s="365"/>
      <c r="L23753" s="367"/>
    </row>
    <row r="23754" spans="2:12">
      <c r="B23754" s="367"/>
      <c r="C23754" s="360"/>
      <c r="D23754" s="367"/>
      <c r="E23754" s="367"/>
      <c r="F23754" s="360"/>
      <c r="G23754" s="360"/>
      <c r="H23754" s="360"/>
      <c r="I23754" s="360"/>
      <c r="J23754" s="365"/>
      <c r="K23754" s="365"/>
      <c r="L23754" s="367"/>
    </row>
    <row r="23755" spans="2:12" ht="57">
      <c r="B23755" s="367"/>
      <c r="C23755" s="359" t="s">
        <v>28212</v>
      </c>
      <c r="D23755" s="367"/>
      <c r="E23755" s="367"/>
      <c r="F23755" s="359" t="s">
        <v>29864</v>
      </c>
      <c r="G23755" s="359" t="s">
        <v>14890</v>
      </c>
      <c r="H23755" s="359" t="s">
        <v>14381</v>
      </c>
      <c r="I23755" s="359" t="s">
        <v>14890</v>
      </c>
      <c r="J23755" s="365"/>
      <c r="K23755" s="365"/>
      <c r="L23755" s="367"/>
    </row>
    <row r="23756" spans="2:12">
      <c r="B23756" s="367"/>
      <c r="C23756" s="360"/>
      <c r="D23756" s="367"/>
      <c r="E23756" s="367"/>
      <c r="F23756" s="360"/>
      <c r="G23756" s="360"/>
      <c r="H23756" s="360"/>
      <c r="I23756" s="360"/>
      <c r="J23756" s="365"/>
      <c r="K23756" s="365"/>
      <c r="L23756" s="367"/>
    </row>
    <row r="23757" spans="2:12">
      <c r="B23757" s="368"/>
      <c r="C23757" s="362"/>
      <c r="D23757" s="368"/>
      <c r="E23757" s="368"/>
      <c r="F23757" s="362"/>
      <c r="G23757" s="362"/>
      <c r="H23757" s="361" t="s">
        <v>14332</v>
      </c>
      <c r="I23757" s="362"/>
      <c r="J23757" s="366"/>
      <c r="K23757" s="366"/>
      <c r="L23757" s="368"/>
    </row>
    <row r="23758" spans="2:12">
      <c r="B23758" s="358" t="s">
        <v>10150</v>
      </c>
      <c r="C23758" s="358" t="s">
        <v>30707</v>
      </c>
      <c r="D23758" s="358" t="s">
        <v>10151</v>
      </c>
      <c r="E23758" s="358" t="s">
        <v>10152</v>
      </c>
      <c r="F23758" s="358" t="s">
        <v>14330</v>
      </c>
      <c r="G23758" s="358" t="s">
        <v>14327</v>
      </c>
      <c r="H23758" s="358" t="s">
        <v>14331</v>
      </c>
      <c r="I23758" s="358" t="s">
        <v>14327</v>
      </c>
      <c r="J23758" s="358"/>
      <c r="K23758" s="358"/>
      <c r="L23758" s="358" t="s">
        <v>26096</v>
      </c>
    </row>
    <row r="23759" spans="2:12">
      <c r="B23759" s="367"/>
      <c r="C23759" s="360"/>
      <c r="D23759" s="367"/>
      <c r="E23759" s="367"/>
      <c r="F23759" s="360"/>
      <c r="G23759" s="360"/>
      <c r="H23759" s="360"/>
      <c r="I23759" s="360"/>
      <c r="J23759" s="365"/>
      <c r="K23759" s="365"/>
      <c r="L23759" s="367"/>
    </row>
    <row r="23760" spans="2:12" ht="57">
      <c r="B23760" s="367"/>
      <c r="C23760" s="359" t="s">
        <v>26184</v>
      </c>
      <c r="D23760" s="367"/>
      <c r="E23760" s="367"/>
      <c r="F23760" s="359" t="s">
        <v>14326</v>
      </c>
      <c r="G23760" s="359" t="s">
        <v>14669</v>
      </c>
      <c r="H23760" s="359" t="s">
        <v>14328</v>
      </c>
      <c r="I23760" s="359" t="s">
        <v>14669</v>
      </c>
      <c r="J23760" s="365"/>
      <c r="K23760" s="365"/>
      <c r="L23760" s="367"/>
    </row>
    <row r="23761" spans="2:12">
      <c r="B23761" s="367"/>
      <c r="C23761" s="360"/>
      <c r="D23761" s="367"/>
      <c r="E23761" s="367"/>
      <c r="F23761" s="360"/>
      <c r="G23761" s="360"/>
      <c r="H23761" s="360"/>
      <c r="I23761" s="360"/>
      <c r="J23761" s="365"/>
      <c r="K23761" s="365"/>
      <c r="L23761" s="367"/>
    </row>
    <row r="23762" spans="2:12" ht="28.5">
      <c r="B23762" s="367"/>
      <c r="C23762" s="360"/>
      <c r="D23762" s="367"/>
      <c r="E23762" s="367"/>
      <c r="F23762" s="359" t="s">
        <v>29864</v>
      </c>
      <c r="G23762" s="359" t="s">
        <v>14890</v>
      </c>
      <c r="H23762" s="359" t="s">
        <v>14381</v>
      </c>
      <c r="I23762" s="359" t="s">
        <v>14890</v>
      </c>
      <c r="J23762" s="365"/>
      <c r="K23762" s="365"/>
      <c r="L23762" s="367"/>
    </row>
    <row r="23763" spans="2:12">
      <c r="B23763" s="367"/>
      <c r="C23763" s="360"/>
      <c r="D23763" s="367"/>
      <c r="E23763" s="367"/>
      <c r="F23763" s="360"/>
      <c r="G23763" s="360"/>
      <c r="H23763" s="360"/>
      <c r="I23763" s="360"/>
      <c r="J23763" s="365"/>
      <c r="K23763" s="365"/>
      <c r="L23763" s="367"/>
    </row>
    <row r="23764" spans="2:12">
      <c r="B23764" s="368"/>
      <c r="C23764" s="362"/>
      <c r="D23764" s="368"/>
      <c r="E23764" s="368"/>
      <c r="F23764" s="362"/>
      <c r="G23764" s="362"/>
      <c r="H23764" s="361" t="s">
        <v>14332</v>
      </c>
      <c r="I23764" s="362"/>
      <c r="J23764" s="366"/>
      <c r="K23764" s="366"/>
      <c r="L23764" s="368"/>
    </row>
    <row r="23765" spans="2:12" ht="28.5">
      <c r="B23765" s="358" t="s">
        <v>10153</v>
      </c>
      <c r="C23765" s="358" t="s">
        <v>28213</v>
      </c>
      <c r="D23765" s="358" t="s">
        <v>10154</v>
      </c>
      <c r="E23765" s="358" t="s">
        <v>10155</v>
      </c>
      <c r="F23765" s="358" t="s">
        <v>14330</v>
      </c>
      <c r="G23765" s="358" t="s">
        <v>14327</v>
      </c>
      <c r="H23765" s="358" t="s">
        <v>14331</v>
      </c>
      <c r="I23765" s="358" t="s">
        <v>14327</v>
      </c>
      <c r="J23765" s="358"/>
      <c r="K23765" s="358"/>
      <c r="L23765" s="358" t="s">
        <v>26096</v>
      </c>
    </row>
    <row r="23766" spans="2:12">
      <c r="B23766" s="367"/>
      <c r="C23766" s="360"/>
      <c r="D23766" s="367"/>
      <c r="E23766" s="367"/>
      <c r="F23766" s="360"/>
      <c r="G23766" s="360"/>
      <c r="H23766" s="360"/>
      <c r="I23766" s="360"/>
      <c r="J23766" s="365"/>
      <c r="K23766" s="365"/>
      <c r="L23766" s="367"/>
    </row>
    <row r="23767" spans="2:12">
      <c r="B23767" s="367"/>
      <c r="C23767" s="359" t="s">
        <v>12794</v>
      </c>
      <c r="D23767" s="367"/>
      <c r="E23767" s="367"/>
      <c r="F23767" s="359" t="s">
        <v>14326</v>
      </c>
      <c r="G23767" s="359" t="s">
        <v>14669</v>
      </c>
      <c r="H23767" s="359" t="s">
        <v>14328</v>
      </c>
      <c r="I23767" s="359" t="s">
        <v>14669</v>
      </c>
      <c r="J23767" s="365"/>
      <c r="K23767" s="365"/>
      <c r="L23767" s="367"/>
    </row>
    <row r="23768" spans="2:12">
      <c r="B23768" s="367"/>
      <c r="C23768" s="360"/>
      <c r="D23768" s="367"/>
      <c r="E23768" s="367"/>
      <c r="F23768" s="360"/>
      <c r="G23768" s="360"/>
      <c r="H23768" s="360"/>
      <c r="I23768" s="360"/>
      <c r="J23768" s="365"/>
      <c r="K23768" s="365"/>
      <c r="L23768" s="367"/>
    </row>
    <row r="23769" spans="2:12" ht="28.5">
      <c r="B23769" s="367"/>
      <c r="C23769" s="359" t="s">
        <v>29903</v>
      </c>
      <c r="D23769" s="367"/>
      <c r="E23769" s="367"/>
      <c r="F23769" s="359" t="s">
        <v>29864</v>
      </c>
      <c r="G23769" s="359" t="s">
        <v>14890</v>
      </c>
      <c r="H23769" s="359" t="s">
        <v>14381</v>
      </c>
      <c r="I23769" s="359" t="s">
        <v>14890</v>
      </c>
      <c r="J23769" s="365"/>
      <c r="K23769" s="365"/>
      <c r="L23769" s="367"/>
    </row>
    <row r="23770" spans="2:12">
      <c r="B23770" s="367"/>
      <c r="C23770" s="360"/>
      <c r="D23770" s="367"/>
      <c r="E23770" s="367"/>
      <c r="F23770" s="360"/>
      <c r="G23770" s="360"/>
      <c r="H23770" s="360"/>
      <c r="I23770" s="360"/>
      <c r="J23770" s="365"/>
      <c r="K23770" s="365"/>
      <c r="L23770" s="367"/>
    </row>
    <row r="23771" spans="2:12" ht="57">
      <c r="B23771" s="368"/>
      <c r="C23771" s="361" t="s">
        <v>30708</v>
      </c>
      <c r="D23771" s="368"/>
      <c r="E23771" s="368"/>
      <c r="F23771" s="362"/>
      <c r="G23771" s="362"/>
      <c r="H23771" s="361" t="s">
        <v>14332</v>
      </c>
      <c r="I23771" s="362"/>
      <c r="J23771" s="366"/>
      <c r="K23771" s="366"/>
      <c r="L23771" s="368"/>
    </row>
    <row r="23772" spans="2:12" ht="28.5">
      <c r="B23772" s="358" t="s">
        <v>10156</v>
      </c>
      <c r="C23772" s="358" t="s">
        <v>28214</v>
      </c>
      <c r="D23772" s="358" t="s">
        <v>10157</v>
      </c>
      <c r="E23772" s="358" t="s">
        <v>10158</v>
      </c>
      <c r="F23772" s="358" t="s">
        <v>14330</v>
      </c>
      <c r="G23772" s="358" t="s">
        <v>14327</v>
      </c>
      <c r="H23772" s="358" t="s">
        <v>14331</v>
      </c>
      <c r="I23772" s="358" t="s">
        <v>14327</v>
      </c>
      <c r="J23772" s="358"/>
      <c r="K23772" s="358"/>
      <c r="L23772" s="358" t="s">
        <v>26096</v>
      </c>
    </row>
    <row r="23773" spans="2:12">
      <c r="B23773" s="367"/>
      <c r="C23773" s="360"/>
      <c r="D23773" s="367"/>
      <c r="E23773" s="367"/>
      <c r="F23773" s="360"/>
      <c r="G23773" s="360"/>
      <c r="H23773" s="360"/>
      <c r="I23773" s="360"/>
      <c r="J23773" s="365"/>
      <c r="K23773" s="365"/>
      <c r="L23773" s="367"/>
    </row>
    <row r="23774" spans="2:12">
      <c r="B23774" s="367"/>
      <c r="C23774" s="359" t="s">
        <v>12794</v>
      </c>
      <c r="D23774" s="367"/>
      <c r="E23774" s="367"/>
      <c r="F23774" s="359" t="s">
        <v>14326</v>
      </c>
      <c r="G23774" s="359" t="s">
        <v>14669</v>
      </c>
      <c r="H23774" s="359" t="s">
        <v>14328</v>
      </c>
      <c r="I23774" s="359" t="s">
        <v>14669</v>
      </c>
      <c r="J23774" s="365"/>
      <c r="K23774" s="365"/>
      <c r="L23774" s="367"/>
    </row>
    <row r="23775" spans="2:12">
      <c r="B23775" s="367"/>
      <c r="C23775" s="360"/>
      <c r="D23775" s="367"/>
      <c r="E23775" s="367"/>
      <c r="F23775" s="360"/>
      <c r="G23775" s="360"/>
      <c r="H23775" s="360"/>
      <c r="I23775" s="360"/>
      <c r="J23775" s="365"/>
      <c r="K23775" s="365"/>
      <c r="L23775" s="367"/>
    </row>
    <row r="23776" spans="2:12" ht="57">
      <c r="B23776" s="367"/>
      <c r="C23776" s="359" t="s">
        <v>28215</v>
      </c>
      <c r="D23776" s="367"/>
      <c r="E23776" s="367"/>
      <c r="F23776" s="359" t="s">
        <v>29864</v>
      </c>
      <c r="G23776" s="359" t="s">
        <v>14890</v>
      </c>
      <c r="H23776" s="359" t="s">
        <v>14381</v>
      </c>
      <c r="I23776" s="359" t="s">
        <v>14890</v>
      </c>
      <c r="J23776" s="365"/>
      <c r="K23776" s="365"/>
      <c r="L23776" s="367"/>
    </row>
    <row r="23777" spans="2:12">
      <c r="B23777" s="367"/>
      <c r="C23777" s="360"/>
      <c r="D23777" s="367"/>
      <c r="E23777" s="367"/>
      <c r="F23777" s="360"/>
      <c r="G23777" s="360"/>
      <c r="H23777" s="360"/>
      <c r="I23777" s="360"/>
      <c r="J23777" s="365"/>
      <c r="K23777" s="365"/>
      <c r="L23777" s="367"/>
    </row>
    <row r="23778" spans="2:12">
      <c r="B23778" s="368"/>
      <c r="C23778" s="362"/>
      <c r="D23778" s="368"/>
      <c r="E23778" s="368"/>
      <c r="F23778" s="362"/>
      <c r="G23778" s="362"/>
      <c r="H23778" s="361" t="s">
        <v>14332</v>
      </c>
      <c r="I23778" s="362"/>
      <c r="J23778" s="366"/>
      <c r="K23778" s="366"/>
      <c r="L23778" s="368"/>
    </row>
    <row r="23779" spans="2:12" ht="28.5">
      <c r="B23779" s="358" t="s">
        <v>10160</v>
      </c>
      <c r="C23779" s="358" t="s">
        <v>26185</v>
      </c>
      <c r="D23779" s="358" t="s">
        <v>10161</v>
      </c>
      <c r="E23779" s="358" t="s">
        <v>10162</v>
      </c>
      <c r="F23779" s="358" t="s">
        <v>14330</v>
      </c>
      <c r="G23779" s="358" t="s">
        <v>14327</v>
      </c>
      <c r="H23779" s="358" t="s">
        <v>14331</v>
      </c>
      <c r="I23779" s="358" t="s">
        <v>14327</v>
      </c>
      <c r="J23779" s="358"/>
      <c r="K23779" s="358"/>
      <c r="L23779" s="358" t="s">
        <v>26096</v>
      </c>
    </row>
    <row r="23780" spans="2:12">
      <c r="B23780" s="367"/>
      <c r="C23780" s="360"/>
      <c r="D23780" s="367"/>
      <c r="E23780" s="367"/>
      <c r="F23780" s="360"/>
      <c r="G23780" s="360"/>
      <c r="H23780" s="360"/>
      <c r="I23780" s="360"/>
      <c r="J23780" s="365"/>
      <c r="K23780" s="365"/>
      <c r="L23780" s="367"/>
    </row>
    <row r="23781" spans="2:12">
      <c r="B23781" s="367"/>
      <c r="C23781" s="359" t="s">
        <v>12794</v>
      </c>
      <c r="D23781" s="367"/>
      <c r="E23781" s="367"/>
      <c r="F23781" s="359" t="s">
        <v>14326</v>
      </c>
      <c r="G23781" s="359" t="s">
        <v>14669</v>
      </c>
      <c r="H23781" s="359" t="s">
        <v>14328</v>
      </c>
      <c r="I23781" s="359" t="s">
        <v>14669</v>
      </c>
      <c r="J23781" s="365"/>
      <c r="K23781" s="365"/>
      <c r="L23781" s="367"/>
    </row>
    <row r="23782" spans="2:12">
      <c r="B23782" s="367"/>
      <c r="C23782" s="360"/>
      <c r="D23782" s="367"/>
      <c r="E23782" s="367"/>
      <c r="F23782" s="360"/>
      <c r="G23782" s="360"/>
      <c r="H23782" s="360"/>
      <c r="I23782" s="360"/>
      <c r="J23782" s="365"/>
      <c r="K23782" s="365"/>
      <c r="L23782" s="367"/>
    </row>
    <row r="23783" spans="2:12" ht="71.25">
      <c r="B23783" s="367"/>
      <c r="C23783" s="359" t="s">
        <v>30709</v>
      </c>
      <c r="D23783" s="367"/>
      <c r="E23783" s="367"/>
      <c r="F23783" s="359" t="s">
        <v>29864</v>
      </c>
      <c r="G23783" s="359" t="s">
        <v>14890</v>
      </c>
      <c r="H23783" s="359" t="s">
        <v>14381</v>
      </c>
      <c r="I23783" s="359" t="s">
        <v>14890</v>
      </c>
      <c r="J23783" s="365"/>
      <c r="K23783" s="365"/>
      <c r="L23783" s="367"/>
    </row>
    <row r="23784" spans="2:12">
      <c r="B23784" s="367"/>
      <c r="C23784" s="360"/>
      <c r="D23784" s="367"/>
      <c r="E23784" s="367"/>
      <c r="F23784" s="360"/>
      <c r="G23784" s="360"/>
      <c r="H23784" s="360"/>
      <c r="I23784" s="360"/>
      <c r="J23784" s="365"/>
      <c r="K23784" s="365"/>
      <c r="L23784" s="367"/>
    </row>
    <row r="23785" spans="2:12">
      <c r="B23785" s="368"/>
      <c r="C23785" s="362"/>
      <c r="D23785" s="368"/>
      <c r="E23785" s="368"/>
      <c r="F23785" s="362"/>
      <c r="G23785" s="362"/>
      <c r="H23785" s="361" t="s">
        <v>14332</v>
      </c>
      <c r="I23785" s="362"/>
      <c r="J23785" s="366"/>
      <c r="K23785" s="366"/>
      <c r="L23785" s="368"/>
    </row>
    <row r="23786" spans="2:12">
      <c r="B23786" s="358" t="s">
        <v>11469</v>
      </c>
      <c r="C23786" s="358" t="s">
        <v>26186</v>
      </c>
      <c r="D23786" s="358" t="s">
        <v>11470</v>
      </c>
      <c r="E23786" s="358" t="s">
        <v>11471</v>
      </c>
      <c r="F23786" s="358" t="s">
        <v>14376</v>
      </c>
      <c r="G23786" s="358" t="s">
        <v>14669</v>
      </c>
      <c r="H23786" s="358" t="s">
        <v>14381</v>
      </c>
      <c r="I23786" s="358" t="s">
        <v>14669</v>
      </c>
      <c r="J23786" s="358"/>
      <c r="K23786" s="358"/>
      <c r="L23786" s="358" t="s">
        <v>11463</v>
      </c>
    </row>
    <row r="23787" spans="2:12">
      <c r="B23787" s="367"/>
      <c r="C23787" s="360"/>
      <c r="D23787" s="367"/>
      <c r="E23787" s="367"/>
      <c r="F23787" s="367"/>
      <c r="G23787" s="367"/>
      <c r="H23787" s="360"/>
      <c r="I23787" s="367"/>
      <c r="J23787" s="365"/>
      <c r="K23787" s="365"/>
      <c r="L23787" s="367"/>
    </row>
    <row r="23788" spans="2:12">
      <c r="B23788" s="367"/>
      <c r="C23788" s="359" t="s">
        <v>26167</v>
      </c>
      <c r="D23788" s="367"/>
      <c r="E23788" s="367"/>
      <c r="F23788" s="367"/>
      <c r="G23788" s="367"/>
      <c r="H23788" s="359" t="s">
        <v>14332</v>
      </c>
      <c r="I23788" s="367"/>
      <c r="J23788" s="365"/>
      <c r="K23788" s="365"/>
      <c r="L23788" s="367"/>
    </row>
    <row r="23789" spans="2:12">
      <c r="B23789" s="367"/>
      <c r="C23789" s="360"/>
      <c r="D23789" s="367"/>
      <c r="E23789" s="367"/>
      <c r="F23789" s="367"/>
      <c r="G23789" s="367"/>
      <c r="H23789" s="360"/>
      <c r="I23789" s="367"/>
      <c r="J23789" s="365"/>
      <c r="K23789" s="365"/>
      <c r="L23789" s="367"/>
    </row>
    <row r="23790" spans="2:12" ht="85.5">
      <c r="B23790" s="368"/>
      <c r="C23790" s="361" t="s">
        <v>28216</v>
      </c>
      <c r="D23790" s="368"/>
      <c r="E23790" s="368"/>
      <c r="F23790" s="368"/>
      <c r="G23790" s="368"/>
      <c r="H23790" s="362"/>
      <c r="I23790" s="368"/>
      <c r="J23790" s="366"/>
      <c r="K23790" s="366"/>
      <c r="L23790" s="368"/>
    </row>
    <row r="23791" spans="2:12">
      <c r="B23791" s="358" t="s">
        <v>11473</v>
      </c>
      <c r="C23791" s="358" t="s">
        <v>26187</v>
      </c>
      <c r="D23791" s="358" t="s">
        <v>11474</v>
      </c>
      <c r="E23791" s="358" t="s">
        <v>11475</v>
      </c>
      <c r="F23791" s="358" t="s">
        <v>14376</v>
      </c>
      <c r="G23791" s="358" t="s">
        <v>14669</v>
      </c>
      <c r="H23791" s="358" t="s">
        <v>14381</v>
      </c>
      <c r="I23791" s="358" t="s">
        <v>14669</v>
      </c>
      <c r="J23791" s="358"/>
      <c r="K23791" s="358"/>
      <c r="L23791" s="358" t="s">
        <v>11476</v>
      </c>
    </row>
    <row r="23792" spans="2:12">
      <c r="B23792" s="367"/>
      <c r="C23792" s="360"/>
      <c r="D23792" s="367"/>
      <c r="E23792" s="367"/>
      <c r="F23792" s="367"/>
      <c r="G23792" s="367"/>
      <c r="H23792" s="360"/>
      <c r="I23792" s="367"/>
      <c r="J23792" s="365"/>
      <c r="K23792" s="365"/>
      <c r="L23792" s="367"/>
    </row>
    <row r="23793" spans="2:12">
      <c r="B23793" s="367"/>
      <c r="C23793" s="359" t="s">
        <v>29904</v>
      </c>
      <c r="D23793" s="367"/>
      <c r="E23793" s="367"/>
      <c r="F23793" s="367"/>
      <c r="G23793" s="367"/>
      <c r="H23793" s="359" t="s">
        <v>14332</v>
      </c>
      <c r="I23793" s="367"/>
      <c r="J23793" s="365"/>
      <c r="K23793" s="365"/>
      <c r="L23793" s="367"/>
    </row>
    <row r="23794" spans="2:12">
      <c r="B23794" s="367"/>
      <c r="C23794" s="360"/>
      <c r="D23794" s="367"/>
      <c r="E23794" s="367"/>
      <c r="F23794" s="367"/>
      <c r="G23794" s="367"/>
      <c r="H23794" s="360"/>
      <c r="I23794" s="367"/>
      <c r="J23794" s="365"/>
      <c r="K23794" s="365"/>
      <c r="L23794" s="367"/>
    </row>
    <row r="23795" spans="2:12" ht="99.75">
      <c r="B23795" s="368"/>
      <c r="C23795" s="361" t="s">
        <v>30710</v>
      </c>
      <c r="D23795" s="368"/>
      <c r="E23795" s="368"/>
      <c r="F23795" s="368"/>
      <c r="G23795" s="368"/>
      <c r="H23795" s="362"/>
      <c r="I23795" s="368"/>
      <c r="J23795" s="366"/>
      <c r="K23795" s="366"/>
      <c r="L23795" s="368"/>
    </row>
    <row r="23796" spans="2:12">
      <c r="B23796" s="358" t="s">
        <v>11478</v>
      </c>
      <c r="C23796" s="358" t="s">
        <v>26188</v>
      </c>
      <c r="D23796" s="358" t="s">
        <v>11479</v>
      </c>
      <c r="E23796" s="358" t="s">
        <v>11480</v>
      </c>
      <c r="F23796" s="358" t="s">
        <v>14376</v>
      </c>
      <c r="G23796" s="358" t="s">
        <v>14669</v>
      </c>
      <c r="H23796" s="358" t="s">
        <v>14381</v>
      </c>
      <c r="I23796" s="358" t="s">
        <v>14669</v>
      </c>
      <c r="J23796" s="358"/>
      <c r="K23796" s="358"/>
      <c r="L23796" s="358" t="s">
        <v>11476</v>
      </c>
    </row>
    <row r="23797" spans="2:12">
      <c r="B23797" s="367"/>
      <c r="C23797" s="360"/>
      <c r="D23797" s="367"/>
      <c r="E23797" s="367"/>
      <c r="F23797" s="367"/>
      <c r="G23797" s="367"/>
      <c r="H23797" s="360"/>
      <c r="I23797" s="367"/>
      <c r="J23797" s="365"/>
      <c r="K23797" s="365"/>
      <c r="L23797" s="367"/>
    </row>
    <row r="23798" spans="2:12">
      <c r="B23798" s="367"/>
      <c r="C23798" s="359" t="s">
        <v>29904</v>
      </c>
      <c r="D23798" s="367"/>
      <c r="E23798" s="367"/>
      <c r="F23798" s="367"/>
      <c r="G23798" s="367"/>
      <c r="H23798" s="359" t="s">
        <v>14332</v>
      </c>
      <c r="I23798" s="367"/>
      <c r="J23798" s="365"/>
      <c r="K23798" s="365"/>
      <c r="L23798" s="367"/>
    </row>
    <row r="23799" spans="2:12">
      <c r="B23799" s="367"/>
      <c r="C23799" s="360"/>
      <c r="D23799" s="367"/>
      <c r="E23799" s="367"/>
      <c r="F23799" s="367"/>
      <c r="G23799" s="367"/>
      <c r="H23799" s="360"/>
      <c r="I23799" s="367"/>
      <c r="J23799" s="365"/>
      <c r="K23799" s="365"/>
      <c r="L23799" s="367"/>
    </row>
    <row r="23800" spans="2:12" ht="85.5">
      <c r="B23800" s="368"/>
      <c r="C23800" s="361" t="s">
        <v>30711</v>
      </c>
      <c r="D23800" s="368"/>
      <c r="E23800" s="368"/>
      <c r="F23800" s="368"/>
      <c r="G23800" s="368"/>
      <c r="H23800" s="362"/>
      <c r="I23800" s="368"/>
      <c r="J23800" s="366"/>
      <c r="K23800" s="366"/>
      <c r="L23800" s="368"/>
    </row>
    <row r="23801" spans="2:12">
      <c r="B23801" s="358" t="s">
        <v>11482</v>
      </c>
      <c r="C23801" s="358" t="s">
        <v>26189</v>
      </c>
      <c r="D23801" s="358" t="s">
        <v>11483</v>
      </c>
      <c r="E23801" s="358" t="s">
        <v>11484</v>
      </c>
      <c r="F23801" s="358" t="s">
        <v>14376</v>
      </c>
      <c r="G23801" s="358" t="s">
        <v>14669</v>
      </c>
      <c r="H23801" s="358" t="s">
        <v>14381</v>
      </c>
      <c r="I23801" s="358" t="s">
        <v>14669</v>
      </c>
      <c r="J23801" s="358"/>
      <c r="K23801" s="358"/>
      <c r="L23801" s="358" t="s">
        <v>11476</v>
      </c>
    </row>
    <row r="23802" spans="2:12">
      <c r="B23802" s="367"/>
      <c r="C23802" s="360"/>
      <c r="D23802" s="367"/>
      <c r="E23802" s="367"/>
      <c r="F23802" s="367"/>
      <c r="G23802" s="367"/>
      <c r="H23802" s="360"/>
      <c r="I23802" s="367"/>
      <c r="J23802" s="365"/>
      <c r="K23802" s="365"/>
      <c r="L23802" s="367"/>
    </row>
    <row r="23803" spans="2:12">
      <c r="B23803" s="367"/>
      <c r="C23803" s="359" t="s">
        <v>29904</v>
      </c>
      <c r="D23803" s="367"/>
      <c r="E23803" s="367"/>
      <c r="F23803" s="367"/>
      <c r="G23803" s="367"/>
      <c r="H23803" s="359" t="s">
        <v>14332</v>
      </c>
      <c r="I23803" s="367"/>
      <c r="J23803" s="365"/>
      <c r="K23803" s="365"/>
      <c r="L23803" s="367"/>
    </row>
    <row r="23804" spans="2:12">
      <c r="B23804" s="367"/>
      <c r="C23804" s="360"/>
      <c r="D23804" s="367"/>
      <c r="E23804" s="367"/>
      <c r="F23804" s="367"/>
      <c r="G23804" s="367"/>
      <c r="H23804" s="360"/>
      <c r="I23804" s="367"/>
      <c r="J23804" s="365"/>
      <c r="K23804" s="365"/>
      <c r="L23804" s="367"/>
    </row>
    <row r="23805" spans="2:12" ht="85.5">
      <c r="B23805" s="368"/>
      <c r="C23805" s="361" t="s">
        <v>30712</v>
      </c>
      <c r="D23805" s="368"/>
      <c r="E23805" s="368"/>
      <c r="F23805" s="368"/>
      <c r="G23805" s="368"/>
      <c r="H23805" s="362"/>
      <c r="I23805" s="368"/>
      <c r="J23805" s="366"/>
      <c r="K23805" s="366"/>
      <c r="L23805" s="368"/>
    </row>
    <row r="23806" spans="2:12">
      <c r="B23806" s="358" t="s">
        <v>11486</v>
      </c>
      <c r="C23806" s="358" t="s">
        <v>26190</v>
      </c>
      <c r="D23806" s="358" t="s">
        <v>11487</v>
      </c>
      <c r="E23806" s="358" t="s">
        <v>11488</v>
      </c>
      <c r="F23806" s="358" t="s">
        <v>14376</v>
      </c>
      <c r="G23806" s="358" t="s">
        <v>14669</v>
      </c>
      <c r="H23806" s="358" t="s">
        <v>14381</v>
      </c>
      <c r="I23806" s="358" t="s">
        <v>14669</v>
      </c>
      <c r="J23806" s="358"/>
      <c r="K23806" s="358"/>
      <c r="L23806" s="358" t="s">
        <v>11476</v>
      </c>
    </row>
    <row r="23807" spans="2:12">
      <c r="B23807" s="367"/>
      <c r="C23807" s="360"/>
      <c r="D23807" s="367"/>
      <c r="E23807" s="367"/>
      <c r="F23807" s="367"/>
      <c r="G23807" s="367"/>
      <c r="H23807" s="360"/>
      <c r="I23807" s="367"/>
      <c r="J23807" s="365"/>
      <c r="K23807" s="365"/>
      <c r="L23807" s="367"/>
    </row>
    <row r="23808" spans="2:12">
      <c r="B23808" s="367"/>
      <c r="C23808" s="359" t="s">
        <v>29904</v>
      </c>
      <c r="D23808" s="367"/>
      <c r="E23808" s="367"/>
      <c r="F23808" s="367"/>
      <c r="G23808" s="367"/>
      <c r="H23808" s="359" t="s">
        <v>14332</v>
      </c>
      <c r="I23808" s="367"/>
      <c r="J23808" s="365"/>
      <c r="K23808" s="365"/>
      <c r="L23808" s="367"/>
    </row>
    <row r="23809" spans="2:12">
      <c r="B23809" s="367"/>
      <c r="C23809" s="360"/>
      <c r="D23809" s="367"/>
      <c r="E23809" s="367"/>
      <c r="F23809" s="367"/>
      <c r="G23809" s="367"/>
      <c r="H23809" s="360"/>
      <c r="I23809" s="367"/>
      <c r="J23809" s="365"/>
      <c r="K23809" s="365"/>
      <c r="L23809" s="367"/>
    </row>
    <row r="23810" spans="2:12" ht="85.5">
      <c r="B23810" s="368"/>
      <c r="C23810" s="361" t="s">
        <v>30713</v>
      </c>
      <c r="D23810" s="368"/>
      <c r="E23810" s="368"/>
      <c r="F23810" s="368"/>
      <c r="G23810" s="368"/>
      <c r="H23810" s="362"/>
      <c r="I23810" s="368"/>
      <c r="J23810" s="366"/>
      <c r="K23810" s="366"/>
      <c r="L23810" s="368"/>
    </row>
    <row r="23811" spans="2:12">
      <c r="B23811" s="358" t="s">
        <v>11490</v>
      </c>
      <c r="C23811" s="358" t="s">
        <v>26191</v>
      </c>
      <c r="D23811" s="358" t="s">
        <v>11491</v>
      </c>
      <c r="E23811" s="358" t="s">
        <v>11492</v>
      </c>
      <c r="F23811" s="358" t="s">
        <v>14376</v>
      </c>
      <c r="G23811" s="358" t="s">
        <v>14669</v>
      </c>
      <c r="H23811" s="358" t="s">
        <v>14381</v>
      </c>
      <c r="I23811" s="358" t="s">
        <v>14669</v>
      </c>
      <c r="J23811" s="358"/>
      <c r="K23811" s="358"/>
      <c r="L23811" s="358" t="s">
        <v>11476</v>
      </c>
    </row>
    <row r="23812" spans="2:12">
      <c r="B23812" s="367"/>
      <c r="C23812" s="360"/>
      <c r="D23812" s="367"/>
      <c r="E23812" s="367"/>
      <c r="F23812" s="367"/>
      <c r="G23812" s="367"/>
      <c r="H23812" s="360"/>
      <c r="I23812" s="367"/>
      <c r="J23812" s="365"/>
      <c r="K23812" s="365"/>
      <c r="L23812" s="367"/>
    </row>
    <row r="23813" spans="2:12">
      <c r="B23813" s="367"/>
      <c r="C23813" s="359" t="s">
        <v>29904</v>
      </c>
      <c r="D23813" s="367"/>
      <c r="E23813" s="367"/>
      <c r="F23813" s="367"/>
      <c r="G23813" s="367"/>
      <c r="H23813" s="359" t="s">
        <v>14332</v>
      </c>
      <c r="I23813" s="367"/>
      <c r="J23813" s="365"/>
      <c r="K23813" s="365"/>
      <c r="L23813" s="367"/>
    </row>
    <row r="23814" spans="2:12">
      <c r="B23814" s="367"/>
      <c r="C23814" s="360"/>
      <c r="D23814" s="367"/>
      <c r="E23814" s="367"/>
      <c r="F23814" s="367"/>
      <c r="G23814" s="367"/>
      <c r="H23814" s="360"/>
      <c r="I23814" s="367"/>
      <c r="J23814" s="365"/>
      <c r="K23814" s="365"/>
      <c r="L23814" s="367"/>
    </row>
    <row r="23815" spans="2:12" ht="85.5">
      <c r="B23815" s="368"/>
      <c r="C23815" s="361" t="s">
        <v>28217</v>
      </c>
      <c r="D23815" s="368"/>
      <c r="E23815" s="368"/>
      <c r="F23815" s="368"/>
      <c r="G23815" s="368"/>
      <c r="H23815" s="362"/>
      <c r="I23815" s="368"/>
      <c r="J23815" s="366"/>
      <c r="K23815" s="366"/>
      <c r="L23815" s="368"/>
    </row>
    <row r="23816" spans="2:12">
      <c r="B23816" s="358" t="s">
        <v>11494</v>
      </c>
      <c r="C23816" s="358" t="s">
        <v>26192</v>
      </c>
      <c r="D23816" s="358" t="s">
        <v>11495</v>
      </c>
      <c r="E23816" s="358" t="s">
        <v>11496</v>
      </c>
      <c r="F23816" s="358" t="s">
        <v>14376</v>
      </c>
      <c r="G23816" s="358" t="s">
        <v>14669</v>
      </c>
      <c r="H23816" s="358" t="s">
        <v>14381</v>
      </c>
      <c r="I23816" s="358" t="s">
        <v>14669</v>
      </c>
      <c r="J23816" s="358"/>
      <c r="K23816" s="358"/>
      <c r="L23816" s="358" t="s">
        <v>11476</v>
      </c>
    </row>
    <row r="23817" spans="2:12">
      <c r="B23817" s="367"/>
      <c r="C23817" s="360"/>
      <c r="D23817" s="367"/>
      <c r="E23817" s="367"/>
      <c r="F23817" s="367"/>
      <c r="G23817" s="367"/>
      <c r="H23817" s="360"/>
      <c r="I23817" s="367"/>
      <c r="J23817" s="365"/>
      <c r="K23817" s="365"/>
      <c r="L23817" s="367"/>
    </row>
    <row r="23818" spans="2:12">
      <c r="B23818" s="367"/>
      <c r="C23818" s="359" t="s">
        <v>29904</v>
      </c>
      <c r="D23818" s="367"/>
      <c r="E23818" s="367"/>
      <c r="F23818" s="367"/>
      <c r="G23818" s="367"/>
      <c r="H23818" s="359" t="s">
        <v>14332</v>
      </c>
      <c r="I23818" s="367"/>
      <c r="J23818" s="365"/>
      <c r="K23818" s="365"/>
      <c r="L23818" s="367"/>
    </row>
    <row r="23819" spans="2:12">
      <c r="B23819" s="367"/>
      <c r="C23819" s="360"/>
      <c r="D23819" s="367"/>
      <c r="E23819" s="367"/>
      <c r="F23819" s="367"/>
      <c r="G23819" s="367"/>
      <c r="H23819" s="360"/>
      <c r="I23819" s="367"/>
      <c r="J23819" s="365"/>
      <c r="K23819" s="365"/>
      <c r="L23819" s="367"/>
    </row>
    <row r="23820" spans="2:12" ht="71.25">
      <c r="B23820" s="368"/>
      <c r="C23820" s="361" t="s">
        <v>30714</v>
      </c>
      <c r="D23820" s="368"/>
      <c r="E23820" s="368"/>
      <c r="F23820" s="368"/>
      <c r="G23820" s="368"/>
      <c r="H23820" s="362"/>
      <c r="I23820" s="368"/>
      <c r="J23820" s="366"/>
      <c r="K23820" s="366"/>
      <c r="L23820" s="368"/>
    </row>
    <row r="23821" spans="2:12">
      <c r="B23821" s="358" t="s">
        <v>11498</v>
      </c>
      <c r="C23821" s="358" t="s">
        <v>26193</v>
      </c>
      <c r="D23821" s="358" t="s">
        <v>11499</v>
      </c>
      <c r="E23821" s="358" t="s">
        <v>11500</v>
      </c>
      <c r="F23821" s="358" t="s">
        <v>14376</v>
      </c>
      <c r="G23821" s="358" t="s">
        <v>14669</v>
      </c>
      <c r="H23821" s="358" t="s">
        <v>14381</v>
      </c>
      <c r="I23821" s="358" t="s">
        <v>14669</v>
      </c>
      <c r="J23821" s="358"/>
      <c r="K23821" s="358"/>
      <c r="L23821" s="358" t="s">
        <v>11476</v>
      </c>
    </row>
    <row r="23822" spans="2:12">
      <c r="B23822" s="367"/>
      <c r="C23822" s="360"/>
      <c r="D23822" s="367"/>
      <c r="E23822" s="367"/>
      <c r="F23822" s="367"/>
      <c r="G23822" s="367"/>
      <c r="H23822" s="360"/>
      <c r="I23822" s="367"/>
      <c r="J23822" s="365"/>
      <c r="K23822" s="365"/>
      <c r="L23822" s="367"/>
    </row>
    <row r="23823" spans="2:12">
      <c r="B23823" s="367"/>
      <c r="C23823" s="359" t="s">
        <v>29904</v>
      </c>
      <c r="D23823" s="367"/>
      <c r="E23823" s="367"/>
      <c r="F23823" s="367"/>
      <c r="G23823" s="367"/>
      <c r="H23823" s="359" t="s">
        <v>14332</v>
      </c>
      <c r="I23823" s="367"/>
      <c r="J23823" s="365"/>
      <c r="K23823" s="365"/>
      <c r="L23823" s="367"/>
    </row>
    <row r="23824" spans="2:12">
      <c r="B23824" s="367"/>
      <c r="C23824" s="360"/>
      <c r="D23824" s="367"/>
      <c r="E23824" s="367"/>
      <c r="F23824" s="367"/>
      <c r="G23824" s="367"/>
      <c r="H23824" s="360"/>
      <c r="I23824" s="367"/>
      <c r="J23824" s="365"/>
      <c r="K23824" s="365"/>
      <c r="L23824" s="367"/>
    </row>
    <row r="23825" spans="2:12" ht="85.5">
      <c r="B23825" s="368"/>
      <c r="C23825" s="361" t="s">
        <v>30715</v>
      </c>
      <c r="D23825" s="368"/>
      <c r="E23825" s="368"/>
      <c r="F23825" s="368"/>
      <c r="G23825" s="368"/>
      <c r="H23825" s="362"/>
      <c r="I23825" s="368"/>
      <c r="J23825" s="366"/>
      <c r="K23825" s="366"/>
      <c r="L23825" s="368"/>
    </row>
    <row r="23826" spans="2:12">
      <c r="B23826" s="358" t="s">
        <v>11502</v>
      </c>
      <c r="C23826" s="358" t="s">
        <v>26194</v>
      </c>
      <c r="D23826" s="358" t="s">
        <v>11503</v>
      </c>
      <c r="E23826" s="358" t="s">
        <v>11504</v>
      </c>
      <c r="F23826" s="358" t="s">
        <v>14376</v>
      </c>
      <c r="G23826" s="358" t="s">
        <v>14669</v>
      </c>
      <c r="H23826" s="358" t="s">
        <v>14381</v>
      </c>
      <c r="I23826" s="358" t="s">
        <v>14669</v>
      </c>
      <c r="J23826" s="358"/>
      <c r="K23826" s="358"/>
      <c r="L23826" s="358" t="s">
        <v>11476</v>
      </c>
    </row>
    <row r="23827" spans="2:12">
      <c r="B23827" s="367"/>
      <c r="C23827" s="360"/>
      <c r="D23827" s="367"/>
      <c r="E23827" s="367"/>
      <c r="F23827" s="367"/>
      <c r="G23827" s="367"/>
      <c r="H23827" s="360"/>
      <c r="I23827" s="367"/>
      <c r="J23827" s="365"/>
      <c r="K23827" s="365"/>
      <c r="L23827" s="367"/>
    </row>
    <row r="23828" spans="2:12">
      <c r="B23828" s="367"/>
      <c r="C23828" s="359" t="s">
        <v>29904</v>
      </c>
      <c r="D23828" s="367"/>
      <c r="E23828" s="367"/>
      <c r="F23828" s="367"/>
      <c r="G23828" s="367"/>
      <c r="H23828" s="359" t="s">
        <v>14332</v>
      </c>
      <c r="I23828" s="367"/>
      <c r="J23828" s="365"/>
      <c r="K23828" s="365"/>
      <c r="L23828" s="367"/>
    </row>
    <row r="23829" spans="2:12">
      <c r="B23829" s="367"/>
      <c r="C23829" s="360"/>
      <c r="D23829" s="367"/>
      <c r="E23829" s="367"/>
      <c r="F23829" s="367"/>
      <c r="G23829" s="367"/>
      <c r="H23829" s="360"/>
      <c r="I23829" s="367"/>
      <c r="J23829" s="365"/>
      <c r="K23829" s="365"/>
      <c r="L23829" s="367"/>
    </row>
    <row r="23830" spans="2:12" ht="85.5">
      <c r="B23830" s="368"/>
      <c r="C23830" s="361" t="s">
        <v>30716</v>
      </c>
      <c r="D23830" s="368"/>
      <c r="E23830" s="368"/>
      <c r="F23830" s="368"/>
      <c r="G23830" s="368"/>
      <c r="H23830" s="362"/>
      <c r="I23830" s="368"/>
      <c r="J23830" s="366"/>
      <c r="K23830" s="366"/>
      <c r="L23830" s="368"/>
    </row>
    <row r="23831" spans="2:12">
      <c r="B23831" s="358" t="s">
        <v>11506</v>
      </c>
      <c r="C23831" s="358" t="s">
        <v>26195</v>
      </c>
      <c r="D23831" s="358" t="s">
        <v>11507</v>
      </c>
      <c r="E23831" s="358" t="s">
        <v>11508</v>
      </c>
      <c r="F23831" s="358" t="s">
        <v>14376</v>
      </c>
      <c r="G23831" s="358" t="s">
        <v>14669</v>
      </c>
      <c r="H23831" s="358" t="s">
        <v>14381</v>
      </c>
      <c r="I23831" s="358" t="s">
        <v>14669</v>
      </c>
      <c r="J23831" s="358"/>
      <c r="K23831" s="358"/>
      <c r="L23831" s="358" t="s">
        <v>11476</v>
      </c>
    </row>
    <row r="23832" spans="2:12">
      <c r="B23832" s="367"/>
      <c r="C23832" s="360"/>
      <c r="D23832" s="367"/>
      <c r="E23832" s="367"/>
      <c r="F23832" s="367"/>
      <c r="G23832" s="367"/>
      <c r="H23832" s="360"/>
      <c r="I23832" s="367"/>
      <c r="J23832" s="365"/>
      <c r="K23832" s="365"/>
      <c r="L23832" s="367"/>
    </row>
    <row r="23833" spans="2:12">
      <c r="B23833" s="367"/>
      <c r="C23833" s="359" t="s">
        <v>29904</v>
      </c>
      <c r="D23833" s="367"/>
      <c r="E23833" s="367"/>
      <c r="F23833" s="367"/>
      <c r="G23833" s="367"/>
      <c r="H23833" s="359" t="s">
        <v>14332</v>
      </c>
      <c r="I23833" s="367"/>
      <c r="J23833" s="365"/>
      <c r="K23833" s="365"/>
      <c r="L23833" s="367"/>
    </row>
    <row r="23834" spans="2:12">
      <c r="B23834" s="367"/>
      <c r="C23834" s="360"/>
      <c r="D23834" s="367"/>
      <c r="E23834" s="367"/>
      <c r="F23834" s="367"/>
      <c r="G23834" s="367"/>
      <c r="H23834" s="360"/>
      <c r="I23834" s="367"/>
      <c r="J23834" s="365"/>
      <c r="K23834" s="365"/>
      <c r="L23834" s="367"/>
    </row>
    <row r="23835" spans="2:12" ht="114">
      <c r="B23835" s="368"/>
      <c r="C23835" s="361" t="s">
        <v>30717</v>
      </c>
      <c r="D23835" s="368"/>
      <c r="E23835" s="368"/>
      <c r="F23835" s="368"/>
      <c r="G23835" s="368"/>
      <c r="H23835" s="362"/>
      <c r="I23835" s="368"/>
      <c r="J23835" s="366"/>
      <c r="K23835" s="366"/>
      <c r="L23835" s="368"/>
    </row>
    <row r="23836" spans="2:12">
      <c r="B23836" s="358" t="s">
        <v>11510</v>
      </c>
      <c r="C23836" s="358" t="s">
        <v>26196</v>
      </c>
      <c r="D23836" s="358" t="s">
        <v>11511</v>
      </c>
      <c r="E23836" s="358" t="s">
        <v>11512</v>
      </c>
      <c r="F23836" s="358" t="s">
        <v>14376</v>
      </c>
      <c r="G23836" s="358" t="s">
        <v>14669</v>
      </c>
      <c r="H23836" s="358" t="s">
        <v>14381</v>
      </c>
      <c r="I23836" s="358" t="s">
        <v>14669</v>
      </c>
      <c r="J23836" s="358"/>
      <c r="K23836" s="358"/>
      <c r="L23836" s="358" t="s">
        <v>11476</v>
      </c>
    </row>
    <row r="23837" spans="2:12">
      <c r="B23837" s="367"/>
      <c r="C23837" s="360"/>
      <c r="D23837" s="367"/>
      <c r="E23837" s="367"/>
      <c r="F23837" s="367"/>
      <c r="G23837" s="367"/>
      <c r="H23837" s="360"/>
      <c r="I23837" s="367"/>
      <c r="J23837" s="365"/>
      <c r="K23837" s="365"/>
      <c r="L23837" s="367"/>
    </row>
    <row r="23838" spans="2:12">
      <c r="B23838" s="367"/>
      <c r="C23838" s="359" t="s">
        <v>29904</v>
      </c>
      <c r="D23838" s="367"/>
      <c r="E23838" s="367"/>
      <c r="F23838" s="367"/>
      <c r="G23838" s="367"/>
      <c r="H23838" s="359" t="s">
        <v>14332</v>
      </c>
      <c r="I23838" s="367"/>
      <c r="J23838" s="365"/>
      <c r="K23838" s="365"/>
      <c r="L23838" s="367"/>
    </row>
    <row r="23839" spans="2:12">
      <c r="B23839" s="367"/>
      <c r="C23839" s="360"/>
      <c r="D23839" s="367"/>
      <c r="E23839" s="367"/>
      <c r="F23839" s="367"/>
      <c r="G23839" s="367"/>
      <c r="H23839" s="360"/>
      <c r="I23839" s="367"/>
      <c r="J23839" s="365"/>
      <c r="K23839" s="365"/>
      <c r="L23839" s="367"/>
    </row>
    <row r="23840" spans="2:12" ht="85.5">
      <c r="B23840" s="367"/>
      <c r="C23840" s="359" t="s">
        <v>30718</v>
      </c>
      <c r="D23840" s="367"/>
      <c r="E23840" s="367"/>
      <c r="F23840" s="367"/>
      <c r="G23840" s="367"/>
      <c r="H23840" s="360"/>
      <c r="I23840" s="367"/>
      <c r="J23840" s="365"/>
      <c r="K23840" s="365"/>
      <c r="L23840" s="367"/>
    </row>
    <row r="23841" spans="2:12">
      <c r="B23841" s="367"/>
      <c r="C23841" s="360"/>
      <c r="D23841" s="367"/>
      <c r="E23841" s="367"/>
      <c r="F23841" s="367"/>
      <c r="G23841" s="367"/>
      <c r="H23841" s="360"/>
      <c r="I23841" s="367"/>
      <c r="J23841" s="365"/>
      <c r="K23841" s="365"/>
      <c r="L23841" s="367"/>
    </row>
    <row r="23842" spans="2:12">
      <c r="B23842" s="368"/>
      <c r="C23842" s="361" t="s">
        <v>30719</v>
      </c>
      <c r="D23842" s="368"/>
      <c r="E23842" s="368"/>
      <c r="F23842" s="368"/>
      <c r="G23842" s="368"/>
      <c r="H23842" s="362"/>
      <c r="I23842" s="368"/>
      <c r="J23842" s="366"/>
      <c r="K23842" s="366"/>
      <c r="L23842" s="368"/>
    </row>
    <row r="23843" spans="2:12">
      <c r="B23843" s="358" t="s">
        <v>11514</v>
      </c>
      <c r="C23843" s="358" t="s">
        <v>26197</v>
      </c>
      <c r="D23843" s="358" t="s">
        <v>11515</v>
      </c>
      <c r="E23843" s="358" t="s">
        <v>11516</v>
      </c>
      <c r="F23843" s="358" t="s">
        <v>14376</v>
      </c>
      <c r="G23843" s="358" t="s">
        <v>14669</v>
      </c>
      <c r="H23843" s="358" t="s">
        <v>14381</v>
      </c>
      <c r="I23843" s="358" t="s">
        <v>14669</v>
      </c>
      <c r="J23843" s="358"/>
      <c r="K23843" s="358"/>
      <c r="L23843" s="358" t="s">
        <v>11476</v>
      </c>
    </row>
    <row r="23844" spans="2:12">
      <c r="B23844" s="367"/>
      <c r="C23844" s="360"/>
      <c r="D23844" s="367"/>
      <c r="E23844" s="367"/>
      <c r="F23844" s="367"/>
      <c r="G23844" s="367"/>
      <c r="H23844" s="360"/>
      <c r="I23844" s="367"/>
      <c r="J23844" s="365"/>
      <c r="K23844" s="365"/>
      <c r="L23844" s="367"/>
    </row>
    <row r="23845" spans="2:12">
      <c r="B23845" s="367"/>
      <c r="C23845" s="359" t="s">
        <v>29904</v>
      </c>
      <c r="D23845" s="367"/>
      <c r="E23845" s="367"/>
      <c r="F23845" s="367"/>
      <c r="G23845" s="367"/>
      <c r="H23845" s="359" t="s">
        <v>14332</v>
      </c>
      <c r="I23845" s="367"/>
      <c r="J23845" s="365"/>
      <c r="K23845" s="365"/>
      <c r="L23845" s="367"/>
    </row>
    <row r="23846" spans="2:12">
      <c r="B23846" s="367"/>
      <c r="C23846" s="360"/>
      <c r="D23846" s="367"/>
      <c r="E23846" s="367"/>
      <c r="F23846" s="367"/>
      <c r="G23846" s="367"/>
      <c r="H23846" s="360"/>
      <c r="I23846" s="367"/>
      <c r="J23846" s="365"/>
      <c r="K23846" s="365"/>
      <c r="L23846" s="367"/>
    </row>
    <row r="23847" spans="2:12" ht="99.75">
      <c r="B23847" s="368"/>
      <c r="C23847" s="361" t="s">
        <v>30720</v>
      </c>
      <c r="D23847" s="368"/>
      <c r="E23847" s="368"/>
      <c r="F23847" s="368"/>
      <c r="G23847" s="368"/>
      <c r="H23847" s="362"/>
      <c r="I23847" s="368"/>
      <c r="J23847" s="366"/>
      <c r="K23847" s="366"/>
      <c r="L23847" s="368"/>
    </row>
    <row r="23848" spans="2:12">
      <c r="B23848" s="358" t="s">
        <v>11518</v>
      </c>
      <c r="C23848" s="358" t="s">
        <v>26198</v>
      </c>
      <c r="D23848" s="358" t="s">
        <v>11519</v>
      </c>
      <c r="E23848" s="358" t="s">
        <v>11520</v>
      </c>
      <c r="F23848" s="358" t="s">
        <v>14376</v>
      </c>
      <c r="G23848" s="358" t="s">
        <v>14669</v>
      </c>
      <c r="H23848" s="358" t="s">
        <v>14381</v>
      </c>
      <c r="I23848" s="358" t="s">
        <v>14669</v>
      </c>
      <c r="J23848" s="358"/>
      <c r="K23848" s="358"/>
      <c r="L23848" s="358" t="s">
        <v>11476</v>
      </c>
    </row>
    <row r="23849" spans="2:12">
      <c r="B23849" s="367"/>
      <c r="C23849" s="360"/>
      <c r="D23849" s="367"/>
      <c r="E23849" s="367"/>
      <c r="F23849" s="367"/>
      <c r="G23849" s="367"/>
      <c r="H23849" s="360"/>
      <c r="I23849" s="367"/>
      <c r="J23849" s="365"/>
      <c r="K23849" s="365"/>
      <c r="L23849" s="367"/>
    </row>
    <row r="23850" spans="2:12">
      <c r="B23850" s="367"/>
      <c r="C23850" s="359" t="s">
        <v>29904</v>
      </c>
      <c r="D23850" s="367"/>
      <c r="E23850" s="367"/>
      <c r="F23850" s="367"/>
      <c r="G23850" s="367"/>
      <c r="H23850" s="359" t="s">
        <v>14332</v>
      </c>
      <c r="I23850" s="367"/>
      <c r="J23850" s="365"/>
      <c r="K23850" s="365"/>
      <c r="L23850" s="367"/>
    </row>
    <row r="23851" spans="2:12">
      <c r="B23851" s="367"/>
      <c r="C23851" s="360"/>
      <c r="D23851" s="367"/>
      <c r="E23851" s="367"/>
      <c r="F23851" s="367"/>
      <c r="G23851" s="367"/>
      <c r="H23851" s="360"/>
      <c r="I23851" s="367"/>
      <c r="J23851" s="365"/>
      <c r="K23851" s="365"/>
      <c r="L23851" s="367"/>
    </row>
    <row r="23852" spans="2:12" ht="99.75">
      <c r="B23852" s="368"/>
      <c r="C23852" s="361" t="s">
        <v>30721</v>
      </c>
      <c r="D23852" s="368"/>
      <c r="E23852" s="368"/>
      <c r="F23852" s="368"/>
      <c r="G23852" s="368"/>
      <c r="H23852" s="362"/>
      <c r="I23852" s="368"/>
      <c r="J23852" s="366"/>
      <c r="K23852" s="366"/>
      <c r="L23852" s="368"/>
    </row>
    <row r="23853" spans="2:12">
      <c r="B23853" s="358" t="s">
        <v>26199</v>
      </c>
      <c r="C23853" s="358" t="s">
        <v>26200</v>
      </c>
      <c r="D23853" s="358" t="s">
        <v>26201</v>
      </c>
      <c r="E23853" s="358" t="s">
        <v>26202</v>
      </c>
      <c r="F23853" s="358" t="s">
        <v>14443</v>
      </c>
      <c r="G23853" s="358" t="s">
        <v>14444</v>
      </c>
      <c r="H23853" s="358" t="s">
        <v>14381</v>
      </c>
      <c r="I23853" s="358" t="s">
        <v>14444</v>
      </c>
      <c r="J23853" s="358"/>
      <c r="K23853" s="358"/>
      <c r="L23853" s="358" t="s">
        <v>11476</v>
      </c>
    </row>
    <row r="23854" spans="2:12">
      <c r="B23854" s="367"/>
      <c r="C23854" s="360"/>
      <c r="D23854" s="367"/>
      <c r="E23854" s="367"/>
      <c r="F23854" s="367"/>
      <c r="G23854" s="367"/>
      <c r="H23854" s="360"/>
      <c r="I23854" s="367"/>
      <c r="J23854" s="365"/>
      <c r="K23854" s="365"/>
      <c r="L23854" s="367"/>
    </row>
    <row r="23855" spans="2:12">
      <c r="B23855" s="367"/>
      <c r="C23855" s="359" t="s">
        <v>29904</v>
      </c>
      <c r="D23855" s="367"/>
      <c r="E23855" s="367"/>
      <c r="F23855" s="367"/>
      <c r="G23855" s="367"/>
      <c r="H23855" s="359" t="s">
        <v>14422</v>
      </c>
      <c r="I23855" s="367"/>
      <c r="J23855" s="365"/>
      <c r="K23855" s="365"/>
      <c r="L23855" s="367"/>
    </row>
    <row r="23856" spans="2:12">
      <c r="B23856" s="367"/>
      <c r="C23856" s="360"/>
      <c r="D23856" s="367"/>
      <c r="E23856" s="367"/>
      <c r="F23856" s="367"/>
      <c r="G23856" s="367"/>
      <c r="H23856" s="360"/>
      <c r="I23856" s="367"/>
      <c r="J23856" s="365"/>
      <c r="K23856" s="365"/>
      <c r="L23856" s="367"/>
    </row>
    <row r="23857" spans="2:12" ht="71.25">
      <c r="B23857" s="368"/>
      <c r="C23857" s="361" t="s">
        <v>30722</v>
      </c>
      <c r="D23857" s="368"/>
      <c r="E23857" s="368"/>
      <c r="F23857" s="368"/>
      <c r="G23857" s="368"/>
      <c r="H23857" s="362"/>
      <c r="I23857" s="368"/>
      <c r="J23857" s="366"/>
      <c r="K23857" s="366"/>
      <c r="L23857" s="368"/>
    </row>
    <row r="23858" spans="2:12">
      <c r="B23858" s="358" t="s">
        <v>26203</v>
      </c>
      <c r="C23858" s="358" t="s">
        <v>29905</v>
      </c>
      <c r="D23858" s="358" t="s">
        <v>26204</v>
      </c>
      <c r="E23858" s="358" t="s">
        <v>26205</v>
      </c>
      <c r="F23858" s="358" t="s">
        <v>14443</v>
      </c>
      <c r="G23858" s="358" t="s">
        <v>14444</v>
      </c>
      <c r="H23858" s="358" t="s">
        <v>14381</v>
      </c>
      <c r="I23858" s="358" t="s">
        <v>14444</v>
      </c>
      <c r="J23858" s="358"/>
      <c r="K23858" s="358"/>
      <c r="L23858" s="358"/>
    </row>
    <row r="23859" spans="2:12">
      <c r="B23859" s="367"/>
      <c r="C23859" s="360"/>
      <c r="D23859" s="367"/>
      <c r="E23859" s="367"/>
      <c r="F23859" s="367"/>
      <c r="G23859" s="367"/>
      <c r="H23859" s="360"/>
      <c r="I23859" s="367"/>
      <c r="J23859" s="365"/>
      <c r="K23859" s="365"/>
      <c r="L23859" s="365"/>
    </row>
    <row r="23860" spans="2:12">
      <c r="B23860" s="367"/>
      <c r="C23860" s="359" t="s">
        <v>29904</v>
      </c>
      <c r="D23860" s="367"/>
      <c r="E23860" s="367"/>
      <c r="F23860" s="367"/>
      <c r="G23860" s="367"/>
      <c r="H23860" s="359" t="s">
        <v>14422</v>
      </c>
      <c r="I23860" s="367"/>
      <c r="J23860" s="365"/>
      <c r="K23860" s="365"/>
      <c r="L23860" s="365"/>
    </row>
    <row r="23861" spans="2:12">
      <c r="B23861" s="367"/>
      <c r="C23861" s="360"/>
      <c r="D23861" s="367"/>
      <c r="E23861" s="367"/>
      <c r="F23861" s="367"/>
      <c r="G23861" s="367"/>
      <c r="H23861" s="360"/>
      <c r="I23861" s="367"/>
      <c r="J23861" s="365"/>
      <c r="K23861" s="365"/>
      <c r="L23861" s="365"/>
    </row>
    <row r="23862" spans="2:12" ht="42.75">
      <c r="B23862" s="368"/>
      <c r="C23862" s="361" t="s">
        <v>30723</v>
      </c>
      <c r="D23862" s="368"/>
      <c r="E23862" s="368"/>
      <c r="F23862" s="368"/>
      <c r="G23862" s="368"/>
      <c r="H23862" s="362"/>
      <c r="I23862" s="368"/>
      <c r="J23862" s="366"/>
      <c r="K23862" s="366"/>
      <c r="L23862" s="366"/>
    </row>
    <row r="23863" spans="2:12">
      <c r="B23863" s="358" t="s">
        <v>26206</v>
      </c>
      <c r="C23863" s="358" t="s">
        <v>29906</v>
      </c>
      <c r="D23863" s="358" t="s">
        <v>26207</v>
      </c>
      <c r="E23863" s="358" t="s">
        <v>26208</v>
      </c>
      <c r="F23863" s="358" t="s">
        <v>14443</v>
      </c>
      <c r="G23863" s="358" t="s">
        <v>14444</v>
      </c>
      <c r="H23863" s="358" t="s">
        <v>14381</v>
      </c>
      <c r="I23863" s="358" t="s">
        <v>14444</v>
      </c>
      <c r="J23863" s="358"/>
      <c r="K23863" s="358"/>
      <c r="L23863" s="358"/>
    </row>
    <row r="23864" spans="2:12">
      <c r="B23864" s="367"/>
      <c r="C23864" s="360"/>
      <c r="D23864" s="367"/>
      <c r="E23864" s="367"/>
      <c r="F23864" s="367"/>
      <c r="G23864" s="367"/>
      <c r="H23864" s="360"/>
      <c r="I23864" s="367"/>
      <c r="J23864" s="365"/>
      <c r="K23864" s="365"/>
      <c r="L23864" s="365"/>
    </row>
    <row r="23865" spans="2:12">
      <c r="B23865" s="367"/>
      <c r="C23865" s="359" t="s">
        <v>29904</v>
      </c>
      <c r="D23865" s="367"/>
      <c r="E23865" s="367"/>
      <c r="F23865" s="367"/>
      <c r="G23865" s="367"/>
      <c r="H23865" s="359" t="s">
        <v>14422</v>
      </c>
      <c r="I23865" s="367"/>
      <c r="J23865" s="365"/>
      <c r="K23865" s="365"/>
      <c r="L23865" s="365"/>
    </row>
    <row r="23866" spans="2:12">
      <c r="B23866" s="367"/>
      <c r="C23866" s="360"/>
      <c r="D23866" s="367"/>
      <c r="E23866" s="367"/>
      <c r="F23866" s="367"/>
      <c r="G23866" s="367"/>
      <c r="H23866" s="360"/>
      <c r="I23866" s="367"/>
      <c r="J23866" s="365"/>
      <c r="K23866" s="365"/>
      <c r="L23866" s="365"/>
    </row>
    <row r="23867" spans="2:12" ht="42.75">
      <c r="B23867" s="368"/>
      <c r="C23867" s="361" t="s">
        <v>30724</v>
      </c>
      <c r="D23867" s="368"/>
      <c r="E23867" s="368"/>
      <c r="F23867" s="368"/>
      <c r="G23867" s="368"/>
      <c r="H23867" s="362"/>
      <c r="I23867" s="368"/>
      <c r="J23867" s="366"/>
      <c r="K23867" s="366"/>
      <c r="L23867" s="366"/>
    </row>
    <row r="23868" spans="2:12">
      <c r="B23868" s="358" t="s">
        <v>26209</v>
      </c>
      <c r="C23868" s="358" t="s">
        <v>29907</v>
      </c>
      <c r="D23868" s="358" t="s">
        <v>26210</v>
      </c>
      <c r="E23868" s="358" t="s">
        <v>26211</v>
      </c>
      <c r="F23868" s="358" t="s">
        <v>14443</v>
      </c>
      <c r="G23868" s="358" t="s">
        <v>14444</v>
      </c>
      <c r="H23868" s="358" t="s">
        <v>14381</v>
      </c>
      <c r="I23868" s="358" t="s">
        <v>14444</v>
      </c>
      <c r="J23868" s="358"/>
      <c r="K23868" s="358"/>
      <c r="L23868" s="358"/>
    </row>
    <row r="23869" spans="2:12">
      <c r="B23869" s="367"/>
      <c r="C23869" s="360"/>
      <c r="D23869" s="367"/>
      <c r="E23869" s="367"/>
      <c r="F23869" s="367"/>
      <c r="G23869" s="367"/>
      <c r="H23869" s="360"/>
      <c r="I23869" s="367"/>
      <c r="J23869" s="365"/>
      <c r="K23869" s="365"/>
      <c r="L23869" s="365"/>
    </row>
    <row r="23870" spans="2:12" ht="28.5">
      <c r="B23870" s="368"/>
      <c r="C23870" s="361" t="s">
        <v>28218</v>
      </c>
      <c r="D23870" s="368"/>
      <c r="E23870" s="368"/>
      <c r="F23870" s="368"/>
      <c r="G23870" s="368"/>
      <c r="H23870" s="361" t="s">
        <v>14422</v>
      </c>
      <c r="I23870" s="368"/>
      <c r="J23870" s="366"/>
      <c r="K23870" s="366"/>
      <c r="L23870" s="366"/>
    </row>
    <row r="23871" spans="2:12" ht="28.5">
      <c r="B23871" s="358" t="s">
        <v>11522</v>
      </c>
      <c r="C23871" s="358" t="s">
        <v>26212</v>
      </c>
      <c r="D23871" s="358" t="s">
        <v>11523</v>
      </c>
      <c r="E23871" s="358" t="s">
        <v>11524</v>
      </c>
      <c r="F23871" s="358" t="s">
        <v>14376</v>
      </c>
      <c r="G23871" s="358" t="s">
        <v>14669</v>
      </c>
      <c r="H23871" s="358" t="s">
        <v>14381</v>
      </c>
      <c r="I23871" s="358" t="s">
        <v>14669</v>
      </c>
      <c r="J23871" s="358"/>
      <c r="K23871" s="358"/>
      <c r="L23871" s="358" t="s">
        <v>11476</v>
      </c>
    </row>
    <row r="23872" spans="2:12">
      <c r="B23872" s="367"/>
      <c r="C23872" s="360"/>
      <c r="D23872" s="367"/>
      <c r="E23872" s="367"/>
      <c r="F23872" s="367"/>
      <c r="G23872" s="367"/>
      <c r="H23872" s="360"/>
      <c r="I23872" s="367"/>
      <c r="J23872" s="365"/>
      <c r="K23872" s="365"/>
      <c r="L23872" s="367"/>
    </row>
    <row r="23873" spans="2:12">
      <c r="B23873" s="367"/>
      <c r="C23873" s="359" t="s">
        <v>29904</v>
      </c>
      <c r="D23873" s="367"/>
      <c r="E23873" s="367"/>
      <c r="F23873" s="367"/>
      <c r="G23873" s="367"/>
      <c r="H23873" s="359" t="s">
        <v>14332</v>
      </c>
      <c r="I23873" s="367"/>
      <c r="J23873" s="365"/>
      <c r="K23873" s="365"/>
      <c r="L23873" s="367"/>
    </row>
    <row r="23874" spans="2:12">
      <c r="B23874" s="367"/>
      <c r="C23874" s="360"/>
      <c r="D23874" s="367"/>
      <c r="E23874" s="367"/>
      <c r="F23874" s="367"/>
      <c r="G23874" s="367"/>
      <c r="H23874" s="360"/>
      <c r="I23874" s="367"/>
      <c r="J23874" s="365"/>
      <c r="K23874" s="365"/>
      <c r="L23874" s="367"/>
    </row>
    <row r="23875" spans="2:12" ht="57">
      <c r="B23875" s="368"/>
      <c r="C23875" s="361" t="s">
        <v>30725</v>
      </c>
      <c r="D23875" s="368"/>
      <c r="E23875" s="368"/>
      <c r="F23875" s="368"/>
      <c r="G23875" s="368"/>
      <c r="H23875" s="362"/>
      <c r="I23875" s="368"/>
      <c r="J23875" s="366"/>
      <c r="K23875" s="366"/>
      <c r="L23875" s="368"/>
    </row>
    <row r="23876" spans="2:12" ht="28.5">
      <c r="B23876" s="358" t="s">
        <v>11526</v>
      </c>
      <c r="C23876" s="358" t="s">
        <v>26213</v>
      </c>
      <c r="D23876" s="358" t="s">
        <v>11527</v>
      </c>
      <c r="E23876" s="358" t="s">
        <v>11528</v>
      </c>
      <c r="F23876" s="358" t="s">
        <v>14376</v>
      </c>
      <c r="G23876" s="358" t="s">
        <v>14669</v>
      </c>
      <c r="H23876" s="358" t="s">
        <v>14381</v>
      </c>
      <c r="I23876" s="358" t="s">
        <v>14669</v>
      </c>
      <c r="J23876" s="358"/>
      <c r="K23876" s="358"/>
      <c r="L23876" s="358" t="s">
        <v>11476</v>
      </c>
    </row>
    <row r="23877" spans="2:12">
      <c r="B23877" s="367"/>
      <c r="C23877" s="360"/>
      <c r="D23877" s="367"/>
      <c r="E23877" s="367"/>
      <c r="F23877" s="367"/>
      <c r="G23877" s="367"/>
      <c r="H23877" s="360"/>
      <c r="I23877" s="367"/>
      <c r="J23877" s="365"/>
      <c r="K23877" s="365"/>
      <c r="L23877" s="367"/>
    </row>
    <row r="23878" spans="2:12">
      <c r="B23878" s="367"/>
      <c r="C23878" s="359" t="s">
        <v>29904</v>
      </c>
      <c r="D23878" s="367"/>
      <c r="E23878" s="367"/>
      <c r="F23878" s="367"/>
      <c r="G23878" s="367"/>
      <c r="H23878" s="359" t="s">
        <v>14332</v>
      </c>
      <c r="I23878" s="367"/>
      <c r="J23878" s="365"/>
      <c r="K23878" s="365"/>
      <c r="L23878" s="367"/>
    </row>
    <row r="23879" spans="2:12">
      <c r="B23879" s="367"/>
      <c r="C23879" s="360"/>
      <c r="D23879" s="367"/>
      <c r="E23879" s="367"/>
      <c r="F23879" s="367"/>
      <c r="G23879" s="367"/>
      <c r="H23879" s="360"/>
      <c r="I23879" s="367"/>
      <c r="J23879" s="365"/>
      <c r="K23879" s="365"/>
      <c r="L23879" s="367"/>
    </row>
    <row r="23880" spans="2:12" ht="57">
      <c r="B23880" s="368"/>
      <c r="C23880" s="361" t="s">
        <v>30726</v>
      </c>
      <c r="D23880" s="368"/>
      <c r="E23880" s="368"/>
      <c r="F23880" s="368"/>
      <c r="G23880" s="368"/>
      <c r="H23880" s="362"/>
      <c r="I23880" s="368"/>
      <c r="J23880" s="366"/>
      <c r="K23880" s="366"/>
      <c r="L23880" s="368"/>
    </row>
    <row r="23881" spans="2:12" ht="28.5">
      <c r="B23881" s="358" t="s">
        <v>11530</v>
      </c>
      <c r="C23881" s="358" t="s">
        <v>26214</v>
      </c>
      <c r="D23881" s="358" t="s">
        <v>11531</v>
      </c>
      <c r="E23881" s="358" t="s">
        <v>11532</v>
      </c>
      <c r="F23881" s="358" t="s">
        <v>14376</v>
      </c>
      <c r="G23881" s="358" t="s">
        <v>14669</v>
      </c>
      <c r="H23881" s="358" t="s">
        <v>14381</v>
      </c>
      <c r="I23881" s="358" t="s">
        <v>14669</v>
      </c>
      <c r="J23881" s="358"/>
      <c r="K23881" s="358"/>
      <c r="L23881" s="358" t="s">
        <v>11476</v>
      </c>
    </row>
    <row r="23882" spans="2:12">
      <c r="B23882" s="367"/>
      <c r="C23882" s="360"/>
      <c r="D23882" s="367"/>
      <c r="E23882" s="367"/>
      <c r="F23882" s="367"/>
      <c r="G23882" s="367"/>
      <c r="H23882" s="360"/>
      <c r="I23882" s="367"/>
      <c r="J23882" s="365"/>
      <c r="K23882" s="365"/>
      <c r="L23882" s="367"/>
    </row>
    <row r="23883" spans="2:12">
      <c r="B23883" s="367"/>
      <c r="C23883" s="359" t="s">
        <v>29904</v>
      </c>
      <c r="D23883" s="367"/>
      <c r="E23883" s="367"/>
      <c r="F23883" s="367"/>
      <c r="G23883" s="367"/>
      <c r="H23883" s="359" t="s">
        <v>14332</v>
      </c>
      <c r="I23883" s="367"/>
      <c r="J23883" s="365"/>
      <c r="K23883" s="365"/>
      <c r="L23883" s="367"/>
    </row>
    <row r="23884" spans="2:12">
      <c r="B23884" s="367"/>
      <c r="C23884" s="360"/>
      <c r="D23884" s="367"/>
      <c r="E23884" s="367"/>
      <c r="F23884" s="367"/>
      <c r="G23884" s="367"/>
      <c r="H23884" s="360"/>
      <c r="I23884" s="367"/>
      <c r="J23884" s="365"/>
      <c r="K23884" s="365"/>
      <c r="L23884" s="367"/>
    </row>
    <row r="23885" spans="2:12" ht="42.75">
      <c r="B23885" s="368"/>
      <c r="C23885" s="361" t="s">
        <v>30727</v>
      </c>
      <c r="D23885" s="368"/>
      <c r="E23885" s="368"/>
      <c r="F23885" s="368"/>
      <c r="G23885" s="368"/>
      <c r="H23885" s="362"/>
      <c r="I23885" s="368"/>
      <c r="J23885" s="366"/>
      <c r="K23885" s="366"/>
      <c r="L23885" s="368"/>
    </row>
    <row r="23886" spans="2:12">
      <c r="B23886" s="358" t="s">
        <v>11534</v>
      </c>
      <c r="C23886" s="358" t="s">
        <v>26215</v>
      </c>
      <c r="D23886" s="358" t="s">
        <v>11535</v>
      </c>
      <c r="E23886" s="358" t="s">
        <v>11536</v>
      </c>
      <c r="F23886" s="358" t="s">
        <v>14376</v>
      </c>
      <c r="G23886" s="358" t="s">
        <v>14669</v>
      </c>
      <c r="H23886" s="358" t="s">
        <v>14381</v>
      </c>
      <c r="I23886" s="358" t="s">
        <v>14669</v>
      </c>
      <c r="J23886" s="358"/>
      <c r="K23886" s="358"/>
      <c r="L23886" s="358" t="s">
        <v>11476</v>
      </c>
    </row>
    <row r="23887" spans="2:12">
      <c r="B23887" s="367"/>
      <c r="C23887" s="360"/>
      <c r="D23887" s="367"/>
      <c r="E23887" s="367"/>
      <c r="F23887" s="367"/>
      <c r="G23887" s="367"/>
      <c r="H23887" s="360"/>
      <c r="I23887" s="367"/>
      <c r="J23887" s="365"/>
      <c r="K23887" s="365"/>
      <c r="L23887" s="367"/>
    </row>
    <row r="23888" spans="2:12">
      <c r="B23888" s="367"/>
      <c r="C23888" s="359" t="s">
        <v>29904</v>
      </c>
      <c r="D23888" s="367"/>
      <c r="E23888" s="367"/>
      <c r="F23888" s="367"/>
      <c r="G23888" s="367"/>
      <c r="H23888" s="359" t="s">
        <v>14332</v>
      </c>
      <c r="I23888" s="367"/>
      <c r="J23888" s="365"/>
      <c r="K23888" s="365"/>
      <c r="L23888" s="367"/>
    </row>
    <row r="23889" spans="2:12">
      <c r="B23889" s="367"/>
      <c r="C23889" s="360"/>
      <c r="D23889" s="367"/>
      <c r="E23889" s="367"/>
      <c r="F23889" s="367"/>
      <c r="G23889" s="367"/>
      <c r="H23889" s="360"/>
      <c r="I23889" s="367"/>
      <c r="J23889" s="365"/>
      <c r="K23889" s="365"/>
      <c r="L23889" s="367"/>
    </row>
    <row r="23890" spans="2:12" ht="99.75">
      <c r="B23890" s="368"/>
      <c r="C23890" s="361" t="s">
        <v>28219</v>
      </c>
      <c r="D23890" s="368"/>
      <c r="E23890" s="368"/>
      <c r="F23890" s="368"/>
      <c r="G23890" s="368"/>
      <c r="H23890" s="362"/>
      <c r="I23890" s="368"/>
      <c r="J23890" s="366"/>
      <c r="K23890" s="366"/>
      <c r="L23890" s="368"/>
    </row>
    <row r="23891" spans="2:12" ht="114">
      <c r="B23891" s="358" t="s">
        <v>11538</v>
      </c>
      <c r="C23891" s="358" t="s">
        <v>30728</v>
      </c>
      <c r="D23891" s="358" t="s">
        <v>11539</v>
      </c>
      <c r="E23891" s="358" t="s">
        <v>11540</v>
      </c>
      <c r="F23891" s="358" t="s">
        <v>14376</v>
      </c>
      <c r="G23891" s="358" t="s">
        <v>14669</v>
      </c>
      <c r="H23891" s="358" t="s">
        <v>14381</v>
      </c>
      <c r="I23891" s="358" t="s">
        <v>14669</v>
      </c>
      <c r="J23891" s="358"/>
      <c r="K23891" s="358"/>
      <c r="L23891" s="358" t="s">
        <v>11476</v>
      </c>
    </row>
    <row r="23892" spans="2:12">
      <c r="B23892" s="367"/>
      <c r="C23892" s="367"/>
      <c r="D23892" s="367"/>
      <c r="E23892" s="367"/>
      <c r="F23892" s="367"/>
      <c r="G23892" s="367"/>
      <c r="H23892" s="360"/>
      <c r="I23892" s="367"/>
      <c r="J23892" s="365"/>
      <c r="K23892" s="365"/>
      <c r="L23892" s="367"/>
    </row>
    <row r="23893" spans="2:12">
      <c r="B23893" s="368"/>
      <c r="C23893" s="368"/>
      <c r="D23893" s="368"/>
      <c r="E23893" s="368"/>
      <c r="F23893" s="368"/>
      <c r="G23893" s="368"/>
      <c r="H23893" s="361" t="s">
        <v>14332</v>
      </c>
      <c r="I23893" s="368"/>
      <c r="J23893" s="366"/>
      <c r="K23893" s="366"/>
      <c r="L23893" s="368"/>
    </row>
    <row r="23894" spans="2:12">
      <c r="B23894" s="358" t="s">
        <v>11542</v>
      </c>
      <c r="C23894" s="358" t="s">
        <v>29908</v>
      </c>
      <c r="D23894" s="358" t="s">
        <v>11543</v>
      </c>
      <c r="E23894" s="358" t="s">
        <v>11544</v>
      </c>
      <c r="F23894" s="358" t="s">
        <v>14376</v>
      </c>
      <c r="G23894" s="358" t="s">
        <v>14669</v>
      </c>
      <c r="H23894" s="358" t="s">
        <v>14381</v>
      </c>
      <c r="I23894" s="358" t="s">
        <v>14669</v>
      </c>
      <c r="J23894" s="358"/>
      <c r="K23894" s="358"/>
      <c r="L23894" s="358" t="s">
        <v>11476</v>
      </c>
    </row>
    <row r="23895" spans="2:12">
      <c r="B23895" s="367"/>
      <c r="C23895" s="360"/>
      <c r="D23895" s="367"/>
      <c r="E23895" s="367"/>
      <c r="F23895" s="367"/>
      <c r="G23895" s="367"/>
      <c r="H23895" s="360"/>
      <c r="I23895" s="367"/>
      <c r="J23895" s="365"/>
      <c r="K23895" s="365"/>
      <c r="L23895" s="367"/>
    </row>
    <row r="23896" spans="2:12" ht="71.25">
      <c r="B23896" s="368"/>
      <c r="C23896" s="361" t="s">
        <v>30729</v>
      </c>
      <c r="D23896" s="368"/>
      <c r="E23896" s="368"/>
      <c r="F23896" s="368"/>
      <c r="G23896" s="368"/>
      <c r="H23896" s="361" t="s">
        <v>14332</v>
      </c>
      <c r="I23896" s="368"/>
      <c r="J23896" s="366"/>
      <c r="K23896" s="366"/>
      <c r="L23896" s="368"/>
    </row>
    <row r="23897" spans="2:12" ht="28.5">
      <c r="B23897" s="358" t="s">
        <v>11546</v>
      </c>
      <c r="C23897" s="358" t="s">
        <v>26216</v>
      </c>
      <c r="D23897" s="358" t="s">
        <v>11547</v>
      </c>
      <c r="E23897" s="358" t="s">
        <v>11548</v>
      </c>
      <c r="F23897" s="358" t="s">
        <v>14376</v>
      </c>
      <c r="G23897" s="358" t="s">
        <v>14669</v>
      </c>
      <c r="H23897" s="358" t="s">
        <v>14381</v>
      </c>
      <c r="I23897" s="358" t="s">
        <v>14669</v>
      </c>
      <c r="J23897" s="358"/>
      <c r="K23897" s="358"/>
      <c r="L23897" s="358" t="s">
        <v>11476</v>
      </c>
    </row>
    <row r="23898" spans="2:12">
      <c r="B23898" s="367"/>
      <c r="C23898" s="360"/>
      <c r="D23898" s="367"/>
      <c r="E23898" s="367"/>
      <c r="F23898" s="367"/>
      <c r="G23898" s="367"/>
      <c r="H23898" s="360"/>
      <c r="I23898" s="367"/>
      <c r="J23898" s="365"/>
      <c r="K23898" s="365"/>
      <c r="L23898" s="367"/>
    </row>
    <row r="23899" spans="2:12">
      <c r="B23899" s="368"/>
      <c r="C23899" s="361" t="s">
        <v>29909</v>
      </c>
      <c r="D23899" s="368"/>
      <c r="E23899" s="368"/>
      <c r="F23899" s="368"/>
      <c r="G23899" s="368"/>
      <c r="H23899" s="361" t="s">
        <v>14332</v>
      </c>
      <c r="I23899" s="368"/>
      <c r="J23899" s="366"/>
      <c r="K23899" s="366"/>
      <c r="L23899" s="368"/>
    </row>
    <row r="23900" spans="2:12" ht="28.5">
      <c r="B23900" s="358" t="s">
        <v>11549</v>
      </c>
      <c r="C23900" s="358" t="s">
        <v>28220</v>
      </c>
      <c r="D23900" s="358" t="s">
        <v>11550</v>
      </c>
      <c r="E23900" s="358" t="s">
        <v>11551</v>
      </c>
      <c r="F23900" s="358" t="s">
        <v>14376</v>
      </c>
      <c r="G23900" s="358" t="s">
        <v>14669</v>
      </c>
      <c r="H23900" s="358" t="s">
        <v>14381</v>
      </c>
      <c r="I23900" s="358" t="s">
        <v>14669</v>
      </c>
      <c r="J23900" s="358"/>
      <c r="K23900" s="358"/>
      <c r="L23900" s="358" t="s">
        <v>11476</v>
      </c>
    </row>
    <row r="23901" spans="2:12">
      <c r="B23901" s="367"/>
      <c r="C23901" s="360"/>
      <c r="D23901" s="367"/>
      <c r="E23901" s="367"/>
      <c r="F23901" s="367"/>
      <c r="G23901" s="367"/>
      <c r="H23901" s="360"/>
      <c r="I23901" s="367"/>
      <c r="J23901" s="365"/>
      <c r="K23901" s="365"/>
      <c r="L23901" s="367"/>
    </row>
    <row r="23902" spans="2:12" ht="128.25">
      <c r="B23902" s="368"/>
      <c r="C23902" s="361" t="s">
        <v>30730</v>
      </c>
      <c r="D23902" s="368"/>
      <c r="E23902" s="368"/>
      <c r="F23902" s="368"/>
      <c r="G23902" s="368"/>
      <c r="H23902" s="361" t="s">
        <v>14332</v>
      </c>
      <c r="I23902" s="368"/>
      <c r="J23902" s="366"/>
      <c r="K23902" s="366"/>
      <c r="L23902" s="368"/>
    </row>
    <row r="23903" spans="2:12" ht="28.5">
      <c r="B23903" s="358" t="s">
        <v>11552</v>
      </c>
      <c r="C23903" s="358" t="s">
        <v>28221</v>
      </c>
      <c r="D23903" s="358" t="s">
        <v>11553</v>
      </c>
      <c r="E23903" s="358" t="s">
        <v>11554</v>
      </c>
      <c r="F23903" s="358" t="s">
        <v>14376</v>
      </c>
      <c r="G23903" s="358" t="s">
        <v>14669</v>
      </c>
      <c r="H23903" s="358" t="s">
        <v>14381</v>
      </c>
      <c r="I23903" s="358" t="s">
        <v>14669</v>
      </c>
      <c r="J23903" s="358"/>
      <c r="K23903" s="358"/>
      <c r="L23903" s="358" t="s">
        <v>11476</v>
      </c>
    </row>
    <row r="23904" spans="2:12">
      <c r="B23904" s="367"/>
      <c r="C23904" s="360"/>
      <c r="D23904" s="367"/>
      <c r="E23904" s="367"/>
      <c r="F23904" s="367"/>
      <c r="G23904" s="367"/>
      <c r="H23904" s="360"/>
      <c r="I23904" s="367"/>
      <c r="J23904" s="365"/>
      <c r="K23904" s="365"/>
      <c r="L23904" s="367"/>
    </row>
    <row r="23905" spans="2:12">
      <c r="B23905" s="367"/>
      <c r="C23905" s="359" t="s">
        <v>29904</v>
      </c>
      <c r="D23905" s="367"/>
      <c r="E23905" s="367"/>
      <c r="F23905" s="367"/>
      <c r="G23905" s="367"/>
      <c r="H23905" s="359" t="s">
        <v>14332</v>
      </c>
      <c r="I23905" s="367"/>
      <c r="J23905" s="365"/>
      <c r="K23905" s="365"/>
      <c r="L23905" s="367"/>
    </row>
    <row r="23906" spans="2:12">
      <c r="B23906" s="367"/>
      <c r="C23906" s="360"/>
      <c r="D23906" s="367"/>
      <c r="E23906" s="367"/>
      <c r="F23906" s="367"/>
      <c r="G23906" s="367"/>
      <c r="H23906" s="360"/>
      <c r="I23906" s="367"/>
      <c r="J23906" s="365"/>
      <c r="K23906" s="365"/>
      <c r="L23906" s="367"/>
    </row>
    <row r="23907" spans="2:12" ht="128.25">
      <c r="B23907" s="368"/>
      <c r="C23907" s="361" t="s">
        <v>30731</v>
      </c>
      <c r="D23907" s="368"/>
      <c r="E23907" s="368"/>
      <c r="F23907" s="368"/>
      <c r="G23907" s="368"/>
      <c r="H23907" s="362"/>
      <c r="I23907" s="368"/>
      <c r="J23907" s="366"/>
      <c r="K23907" s="366"/>
      <c r="L23907" s="368"/>
    </row>
    <row r="23908" spans="2:12">
      <c r="B23908" s="358" t="s">
        <v>11555</v>
      </c>
      <c r="C23908" s="358" t="s">
        <v>28222</v>
      </c>
      <c r="D23908" s="358" t="s">
        <v>11556</v>
      </c>
      <c r="E23908" s="358" t="s">
        <v>11557</v>
      </c>
      <c r="F23908" s="358" t="s">
        <v>14376</v>
      </c>
      <c r="G23908" s="358" t="s">
        <v>14669</v>
      </c>
      <c r="H23908" s="358" t="s">
        <v>14381</v>
      </c>
      <c r="I23908" s="358" t="s">
        <v>14669</v>
      </c>
      <c r="J23908" s="358"/>
      <c r="K23908" s="358"/>
      <c r="L23908" s="358" t="s">
        <v>11476</v>
      </c>
    </row>
    <row r="23909" spans="2:12">
      <c r="B23909" s="367"/>
      <c r="C23909" s="360"/>
      <c r="D23909" s="367"/>
      <c r="E23909" s="367"/>
      <c r="F23909" s="367"/>
      <c r="G23909" s="367"/>
      <c r="H23909" s="360"/>
      <c r="I23909" s="367"/>
      <c r="J23909" s="365"/>
      <c r="K23909" s="365"/>
      <c r="L23909" s="367"/>
    </row>
    <row r="23910" spans="2:12">
      <c r="B23910" s="367"/>
      <c r="C23910" s="359" t="s">
        <v>29904</v>
      </c>
      <c r="D23910" s="367"/>
      <c r="E23910" s="367"/>
      <c r="F23910" s="367"/>
      <c r="G23910" s="367"/>
      <c r="H23910" s="359" t="s">
        <v>14332</v>
      </c>
      <c r="I23910" s="367"/>
      <c r="J23910" s="365"/>
      <c r="K23910" s="365"/>
      <c r="L23910" s="367"/>
    </row>
    <row r="23911" spans="2:12">
      <c r="B23911" s="367"/>
      <c r="C23911" s="360"/>
      <c r="D23911" s="367"/>
      <c r="E23911" s="367"/>
      <c r="F23911" s="367"/>
      <c r="G23911" s="367"/>
      <c r="H23911" s="360"/>
      <c r="I23911" s="367"/>
      <c r="J23911" s="365"/>
      <c r="K23911" s="365"/>
      <c r="L23911" s="367"/>
    </row>
    <row r="23912" spans="2:12" ht="99.75">
      <c r="B23912" s="368"/>
      <c r="C23912" s="361" t="s">
        <v>30732</v>
      </c>
      <c r="D23912" s="368"/>
      <c r="E23912" s="368"/>
      <c r="F23912" s="368"/>
      <c r="G23912" s="368"/>
      <c r="H23912" s="362"/>
      <c r="I23912" s="368"/>
      <c r="J23912" s="366"/>
      <c r="K23912" s="366"/>
      <c r="L23912" s="368"/>
    </row>
    <row r="23913" spans="2:12">
      <c r="B23913" s="358" t="s">
        <v>11559</v>
      </c>
      <c r="C23913" s="358" t="s">
        <v>29910</v>
      </c>
      <c r="D23913" s="358" t="s">
        <v>11560</v>
      </c>
      <c r="E23913" s="358" t="s">
        <v>11561</v>
      </c>
      <c r="F23913" s="358" t="s">
        <v>14376</v>
      </c>
      <c r="G23913" s="358" t="s">
        <v>14669</v>
      </c>
      <c r="H23913" s="358" t="s">
        <v>14381</v>
      </c>
      <c r="I23913" s="358" t="s">
        <v>14669</v>
      </c>
      <c r="J23913" s="358"/>
      <c r="K23913" s="358"/>
      <c r="L23913" s="358" t="s">
        <v>11476</v>
      </c>
    </row>
    <row r="23914" spans="2:12">
      <c r="B23914" s="367"/>
      <c r="C23914" s="360"/>
      <c r="D23914" s="367"/>
      <c r="E23914" s="367"/>
      <c r="F23914" s="367"/>
      <c r="G23914" s="367"/>
      <c r="H23914" s="360"/>
      <c r="I23914" s="367"/>
      <c r="J23914" s="365"/>
      <c r="K23914" s="365"/>
      <c r="L23914" s="367"/>
    </row>
    <row r="23915" spans="2:12" ht="99.75">
      <c r="B23915" s="368"/>
      <c r="C23915" s="361" t="s">
        <v>30733</v>
      </c>
      <c r="D23915" s="368"/>
      <c r="E23915" s="368"/>
      <c r="F23915" s="368"/>
      <c r="G23915" s="368"/>
      <c r="H23915" s="361" t="s">
        <v>14332</v>
      </c>
      <c r="I23915" s="368"/>
      <c r="J23915" s="366"/>
      <c r="K23915" s="366"/>
      <c r="L23915" s="368"/>
    </row>
    <row r="23916" spans="2:12">
      <c r="B23916" s="358" t="s">
        <v>11563</v>
      </c>
      <c r="C23916" s="358" t="s">
        <v>26217</v>
      </c>
      <c r="D23916" s="358" t="s">
        <v>11564</v>
      </c>
      <c r="E23916" s="358" t="s">
        <v>11565</v>
      </c>
      <c r="F23916" s="358" t="s">
        <v>14376</v>
      </c>
      <c r="G23916" s="358" t="s">
        <v>14669</v>
      </c>
      <c r="H23916" s="358" t="s">
        <v>14381</v>
      </c>
      <c r="I23916" s="358" t="s">
        <v>14669</v>
      </c>
      <c r="J23916" s="358"/>
      <c r="K23916" s="358"/>
      <c r="L23916" s="358" t="s">
        <v>11476</v>
      </c>
    </row>
    <row r="23917" spans="2:12">
      <c r="B23917" s="367"/>
      <c r="C23917" s="360"/>
      <c r="D23917" s="367"/>
      <c r="E23917" s="367"/>
      <c r="F23917" s="367"/>
      <c r="G23917" s="367"/>
      <c r="H23917" s="360"/>
      <c r="I23917" s="367"/>
      <c r="J23917" s="365"/>
      <c r="K23917" s="365"/>
      <c r="L23917" s="367"/>
    </row>
    <row r="23918" spans="2:12">
      <c r="B23918" s="367"/>
      <c r="C23918" s="359" t="s">
        <v>29904</v>
      </c>
      <c r="D23918" s="367"/>
      <c r="E23918" s="367"/>
      <c r="F23918" s="367"/>
      <c r="G23918" s="367"/>
      <c r="H23918" s="359" t="s">
        <v>14332</v>
      </c>
      <c r="I23918" s="367"/>
      <c r="J23918" s="365"/>
      <c r="K23918" s="365"/>
      <c r="L23918" s="367"/>
    </row>
    <row r="23919" spans="2:12">
      <c r="B23919" s="367"/>
      <c r="C23919" s="360"/>
      <c r="D23919" s="367"/>
      <c r="E23919" s="367"/>
      <c r="F23919" s="367"/>
      <c r="G23919" s="367"/>
      <c r="H23919" s="360"/>
      <c r="I23919" s="367"/>
      <c r="J23919" s="365"/>
      <c r="K23919" s="365"/>
      <c r="L23919" s="367"/>
    </row>
    <row r="23920" spans="2:12" ht="85.5">
      <c r="B23920" s="368"/>
      <c r="C23920" s="361" t="s">
        <v>30734</v>
      </c>
      <c r="D23920" s="368"/>
      <c r="E23920" s="368"/>
      <c r="F23920" s="368"/>
      <c r="G23920" s="368"/>
      <c r="H23920" s="362"/>
      <c r="I23920" s="368"/>
      <c r="J23920" s="366"/>
      <c r="K23920" s="366"/>
      <c r="L23920" s="368"/>
    </row>
    <row r="23921" spans="2:12" ht="28.5">
      <c r="B23921" s="358" t="s">
        <v>11567</v>
      </c>
      <c r="C23921" s="358" t="s">
        <v>26218</v>
      </c>
      <c r="D23921" s="358" t="s">
        <v>11568</v>
      </c>
      <c r="E23921" s="358" t="s">
        <v>11569</v>
      </c>
      <c r="F23921" s="358" t="s">
        <v>14376</v>
      </c>
      <c r="G23921" s="358" t="s">
        <v>14669</v>
      </c>
      <c r="H23921" s="358" t="s">
        <v>14381</v>
      </c>
      <c r="I23921" s="358" t="s">
        <v>14669</v>
      </c>
      <c r="J23921" s="358"/>
      <c r="K23921" s="358"/>
      <c r="L23921" s="358" t="s">
        <v>11476</v>
      </c>
    </row>
    <row r="23922" spans="2:12">
      <c r="B23922" s="367"/>
      <c r="C23922" s="360"/>
      <c r="D23922" s="367"/>
      <c r="E23922" s="367"/>
      <c r="F23922" s="367"/>
      <c r="G23922" s="367"/>
      <c r="H23922" s="360"/>
      <c r="I23922" s="367"/>
      <c r="J23922" s="365"/>
      <c r="K23922" s="365"/>
      <c r="L23922" s="367"/>
    </row>
    <row r="23923" spans="2:12">
      <c r="B23923" s="367"/>
      <c r="C23923" s="359" t="s">
        <v>29904</v>
      </c>
      <c r="D23923" s="367"/>
      <c r="E23923" s="367"/>
      <c r="F23923" s="367"/>
      <c r="G23923" s="367"/>
      <c r="H23923" s="359" t="s">
        <v>14332</v>
      </c>
      <c r="I23923" s="367"/>
      <c r="J23923" s="365"/>
      <c r="K23923" s="365"/>
      <c r="L23923" s="367"/>
    </row>
    <row r="23924" spans="2:12">
      <c r="B23924" s="367"/>
      <c r="C23924" s="360"/>
      <c r="D23924" s="367"/>
      <c r="E23924" s="367"/>
      <c r="F23924" s="367"/>
      <c r="G23924" s="367"/>
      <c r="H23924" s="360"/>
      <c r="I23924" s="367"/>
      <c r="J23924" s="365"/>
      <c r="K23924" s="365"/>
      <c r="L23924" s="367"/>
    </row>
    <row r="23925" spans="2:12" ht="85.5">
      <c r="B23925" s="368"/>
      <c r="C23925" s="361" t="s">
        <v>30735</v>
      </c>
      <c r="D23925" s="368"/>
      <c r="E23925" s="368"/>
      <c r="F23925" s="368"/>
      <c r="G23925" s="368"/>
      <c r="H23925" s="362"/>
      <c r="I23925" s="368"/>
      <c r="J23925" s="366"/>
      <c r="K23925" s="366"/>
      <c r="L23925" s="368"/>
    </row>
    <row r="23926" spans="2:12" ht="99.75">
      <c r="B23926" s="358" t="s">
        <v>11571</v>
      </c>
      <c r="C23926" s="358" t="s">
        <v>30736</v>
      </c>
      <c r="D23926" s="358" t="s">
        <v>11572</v>
      </c>
      <c r="E23926" s="358" t="s">
        <v>11573</v>
      </c>
      <c r="F23926" s="358" t="s">
        <v>14376</v>
      </c>
      <c r="G23926" s="358" t="s">
        <v>14669</v>
      </c>
      <c r="H23926" s="358" t="s">
        <v>14381</v>
      </c>
      <c r="I23926" s="358" t="s">
        <v>14669</v>
      </c>
      <c r="J23926" s="358"/>
      <c r="K23926" s="358"/>
      <c r="L23926" s="358" t="s">
        <v>11476</v>
      </c>
    </row>
    <row r="23927" spans="2:12">
      <c r="B23927" s="367"/>
      <c r="C23927" s="367"/>
      <c r="D23927" s="367"/>
      <c r="E23927" s="367"/>
      <c r="F23927" s="367"/>
      <c r="G23927" s="367"/>
      <c r="H23927" s="360"/>
      <c r="I23927" s="367"/>
      <c r="J23927" s="365"/>
      <c r="K23927" s="365"/>
      <c r="L23927" s="367"/>
    </row>
    <row r="23928" spans="2:12">
      <c r="B23928" s="368"/>
      <c r="C23928" s="368"/>
      <c r="D23928" s="368"/>
      <c r="E23928" s="368"/>
      <c r="F23928" s="368"/>
      <c r="G23928" s="368"/>
      <c r="H23928" s="361" t="s">
        <v>14332</v>
      </c>
      <c r="I23928" s="368"/>
      <c r="J23928" s="366"/>
      <c r="K23928" s="366"/>
      <c r="L23928" s="368"/>
    </row>
    <row r="23929" spans="2:12">
      <c r="B23929" s="358" t="s">
        <v>11574</v>
      </c>
      <c r="C23929" s="358" t="s">
        <v>28223</v>
      </c>
      <c r="D23929" s="358" t="s">
        <v>11575</v>
      </c>
      <c r="E23929" s="358" t="s">
        <v>11576</v>
      </c>
      <c r="F23929" s="358" t="s">
        <v>14376</v>
      </c>
      <c r="G23929" s="358" t="s">
        <v>14669</v>
      </c>
      <c r="H23929" s="358" t="s">
        <v>14381</v>
      </c>
      <c r="I23929" s="358" t="s">
        <v>14669</v>
      </c>
      <c r="J23929" s="358"/>
      <c r="K23929" s="358"/>
      <c r="L23929" s="358" t="s">
        <v>11476</v>
      </c>
    </row>
    <row r="23930" spans="2:12">
      <c r="B23930" s="367"/>
      <c r="C23930" s="367"/>
      <c r="D23930" s="367"/>
      <c r="E23930" s="367"/>
      <c r="F23930" s="367"/>
      <c r="G23930" s="367"/>
      <c r="H23930" s="360"/>
      <c r="I23930" s="367"/>
      <c r="J23930" s="365"/>
      <c r="K23930" s="365"/>
      <c r="L23930" s="367"/>
    </row>
    <row r="23931" spans="2:12">
      <c r="B23931" s="368"/>
      <c r="C23931" s="368"/>
      <c r="D23931" s="368"/>
      <c r="E23931" s="368"/>
      <c r="F23931" s="368"/>
      <c r="G23931" s="368"/>
      <c r="H23931" s="361" t="s">
        <v>14332</v>
      </c>
      <c r="I23931" s="368"/>
      <c r="J23931" s="366"/>
      <c r="K23931" s="366"/>
      <c r="L23931" s="368"/>
    </row>
    <row r="23932" spans="2:12">
      <c r="B23932" s="358" t="s">
        <v>11578</v>
      </c>
      <c r="C23932" s="358" t="s">
        <v>29911</v>
      </c>
      <c r="D23932" s="358" t="s">
        <v>11579</v>
      </c>
      <c r="E23932" s="358" t="s">
        <v>11580</v>
      </c>
      <c r="F23932" s="358" t="s">
        <v>14376</v>
      </c>
      <c r="G23932" s="358" t="s">
        <v>14669</v>
      </c>
      <c r="H23932" s="358" t="s">
        <v>14381</v>
      </c>
      <c r="I23932" s="358" t="s">
        <v>14669</v>
      </c>
      <c r="J23932" s="358"/>
      <c r="K23932" s="358"/>
      <c r="L23932" s="358" t="s">
        <v>11476</v>
      </c>
    </row>
    <row r="23933" spans="2:12">
      <c r="B23933" s="367"/>
      <c r="C23933" s="360"/>
      <c r="D23933" s="367"/>
      <c r="E23933" s="367"/>
      <c r="F23933" s="367"/>
      <c r="G23933" s="367"/>
      <c r="H23933" s="360"/>
      <c r="I23933" s="367"/>
      <c r="J23933" s="365"/>
      <c r="K23933" s="365"/>
      <c r="L23933" s="367"/>
    </row>
    <row r="23934" spans="2:12" ht="57">
      <c r="B23934" s="368"/>
      <c r="C23934" s="361" t="s">
        <v>30737</v>
      </c>
      <c r="D23934" s="368"/>
      <c r="E23934" s="368"/>
      <c r="F23934" s="368"/>
      <c r="G23934" s="368"/>
      <c r="H23934" s="361" t="s">
        <v>14332</v>
      </c>
      <c r="I23934" s="368"/>
      <c r="J23934" s="366"/>
      <c r="K23934" s="366"/>
      <c r="L23934" s="368"/>
    </row>
    <row r="23935" spans="2:12">
      <c r="B23935" s="358" t="s">
        <v>11582</v>
      </c>
      <c r="C23935" s="358" t="s">
        <v>29912</v>
      </c>
      <c r="D23935" s="358" t="s">
        <v>11583</v>
      </c>
      <c r="E23935" s="358" t="s">
        <v>11584</v>
      </c>
      <c r="F23935" s="358" t="s">
        <v>14376</v>
      </c>
      <c r="G23935" s="358" t="s">
        <v>14669</v>
      </c>
      <c r="H23935" s="358" t="s">
        <v>14381</v>
      </c>
      <c r="I23935" s="358" t="s">
        <v>14669</v>
      </c>
      <c r="J23935" s="358"/>
      <c r="K23935" s="358"/>
      <c r="L23935" s="358" t="s">
        <v>11476</v>
      </c>
    </row>
    <row r="23936" spans="2:12">
      <c r="B23936" s="367"/>
      <c r="C23936" s="360"/>
      <c r="D23936" s="367"/>
      <c r="E23936" s="367"/>
      <c r="F23936" s="367"/>
      <c r="G23936" s="367"/>
      <c r="H23936" s="360"/>
      <c r="I23936" s="367"/>
      <c r="J23936" s="365"/>
      <c r="K23936" s="365"/>
      <c r="L23936" s="367"/>
    </row>
    <row r="23937" spans="2:12" ht="85.5">
      <c r="B23937" s="368"/>
      <c r="C23937" s="361" t="s">
        <v>28224</v>
      </c>
      <c r="D23937" s="368"/>
      <c r="E23937" s="368"/>
      <c r="F23937" s="368"/>
      <c r="G23937" s="368"/>
      <c r="H23937" s="361" t="s">
        <v>14332</v>
      </c>
      <c r="I23937" s="368"/>
      <c r="J23937" s="366"/>
      <c r="K23937" s="366"/>
      <c r="L23937" s="368"/>
    </row>
    <row r="23938" spans="2:12">
      <c r="B23938" s="358" t="s">
        <v>11586</v>
      </c>
      <c r="C23938" s="358" t="s">
        <v>26220</v>
      </c>
      <c r="D23938" s="358" t="s">
        <v>11587</v>
      </c>
      <c r="E23938" s="358" t="s">
        <v>11588</v>
      </c>
      <c r="F23938" s="358" t="s">
        <v>14376</v>
      </c>
      <c r="G23938" s="358" t="s">
        <v>14669</v>
      </c>
      <c r="H23938" s="358" t="s">
        <v>14381</v>
      </c>
      <c r="I23938" s="358" t="s">
        <v>14669</v>
      </c>
      <c r="J23938" s="358"/>
      <c r="K23938" s="358"/>
      <c r="L23938" s="358" t="s">
        <v>11476</v>
      </c>
    </row>
    <row r="23939" spans="2:12">
      <c r="B23939" s="367"/>
      <c r="C23939" s="360"/>
      <c r="D23939" s="367"/>
      <c r="E23939" s="367"/>
      <c r="F23939" s="367"/>
      <c r="G23939" s="367"/>
      <c r="H23939" s="360"/>
      <c r="I23939" s="367"/>
      <c r="J23939" s="365"/>
      <c r="K23939" s="365"/>
      <c r="L23939" s="367"/>
    </row>
    <row r="23940" spans="2:12">
      <c r="B23940" s="367"/>
      <c r="C23940" s="359" t="s">
        <v>26219</v>
      </c>
      <c r="D23940" s="367"/>
      <c r="E23940" s="367"/>
      <c r="F23940" s="367"/>
      <c r="G23940" s="367"/>
      <c r="H23940" s="359" t="s">
        <v>14332</v>
      </c>
      <c r="I23940" s="367"/>
      <c r="J23940" s="365"/>
      <c r="K23940" s="365"/>
      <c r="L23940" s="367"/>
    </row>
    <row r="23941" spans="2:12">
      <c r="B23941" s="367"/>
      <c r="C23941" s="360"/>
      <c r="D23941" s="367"/>
      <c r="E23941" s="367"/>
      <c r="F23941" s="367"/>
      <c r="G23941" s="367"/>
      <c r="H23941" s="360"/>
      <c r="I23941" s="367"/>
      <c r="J23941" s="365"/>
      <c r="K23941" s="365"/>
      <c r="L23941" s="367"/>
    </row>
    <row r="23942" spans="2:12" ht="85.5">
      <c r="B23942" s="368"/>
      <c r="C23942" s="361" t="s">
        <v>28225</v>
      </c>
      <c r="D23942" s="368"/>
      <c r="E23942" s="368"/>
      <c r="F23942" s="368"/>
      <c r="G23942" s="368"/>
      <c r="H23942" s="362"/>
      <c r="I23942" s="368"/>
      <c r="J23942" s="366"/>
      <c r="K23942" s="366"/>
      <c r="L23942" s="368"/>
    </row>
    <row r="23943" spans="2:12">
      <c r="B23943" s="358" t="s">
        <v>11590</v>
      </c>
      <c r="C23943" s="358" t="s">
        <v>26221</v>
      </c>
      <c r="D23943" s="358" t="s">
        <v>11591</v>
      </c>
      <c r="E23943" s="358" t="s">
        <v>11592</v>
      </c>
      <c r="F23943" s="358" t="s">
        <v>14376</v>
      </c>
      <c r="G23943" s="358" t="s">
        <v>14669</v>
      </c>
      <c r="H23943" s="358" t="s">
        <v>14381</v>
      </c>
      <c r="I23943" s="358" t="s">
        <v>14669</v>
      </c>
      <c r="J23943" s="358"/>
      <c r="K23943" s="358"/>
      <c r="L23943" s="358" t="s">
        <v>11476</v>
      </c>
    </row>
    <row r="23944" spans="2:12">
      <c r="B23944" s="367"/>
      <c r="C23944" s="360"/>
      <c r="D23944" s="367"/>
      <c r="E23944" s="367"/>
      <c r="F23944" s="367"/>
      <c r="G23944" s="367"/>
      <c r="H23944" s="360"/>
      <c r="I23944" s="367"/>
      <c r="J23944" s="365"/>
      <c r="K23944" s="365"/>
      <c r="L23944" s="367"/>
    </row>
    <row r="23945" spans="2:12">
      <c r="B23945" s="367"/>
      <c r="C23945" s="359" t="s">
        <v>26219</v>
      </c>
      <c r="D23945" s="367"/>
      <c r="E23945" s="367"/>
      <c r="F23945" s="367"/>
      <c r="G23945" s="367"/>
      <c r="H23945" s="359" t="s">
        <v>14332</v>
      </c>
      <c r="I23945" s="367"/>
      <c r="J23945" s="365"/>
      <c r="K23945" s="365"/>
      <c r="L23945" s="367"/>
    </row>
    <row r="23946" spans="2:12">
      <c r="B23946" s="367"/>
      <c r="C23946" s="360"/>
      <c r="D23946" s="367"/>
      <c r="E23946" s="367"/>
      <c r="F23946" s="367"/>
      <c r="G23946" s="367"/>
      <c r="H23946" s="360"/>
      <c r="I23946" s="367"/>
      <c r="J23946" s="365"/>
      <c r="K23946" s="365"/>
      <c r="L23946" s="367"/>
    </row>
    <row r="23947" spans="2:12" ht="85.5">
      <c r="B23947" s="368"/>
      <c r="C23947" s="361" t="s">
        <v>30738</v>
      </c>
      <c r="D23947" s="368"/>
      <c r="E23947" s="368"/>
      <c r="F23947" s="368"/>
      <c r="G23947" s="368"/>
      <c r="H23947" s="362"/>
      <c r="I23947" s="368"/>
      <c r="J23947" s="366"/>
      <c r="K23947" s="366"/>
      <c r="L23947" s="368"/>
    </row>
    <row r="23948" spans="2:12">
      <c r="B23948" s="358" t="s">
        <v>11594</v>
      </c>
      <c r="C23948" s="358" t="s">
        <v>26222</v>
      </c>
      <c r="D23948" s="358" t="s">
        <v>11595</v>
      </c>
      <c r="E23948" s="358" t="s">
        <v>11596</v>
      </c>
      <c r="F23948" s="358" t="s">
        <v>14376</v>
      </c>
      <c r="G23948" s="358" t="s">
        <v>14669</v>
      </c>
      <c r="H23948" s="358" t="s">
        <v>14381</v>
      </c>
      <c r="I23948" s="358" t="s">
        <v>14669</v>
      </c>
      <c r="J23948" s="358"/>
      <c r="K23948" s="358"/>
      <c r="L23948" s="358" t="s">
        <v>11476</v>
      </c>
    </row>
    <row r="23949" spans="2:12">
      <c r="B23949" s="367"/>
      <c r="C23949" s="360"/>
      <c r="D23949" s="367"/>
      <c r="E23949" s="367"/>
      <c r="F23949" s="367"/>
      <c r="G23949" s="367"/>
      <c r="H23949" s="360"/>
      <c r="I23949" s="367"/>
      <c r="J23949" s="365"/>
      <c r="K23949" s="365"/>
      <c r="L23949" s="367"/>
    </row>
    <row r="23950" spans="2:12">
      <c r="B23950" s="367"/>
      <c r="C23950" s="359" t="s">
        <v>26219</v>
      </c>
      <c r="D23950" s="367"/>
      <c r="E23950" s="367"/>
      <c r="F23950" s="367"/>
      <c r="G23950" s="367"/>
      <c r="H23950" s="359" t="s">
        <v>14332</v>
      </c>
      <c r="I23950" s="367"/>
      <c r="J23950" s="365"/>
      <c r="K23950" s="365"/>
      <c r="L23950" s="367"/>
    </row>
    <row r="23951" spans="2:12">
      <c r="B23951" s="367"/>
      <c r="C23951" s="360"/>
      <c r="D23951" s="367"/>
      <c r="E23951" s="367"/>
      <c r="F23951" s="367"/>
      <c r="G23951" s="367"/>
      <c r="H23951" s="360"/>
      <c r="I23951" s="367"/>
      <c r="J23951" s="365"/>
      <c r="K23951" s="365"/>
      <c r="L23951" s="367"/>
    </row>
    <row r="23952" spans="2:12" ht="71.25">
      <c r="B23952" s="368"/>
      <c r="C23952" s="361" t="s">
        <v>30739</v>
      </c>
      <c r="D23952" s="368"/>
      <c r="E23952" s="368"/>
      <c r="F23952" s="368"/>
      <c r="G23952" s="368"/>
      <c r="H23952" s="362"/>
      <c r="I23952" s="368"/>
      <c r="J23952" s="366"/>
      <c r="K23952" s="366"/>
      <c r="L23952" s="368"/>
    </row>
    <row r="23953" spans="2:12">
      <c r="B23953" s="358" t="s">
        <v>11598</v>
      </c>
      <c r="C23953" s="358" t="s">
        <v>26223</v>
      </c>
      <c r="D23953" s="358" t="s">
        <v>11599</v>
      </c>
      <c r="E23953" s="358" t="s">
        <v>11600</v>
      </c>
      <c r="F23953" s="358" t="s">
        <v>14376</v>
      </c>
      <c r="G23953" s="358" t="s">
        <v>14669</v>
      </c>
      <c r="H23953" s="358" t="s">
        <v>14381</v>
      </c>
      <c r="I23953" s="358" t="s">
        <v>14669</v>
      </c>
      <c r="J23953" s="358"/>
      <c r="K23953" s="358"/>
      <c r="L23953" s="358" t="s">
        <v>11476</v>
      </c>
    </row>
    <row r="23954" spans="2:12">
      <c r="B23954" s="367"/>
      <c r="C23954" s="360"/>
      <c r="D23954" s="367"/>
      <c r="E23954" s="367"/>
      <c r="F23954" s="367"/>
      <c r="G23954" s="367"/>
      <c r="H23954" s="360"/>
      <c r="I23954" s="367"/>
      <c r="J23954" s="365"/>
      <c r="K23954" s="365"/>
      <c r="L23954" s="367"/>
    </row>
    <row r="23955" spans="2:12">
      <c r="B23955" s="367"/>
      <c r="C23955" s="359" t="s">
        <v>26219</v>
      </c>
      <c r="D23955" s="367"/>
      <c r="E23955" s="367"/>
      <c r="F23955" s="367"/>
      <c r="G23955" s="367"/>
      <c r="H23955" s="359" t="s">
        <v>14332</v>
      </c>
      <c r="I23955" s="367"/>
      <c r="J23955" s="365"/>
      <c r="K23955" s="365"/>
      <c r="L23955" s="367"/>
    </row>
    <row r="23956" spans="2:12">
      <c r="B23956" s="367"/>
      <c r="C23956" s="360"/>
      <c r="D23956" s="367"/>
      <c r="E23956" s="367"/>
      <c r="F23956" s="367"/>
      <c r="G23956" s="367"/>
      <c r="H23956" s="360"/>
      <c r="I23956" s="367"/>
      <c r="J23956" s="365"/>
      <c r="K23956" s="365"/>
      <c r="L23956" s="367"/>
    </row>
    <row r="23957" spans="2:12" ht="71.25">
      <c r="B23957" s="368"/>
      <c r="C23957" s="361" t="s">
        <v>28226</v>
      </c>
      <c r="D23957" s="368"/>
      <c r="E23957" s="368"/>
      <c r="F23957" s="368"/>
      <c r="G23957" s="368"/>
      <c r="H23957" s="362"/>
      <c r="I23957" s="368"/>
      <c r="J23957" s="366"/>
      <c r="K23957" s="366"/>
      <c r="L23957" s="368"/>
    </row>
    <row r="23958" spans="2:12">
      <c r="B23958" s="358" t="s">
        <v>11602</v>
      </c>
      <c r="C23958" s="358" t="s">
        <v>26224</v>
      </c>
      <c r="D23958" s="358" t="s">
        <v>11603</v>
      </c>
      <c r="E23958" s="358" t="s">
        <v>11604</v>
      </c>
      <c r="F23958" s="358" t="s">
        <v>14376</v>
      </c>
      <c r="G23958" s="358" t="s">
        <v>14669</v>
      </c>
      <c r="H23958" s="358" t="s">
        <v>14381</v>
      </c>
      <c r="I23958" s="358" t="s">
        <v>14669</v>
      </c>
      <c r="J23958" s="358"/>
      <c r="K23958" s="358"/>
      <c r="L23958" s="358" t="s">
        <v>11476</v>
      </c>
    </row>
    <row r="23959" spans="2:12">
      <c r="B23959" s="367"/>
      <c r="C23959" s="360"/>
      <c r="D23959" s="367"/>
      <c r="E23959" s="367"/>
      <c r="F23959" s="367"/>
      <c r="G23959" s="367"/>
      <c r="H23959" s="360"/>
      <c r="I23959" s="367"/>
      <c r="J23959" s="365"/>
      <c r="K23959" s="365"/>
      <c r="L23959" s="367"/>
    </row>
    <row r="23960" spans="2:12">
      <c r="B23960" s="367"/>
      <c r="C23960" s="359" t="s">
        <v>26219</v>
      </c>
      <c r="D23960" s="367"/>
      <c r="E23960" s="367"/>
      <c r="F23960" s="367"/>
      <c r="G23960" s="367"/>
      <c r="H23960" s="359" t="s">
        <v>14332</v>
      </c>
      <c r="I23960" s="367"/>
      <c r="J23960" s="365"/>
      <c r="K23960" s="365"/>
      <c r="L23960" s="367"/>
    </row>
    <row r="23961" spans="2:12">
      <c r="B23961" s="367"/>
      <c r="C23961" s="360"/>
      <c r="D23961" s="367"/>
      <c r="E23961" s="367"/>
      <c r="F23961" s="367"/>
      <c r="G23961" s="367"/>
      <c r="H23961" s="360"/>
      <c r="I23961" s="367"/>
      <c r="J23961" s="365"/>
      <c r="K23961" s="365"/>
      <c r="L23961" s="367"/>
    </row>
    <row r="23962" spans="2:12" ht="85.5">
      <c r="B23962" s="368"/>
      <c r="C23962" s="361" t="s">
        <v>30740</v>
      </c>
      <c r="D23962" s="368"/>
      <c r="E23962" s="368"/>
      <c r="F23962" s="368"/>
      <c r="G23962" s="368"/>
      <c r="H23962" s="362"/>
      <c r="I23962" s="368"/>
      <c r="J23962" s="366"/>
      <c r="K23962" s="366"/>
      <c r="L23962" s="368"/>
    </row>
    <row r="23963" spans="2:12">
      <c r="B23963" s="358" t="s">
        <v>11606</v>
      </c>
      <c r="C23963" s="358" t="s">
        <v>26225</v>
      </c>
      <c r="D23963" s="358" t="s">
        <v>11607</v>
      </c>
      <c r="E23963" s="358" t="s">
        <v>11608</v>
      </c>
      <c r="F23963" s="358" t="s">
        <v>14376</v>
      </c>
      <c r="G23963" s="358" t="s">
        <v>14669</v>
      </c>
      <c r="H23963" s="358" t="s">
        <v>14381</v>
      </c>
      <c r="I23963" s="358" t="s">
        <v>14669</v>
      </c>
      <c r="J23963" s="358"/>
      <c r="K23963" s="358"/>
      <c r="L23963" s="358" t="s">
        <v>11476</v>
      </c>
    </row>
    <row r="23964" spans="2:12">
      <c r="B23964" s="367"/>
      <c r="C23964" s="360"/>
      <c r="D23964" s="367"/>
      <c r="E23964" s="367"/>
      <c r="F23964" s="367"/>
      <c r="G23964" s="367"/>
      <c r="H23964" s="360"/>
      <c r="I23964" s="367"/>
      <c r="J23964" s="365"/>
      <c r="K23964" s="365"/>
      <c r="L23964" s="367"/>
    </row>
    <row r="23965" spans="2:12">
      <c r="B23965" s="367"/>
      <c r="C23965" s="359" t="s">
        <v>26219</v>
      </c>
      <c r="D23965" s="367"/>
      <c r="E23965" s="367"/>
      <c r="F23965" s="367"/>
      <c r="G23965" s="367"/>
      <c r="H23965" s="359" t="s">
        <v>14332</v>
      </c>
      <c r="I23965" s="367"/>
      <c r="J23965" s="365"/>
      <c r="K23965" s="365"/>
      <c r="L23965" s="367"/>
    </row>
    <row r="23966" spans="2:12">
      <c r="B23966" s="367"/>
      <c r="C23966" s="360"/>
      <c r="D23966" s="367"/>
      <c r="E23966" s="367"/>
      <c r="F23966" s="367"/>
      <c r="G23966" s="367"/>
      <c r="H23966" s="360"/>
      <c r="I23966" s="367"/>
      <c r="J23966" s="365"/>
      <c r="K23966" s="365"/>
      <c r="L23966" s="367"/>
    </row>
    <row r="23967" spans="2:12" ht="85.5">
      <c r="B23967" s="368"/>
      <c r="C23967" s="361" t="s">
        <v>28227</v>
      </c>
      <c r="D23967" s="368"/>
      <c r="E23967" s="368"/>
      <c r="F23967" s="368"/>
      <c r="G23967" s="368"/>
      <c r="H23967" s="362"/>
      <c r="I23967" s="368"/>
      <c r="J23967" s="366"/>
      <c r="K23967" s="366"/>
      <c r="L23967" s="368"/>
    </row>
    <row r="23968" spans="2:12">
      <c r="B23968" s="358" t="s">
        <v>11610</v>
      </c>
      <c r="C23968" s="358" t="s">
        <v>26226</v>
      </c>
      <c r="D23968" s="358" t="s">
        <v>11611</v>
      </c>
      <c r="E23968" s="358" t="s">
        <v>11612</v>
      </c>
      <c r="F23968" s="358" t="s">
        <v>14376</v>
      </c>
      <c r="G23968" s="358" t="s">
        <v>14669</v>
      </c>
      <c r="H23968" s="358" t="s">
        <v>14381</v>
      </c>
      <c r="I23968" s="358" t="s">
        <v>14669</v>
      </c>
      <c r="J23968" s="358"/>
      <c r="K23968" s="358"/>
      <c r="L23968" s="358" t="s">
        <v>11476</v>
      </c>
    </row>
    <row r="23969" spans="2:12">
      <c r="B23969" s="367"/>
      <c r="C23969" s="360"/>
      <c r="D23969" s="367"/>
      <c r="E23969" s="367"/>
      <c r="F23969" s="367"/>
      <c r="G23969" s="367"/>
      <c r="H23969" s="360"/>
      <c r="I23969" s="367"/>
      <c r="J23969" s="365"/>
      <c r="K23969" s="365"/>
      <c r="L23969" s="367"/>
    </row>
    <row r="23970" spans="2:12">
      <c r="B23970" s="367"/>
      <c r="C23970" s="359" t="s">
        <v>26219</v>
      </c>
      <c r="D23970" s="367"/>
      <c r="E23970" s="367"/>
      <c r="F23970" s="367"/>
      <c r="G23970" s="367"/>
      <c r="H23970" s="359" t="s">
        <v>14332</v>
      </c>
      <c r="I23970" s="367"/>
      <c r="J23970" s="365"/>
      <c r="K23970" s="365"/>
      <c r="L23970" s="367"/>
    </row>
    <row r="23971" spans="2:12">
      <c r="B23971" s="367"/>
      <c r="C23971" s="360"/>
      <c r="D23971" s="367"/>
      <c r="E23971" s="367"/>
      <c r="F23971" s="367"/>
      <c r="G23971" s="367"/>
      <c r="H23971" s="360"/>
      <c r="I23971" s="367"/>
      <c r="J23971" s="365"/>
      <c r="K23971" s="365"/>
      <c r="L23971" s="367"/>
    </row>
    <row r="23972" spans="2:12" ht="85.5">
      <c r="B23972" s="368"/>
      <c r="C23972" s="361" t="s">
        <v>30741</v>
      </c>
      <c r="D23972" s="368"/>
      <c r="E23972" s="368"/>
      <c r="F23972" s="368"/>
      <c r="G23972" s="368"/>
      <c r="H23972" s="362"/>
      <c r="I23972" s="368"/>
      <c r="J23972" s="366"/>
      <c r="K23972" s="366"/>
      <c r="L23972" s="368"/>
    </row>
    <row r="23973" spans="2:12" ht="114">
      <c r="B23973" s="358" t="s">
        <v>11614</v>
      </c>
      <c r="C23973" s="358" t="s">
        <v>30742</v>
      </c>
      <c r="D23973" s="358" t="s">
        <v>11615</v>
      </c>
      <c r="E23973" s="358" t="s">
        <v>11616</v>
      </c>
      <c r="F23973" s="358" t="s">
        <v>14376</v>
      </c>
      <c r="G23973" s="358" t="s">
        <v>14669</v>
      </c>
      <c r="H23973" s="358" t="s">
        <v>14381</v>
      </c>
      <c r="I23973" s="358" t="s">
        <v>14669</v>
      </c>
      <c r="J23973" s="358"/>
      <c r="K23973" s="358"/>
      <c r="L23973" s="358" t="s">
        <v>11476</v>
      </c>
    </row>
    <row r="23974" spans="2:12">
      <c r="B23974" s="367"/>
      <c r="C23974" s="367"/>
      <c r="D23974" s="367"/>
      <c r="E23974" s="367"/>
      <c r="F23974" s="367"/>
      <c r="G23974" s="367"/>
      <c r="H23974" s="360"/>
      <c r="I23974" s="367"/>
      <c r="J23974" s="365"/>
      <c r="K23974" s="365"/>
      <c r="L23974" s="367"/>
    </row>
    <row r="23975" spans="2:12">
      <c r="B23975" s="368"/>
      <c r="C23975" s="368"/>
      <c r="D23975" s="368"/>
      <c r="E23975" s="368"/>
      <c r="F23975" s="368"/>
      <c r="G23975" s="368"/>
      <c r="H23975" s="361" t="s">
        <v>14332</v>
      </c>
      <c r="I23975" s="368"/>
      <c r="J23975" s="366"/>
      <c r="K23975" s="366"/>
      <c r="L23975" s="368"/>
    </row>
    <row r="23976" spans="2:12">
      <c r="B23976" s="358" t="s">
        <v>11619</v>
      </c>
      <c r="C23976" s="358" t="s">
        <v>26227</v>
      </c>
      <c r="D23976" s="358" t="s">
        <v>11620</v>
      </c>
      <c r="E23976" s="358" t="s">
        <v>11621</v>
      </c>
      <c r="F23976" s="358" t="s">
        <v>14376</v>
      </c>
      <c r="G23976" s="358" t="s">
        <v>14669</v>
      </c>
      <c r="H23976" s="358" t="s">
        <v>14381</v>
      </c>
      <c r="I23976" s="358" t="s">
        <v>14669</v>
      </c>
      <c r="J23976" s="358"/>
      <c r="K23976" s="358"/>
      <c r="L23976" s="358" t="s">
        <v>11476</v>
      </c>
    </row>
    <row r="23977" spans="2:12">
      <c r="B23977" s="367"/>
      <c r="C23977" s="360"/>
      <c r="D23977" s="367"/>
      <c r="E23977" s="367"/>
      <c r="F23977" s="367"/>
      <c r="G23977" s="367"/>
      <c r="H23977" s="360"/>
      <c r="I23977" s="367"/>
      <c r="J23977" s="365"/>
      <c r="K23977" s="365"/>
      <c r="L23977" s="367"/>
    </row>
    <row r="23978" spans="2:12">
      <c r="B23978" s="367"/>
      <c r="C23978" s="359" t="s">
        <v>26219</v>
      </c>
      <c r="D23978" s="367"/>
      <c r="E23978" s="367"/>
      <c r="F23978" s="367"/>
      <c r="G23978" s="367"/>
      <c r="H23978" s="359" t="s">
        <v>14332</v>
      </c>
      <c r="I23978" s="367"/>
      <c r="J23978" s="365"/>
      <c r="K23978" s="365"/>
      <c r="L23978" s="367"/>
    </row>
    <row r="23979" spans="2:12">
      <c r="B23979" s="367"/>
      <c r="C23979" s="360"/>
      <c r="D23979" s="367"/>
      <c r="E23979" s="367"/>
      <c r="F23979" s="367"/>
      <c r="G23979" s="367"/>
      <c r="H23979" s="360"/>
      <c r="I23979" s="367"/>
      <c r="J23979" s="365"/>
      <c r="K23979" s="365"/>
      <c r="L23979" s="367"/>
    </row>
    <row r="23980" spans="2:12" ht="57">
      <c r="B23980" s="368"/>
      <c r="C23980" s="361" t="s">
        <v>26228</v>
      </c>
      <c r="D23980" s="368"/>
      <c r="E23980" s="368"/>
      <c r="F23980" s="368"/>
      <c r="G23980" s="368"/>
      <c r="H23980" s="362"/>
      <c r="I23980" s="368"/>
      <c r="J23980" s="366"/>
      <c r="K23980" s="366"/>
      <c r="L23980" s="368"/>
    </row>
    <row r="23981" spans="2:12">
      <c r="B23981" s="358" t="s">
        <v>11623</v>
      </c>
      <c r="C23981" s="358" t="s">
        <v>29913</v>
      </c>
      <c r="D23981" s="358" t="s">
        <v>11624</v>
      </c>
      <c r="E23981" s="358" t="s">
        <v>13409</v>
      </c>
      <c r="F23981" s="358" t="s">
        <v>14376</v>
      </c>
      <c r="G23981" s="358" t="s">
        <v>14669</v>
      </c>
      <c r="H23981" s="358" t="s">
        <v>14381</v>
      </c>
      <c r="I23981" s="358" t="s">
        <v>14669</v>
      </c>
      <c r="J23981" s="358"/>
      <c r="K23981" s="358"/>
      <c r="L23981" s="358" t="s">
        <v>11476</v>
      </c>
    </row>
    <row r="23982" spans="2:12">
      <c r="B23982" s="367"/>
      <c r="C23982" s="360"/>
      <c r="D23982" s="367"/>
      <c r="E23982" s="367"/>
      <c r="F23982" s="367"/>
      <c r="G23982" s="367"/>
      <c r="H23982" s="360"/>
      <c r="I23982" s="367"/>
      <c r="J23982" s="365"/>
      <c r="K23982" s="365"/>
      <c r="L23982" s="367"/>
    </row>
    <row r="23983" spans="2:12" ht="71.25">
      <c r="B23983" s="368"/>
      <c r="C23983" s="361" t="s">
        <v>28228</v>
      </c>
      <c r="D23983" s="368"/>
      <c r="E23983" s="368"/>
      <c r="F23983" s="368"/>
      <c r="G23983" s="368"/>
      <c r="H23983" s="361" t="s">
        <v>14332</v>
      </c>
      <c r="I23983" s="368"/>
      <c r="J23983" s="366"/>
      <c r="K23983" s="366"/>
      <c r="L23983" s="368"/>
    </row>
    <row r="23984" spans="2:12">
      <c r="B23984" s="358" t="s">
        <v>11627</v>
      </c>
      <c r="C23984" s="358" t="s">
        <v>26230</v>
      </c>
      <c r="D23984" s="358" t="s">
        <v>11628</v>
      </c>
      <c r="E23984" s="358" t="s">
        <v>11629</v>
      </c>
      <c r="F23984" s="358" t="s">
        <v>14376</v>
      </c>
      <c r="G23984" s="358" t="s">
        <v>14669</v>
      </c>
      <c r="H23984" s="358" t="s">
        <v>14381</v>
      </c>
      <c r="I23984" s="358" t="s">
        <v>14669</v>
      </c>
      <c r="J23984" s="358"/>
      <c r="K23984" s="358"/>
      <c r="L23984" s="358" t="s">
        <v>11476</v>
      </c>
    </row>
    <row r="23985" spans="2:12">
      <c r="B23985" s="367"/>
      <c r="C23985" s="360"/>
      <c r="D23985" s="367"/>
      <c r="E23985" s="367"/>
      <c r="F23985" s="367"/>
      <c r="G23985" s="367"/>
      <c r="H23985" s="360"/>
      <c r="I23985" s="367"/>
      <c r="J23985" s="365"/>
      <c r="K23985" s="365"/>
      <c r="L23985" s="367"/>
    </row>
    <row r="23986" spans="2:12">
      <c r="B23986" s="367"/>
      <c r="C23986" s="359" t="s">
        <v>26229</v>
      </c>
      <c r="D23986" s="367"/>
      <c r="E23986" s="367"/>
      <c r="F23986" s="367"/>
      <c r="G23986" s="367"/>
      <c r="H23986" s="359" t="s">
        <v>14332</v>
      </c>
      <c r="I23986" s="367"/>
      <c r="J23986" s="365"/>
      <c r="K23986" s="365"/>
      <c r="L23986" s="367"/>
    </row>
    <row r="23987" spans="2:12">
      <c r="B23987" s="367"/>
      <c r="C23987" s="360"/>
      <c r="D23987" s="367"/>
      <c r="E23987" s="367"/>
      <c r="F23987" s="367"/>
      <c r="G23987" s="367"/>
      <c r="H23987" s="360"/>
      <c r="I23987" s="367"/>
      <c r="J23987" s="365"/>
      <c r="K23987" s="365"/>
      <c r="L23987" s="367"/>
    </row>
    <row r="23988" spans="2:12" ht="42.75">
      <c r="B23988" s="368"/>
      <c r="C23988" s="361" t="s">
        <v>26231</v>
      </c>
      <c r="D23988" s="368"/>
      <c r="E23988" s="368"/>
      <c r="F23988" s="368"/>
      <c r="G23988" s="368"/>
      <c r="H23988" s="362"/>
      <c r="I23988" s="368"/>
      <c r="J23988" s="366"/>
      <c r="K23988" s="366"/>
      <c r="L23988" s="368"/>
    </row>
    <row r="23989" spans="2:12">
      <c r="B23989" s="358" t="s">
        <v>11631</v>
      </c>
      <c r="C23989" s="358" t="s">
        <v>26232</v>
      </c>
      <c r="D23989" s="358" t="s">
        <v>11632</v>
      </c>
      <c r="E23989" s="358" t="s">
        <v>11633</v>
      </c>
      <c r="F23989" s="358" t="s">
        <v>14376</v>
      </c>
      <c r="G23989" s="358" t="s">
        <v>14669</v>
      </c>
      <c r="H23989" s="358" t="s">
        <v>14381</v>
      </c>
      <c r="I23989" s="358" t="s">
        <v>14669</v>
      </c>
      <c r="J23989" s="358"/>
      <c r="K23989" s="358"/>
      <c r="L23989" s="358" t="s">
        <v>11476</v>
      </c>
    </row>
    <row r="23990" spans="2:12">
      <c r="B23990" s="367"/>
      <c r="C23990" s="360"/>
      <c r="D23990" s="367"/>
      <c r="E23990" s="367"/>
      <c r="F23990" s="367"/>
      <c r="G23990" s="367"/>
      <c r="H23990" s="360"/>
      <c r="I23990" s="367"/>
      <c r="J23990" s="365"/>
      <c r="K23990" s="365"/>
      <c r="L23990" s="367"/>
    </row>
    <row r="23991" spans="2:12">
      <c r="B23991" s="367"/>
      <c r="C23991" s="359" t="s">
        <v>26229</v>
      </c>
      <c r="D23991" s="367"/>
      <c r="E23991" s="367"/>
      <c r="F23991" s="367"/>
      <c r="G23991" s="367"/>
      <c r="H23991" s="359" t="s">
        <v>14332</v>
      </c>
      <c r="I23991" s="367"/>
      <c r="J23991" s="365"/>
      <c r="K23991" s="365"/>
      <c r="L23991" s="367"/>
    </row>
    <row r="23992" spans="2:12">
      <c r="B23992" s="367"/>
      <c r="C23992" s="360"/>
      <c r="D23992" s="367"/>
      <c r="E23992" s="367"/>
      <c r="F23992" s="367"/>
      <c r="G23992" s="367"/>
      <c r="H23992" s="360"/>
      <c r="I23992" s="367"/>
      <c r="J23992" s="365"/>
      <c r="K23992" s="365"/>
      <c r="L23992" s="367"/>
    </row>
    <row r="23993" spans="2:12" ht="71.25">
      <c r="B23993" s="368"/>
      <c r="C23993" s="361" t="s">
        <v>30743</v>
      </c>
      <c r="D23993" s="368"/>
      <c r="E23993" s="368"/>
      <c r="F23993" s="368"/>
      <c r="G23993" s="368"/>
      <c r="H23993" s="362"/>
      <c r="I23993" s="368"/>
      <c r="J23993" s="366"/>
      <c r="K23993" s="366"/>
      <c r="L23993" s="368"/>
    </row>
    <row r="23994" spans="2:12">
      <c r="B23994" s="358" t="s">
        <v>11635</v>
      </c>
      <c r="C23994" s="358" t="s">
        <v>26233</v>
      </c>
      <c r="D23994" s="358" t="s">
        <v>11636</v>
      </c>
      <c r="E23994" s="358" t="s">
        <v>11637</v>
      </c>
      <c r="F23994" s="358" t="s">
        <v>14376</v>
      </c>
      <c r="G23994" s="358" t="s">
        <v>14669</v>
      </c>
      <c r="H23994" s="358" t="s">
        <v>14381</v>
      </c>
      <c r="I23994" s="358" t="s">
        <v>14669</v>
      </c>
      <c r="J23994" s="358"/>
      <c r="K23994" s="358"/>
      <c r="L23994" s="358" t="s">
        <v>11476</v>
      </c>
    </row>
    <row r="23995" spans="2:12">
      <c r="B23995" s="367"/>
      <c r="C23995" s="360"/>
      <c r="D23995" s="367"/>
      <c r="E23995" s="367"/>
      <c r="F23995" s="367"/>
      <c r="G23995" s="367"/>
      <c r="H23995" s="360"/>
      <c r="I23995" s="367"/>
      <c r="J23995" s="365"/>
      <c r="K23995" s="365"/>
      <c r="L23995" s="367"/>
    </row>
    <row r="23996" spans="2:12">
      <c r="B23996" s="367"/>
      <c r="C23996" s="359" t="s">
        <v>26229</v>
      </c>
      <c r="D23996" s="367"/>
      <c r="E23996" s="367"/>
      <c r="F23996" s="367"/>
      <c r="G23996" s="367"/>
      <c r="H23996" s="359" t="s">
        <v>14332</v>
      </c>
      <c r="I23996" s="367"/>
      <c r="J23996" s="365"/>
      <c r="K23996" s="365"/>
      <c r="L23996" s="367"/>
    </row>
    <row r="23997" spans="2:12">
      <c r="B23997" s="367"/>
      <c r="C23997" s="360"/>
      <c r="D23997" s="367"/>
      <c r="E23997" s="367"/>
      <c r="F23997" s="367"/>
      <c r="G23997" s="367"/>
      <c r="H23997" s="360"/>
      <c r="I23997" s="367"/>
      <c r="J23997" s="365"/>
      <c r="K23997" s="365"/>
      <c r="L23997" s="367"/>
    </row>
    <row r="23998" spans="2:12" ht="85.5">
      <c r="B23998" s="368"/>
      <c r="C23998" s="361" t="s">
        <v>28229</v>
      </c>
      <c r="D23998" s="368"/>
      <c r="E23998" s="368"/>
      <c r="F23998" s="368"/>
      <c r="G23998" s="368"/>
      <c r="H23998" s="362"/>
      <c r="I23998" s="368"/>
      <c r="J23998" s="366"/>
      <c r="K23998" s="366"/>
      <c r="L23998" s="368"/>
    </row>
    <row r="23999" spans="2:12">
      <c r="B23999" s="358" t="s">
        <v>11639</v>
      </c>
      <c r="C23999" s="358" t="s">
        <v>26234</v>
      </c>
      <c r="D23999" s="358" t="s">
        <v>11640</v>
      </c>
      <c r="E23999" s="358" t="s">
        <v>11641</v>
      </c>
      <c r="F23999" s="358" t="s">
        <v>14376</v>
      </c>
      <c r="G23999" s="358" t="s">
        <v>14669</v>
      </c>
      <c r="H23999" s="358" t="s">
        <v>14381</v>
      </c>
      <c r="I23999" s="358" t="s">
        <v>14669</v>
      </c>
      <c r="J23999" s="358"/>
      <c r="K23999" s="358"/>
      <c r="L23999" s="358" t="s">
        <v>11476</v>
      </c>
    </row>
    <row r="24000" spans="2:12">
      <c r="B24000" s="367"/>
      <c r="C24000" s="360"/>
      <c r="D24000" s="367"/>
      <c r="E24000" s="367"/>
      <c r="F24000" s="367"/>
      <c r="G24000" s="367"/>
      <c r="H24000" s="360"/>
      <c r="I24000" s="367"/>
      <c r="J24000" s="365"/>
      <c r="K24000" s="365"/>
      <c r="L24000" s="367"/>
    </row>
    <row r="24001" spans="2:12">
      <c r="B24001" s="367"/>
      <c r="C24001" s="359" t="s">
        <v>26229</v>
      </c>
      <c r="D24001" s="367"/>
      <c r="E24001" s="367"/>
      <c r="F24001" s="367"/>
      <c r="G24001" s="367"/>
      <c r="H24001" s="359" t="s">
        <v>14332</v>
      </c>
      <c r="I24001" s="367"/>
      <c r="J24001" s="365"/>
      <c r="K24001" s="365"/>
      <c r="L24001" s="367"/>
    </row>
    <row r="24002" spans="2:12">
      <c r="B24002" s="367"/>
      <c r="C24002" s="360"/>
      <c r="D24002" s="367"/>
      <c r="E24002" s="367"/>
      <c r="F24002" s="367"/>
      <c r="G24002" s="367"/>
      <c r="H24002" s="360"/>
      <c r="I24002" s="367"/>
      <c r="J24002" s="365"/>
      <c r="K24002" s="365"/>
      <c r="L24002" s="367"/>
    </row>
    <row r="24003" spans="2:12" ht="85.5">
      <c r="B24003" s="368"/>
      <c r="C24003" s="361" t="s">
        <v>30744</v>
      </c>
      <c r="D24003" s="368"/>
      <c r="E24003" s="368"/>
      <c r="F24003" s="368"/>
      <c r="G24003" s="368"/>
      <c r="H24003" s="362"/>
      <c r="I24003" s="368"/>
      <c r="J24003" s="366"/>
      <c r="K24003" s="366"/>
      <c r="L24003" s="368"/>
    </row>
    <row r="24004" spans="2:12">
      <c r="B24004" s="358" t="s">
        <v>11643</v>
      </c>
      <c r="C24004" s="358" t="s">
        <v>26235</v>
      </c>
      <c r="D24004" s="358" t="s">
        <v>11644</v>
      </c>
      <c r="E24004" s="358" t="s">
        <v>11645</v>
      </c>
      <c r="F24004" s="358" t="s">
        <v>14376</v>
      </c>
      <c r="G24004" s="358" t="s">
        <v>14669</v>
      </c>
      <c r="H24004" s="358" t="s">
        <v>14381</v>
      </c>
      <c r="I24004" s="358" t="s">
        <v>14669</v>
      </c>
      <c r="J24004" s="358"/>
      <c r="K24004" s="358"/>
      <c r="L24004" s="358" t="s">
        <v>11476</v>
      </c>
    </row>
    <row r="24005" spans="2:12">
      <c r="B24005" s="367"/>
      <c r="C24005" s="360"/>
      <c r="D24005" s="367"/>
      <c r="E24005" s="367"/>
      <c r="F24005" s="367"/>
      <c r="G24005" s="367"/>
      <c r="H24005" s="360"/>
      <c r="I24005" s="367"/>
      <c r="J24005" s="365"/>
      <c r="K24005" s="365"/>
      <c r="L24005" s="367"/>
    </row>
    <row r="24006" spans="2:12">
      <c r="B24006" s="367"/>
      <c r="C24006" s="359" t="s">
        <v>26229</v>
      </c>
      <c r="D24006" s="367"/>
      <c r="E24006" s="367"/>
      <c r="F24006" s="367"/>
      <c r="G24006" s="367"/>
      <c r="H24006" s="359" t="s">
        <v>14332</v>
      </c>
      <c r="I24006" s="367"/>
      <c r="J24006" s="365"/>
      <c r="K24006" s="365"/>
      <c r="L24006" s="367"/>
    </row>
    <row r="24007" spans="2:12">
      <c r="B24007" s="367"/>
      <c r="C24007" s="360"/>
      <c r="D24007" s="367"/>
      <c r="E24007" s="367"/>
      <c r="F24007" s="367"/>
      <c r="G24007" s="367"/>
      <c r="H24007" s="360"/>
      <c r="I24007" s="367"/>
      <c r="J24007" s="365"/>
      <c r="K24007" s="365"/>
      <c r="L24007" s="367"/>
    </row>
    <row r="24008" spans="2:12" ht="85.5">
      <c r="B24008" s="368"/>
      <c r="C24008" s="361" t="s">
        <v>28230</v>
      </c>
      <c r="D24008" s="368"/>
      <c r="E24008" s="368"/>
      <c r="F24008" s="368"/>
      <c r="G24008" s="368"/>
      <c r="H24008" s="362"/>
      <c r="I24008" s="368"/>
      <c r="J24008" s="366"/>
      <c r="K24008" s="366"/>
      <c r="L24008" s="368"/>
    </row>
    <row r="24009" spans="2:12">
      <c r="B24009" s="358" t="s">
        <v>11647</v>
      </c>
      <c r="C24009" s="358" t="s">
        <v>26236</v>
      </c>
      <c r="D24009" s="358" t="s">
        <v>11648</v>
      </c>
      <c r="E24009" s="358" t="s">
        <v>11649</v>
      </c>
      <c r="F24009" s="358" t="s">
        <v>14376</v>
      </c>
      <c r="G24009" s="358" t="s">
        <v>14669</v>
      </c>
      <c r="H24009" s="358" t="s">
        <v>14381</v>
      </c>
      <c r="I24009" s="358" t="s">
        <v>14669</v>
      </c>
      <c r="J24009" s="358"/>
      <c r="K24009" s="358"/>
      <c r="L24009" s="358" t="s">
        <v>11476</v>
      </c>
    </row>
    <row r="24010" spans="2:12">
      <c r="B24010" s="367"/>
      <c r="C24010" s="360"/>
      <c r="D24010" s="367"/>
      <c r="E24010" s="367"/>
      <c r="F24010" s="367"/>
      <c r="G24010" s="367"/>
      <c r="H24010" s="360"/>
      <c r="I24010" s="367"/>
      <c r="J24010" s="365"/>
      <c r="K24010" s="365"/>
      <c r="L24010" s="367"/>
    </row>
    <row r="24011" spans="2:12" ht="85.5">
      <c r="B24011" s="368"/>
      <c r="C24011" s="361" t="s">
        <v>30745</v>
      </c>
      <c r="D24011" s="368"/>
      <c r="E24011" s="368"/>
      <c r="F24011" s="368"/>
      <c r="G24011" s="368"/>
      <c r="H24011" s="361" t="s">
        <v>14332</v>
      </c>
      <c r="I24011" s="368"/>
      <c r="J24011" s="366"/>
      <c r="K24011" s="366"/>
      <c r="L24011" s="368"/>
    </row>
    <row r="24012" spans="2:12">
      <c r="B24012" s="358" t="s">
        <v>11651</v>
      </c>
      <c r="C24012" s="358" t="s">
        <v>12801</v>
      </c>
      <c r="D24012" s="358" t="s">
        <v>11652</v>
      </c>
      <c r="E24012" s="358" t="s">
        <v>11653</v>
      </c>
      <c r="F24012" s="358" t="s">
        <v>14376</v>
      </c>
      <c r="G24012" s="358" t="s">
        <v>14669</v>
      </c>
      <c r="H24012" s="358" t="s">
        <v>14381</v>
      </c>
      <c r="I24012" s="358" t="s">
        <v>14669</v>
      </c>
      <c r="J24012" s="358"/>
      <c r="K24012" s="358"/>
      <c r="L24012" s="358" t="s">
        <v>643</v>
      </c>
    </row>
    <row r="24013" spans="2:12">
      <c r="B24013" s="367"/>
      <c r="C24013" s="360"/>
      <c r="D24013" s="367"/>
      <c r="E24013" s="367"/>
      <c r="F24013" s="360"/>
      <c r="G24013" s="360"/>
      <c r="H24013" s="360"/>
      <c r="I24013" s="360"/>
      <c r="J24013" s="365"/>
      <c r="K24013" s="365"/>
      <c r="L24013" s="367"/>
    </row>
    <row r="24014" spans="2:12">
      <c r="B24014" s="367"/>
      <c r="C24014" s="359" t="s">
        <v>12802</v>
      </c>
      <c r="D24014" s="367"/>
      <c r="E24014" s="367"/>
      <c r="F24014" s="359" t="s">
        <v>14889</v>
      </c>
      <c r="G24014" s="359" t="s">
        <v>14890</v>
      </c>
      <c r="H24014" s="359" t="s">
        <v>14332</v>
      </c>
      <c r="I24014" s="359" t="s">
        <v>14890</v>
      </c>
      <c r="J24014" s="365"/>
      <c r="K24014" s="365"/>
      <c r="L24014" s="367"/>
    </row>
    <row r="24015" spans="2:12">
      <c r="B24015" s="367"/>
      <c r="C24015" s="360"/>
      <c r="D24015" s="367"/>
      <c r="E24015" s="367"/>
      <c r="F24015" s="360"/>
      <c r="G24015" s="360"/>
      <c r="H24015" s="360"/>
      <c r="I24015" s="360"/>
      <c r="J24015" s="365"/>
      <c r="K24015" s="365"/>
      <c r="L24015" s="367"/>
    </row>
    <row r="24016" spans="2:12" ht="99.75">
      <c r="B24016" s="368"/>
      <c r="C24016" s="361" t="s">
        <v>30746</v>
      </c>
      <c r="D24016" s="368"/>
      <c r="E24016" s="368"/>
      <c r="F24016" s="361" t="s">
        <v>17310</v>
      </c>
      <c r="G24016" s="361" t="s">
        <v>17311</v>
      </c>
      <c r="H24016" s="362"/>
      <c r="I24016" s="361" t="s">
        <v>17311</v>
      </c>
      <c r="J24016" s="366"/>
      <c r="K24016" s="366"/>
      <c r="L24016" s="368"/>
    </row>
    <row r="24017" spans="2:12">
      <c r="B24017" s="358" t="s">
        <v>11655</v>
      </c>
      <c r="C24017" s="358" t="s">
        <v>12803</v>
      </c>
      <c r="D24017" s="358" t="s">
        <v>11656</v>
      </c>
      <c r="E24017" s="358" t="s">
        <v>11657</v>
      </c>
      <c r="F24017" s="358" t="s">
        <v>14376</v>
      </c>
      <c r="G24017" s="358" t="s">
        <v>14669</v>
      </c>
      <c r="H24017" s="358" t="s">
        <v>14381</v>
      </c>
      <c r="I24017" s="358" t="s">
        <v>14669</v>
      </c>
      <c r="J24017" s="358"/>
      <c r="K24017" s="358"/>
      <c r="L24017" s="358" t="s">
        <v>643</v>
      </c>
    </row>
    <row r="24018" spans="2:12">
      <c r="B24018" s="367"/>
      <c r="C24018" s="360"/>
      <c r="D24018" s="367"/>
      <c r="E24018" s="367"/>
      <c r="F24018" s="360"/>
      <c r="G24018" s="360"/>
      <c r="H24018" s="360"/>
      <c r="I24018" s="360"/>
      <c r="J24018" s="365"/>
      <c r="K24018" s="365"/>
      <c r="L24018" s="367"/>
    </row>
    <row r="24019" spans="2:12" ht="85.5">
      <c r="B24019" s="367"/>
      <c r="C24019" s="359" t="s">
        <v>30747</v>
      </c>
      <c r="D24019" s="367"/>
      <c r="E24019" s="367"/>
      <c r="F24019" s="359" t="s">
        <v>14889</v>
      </c>
      <c r="G24019" s="359" t="s">
        <v>14890</v>
      </c>
      <c r="H24019" s="359" t="s">
        <v>14332</v>
      </c>
      <c r="I24019" s="359" t="s">
        <v>14890</v>
      </c>
      <c r="J24019" s="365"/>
      <c r="K24019" s="365"/>
      <c r="L24019" s="367"/>
    </row>
    <row r="24020" spans="2:12">
      <c r="B24020" s="367"/>
      <c r="C24020" s="360"/>
      <c r="D24020" s="367"/>
      <c r="E24020" s="367"/>
      <c r="F24020" s="360"/>
      <c r="G24020" s="360"/>
      <c r="H24020" s="360"/>
      <c r="I24020" s="360"/>
      <c r="J24020" s="365"/>
      <c r="K24020" s="365"/>
      <c r="L24020" s="367"/>
    </row>
    <row r="24021" spans="2:12">
      <c r="B24021" s="368"/>
      <c r="C24021" s="362"/>
      <c r="D24021" s="368"/>
      <c r="E24021" s="368"/>
      <c r="F24021" s="361" t="s">
        <v>17310</v>
      </c>
      <c r="G24021" s="361" t="s">
        <v>17311</v>
      </c>
      <c r="H24021" s="362"/>
      <c r="I24021" s="361" t="s">
        <v>17311</v>
      </c>
      <c r="J24021" s="366"/>
      <c r="K24021" s="366"/>
      <c r="L24021" s="368"/>
    </row>
    <row r="24022" spans="2:12">
      <c r="B24022" s="358" t="s">
        <v>11659</v>
      </c>
      <c r="C24022" s="358" t="s">
        <v>12804</v>
      </c>
      <c r="D24022" s="358" t="s">
        <v>11660</v>
      </c>
      <c r="E24022" s="358" t="s">
        <v>11661</v>
      </c>
      <c r="F24022" s="358" t="s">
        <v>14376</v>
      </c>
      <c r="G24022" s="358" t="s">
        <v>14669</v>
      </c>
      <c r="H24022" s="358" t="s">
        <v>14381</v>
      </c>
      <c r="I24022" s="358" t="s">
        <v>14669</v>
      </c>
      <c r="J24022" s="358"/>
      <c r="K24022" s="358"/>
      <c r="L24022" s="358" t="s">
        <v>643</v>
      </c>
    </row>
    <row r="24023" spans="2:12">
      <c r="B24023" s="367"/>
      <c r="C24023" s="360"/>
      <c r="D24023" s="367"/>
      <c r="E24023" s="367"/>
      <c r="F24023" s="360"/>
      <c r="G24023" s="360"/>
      <c r="H24023" s="360"/>
      <c r="I24023" s="360"/>
      <c r="J24023" s="365"/>
      <c r="K24023" s="365"/>
      <c r="L24023" s="367"/>
    </row>
    <row r="24024" spans="2:12">
      <c r="B24024" s="367"/>
      <c r="C24024" s="359" t="s">
        <v>12802</v>
      </c>
      <c r="D24024" s="367"/>
      <c r="E24024" s="367"/>
      <c r="F24024" s="359" t="s">
        <v>14889</v>
      </c>
      <c r="G24024" s="359" t="s">
        <v>14890</v>
      </c>
      <c r="H24024" s="359" t="s">
        <v>14332</v>
      </c>
      <c r="I24024" s="359" t="s">
        <v>14890</v>
      </c>
      <c r="J24024" s="365"/>
      <c r="K24024" s="365"/>
      <c r="L24024" s="367"/>
    </row>
    <row r="24025" spans="2:12">
      <c r="B24025" s="367"/>
      <c r="C24025" s="360"/>
      <c r="D24025" s="367"/>
      <c r="E24025" s="367"/>
      <c r="F24025" s="360"/>
      <c r="G24025" s="360"/>
      <c r="H24025" s="360"/>
      <c r="I24025" s="360"/>
      <c r="J24025" s="365"/>
      <c r="K24025" s="365"/>
      <c r="L24025" s="367"/>
    </row>
    <row r="24026" spans="2:12" ht="57">
      <c r="B24026" s="368"/>
      <c r="C24026" s="361" t="s">
        <v>30748</v>
      </c>
      <c r="D24026" s="368"/>
      <c r="E24026" s="368"/>
      <c r="F24026" s="361" t="s">
        <v>17310</v>
      </c>
      <c r="G24026" s="361" t="s">
        <v>17311</v>
      </c>
      <c r="H24026" s="362"/>
      <c r="I24026" s="361" t="s">
        <v>17311</v>
      </c>
      <c r="J24026" s="366"/>
      <c r="K24026" s="366"/>
      <c r="L24026" s="368"/>
    </row>
    <row r="24027" spans="2:12" ht="99.75">
      <c r="B24027" s="358" t="s">
        <v>11663</v>
      </c>
      <c r="C24027" s="358" t="s">
        <v>30749</v>
      </c>
      <c r="D24027" s="358" t="s">
        <v>11664</v>
      </c>
      <c r="E24027" s="358" t="s">
        <v>11665</v>
      </c>
      <c r="F24027" s="358" t="s">
        <v>14376</v>
      </c>
      <c r="G24027" s="358" t="s">
        <v>14669</v>
      </c>
      <c r="H24027" s="358" t="s">
        <v>14381</v>
      </c>
      <c r="I24027" s="358" t="s">
        <v>14669</v>
      </c>
      <c r="J24027" s="358"/>
      <c r="K24027" s="358"/>
      <c r="L24027" s="358" t="s">
        <v>643</v>
      </c>
    </row>
    <row r="24028" spans="2:12">
      <c r="B24028" s="367"/>
      <c r="C24028" s="367"/>
      <c r="D24028" s="367"/>
      <c r="E24028" s="367"/>
      <c r="F24028" s="360"/>
      <c r="G24028" s="360"/>
      <c r="H24028" s="360"/>
      <c r="I24028" s="360"/>
      <c r="J24028" s="365"/>
      <c r="K24028" s="365"/>
      <c r="L24028" s="367"/>
    </row>
    <row r="24029" spans="2:12">
      <c r="B24029" s="367"/>
      <c r="C24029" s="367"/>
      <c r="D24029" s="367"/>
      <c r="E24029" s="367"/>
      <c r="F24029" s="359" t="s">
        <v>14889</v>
      </c>
      <c r="G24029" s="359" t="s">
        <v>14890</v>
      </c>
      <c r="H24029" s="359" t="s">
        <v>14332</v>
      </c>
      <c r="I24029" s="359" t="s">
        <v>14890</v>
      </c>
      <c r="J24029" s="365"/>
      <c r="K24029" s="365"/>
      <c r="L24029" s="367"/>
    </row>
    <row r="24030" spans="2:12">
      <c r="B24030" s="367"/>
      <c r="C24030" s="367"/>
      <c r="D24030" s="367"/>
      <c r="E24030" s="367"/>
      <c r="F24030" s="360"/>
      <c r="G24030" s="360"/>
      <c r="H24030" s="360"/>
      <c r="I24030" s="360"/>
      <c r="J24030" s="365"/>
      <c r="K24030" s="365"/>
      <c r="L24030" s="367"/>
    </row>
    <row r="24031" spans="2:12">
      <c r="B24031" s="368"/>
      <c r="C24031" s="368"/>
      <c r="D24031" s="368"/>
      <c r="E24031" s="368"/>
      <c r="F24031" s="361" t="s">
        <v>17310</v>
      </c>
      <c r="G24031" s="361" t="s">
        <v>17311</v>
      </c>
      <c r="H24031" s="362"/>
      <c r="I24031" s="361" t="s">
        <v>17311</v>
      </c>
      <c r="J24031" s="366"/>
      <c r="K24031" s="366"/>
      <c r="L24031" s="368"/>
    </row>
    <row r="24032" spans="2:12">
      <c r="B24032" s="358" t="s">
        <v>11667</v>
      </c>
      <c r="C24032" s="358" t="s">
        <v>12806</v>
      </c>
      <c r="D24032" s="358" t="s">
        <v>11668</v>
      </c>
      <c r="E24032" s="358" t="s">
        <v>11669</v>
      </c>
      <c r="F24032" s="358" t="s">
        <v>14376</v>
      </c>
      <c r="G24032" s="358" t="s">
        <v>14669</v>
      </c>
      <c r="H24032" s="358" t="s">
        <v>14381</v>
      </c>
      <c r="I24032" s="358" t="s">
        <v>14669</v>
      </c>
      <c r="J24032" s="358"/>
      <c r="K24032" s="358"/>
      <c r="L24032" s="358" t="s">
        <v>643</v>
      </c>
    </row>
    <row r="24033" spans="2:12">
      <c r="B24033" s="367"/>
      <c r="C24033" s="360"/>
      <c r="D24033" s="367"/>
      <c r="E24033" s="367"/>
      <c r="F24033" s="360"/>
      <c r="G24033" s="360"/>
      <c r="H24033" s="360"/>
      <c r="I24033" s="360"/>
      <c r="J24033" s="365"/>
      <c r="K24033" s="365"/>
      <c r="L24033" s="367"/>
    </row>
    <row r="24034" spans="2:12">
      <c r="B24034" s="367"/>
      <c r="C24034" s="359" t="s">
        <v>12802</v>
      </c>
      <c r="D24034" s="367"/>
      <c r="E24034" s="367"/>
      <c r="F24034" s="359" t="s">
        <v>14889</v>
      </c>
      <c r="G24034" s="359" t="s">
        <v>14890</v>
      </c>
      <c r="H24034" s="359" t="s">
        <v>14332</v>
      </c>
      <c r="I24034" s="359" t="s">
        <v>14890</v>
      </c>
      <c r="J24034" s="365"/>
      <c r="K24034" s="365"/>
      <c r="L24034" s="367"/>
    </row>
    <row r="24035" spans="2:12">
      <c r="B24035" s="367"/>
      <c r="C24035" s="360"/>
      <c r="D24035" s="367"/>
      <c r="E24035" s="367"/>
      <c r="F24035" s="360"/>
      <c r="G24035" s="360"/>
      <c r="H24035" s="360"/>
      <c r="I24035" s="360"/>
      <c r="J24035" s="365"/>
      <c r="K24035" s="365"/>
      <c r="L24035" s="367"/>
    </row>
    <row r="24036" spans="2:12" ht="71.25">
      <c r="B24036" s="368"/>
      <c r="C24036" s="361" t="s">
        <v>30750</v>
      </c>
      <c r="D24036" s="368"/>
      <c r="E24036" s="368"/>
      <c r="F24036" s="361" t="s">
        <v>17310</v>
      </c>
      <c r="G24036" s="361" t="s">
        <v>17311</v>
      </c>
      <c r="H24036" s="362"/>
      <c r="I24036" s="361" t="s">
        <v>17311</v>
      </c>
      <c r="J24036" s="366"/>
      <c r="K24036" s="366"/>
      <c r="L24036" s="368"/>
    </row>
    <row r="24037" spans="2:12">
      <c r="B24037" s="358" t="s">
        <v>11671</v>
      </c>
      <c r="C24037" s="358" t="s">
        <v>12807</v>
      </c>
      <c r="D24037" s="358" t="s">
        <v>11672</v>
      </c>
      <c r="E24037" s="358" t="s">
        <v>11673</v>
      </c>
      <c r="F24037" s="358" t="s">
        <v>14376</v>
      </c>
      <c r="G24037" s="358" t="s">
        <v>14669</v>
      </c>
      <c r="H24037" s="358" t="s">
        <v>14381</v>
      </c>
      <c r="I24037" s="358" t="s">
        <v>14669</v>
      </c>
      <c r="J24037" s="358"/>
      <c r="K24037" s="358"/>
      <c r="L24037" s="358" t="s">
        <v>643</v>
      </c>
    </row>
    <row r="24038" spans="2:12">
      <c r="B24038" s="367"/>
      <c r="C24038" s="360"/>
      <c r="D24038" s="367"/>
      <c r="E24038" s="367"/>
      <c r="F24038" s="360"/>
      <c r="G24038" s="360"/>
      <c r="H24038" s="360"/>
      <c r="I24038" s="360"/>
      <c r="J24038" s="365"/>
      <c r="K24038" s="365"/>
      <c r="L24038" s="367"/>
    </row>
    <row r="24039" spans="2:12">
      <c r="B24039" s="367"/>
      <c r="C24039" s="359" t="s">
        <v>12802</v>
      </c>
      <c r="D24039" s="367"/>
      <c r="E24039" s="367"/>
      <c r="F24039" s="359" t="s">
        <v>14889</v>
      </c>
      <c r="G24039" s="359" t="s">
        <v>14890</v>
      </c>
      <c r="H24039" s="359" t="s">
        <v>14332</v>
      </c>
      <c r="I24039" s="359" t="s">
        <v>14890</v>
      </c>
      <c r="J24039" s="365"/>
      <c r="K24039" s="365"/>
      <c r="L24039" s="367"/>
    </row>
    <row r="24040" spans="2:12">
      <c r="B24040" s="367"/>
      <c r="C24040" s="360"/>
      <c r="D24040" s="367"/>
      <c r="E24040" s="367"/>
      <c r="F24040" s="360"/>
      <c r="G24040" s="360"/>
      <c r="H24040" s="360"/>
      <c r="I24040" s="360"/>
      <c r="J24040" s="365"/>
      <c r="K24040" s="365"/>
      <c r="L24040" s="367"/>
    </row>
    <row r="24041" spans="2:12" ht="85.5">
      <c r="B24041" s="368"/>
      <c r="C24041" s="361" t="s">
        <v>30751</v>
      </c>
      <c r="D24041" s="368"/>
      <c r="E24041" s="368"/>
      <c r="F24041" s="361" t="s">
        <v>17310</v>
      </c>
      <c r="G24041" s="361" t="s">
        <v>17311</v>
      </c>
      <c r="H24041" s="362"/>
      <c r="I24041" s="361" t="s">
        <v>17311</v>
      </c>
      <c r="J24041" s="366"/>
      <c r="K24041" s="366"/>
      <c r="L24041" s="368"/>
    </row>
    <row r="24042" spans="2:12">
      <c r="B24042" s="358" t="s">
        <v>11675</v>
      </c>
      <c r="C24042" s="358" t="s">
        <v>12808</v>
      </c>
      <c r="D24042" s="358" t="s">
        <v>11676</v>
      </c>
      <c r="E24042" s="358" t="s">
        <v>11677</v>
      </c>
      <c r="F24042" s="358" t="s">
        <v>14376</v>
      </c>
      <c r="G24042" s="358" t="s">
        <v>14669</v>
      </c>
      <c r="H24042" s="358" t="s">
        <v>14381</v>
      </c>
      <c r="I24042" s="358" t="s">
        <v>14669</v>
      </c>
      <c r="J24042" s="358"/>
      <c r="K24042" s="358"/>
      <c r="L24042" s="358" t="s">
        <v>643</v>
      </c>
    </row>
    <row r="24043" spans="2:12">
      <c r="B24043" s="367"/>
      <c r="C24043" s="360"/>
      <c r="D24043" s="367"/>
      <c r="E24043" s="367"/>
      <c r="F24043" s="360"/>
      <c r="G24043" s="360"/>
      <c r="H24043" s="360"/>
      <c r="I24043" s="360"/>
      <c r="J24043" s="365"/>
      <c r="K24043" s="365"/>
      <c r="L24043" s="367"/>
    </row>
    <row r="24044" spans="2:12">
      <c r="B24044" s="367"/>
      <c r="C24044" s="359" t="s">
        <v>12802</v>
      </c>
      <c r="D24044" s="367"/>
      <c r="E24044" s="367"/>
      <c r="F24044" s="359" t="s">
        <v>14889</v>
      </c>
      <c r="G24044" s="359" t="s">
        <v>14890</v>
      </c>
      <c r="H24044" s="359" t="s">
        <v>14332</v>
      </c>
      <c r="I24044" s="359" t="s">
        <v>14890</v>
      </c>
      <c r="J24044" s="365"/>
      <c r="K24044" s="365"/>
      <c r="L24044" s="367"/>
    </row>
    <row r="24045" spans="2:12">
      <c r="B24045" s="367"/>
      <c r="C24045" s="360"/>
      <c r="D24045" s="367"/>
      <c r="E24045" s="367"/>
      <c r="F24045" s="360"/>
      <c r="G24045" s="360"/>
      <c r="H24045" s="360"/>
      <c r="I24045" s="360"/>
      <c r="J24045" s="365"/>
      <c r="K24045" s="365"/>
      <c r="L24045" s="367"/>
    </row>
    <row r="24046" spans="2:12" ht="85.5">
      <c r="B24046" s="368"/>
      <c r="C24046" s="361" t="s">
        <v>30752</v>
      </c>
      <c r="D24046" s="368"/>
      <c r="E24046" s="368"/>
      <c r="F24046" s="361" t="s">
        <v>17310</v>
      </c>
      <c r="G24046" s="361" t="s">
        <v>17311</v>
      </c>
      <c r="H24046" s="362"/>
      <c r="I24046" s="361" t="s">
        <v>17311</v>
      </c>
      <c r="J24046" s="366"/>
      <c r="K24046" s="366"/>
      <c r="L24046" s="368"/>
    </row>
    <row r="24047" spans="2:12">
      <c r="B24047" s="358" t="s">
        <v>11679</v>
      </c>
      <c r="C24047" s="358" t="s">
        <v>12809</v>
      </c>
      <c r="D24047" s="358" t="s">
        <v>11680</v>
      </c>
      <c r="E24047" s="358" t="s">
        <v>11681</v>
      </c>
      <c r="F24047" s="358" t="s">
        <v>14376</v>
      </c>
      <c r="G24047" s="358" t="s">
        <v>14669</v>
      </c>
      <c r="H24047" s="358" t="s">
        <v>14381</v>
      </c>
      <c r="I24047" s="358" t="s">
        <v>14669</v>
      </c>
      <c r="J24047" s="358"/>
      <c r="K24047" s="358"/>
      <c r="L24047" s="358" t="s">
        <v>643</v>
      </c>
    </row>
    <row r="24048" spans="2:12">
      <c r="B24048" s="367"/>
      <c r="C24048" s="360"/>
      <c r="D24048" s="367"/>
      <c r="E24048" s="367"/>
      <c r="F24048" s="360"/>
      <c r="G24048" s="360"/>
      <c r="H24048" s="360"/>
      <c r="I24048" s="360"/>
      <c r="J24048" s="365"/>
      <c r="K24048" s="365"/>
      <c r="L24048" s="367"/>
    </row>
    <row r="24049" spans="2:12">
      <c r="B24049" s="367"/>
      <c r="C24049" s="359" t="s">
        <v>12802</v>
      </c>
      <c r="D24049" s="367"/>
      <c r="E24049" s="367"/>
      <c r="F24049" s="359" t="s">
        <v>14889</v>
      </c>
      <c r="G24049" s="359" t="s">
        <v>14890</v>
      </c>
      <c r="H24049" s="359" t="s">
        <v>14332</v>
      </c>
      <c r="I24049" s="359" t="s">
        <v>14890</v>
      </c>
      <c r="J24049" s="365"/>
      <c r="K24049" s="365"/>
      <c r="L24049" s="367"/>
    </row>
    <row r="24050" spans="2:12">
      <c r="B24050" s="367"/>
      <c r="C24050" s="360"/>
      <c r="D24050" s="367"/>
      <c r="E24050" s="367"/>
      <c r="F24050" s="360"/>
      <c r="G24050" s="360"/>
      <c r="H24050" s="360"/>
      <c r="I24050" s="360"/>
      <c r="J24050" s="365"/>
      <c r="K24050" s="365"/>
      <c r="L24050" s="367"/>
    </row>
    <row r="24051" spans="2:12" ht="71.25">
      <c r="B24051" s="368"/>
      <c r="C24051" s="361" t="s">
        <v>30753</v>
      </c>
      <c r="D24051" s="368"/>
      <c r="E24051" s="368"/>
      <c r="F24051" s="361" t="s">
        <v>17310</v>
      </c>
      <c r="G24051" s="361" t="s">
        <v>17311</v>
      </c>
      <c r="H24051" s="362"/>
      <c r="I24051" s="361" t="s">
        <v>17311</v>
      </c>
      <c r="J24051" s="366"/>
      <c r="K24051" s="366"/>
      <c r="L24051" s="368"/>
    </row>
    <row r="24052" spans="2:12">
      <c r="B24052" s="358" t="s">
        <v>11683</v>
      </c>
      <c r="C24052" s="358" t="s">
        <v>29914</v>
      </c>
      <c r="D24052" s="358" t="s">
        <v>11684</v>
      </c>
      <c r="E24052" s="358" t="s">
        <v>11685</v>
      </c>
      <c r="F24052" s="358" t="s">
        <v>14376</v>
      </c>
      <c r="G24052" s="358" t="s">
        <v>14669</v>
      </c>
      <c r="H24052" s="358" t="s">
        <v>14381</v>
      </c>
      <c r="I24052" s="358" t="s">
        <v>14669</v>
      </c>
      <c r="J24052" s="358"/>
      <c r="K24052" s="358"/>
      <c r="L24052" s="358" t="s">
        <v>643</v>
      </c>
    </row>
    <row r="24053" spans="2:12">
      <c r="B24053" s="367"/>
      <c r="C24053" s="360"/>
      <c r="D24053" s="367"/>
      <c r="E24053" s="367"/>
      <c r="F24053" s="360"/>
      <c r="G24053" s="360"/>
      <c r="H24053" s="360"/>
      <c r="I24053" s="360"/>
      <c r="J24053" s="365"/>
      <c r="K24053" s="365"/>
      <c r="L24053" s="367"/>
    </row>
    <row r="24054" spans="2:12" ht="85.5">
      <c r="B24054" s="367"/>
      <c r="C24054" s="359" t="s">
        <v>30754</v>
      </c>
      <c r="D24054" s="367"/>
      <c r="E24054" s="367"/>
      <c r="F24054" s="359" t="s">
        <v>14889</v>
      </c>
      <c r="G24054" s="359" t="s">
        <v>14890</v>
      </c>
      <c r="H24054" s="359" t="s">
        <v>14332</v>
      </c>
      <c r="I24054" s="359" t="s">
        <v>14890</v>
      </c>
      <c r="J24054" s="365"/>
      <c r="K24054" s="365"/>
      <c r="L24054" s="367"/>
    </row>
    <row r="24055" spans="2:12">
      <c r="B24055" s="367"/>
      <c r="C24055" s="360"/>
      <c r="D24055" s="367"/>
      <c r="E24055" s="367"/>
      <c r="F24055" s="360"/>
      <c r="G24055" s="360"/>
      <c r="H24055" s="360"/>
      <c r="I24055" s="360"/>
      <c r="J24055" s="365"/>
      <c r="K24055" s="365"/>
      <c r="L24055" s="367"/>
    </row>
    <row r="24056" spans="2:12">
      <c r="B24056" s="368"/>
      <c r="C24056" s="362"/>
      <c r="D24056" s="368"/>
      <c r="E24056" s="368"/>
      <c r="F24056" s="361" t="s">
        <v>17310</v>
      </c>
      <c r="G24056" s="361" t="s">
        <v>17311</v>
      </c>
      <c r="H24056" s="362"/>
      <c r="I24056" s="361" t="s">
        <v>17311</v>
      </c>
      <c r="J24056" s="366"/>
      <c r="K24056" s="366"/>
      <c r="L24056" s="368"/>
    </row>
    <row r="24057" spans="2:12" ht="28.5">
      <c r="B24057" s="358" t="s">
        <v>11687</v>
      </c>
      <c r="C24057" s="358" t="s">
        <v>29915</v>
      </c>
      <c r="D24057" s="358" t="s">
        <v>11688</v>
      </c>
      <c r="E24057" s="358" t="s">
        <v>11689</v>
      </c>
      <c r="F24057" s="358" t="s">
        <v>14376</v>
      </c>
      <c r="G24057" s="358" t="s">
        <v>14669</v>
      </c>
      <c r="H24057" s="358" t="s">
        <v>14381</v>
      </c>
      <c r="I24057" s="358" t="s">
        <v>14669</v>
      </c>
      <c r="J24057" s="358"/>
      <c r="K24057" s="358"/>
      <c r="L24057" s="358" t="s">
        <v>643</v>
      </c>
    </row>
    <row r="24058" spans="2:12">
      <c r="B24058" s="367"/>
      <c r="C24058" s="360"/>
      <c r="D24058" s="367"/>
      <c r="E24058" s="367"/>
      <c r="F24058" s="360"/>
      <c r="G24058" s="360"/>
      <c r="H24058" s="360"/>
      <c r="I24058" s="360"/>
      <c r="J24058" s="365"/>
      <c r="K24058" s="365"/>
      <c r="L24058" s="367"/>
    </row>
    <row r="24059" spans="2:12" ht="57">
      <c r="B24059" s="367"/>
      <c r="C24059" s="359" t="s">
        <v>30755</v>
      </c>
      <c r="D24059" s="367"/>
      <c r="E24059" s="367"/>
      <c r="F24059" s="359" t="s">
        <v>14889</v>
      </c>
      <c r="G24059" s="359" t="s">
        <v>14890</v>
      </c>
      <c r="H24059" s="359" t="s">
        <v>14332</v>
      </c>
      <c r="I24059" s="359" t="s">
        <v>14890</v>
      </c>
      <c r="J24059" s="365"/>
      <c r="K24059" s="365"/>
      <c r="L24059" s="367"/>
    </row>
    <row r="24060" spans="2:12">
      <c r="B24060" s="367"/>
      <c r="C24060" s="360"/>
      <c r="D24060" s="367"/>
      <c r="E24060" s="367"/>
      <c r="F24060" s="360"/>
      <c r="G24060" s="360"/>
      <c r="H24060" s="360"/>
      <c r="I24060" s="360"/>
      <c r="J24060" s="365"/>
      <c r="K24060" s="365"/>
      <c r="L24060" s="367"/>
    </row>
    <row r="24061" spans="2:12">
      <c r="B24061" s="368"/>
      <c r="C24061" s="362"/>
      <c r="D24061" s="368"/>
      <c r="E24061" s="368"/>
      <c r="F24061" s="361" t="s">
        <v>17310</v>
      </c>
      <c r="G24061" s="361" t="s">
        <v>17311</v>
      </c>
      <c r="H24061" s="362"/>
      <c r="I24061" s="361" t="s">
        <v>17311</v>
      </c>
      <c r="J24061" s="366"/>
      <c r="K24061" s="366"/>
      <c r="L24061" s="368"/>
    </row>
    <row r="24062" spans="2:12" ht="99.75">
      <c r="B24062" s="358" t="s">
        <v>11691</v>
      </c>
      <c r="C24062" s="358" t="s">
        <v>30756</v>
      </c>
      <c r="D24062" s="358" t="s">
        <v>11692</v>
      </c>
      <c r="E24062" s="358" t="s">
        <v>11693</v>
      </c>
      <c r="F24062" s="358" t="s">
        <v>14376</v>
      </c>
      <c r="G24062" s="358" t="s">
        <v>14669</v>
      </c>
      <c r="H24062" s="358" t="s">
        <v>14381</v>
      </c>
      <c r="I24062" s="358" t="s">
        <v>14669</v>
      </c>
      <c r="J24062" s="358"/>
      <c r="K24062" s="358"/>
      <c r="L24062" s="358" t="s">
        <v>643</v>
      </c>
    </row>
    <row r="24063" spans="2:12">
      <c r="B24063" s="367"/>
      <c r="C24063" s="367"/>
      <c r="D24063" s="367"/>
      <c r="E24063" s="367"/>
      <c r="F24063" s="360"/>
      <c r="G24063" s="360"/>
      <c r="H24063" s="360"/>
      <c r="I24063" s="360"/>
      <c r="J24063" s="365"/>
      <c r="K24063" s="365"/>
      <c r="L24063" s="367"/>
    </row>
    <row r="24064" spans="2:12">
      <c r="B24064" s="367"/>
      <c r="C24064" s="367"/>
      <c r="D24064" s="367"/>
      <c r="E24064" s="367"/>
      <c r="F24064" s="359" t="s">
        <v>14889</v>
      </c>
      <c r="G24064" s="359" t="s">
        <v>14890</v>
      </c>
      <c r="H24064" s="359" t="s">
        <v>14332</v>
      </c>
      <c r="I24064" s="359" t="s">
        <v>14890</v>
      </c>
      <c r="J24064" s="365"/>
      <c r="K24064" s="365"/>
      <c r="L24064" s="367"/>
    </row>
    <row r="24065" spans="2:12">
      <c r="B24065" s="367"/>
      <c r="C24065" s="367"/>
      <c r="D24065" s="367"/>
      <c r="E24065" s="367"/>
      <c r="F24065" s="360"/>
      <c r="G24065" s="360"/>
      <c r="H24065" s="360"/>
      <c r="I24065" s="360"/>
      <c r="J24065" s="365"/>
      <c r="K24065" s="365"/>
      <c r="L24065" s="367"/>
    </row>
    <row r="24066" spans="2:12">
      <c r="B24066" s="368"/>
      <c r="C24066" s="368"/>
      <c r="D24066" s="368"/>
      <c r="E24066" s="368"/>
      <c r="F24066" s="361" t="s">
        <v>17310</v>
      </c>
      <c r="G24066" s="361" t="s">
        <v>17311</v>
      </c>
      <c r="H24066" s="362"/>
      <c r="I24066" s="361" t="s">
        <v>17311</v>
      </c>
      <c r="J24066" s="366"/>
      <c r="K24066" s="366"/>
      <c r="L24066" s="368"/>
    </row>
    <row r="24067" spans="2:12" ht="42.75">
      <c r="B24067" s="358" t="s">
        <v>11695</v>
      </c>
      <c r="C24067" s="358" t="s">
        <v>29916</v>
      </c>
      <c r="D24067" s="358" t="s">
        <v>11696</v>
      </c>
      <c r="E24067" s="358" t="s">
        <v>11697</v>
      </c>
      <c r="F24067" s="358" t="s">
        <v>14376</v>
      </c>
      <c r="G24067" s="358" t="s">
        <v>14669</v>
      </c>
      <c r="H24067" s="358" t="s">
        <v>14381</v>
      </c>
      <c r="I24067" s="358" t="s">
        <v>14669</v>
      </c>
      <c r="J24067" s="358"/>
      <c r="K24067" s="358"/>
      <c r="L24067" s="358" t="s">
        <v>643</v>
      </c>
    </row>
    <row r="24068" spans="2:12">
      <c r="B24068" s="367"/>
      <c r="C24068" s="360"/>
      <c r="D24068" s="367"/>
      <c r="E24068" s="367"/>
      <c r="F24068" s="360"/>
      <c r="G24068" s="360"/>
      <c r="H24068" s="360"/>
      <c r="I24068" s="360"/>
      <c r="J24068" s="365"/>
      <c r="K24068" s="365"/>
      <c r="L24068" s="367"/>
    </row>
    <row r="24069" spans="2:12" ht="71.25">
      <c r="B24069" s="367"/>
      <c r="C24069" s="359" t="s">
        <v>30757</v>
      </c>
      <c r="D24069" s="367"/>
      <c r="E24069" s="367"/>
      <c r="F24069" s="359" t="s">
        <v>14889</v>
      </c>
      <c r="G24069" s="359" t="s">
        <v>14890</v>
      </c>
      <c r="H24069" s="359" t="s">
        <v>14332</v>
      </c>
      <c r="I24069" s="359" t="s">
        <v>14890</v>
      </c>
      <c r="J24069" s="365"/>
      <c r="K24069" s="365"/>
      <c r="L24069" s="367"/>
    </row>
    <row r="24070" spans="2:12">
      <c r="B24070" s="367"/>
      <c r="C24070" s="360"/>
      <c r="D24070" s="367"/>
      <c r="E24070" s="367"/>
      <c r="F24070" s="360"/>
      <c r="G24070" s="360"/>
      <c r="H24070" s="360"/>
      <c r="I24070" s="360"/>
      <c r="J24070" s="365"/>
      <c r="K24070" s="365"/>
      <c r="L24070" s="367"/>
    </row>
    <row r="24071" spans="2:12">
      <c r="B24071" s="368"/>
      <c r="C24071" s="362"/>
      <c r="D24071" s="368"/>
      <c r="E24071" s="368"/>
      <c r="F24071" s="361" t="s">
        <v>17310</v>
      </c>
      <c r="G24071" s="361" t="s">
        <v>17311</v>
      </c>
      <c r="H24071" s="362"/>
      <c r="I24071" s="361" t="s">
        <v>17311</v>
      </c>
      <c r="J24071" s="366"/>
      <c r="K24071" s="366"/>
      <c r="L24071" s="368"/>
    </row>
    <row r="24072" spans="2:12" ht="28.5">
      <c r="B24072" s="358" t="s">
        <v>11699</v>
      </c>
      <c r="C24072" s="358" t="s">
        <v>12814</v>
      </c>
      <c r="D24072" s="358" t="s">
        <v>11700</v>
      </c>
      <c r="E24072" s="358" t="s">
        <v>11701</v>
      </c>
      <c r="F24072" s="358" t="s">
        <v>14376</v>
      </c>
      <c r="G24072" s="358" t="s">
        <v>14669</v>
      </c>
      <c r="H24072" s="358" t="s">
        <v>14381</v>
      </c>
      <c r="I24072" s="358" t="s">
        <v>14669</v>
      </c>
      <c r="J24072" s="358"/>
      <c r="K24072" s="358"/>
      <c r="L24072" s="358" t="s">
        <v>643</v>
      </c>
    </row>
    <row r="24073" spans="2:12">
      <c r="B24073" s="367"/>
      <c r="C24073" s="360"/>
      <c r="D24073" s="367"/>
      <c r="E24073" s="367"/>
      <c r="F24073" s="360"/>
      <c r="G24073" s="360"/>
      <c r="H24073" s="360"/>
      <c r="I24073" s="360"/>
      <c r="J24073" s="365"/>
      <c r="K24073" s="365"/>
      <c r="L24073" s="367"/>
    </row>
    <row r="24074" spans="2:12">
      <c r="B24074" s="367"/>
      <c r="C24074" s="359" t="s">
        <v>12802</v>
      </c>
      <c r="D24074" s="367"/>
      <c r="E24074" s="367"/>
      <c r="F24074" s="359" t="s">
        <v>14889</v>
      </c>
      <c r="G24074" s="359" t="s">
        <v>14890</v>
      </c>
      <c r="H24074" s="359" t="s">
        <v>14332</v>
      </c>
      <c r="I24074" s="359" t="s">
        <v>14890</v>
      </c>
      <c r="J24074" s="365"/>
      <c r="K24074" s="365"/>
      <c r="L24074" s="367"/>
    </row>
    <row r="24075" spans="2:12">
      <c r="B24075" s="367"/>
      <c r="C24075" s="360"/>
      <c r="D24075" s="367"/>
      <c r="E24075" s="367"/>
      <c r="F24075" s="360"/>
      <c r="G24075" s="360"/>
      <c r="H24075" s="360"/>
      <c r="I24075" s="360"/>
      <c r="J24075" s="365"/>
      <c r="K24075" s="365"/>
      <c r="L24075" s="367"/>
    </row>
    <row r="24076" spans="2:12" ht="71.25">
      <c r="B24076" s="368"/>
      <c r="C24076" s="361" t="s">
        <v>30758</v>
      </c>
      <c r="D24076" s="368"/>
      <c r="E24076" s="368"/>
      <c r="F24076" s="361" t="s">
        <v>17310</v>
      </c>
      <c r="G24076" s="361" t="s">
        <v>17311</v>
      </c>
      <c r="H24076" s="362"/>
      <c r="I24076" s="361" t="s">
        <v>17311</v>
      </c>
      <c r="J24076" s="366"/>
      <c r="K24076" s="366"/>
      <c r="L24076" s="368"/>
    </row>
    <row r="24077" spans="2:12">
      <c r="B24077" s="358" t="s">
        <v>11703</v>
      </c>
      <c r="C24077" s="358" t="s">
        <v>12815</v>
      </c>
      <c r="D24077" s="358" t="s">
        <v>11704</v>
      </c>
      <c r="E24077" s="358" t="s">
        <v>11705</v>
      </c>
      <c r="F24077" s="358" t="s">
        <v>14376</v>
      </c>
      <c r="G24077" s="358" t="s">
        <v>14669</v>
      </c>
      <c r="H24077" s="358" t="s">
        <v>14381</v>
      </c>
      <c r="I24077" s="358" t="s">
        <v>14669</v>
      </c>
      <c r="J24077" s="358"/>
      <c r="K24077" s="358"/>
      <c r="L24077" s="358" t="s">
        <v>643</v>
      </c>
    </row>
    <row r="24078" spans="2:12">
      <c r="B24078" s="367"/>
      <c r="C24078" s="360"/>
      <c r="D24078" s="367"/>
      <c r="E24078" s="367"/>
      <c r="F24078" s="360"/>
      <c r="G24078" s="360"/>
      <c r="H24078" s="360"/>
      <c r="I24078" s="360"/>
      <c r="J24078" s="365"/>
      <c r="K24078" s="365"/>
      <c r="L24078" s="367"/>
    </row>
    <row r="24079" spans="2:12">
      <c r="B24079" s="367"/>
      <c r="C24079" s="359" t="s">
        <v>12816</v>
      </c>
      <c r="D24079" s="367"/>
      <c r="E24079" s="367"/>
      <c r="F24079" s="359" t="s">
        <v>14889</v>
      </c>
      <c r="G24079" s="359" t="s">
        <v>14890</v>
      </c>
      <c r="H24079" s="359" t="s">
        <v>14332</v>
      </c>
      <c r="I24079" s="359" t="s">
        <v>14890</v>
      </c>
      <c r="J24079" s="365"/>
      <c r="K24079" s="365"/>
      <c r="L24079" s="367"/>
    </row>
    <row r="24080" spans="2:12">
      <c r="B24080" s="367"/>
      <c r="C24080" s="360"/>
      <c r="D24080" s="367"/>
      <c r="E24080" s="367"/>
      <c r="F24080" s="360"/>
      <c r="G24080" s="360"/>
      <c r="H24080" s="360"/>
      <c r="I24080" s="360"/>
      <c r="J24080" s="365"/>
      <c r="K24080" s="365"/>
      <c r="L24080" s="367"/>
    </row>
    <row r="24081" spans="2:12" ht="114">
      <c r="B24081" s="368"/>
      <c r="C24081" s="361" t="s">
        <v>30759</v>
      </c>
      <c r="D24081" s="368"/>
      <c r="E24081" s="368"/>
      <c r="F24081" s="361" t="s">
        <v>17310</v>
      </c>
      <c r="G24081" s="361" t="s">
        <v>17311</v>
      </c>
      <c r="H24081" s="362"/>
      <c r="I24081" s="361" t="s">
        <v>17311</v>
      </c>
      <c r="J24081" s="366"/>
      <c r="K24081" s="366"/>
      <c r="L24081" s="368"/>
    </row>
    <row r="24082" spans="2:12">
      <c r="B24082" s="358" t="s">
        <v>11707</v>
      </c>
      <c r="C24082" s="358" t="s">
        <v>12817</v>
      </c>
      <c r="D24082" s="358" t="s">
        <v>11708</v>
      </c>
      <c r="E24082" s="358" t="s">
        <v>11709</v>
      </c>
      <c r="F24082" s="358" t="s">
        <v>14376</v>
      </c>
      <c r="G24082" s="358" t="s">
        <v>14669</v>
      </c>
      <c r="H24082" s="358" t="s">
        <v>14381</v>
      </c>
      <c r="I24082" s="358" t="s">
        <v>14669</v>
      </c>
      <c r="J24082" s="358"/>
      <c r="K24082" s="358"/>
      <c r="L24082" s="358" t="s">
        <v>643</v>
      </c>
    </row>
    <row r="24083" spans="2:12">
      <c r="B24083" s="367"/>
      <c r="C24083" s="360"/>
      <c r="D24083" s="367"/>
      <c r="E24083" s="367"/>
      <c r="F24083" s="360"/>
      <c r="G24083" s="360"/>
      <c r="H24083" s="360"/>
      <c r="I24083" s="360"/>
      <c r="J24083" s="365"/>
      <c r="K24083" s="365"/>
      <c r="L24083" s="367"/>
    </row>
    <row r="24084" spans="2:12" ht="128.25">
      <c r="B24084" s="367"/>
      <c r="C24084" s="359" t="s">
        <v>30760</v>
      </c>
      <c r="D24084" s="367"/>
      <c r="E24084" s="367"/>
      <c r="F24084" s="359" t="s">
        <v>14889</v>
      </c>
      <c r="G24084" s="359" t="s">
        <v>14890</v>
      </c>
      <c r="H24084" s="359" t="s">
        <v>14332</v>
      </c>
      <c r="I24084" s="359" t="s">
        <v>14890</v>
      </c>
      <c r="J24084" s="365"/>
      <c r="K24084" s="365"/>
      <c r="L24084" s="367"/>
    </row>
    <row r="24085" spans="2:12">
      <c r="B24085" s="367"/>
      <c r="C24085" s="360"/>
      <c r="D24085" s="367"/>
      <c r="E24085" s="367"/>
      <c r="F24085" s="360"/>
      <c r="G24085" s="360"/>
      <c r="H24085" s="360"/>
      <c r="I24085" s="360"/>
      <c r="J24085" s="365"/>
      <c r="K24085" s="365"/>
      <c r="L24085" s="367"/>
    </row>
    <row r="24086" spans="2:12">
      <c r="B24086" s="368"/>
      <c r="C24086" s="362"/>
      <c r="D24086" s="368"/>
      <c r="E24086" s="368"/>
      <c r="F24086" s="361" t="s">
        <v>17310</v>
      </c>
      <c r="G24086" s="361" t="s">
        <v>17311</v>
      </c>
      <c r="H24086" s="362"/>
      <c r="I24086" s="361" t="s">
        <v>17311</v>
      </c>
      <c r="J24086" s="366"/>
      <c r="K24086" s="366"/>
      <c r="L24086" s="368"/>
    </row>
    <row r="24087" spans="2:12" ht="28.5">
      <c r="B24087" s="358" t="s">
        <v>11711</v>
      </c>
      <c r="C24087" s="358" t="s">
        <v>12818</v>
      </c>
      <c r="D24087" s="358" t="s">
        <v>11712</v>
      </c>
      <c r="E24087" s="358" t="s">
        <v>11713</v>
      </c>
      <c r="F24087" s="358" t="s">
        <v>29917</v>
      </c>
      <c r="G24087" s="358" t="s">
        <v>14669</v>
      </c>
      <c r="H24087" s="358" t="s">
        <v>14381</v>
      </c>
      <c r="I24087" s="358" t="s">
        <v>14669</v>
      </c>
      <c r="J24087" s="358"/>
      <c r="K24087" s="358"/>
      <c r="L24087" s="358" t="s">
        <v>643</v>
      </c>
    </row>
    <row r="24088" spans="2:12">
      <c r="B24088" s="367"/>
      <c r="C24088" s="360"/>
      <c r="D24088" s="367"/>
      <c r="E24088" s="367"/>
      <c r="F24088" s="367"/>
      <c r="G24088" s="360"/>
      <c r="H24088" s="360"/>
      <c r="I24088" s="360"/>
      <c r="J24088" s="365"/>
      <c r="K24088" s="365"/>
      <c r="L24088" s="367"/>
    </row>
    <row r="24089" spans="2:12">
      <c r="B24089" s="367"/>
      <c r="C24089" s="359" t="s">
        <v>12816</v>
      </c>
      <c r="D24089" s="367"/>
      <c r="E24089" s="367"/>
      <c r="F24089" s="367"/>
      <c r="G24089" s="359" t="s">
        <v>14890</v>
      </c>
      <c r="H24089" s="359" t="s">
        <v>14332</v>
      </c>
      <c r="I24089" s="359" t="s">
        <v>14890</v>
      </c>
      <c r="J24089" s="365"/>
      <c r="K24089" s="365"/>
      <c r="L24089" s="367"/>
    </row>
    <row r="24090" spans="2:12">
      <c r="B24090" s="367"/>
      <c r="C24090" s="360"/>
      <c r="D24090" s="367"/>
      <c r="E24090" s="367"/>
      <c r="F24090" s="367"/>
      <c r="G24090" s="360"/>
      <c r="H24090" s="360"/>
      <c r="I24090" s="360"/>
      <c r="J24090" s="365"/>
      <c r="K24090" s="365"/>
      <c r="L24090" s="367"/>
    </row>
    <row r="24091" spans="2:12" ht="114">
      <c r="B24091" s="368"/>
      <c r="C24091" s="361" t="s">
        <v>30761</v>
      </c>
      <c r="D24091" s="368"/>
      <c r="E24091" s="368"/>
      <c r="F24091" s="368"/>
      <c r="G24091" s="361" t="s">
        <v>17311</v>
      </c>
      <c r="H24091" s="362"/>
      <c r="I24091" s="361" t="s">
        <v>17311</v>
      </c>
      <c r="J24091" s="366"/>
      <c r="K24091" s="366"/>
      <c r="L24091" s="368"/>
    </row>
    <row r="24092" spans="2:12" ht="28.5">
      <c r="B24092" s="358" t="s">
        <v>11715</v>
      </c>
      <c r="C24092" s="358" t="s">
        <v>12819</v>
      </c>
      <c r="D24092" s="358" t="s">
        <v>11716</v>
      </c>
      <c r="E24092" s="358" t="s">
        <v>11717</v>
      </c>
      <c r="F24092" s="358" t="s">
        <v>29917</v>
      </c>
      <c r="G24092" s="358" t="s">
        <v>14669</v>
      </c>
      <c r="H24092" s="358" t="s">
        <v>14381</v>
      </c>
      <c r="I24092" s="358" t="s">
        <v>14669</v>
      </c>
      <c r="J24092" s="358"/>
      <c r="K24092" s="358"/>
      <c r="L24092" s="358" t="s">
        <v>643</v>
      </c>
    </row>
    <row r="24093" spans="2:12">
      <c r="B24093" s="367"/>
      <c r="C24093" s="360"/>
      <c r="D24093" s="367"/>
      <c r="E24093" s="367"/>
      <c r="F24093" s="367"/>
      <c r="G24093" s="360"/>
      <c r="H24093" s="360"/>
      <c r="I24093" s="360"/>
      <c r="J24093" s="365"/>
      <c r="K24093" s="365"/>
      <c r="L24093" s="367"/>
    </row>
    <row r="24094" spans="2:12">
      <c r="B24094" s="367"/>
      <c r="C24094" s="359" t="s">
        <v>12816</v>
      </c>
      <c r="D24094" s="367"/>
      <c r="E24094" s="367"/>
      <c r="F24094" s="367"/>
      <c r="G24094" s="359" t="s">
        <v>14890</v>
      </c>
      <c r="H24094" s="359" t="s">
        <v>14332</v>
      </c>
      <c r="I24094" s="359" t="s">
        <v>14890</v>
      </c>
      <c r="J24094" s="365"/>
      <c r="K24094" s="365"/>
      <c r="L24094" s="367"/>
    </row>
    <row r="24095" spans="2:12">
      <c r="B24095" s="367"/>
      <c r="C24095" s="360"/>
      <c r="D24095" s="367"/>
      <c r="E24095" s="367"/>
      <c r="F24095" s="367"/>
      <c r="G24095" s="360"/>
      <c r="H24095" s="360"/>
      <c r="I24095" s="360"/>
      <c r="J24095" s="365"/>
      <c r="K24095" s="365"/>
      <c r="L24095" s="367"/>
    </row>
    <row r="24096" spans="2:12" ht="85.5">
      <c r="B24096" s="368"/>
      <c r="C24096" s="361" t="s">
        <v>28231</v>
      </c>
      <c r="D24096" s="368"/>
      <c r="E24096" s="368"/>
      <c r="F24096" s="368"/>
      <c r="G24096" s="361" t="s">
        <v>17311</v>
      </c>
      <c r="H24096" s="362"/>
      <c r="I24096" s="361" t="s">
        <v>17311</v>
      </c>
      <c r="J24096" s="366"/>
      <c r="K24096" s="366"/>
      <c r="L24096" s="368"/>
    </row>
    <row r="24097" spans="2:12" ht="28.5">
      <c r="B24097" s="358" t="s">
        <v>11719</v>
      </c>
      <c r="C24097" s="358" t="s">
        <v>12820</v>
      </c>
      <c r="D24097" s="358" t="s">
        <v>11720</v>
      </c>
      <c r="E24097" s="358" t="s">
        <v>11721</v>
      </c>
      <c r="F24097" s="358" t="s">
        <v>29917</v>
      </c>
      <c r="G24097" s="358" t="s">
        <v>14669</v>
      </c>
      <c r="H24097" s="358" t="s">
        <v>14381</v>
      </c>
      <c r="I24097" s="358" t="s">
        <v>14669</v>
      </c>
      <c r="J24097" s="358"/>
      <c r="K24097" s="358"/>
      <c r="L24097" s="358" t="s">
        <v>643</v>
      </c>
    </row>
    <row r="24098" spans="2:12">
      <c r="B24098" s="367"/>
      <c r="C24098" s="360"/>
      <c r="D24098" s="367"/>
      <c r="E24098" s="367"/>
      <c r="F24098" s="367"/>
      <c r="G24098" s="360"/>
      <c r="H24098" s="360"/>
      <c r="I24098" s="360"/>
      <c r="J24098" s="365"/>
      <c r="K24098" s="365"/>
      <c r="L24098" s="367"/>
    </row>
    <row r="24099" spans="2:12">
      <c r="B24099" s="367"/>
      <c r="C24099" s="359" t="s">
        <v>12816</v>
      </c>
      <c r="D24099" s="367"/>
      <c r="E24099" s="367"/>
      <c r="F24099" s="367"/>
      <c r="G24099" s="359" t="s">
        <v>14890</v>
      </c>
      <c r="H24099" s="359" t="s">
        <v>14332</v>
      </c>
      <c r="I24099" s="359" t="s">
        <v>14890</v>
      </c>
      <c r="J24099" s="365"/>
      <c r="K24099" s="365"/>
      <c r="L24099" s="367"/>
    </row>
    <row r="24100" spans="2:12">
      <c r="B24100" s="367"/>
      <c r="C24100" s="360"/>
      <c r="D24100" s="367"/>
      <c r="E24100" s="367"/>
      <c r="F24100" s="367"/>
      <c r="G24100" s="360"/>
      <c r="H24100" s="360"/>
      <c r="I24100" s="360"/>
      <c r="J24100" s="365"/>
      <c r="K24100" s="365"/>
      <c r="L24100" s="367"/>
    </row>
    <row r="24101" spans="2:12" ht="85.5">
      <c r="B24101" s="368"/>
      <c r="C24101" s="361" t="s">
        <v>30762</v>
      </c>
      <c r="D24101" s="368"/>
      <c r="E24101" s="368"/>
      <c r="F24101" s="368"/>
      <c r="G24101" s="361" t="s">
        <v>17311</v>
      </c>
      <c r="H24101" s="362"/>
      <c r="I24101" s="361" t="s">
        <v>17311</v>
      </c>
      <c r="J24101" s="366"/>
      <c r="K24101" s="366"/>
      <c r="L24101" s="368"/>
    </row>
    <row r="24102" spans="2:12">
      <c r="B24102" s="358" t="s">
        <v>11723</v>
      </c>
      <c r="C24102" s="358" t="s">
        <v>12821</v>
      </c>
      <c r="D24102" s="358" t="s">
        <v>11724</v>
      </c>
      <c r="E24102" s="358" t="s">
        <v>11725</v>
      </c>
      <c r="F24102" s="358" t="s">
        <v>14376</v>
      </c>
      <c r="G24102" s="358" t="s">
        <v>14669</v>
      </c>
      <c r="H24102" s="358" t="s">
        <v>14381</v>
      </c>
      <c r="I24102" s="358" t="s">
        <v>14669</v>
      </c>
      <c r="J24102" s="358"/>
      <c r="K24102" s="358"/>
      <c r="L24102" s="358" t="s">
        <v>643</v>
      </c>
    </row>
    <row r="24103" spans="2:12">
      <c r="B24103" s="367"/>
      <c r="C24103" s="360"/>
      <c r="D24103" s="367"/>
      <c r="E24103" s="367"/>
      <c r="F24103" s="360"/>
      <c r="G24103" s="360"/>
      <c r="H24103" s="360"/>
      <c r="I24103" s="360"/>
      <c r="J24103" s="365"/>
      <c r="K24103" s="365"/>
      <c r="L24103" s="367"/>
    </row>
    <row r="24104" spans="2:12">
      <c r="B24104" s="367"/>
      <c r="C24104" s="359" t="s">
        <v>12816</v>
      </c>
      <c r="D24104" s="367"/>
      <c r="E24104" s="367"/>
      <c r="F24104" s="359" t="s">
        <v>14889</v>
      </c>
      <c r="G24104" s="359" t="s">
        <v>14890</v>
      </c>
      <c r="H24104" s="359" t="s">
        <v>14332</v>
      </c>
      <c r="I24104" s="359" t="s">
        <v>14890</v>
      </c>
      <c r="J24104" s="365"/>
      <c r="K24104" s="365"/>
      <c r="L24104" s="367"/>
    </row>
    <row r="24105" spans="2:12">
      <c r="B24105" s="367"/>
      <c r="C24105" s="360"/>
      <c r="D24105" s="367"/>
      <c r="E24105" s="367"/>
      <c r="F24105" s="360"/>
      <c r="G24105" s="360"/>
      <c r="H24105" s="360"/>
      <c r="I24105" s="360"/>
      <c r="J24105" s="365"/>
      <c r="K24105" s="365"/>
      <c r="L24105" s="367"/>
    </row>
    <row r="24106" spans="2:12" ht="85.5">
      <c r="B24106" s="368"/>
      <c r="C24106" s="361" t="s">
        <v>30763</v>
      </c>
      <c r="D24106" s="368"/>
      <c r="E24106" s="368"/>
      <c r="F24106" s="361" t="s">
        <v>17310</v>
      </c>
      <c r="G24106" s="361" t="s">
        <v>17311</v>
      </c>
      <c r="H24106" s="362"/>
      <c r="I24106" s="361" t="s">
        <v>17311</v>
      </c>
      <c r="J24106" s="366"/>
      <c r="K24106" s="366"/>
      <c r="L24106" s="368"/>
    </row>
    <row r="24107" spans="2:12" ht="28.5">
      <c r="B24107" s="358" t="s">
        <v>11727</v>
      </c>
      <c r="C24107" s="358" t="s">
        <v>12822</v>
      </c>
      <c r="D24107" s="358" t="s">
        <v>11728</v>
      </c>
      <c r="E24107" s="358" t="s">
        <v>11729</v>
      </c>
      <c r="F24107" s="358" t="s">
        <v>14376</v>
      </c>
      <c r="G24107" s="358" t="s">
        <v>14669</v>
      </c>
      <c r="H24107" s="358" t="s">
        <v>14381</v>
      </c>
      <c r="I24107" s="358" t="s">
        <v>14669</v>
      </c>
      <c r="J24107" s="358"/>
      <c r="K24107" s="358"/>
      <c r="L24107" s="358" t="s">
        <v>643</v>
      </c>
    </row>
    <row r="24108" spans="2:12">
      <c r="B24108" s="367"/>
      <c r="C24108" s="360"/>
      <c r="D24108" s="367"/>
      <c r="E24108" s="367"/>
      <c r="F24108" s="360"/>
      <c r="G24108" s="360"/>
      <c r="H24108" s="360"/>
      <c r="I24108" s="360"/>
      <c r="J24108" s="365"/>
      <c r="K24108" s="365"/>
      <c r="L24108" s="367"/>
    </row>
    <row r="24109" spans="2:12">
      <c r="B24109" s="367"/>
      <c r="C24109" s="359" t="s">
        <v>12816</v>
      </c>
      <c r="D24109" s="367"/>
      <c r="E24109" s="367"/>
      <c r="F24109" s="359" t="s">
        <v>14889</v>
      </c>
      <c r="G24109" s="359" t="s">
        <v>14890</v>
      </c>
      <c r="H24109" s="359" t="s">
        <v>14332</v>
      </c>
      <c r="I24109" s="359" t="s">
        <v>14890</v>
      </c>
      <c r="J24109" s="365"/>
      <c r="K24109" s="365"/>
      <c r="L24109" s="367"/>
    </row>
    <row r="24110" spans="2:12">
      <c r="B24110" s="367"/>
      <c r="C24110" s="360"/>
      <c r="D24110" s="367"/>
      <c r="E24110" s="367"/>
      <c r="F24110" s="360"/>
      <c r="G24110" s="360"/>
      <c r="H24110" s="360"/>
      <c r="I24110" s="360"/>
      <c r="J24110" s="365"/>
      <c r="K24110" s="365"/>
      <c r="L24110" s="367"/>
    </row>
    <row r="24111" spans="2:12" ht="71.25">
      <c r="B24111" s="368"/>
      <c r="C24111" s="361" t="s">
        <v>28232</v>
      </c>
      <c r="D24111" s="368"/>
      <c r="E24111" s="368"/>
      <c r="F24111" s="361" t="s">
        <v>17310</v>
      </c>
      <c r="G24111" s="361" t="s">
        <v>17311</v>
      </c>
      <c r="H24111" s="362"/>
      <c r="I24111" s="361" t="s">
        <v>17311</v>
      </c>
      <c r="J24111" s="366"/>
      <c r="K24111" s="366"/>
      <c r="L24111" s="368"/>
    </row>
    <row r="24112" spans="2:12">
      <c r="B24112" s="358" t="s">
        <v>11731</v>
      </c>
      <c r="C24112" s="358" t="s">
        <v>12823</v>
      </c>
      <c r="D24112" s="358" t="s">
        <v>11732</v>
      </c>
      <c r="E24112" s="358" t="s">
        <v>11733</v>
      </c>
      <c r="F24112" s="358" t="s">
        <v>14376</v>
      </c>
      <c r="G24112" s="358" t="s">
        <v>14669</v>
      </c>
      <c r="H24112" s="358" t="s">
        <v>14381</v>
      </c>
      <c r="I24112" s="358" t="s">
        <v>14669</v>
      </c>
      <c r="J24112" s="358"/>
      <c r="K24112" s="358"/>
      <c r="L24112" s="358" t="s">
        <v>643</v>
      </c>
    </row>
    <row r="24113" spans="2:12">
      <c r="B24113" s="367"/>
      <c r="C24113" s="360"/>
      <c r="D24113" s="367"/>
      <c r="E24113" s="367"/>
      <c r="F24113" s="360"/>
      <c r="G24113" s="360"/>
      <c r="H24113" s="360"/>
      <c r="I24113" s="360"/>
      <c r="J24113" s="365"/>
      <c r="K24113" s="365"/>
      <c r="L24113" s="367"/>
    </row>
    <row r="24114" spans="2:12">
      <c r="B24114" s="367"/>
      <c r="C24114" s="359" t="s">
        <v>12816</v>
      </c>
      <c r="D24114" s="367"/>
      <c r="E24114" s="367"/>
      <c r="F24114" s="359" t="s">
        <v>14889</v>
      </c>
      <c r="G24114" s="359" t="s">
        <v>14890</v>
      </c>
      <c r="H24114" s="359" t="s">
        <v>14332</v>
      </c>
      <c r="I24114" s="359" t="s">
        <v>14890</v>
      </c>
      <c r="J24114" s="365"/>
      <c r="K24114" s="365"/>
      <c r="L24114" s="367"/>
    </row>
    <row r="24115" spans="2:12">
      <c r="B24115" s="367"/>
      <c r="C24115" s="360"/>
      <c r="D24115" s="367"/>
      <c r="E24115" s="367"/>
      <c r="F24115" s="360"/>
      <c r="G24115" s="360"/>
      <c r="H24115" s="360"/>
      <c r="I24115" s="360"/>
      <c r="J24115" s="365"/>
      <c r="K24115" s="365"/>
      <c r="L24115" s="367"/>
    </row>
    <row r="24116" spans="2:12" ht="85.5">
      <c r="B24116" s="368"/>
      <c r="C24116" s="361" t="s">
        <v>28233</v>
      </c>
      <c r="D24116" s="368"/>
      <c r="E24116" s="368"/>
      <c r="F24116" s="361" t="s">
        <v>17310</v>
      </c>
      <c r="G24116" s="361" t="s">
        <v>17311</v>
      </c>
      <c r="H24116" s="362"/>
      <c r="I24116" s="361" t="s">
        <v>17311</v>
      </c>
      <c r="J24116" s="366"/>
      <c r="K24116" s="366"/>
      <c r="L24116" s="368"/>
    </row>
    <row r="24117" spans="2:12" ht="28.5">
      <c r="B24117" s="358" t="s">
        <v>29918</v>
      </c>
      <c r="C24117" s="358" t="s">
        <v>12824</v>
      </c>
      <c r="D24117" s="358" t="s">
        <v>11736</v>
      </c>
      <c r="E24117" s="358" t="s">
        <v>11737</v>
      </c>
      <c r="F24117" s="358" t="s">
        <v>14376</v>
      </c>
      <c r="G24117" s="358" t="s">
        <v>14669</v>
      </c>
      <c r="H24117" s="358" t="s">
        <v>14381</v>
      </c>
      <c r="I24117" s="358" t="s">
        <v>14669</v>
      </c>
      <c r="J24117" s="358"/>
      <c r="K24117" s="358"/>
      <c r="L24117" s="358" t="s">
        <v>643</v>
      </c>
    </row>
    <row r="24118" spans="2:12">
      <c r="B24118" s="367"/>
      <c r="C24118" s="360"/>
      <c r="D24118" s="367"/>
      <c r="E24118" s="367"/>
      <c r="F24118" s="360"/>
      <c r="G24118" s="360"/>
      <c r="H24118" s="360"/>
      <c r="I24118" s="360"/>
      <c r="J24118" s="365"/>
      <c r="K24118" s="365"/>
      <c r="L24118" s="367"/>
    </row>
    <row r="24119" spans="2:12">
      <c r="B24119" s="367"/>
      <c r="C24119" s="359" t="s">
        <v>26237</v>
      </c>
      <c r="D24119" s="367"/>
      <c r="E24119" s="367"/>
      <c r="F24119" s="359" t="s">
        <v>14889</v>
      </c>
      <c r="G24119" s="359" t="s">
        <v>14890</v>
      </c>
      <c r="H24119" s="359" t="s">
        <v>14332</v>
      </c>
      <c r="I24119" s="359" t="s">
        <v>14890</v>
      </c>
      <c r="J24119" s="365"/>
      <c r="K24119" s="365"/>
      <c r="L24119" s="367"/>
    </row>
    <row r="24120" spans="2:12">
      <c r="B24120" s="367"/>
      <c r="C24120" s="360"/>
      <c r="D24120" s="367"/>
      <c r="E24120" s="367"/>
      <c r="F24120" s="360"/>
      <c r="G24120" s="360"/>
      <c r="H24120" s="360"/>
      <c r="I24120" s="360"/>
      <c r="J24120" s="365"/>
      <c r="K24120" s="365"/>
      <c r="L24120" s="367"/>
    </row>
    <row r="24121" spans="2:12" ht="128.25">
      <c r="B24121" s="368"/>
      <c r="C24121" s="361" t="s">
        <v>30764</v>
      </c>
      <c r="D24121" s="368"/>
      <c r="E24121" s="368"/>
      <c r="F24121" s="361" t="s">
        <v>17310</v>
      </c>
      <c r="G24121" s="361" t="s">
        <v>17311</v>
      </c>
      <c r="H24121" s="362"/>
      <c r="I24121" s="361" t="s">
        <v>17311</v>
      </c>
      <c r="J24121" s="366"/>
      <c r="K24121" s="366"/>
      <c r="L24121" s="368"/>
    </row>
    <row r="24122" spans="2:12" ht="28.5">
      <c r="B24122" s="358" t="s">
        <v>11740</v>
      </c>
      <c r="C24122" s="358" t="s">
        <v>12825</v>
      </c>
      <c r="D24122" s="358" t="s">
        <v>11741</v>
      </c>
      <c r="E24122" s="358" t="s">
        <v>11742</v>
      </c>
      <c r="F24122" s="358" t="s">
        <v>14376</v>
      </c>
      <c r="G24122" s="358" t="s">
        <v>14669</v>
      </c>
      <c r="H24122" s="358" t="s">
        <v>14381</v>
      </c>
      <c r="I24122" s="358" t="s">
        <v>14669</v>
      </c>
      <c r="J24122" s="358"/>
      <c r="K24122" s="358"/>
      <c r="L24122" s="358" t="s">
        <v>643</v>
      </c>
    </row>
    <row r="24123" spans="2:12">
      <c r="B24123" s="367"/>
      <c r="C24123" s="360"/>
      <c r="D24123" s="367"/>
      <c r="E24123" s="367"/>
      <c r="F24123" s="360"/>
      <c r="G24123" s="360"/>
      <c r="H24123" s="360"/>
      <c r="I24123" s="360"/>
      <c r="J24123" s="365"/>
      <c r="K24123" s="365"/>
      <c r="L24123" s="367"/>
    </row>
    <row r="24124" spans="2:12">
      <c r="B24124" s="367"/>
      <c r="C24124" s="359" t="s">
        <v>12816</v>
      </c>
      <c r="D24124" s="367"/>
      <c r="E24124" s="367"/>
      <c r="F24124" s="359" t="s">
        <v>14889</v>
      </c>
      <c r="G24124" s="359" t="s">
        <v>14890</v>
      </c>
      <c r="H24124" s="359" t="s">
        <v>14332</v>
      </c>
      <c r="I24124" s="359" t="s">
        <v>14890</v>
      </c>
      <c r="J24124" s="365"/>
      <c r="K24124" s="365"/>
      <c r="L24124" s="367"/>
    </row>
    <row r="24125" spans="2:12">
      <c r="B24125" s="367"/>
      <c r="C24125" s="360"/>
      <c r="D24125" s="367"/>
      <c r="E24125" s="367"/>
      <c r="F24125" s="360"/>
      <c r="G24125" s="360"/>
      <c r="H24125" s="360"/>
      <c r="I24125" s="360"/>
      <c r="J24125" s="365"/>
      <c r="K24125" s="365"/>
      <c r="L24125" s="367"/>
    </row>
    <row r="24126" spans="2:12" ht="57">
      <c r="B24126" s="368"/>
      <c r="C24126" s="361" t="s">
        <v>12826</v>
      </c>
      <c r="D24126" s="368"/>
      <c r="E24126" s="368"/>
      <c r="F24126" s="361" t="s">
        <v>17310</v>
      </c>
      <c r="G24126" s="361" t="s">
        <v>17311</v>
      </c>
      <c r="H24126" s="362"/>
      <c r="I24126" s="361" t="s">
        <v>17311</v>
      </c>
      <c r="J24126" s="366"/>
      <c r="K24126" s="366"/>
      <c r="L24126" s="368"/>
    </row>
    <row r="24127" spans="2:12" ht="28.5">
      <c r="B24127" s="358" t="s">
        <v>11743</v>
      </c>
      <c r="C24127" s="358" t="s">
        <v>30765</v>
      </c>
      <c r="D24127" s="358" t="s">
        <v>11744</v>
      </c>
      <c r="E24127" s="358" t="s">
        <v>11745</v>
      </c>
      <c r="F24127" s="358" t="s">
        <v>14376</v>
      </c>
      <c r="G24127" s="358" t="s">
        <v>14669</v>
      </c>
      <c r="H24127" s="358" t="s">
        <v>14381</v>
      </c>
      <c r="I24127" s="358" t="s">
        <v>14669</v>
      </c>
      <c r="J24127" s="358"/>
      <c r="K24127" s="358"/>
      <c r="L24127" s="358" t="s">
        <v>643</v>
      </c>
    </row>
    <row r="24128" spans="2:12">
      <c r="B24128" s="367"/>
      <c r="C24128" s="360"/>
      <c r="D24128" s="367"/>
      <c r="E24128" s="367"/>
      <c r="F24128" s="360"/>
      <c r="G24128" s="360"/>
      <c r="H24128" s="360"/>
      <c r="I24128" s="360"/>
      <c r="J24128" s="365"/>
      <c r="K24128" s="365"/>
      <c r="L24128" s="367"/>
    </row>
    <row r="24129" spans="2:12" ht="85.5">
      <c r="B24129" s="367"/>
      <c r="C24129" s="359" t="s">
        <v>30766</v>
      </c>
      <c r="D24129" s="367"/>
      <c r="E24129" s="367"/>
      <c r="F24129" s="359" t="s">
        <v>14889</v>
      </c>
      <c r="G24129" s="359" t="s">
        <v>14890</v>
      </c>
      <c r="H24129" s="359" t="s">
        <v>14332</v>
      </c>
      <c r="I24129" s="359" t="s">
        <v>14890</v>
      </c>
      <c r="J24129" s="365"/>
      <c r="K24129" s="365"/>
      <c r="L24129" s="367"/>
    </row>
    <row r="24130" spans="2:12">
      <c r="B24130" s="367"/>
      <c r="C24130" s="360"/>
      <c r="D24130" s="367"/>
      <c r="E24130" s="367"/>
      <c r="F24130" s="360"/>
      <c r="G24130" s="360"/>
      <c r="H24130" s="360"/>
      <c r="I24130" s="360"/>
      <c r="J24130" s="365"/>
      <c r="K24130" s="365"/>
      <c r="L24130" s="367"/>
    </row>
    <row r="24131" spans="2:12">
      <c r="B24131" s="368"/>
      <c r="C24131" s="362"/>
      <c r="D24131" s="368"/>
      <c r="E24131" s="368"/>
      <c r="F24131" s="361" t="s">
        <v>17310</v>
      </c>
      <c r="G24131" s="361" t="s">
        <v>17311</v>
      </c>
      <c r="H24131" s="362"/>
      <c r="I24131" s="361" t="s">
        <v>17311</v>
      </c>
      <c r="J24131" s="366"/>
      <c r="K24131" s="366"/>
      <c r="L24131" s="368"/>
    </row>
    <row r="24132" spans="2:12" ht="28.5">
      <c r="B24132" s="358" t="s">
        <v>11747</v>
      </c>
      <c r="C24132" s="358" t="s">
        <v>12827</v>
      </c>
      <c r="D24132" s="358" t="s">
        <v>11748</v>
      </c>
      <c r="E24132" s="358" t="s">
        <v>11749</v>
      </c>
      <c r="F24132" s="358" t="s">
        <v>14376</v>
      </c>
      <c r="G24132" s="358" t="s">
        <v>14669</v>
      </c>
      <c r="H24132" s="358" t="s">
        <v>14381</v>
      </c>
      <c r="I24132" s="358" t="s">
        <v>14669</v>
      </c>
      <c r="J24132" s="358"/>
      <c r="K24132" s="358"/>
      <c r="L24132" s="358" t="s">
        <v>643</v>
      </c>
    </row>
    <row r="24133" spans="2:12">
      <c r="B24133" s="367"/>
      <c r="C24133" s="360"/>
      <c r="D24133" s="367"/>
      <c r="E24133" s="367"/>
      <c r="F24133" s="360"/>
      <c r="G24133" s="360"/>
      <c r="H24133" s="360"/>
      <c r="I24133" s="360"/>
      <c r="J24133" s="365"/>
      <c r="K24133" s="365"/>
      <c r="L24133" s="367"/>
    </row>
    <row r="24134" spans="2:12" ht="85.5">
      <c r="B24134" s="367"/>
      <c r="C24134" s="359" t="s">
        <v>30767</v>
      </c>
      <c r="D24134" s="367"/>
      <c r="E24134" s="367"/>
      <c r="F24134" s="359" t="s">
        <v>14889</v>
      </c>
      <c r="G24134" s="359" t="s">
        <v>14890</v>
      </c>
      <c r="H24134" s="359" t="s">
        <v>14332</v>
      </c>
      <c r="I24134" s="359" t="s">
        <v>14890</v>
      </c>
      <c r="J24134" s="365"/>
      <c r="K24134" s="365"/>
      <c r="L24134" s="367"/>
    </row>
    <row r="24135" spans="2:12">
      <c r="B24135" s="367"/>
      <c r="C24135" s="360"/>
      <c r="D24135" s="367"/>
      <c r="E24135" s="367"/>
      <c r="F24135" s="360"/>
      <c r="G24135" s="360"/>
      <c r="H24135" s="360"/>
      <c r="I24135" s="360"/>
      <c r="J24135" s="365"/>
      <c r="K24135" s="365"/>
      <c r="L24135" s="367"/>
    </row>
    <row r="24136" spans="2:12">
      <c r="B24136" s="368"/>
      <c r="C24136" s="362"/>
      <c r="D24136" s="368"/>
      <c r="E24136" s="368"/>
      <c r="F24136" s="361" t="s">
        <v>17310</v>
      </c>
      <c r="G24136" s="361" t="s">
        <v>17311</v>
      </c>
      <c r="H24136" s="362"/>
      <c r="I24136" s="361" t="s">
        <v>17311</v>
      </c>
      <c r="J24136" s="366"/>
      <c r="K24136" s="366"/>
      <c r="L24136" s="368"/>
    </row>
    <row r="24137" spans="2:12">
      <c r="B24137" s="358" t="s">
        <v>11750</v>
      </c>
      <c r="C24137" s="358" t="s">
        <v>30768</v>
      </c>
      <c r="D24137" s="358" t="s">
        <v>11751</v>
      </c>
      <c r="E24137" s="358" t="s">
        <v>11752</v>
      </c>
      <c r="F24137" s="358" t="s">
        <v>14376</v>
      </c>
      <c r="G24137" s="358" t="s">
        <v>14669</v>
      </c>
      <c r="H24137" s="358" t="s">
        <v>14381</v>
      </c>
      <c r="I24137" s="358" t="s">
        <v>14669</v>
      </c>
      <c r="J24137" s="358"/>
      <c r="K24137" s="358"/>
      <c r="L24137" s="358" t="s">
        <v>643</v>
      </c>
    </row>
    <row r="24138" spans="2:12">
      <c r="B24138" s="367"/>
      <c r="C24138" s="360"/>
      <c r="D24138" s="367"/>
      <c r="E24138" s="367"/>
      <c r="F24138" s="360"/>
      <c r="G24138" s="360"/>
      <c r="H24138" s="360"/>
      <c r="I24138" s="360"/>
      <c r="J24138" s="365"/>
      <c r="K24138" s="365"/>
      <c r="L24138" s="367"/>
    </row>
    <row r="24139" spans="2:12">
      <c r="B24139" s="367"/>
      <c r="C24139" s="359" t="s">
        <v>12816</v>
      </c>
      <c r="D24139" s="367"/>
      <c r="E24139" s="367"/>
      <c r="F24139" s="359" t="s">
        <v>14889</v>
      </c>
      <c r="G24139" s="359" t="s">
        <v>14890</v>
      </c>
      <c r="H24139" s="359" t="s">
        <v>14332</v>
      </c>
      <c r="I24139" s="359" t="s">
        <v>14890</v>
      </c>
      <c r="J24139" s="365"/>
      <c r="K24139" s="365"/>
      <c r="L24139" s="367"/>
    </row>
    <row r="24140" spans="2:12">
      <c r="B24140" s="367"/>
      <c r="C24140" s="360"/>
      <c r="D24140" s="367"/>
      <c r="E24140" s="367"/>
      <c r="F24140" s="360"/>
      <c r="G24140" s="360"/>
      <c r="H24140" s="360"/>
      <c r="I24140" s="360"/>
      <c r="J24140" s="365"/>
      <c r="K24140" s="365"/>
      <c r="L24140" s="367"/>
    </row>
    <row r="24141" spans="2:12" ht="71.25">
      <c r="B24141" s="368"/>
      <c r="C24141" s="361" t="s">
        <v>30769</v>
      </c>
      <c r="D24141" s="368"/>
      <c r="E24141" s="368"/>
      <c r="F24141" s="361" t="s">
        <v>17310</v>
      </c>
      <c r="G24141" s="361" t="s">
        <v>17311</v>
      </c>
      <c r="H24141" s="362"/>
      <c r="I24141" s="361" t="s">
        <v>17311</v>
      </c>
      <c r="J24141" s="366"/>
      <c r="K24141" s="366"/>
      <c r="L24141" s="368"/>
    </row>
    <row r="24142" spans="2:12" ht="28.5">
      <c r="B24142" s="358" t="s">
        <v>11753</v>
      </c>
      <c r="C24142" s="358" t="s">
        <v>28234</v>
      </c>
      <c r="D24142" s="358" t="s">
        <v>11754</v>
      </c>
      <c r="E24142" s="358" t="s">
        <v>11755</v>
      </c>
      <c r="F24142" s="358" t="s">
        <v>14376</v>
      </c>
      <c r="G24142" s="358" t="s">
        <v>14669</v>
      </c>
      <c r="H24142" s="358" t="s">
        <v>14381</v>
      </c>
      <c r="I24142" s="358" t="s">
        <v>14669</v>
      </c>
      <c r="J24142" s="358"/>
      <c r="K24142" s="358"/>
      <c r="L24142" s="358" t="s">
        <v>643</v>
      </c>
    </row>
    <row r="24143" spans="2:12">
      <c r="B24143" s="367"/>
      <c r="C24143" s="360"/>
      <c r="D24143" s="367"/>
      <c r="E24143" s="367"/>
      <c r="F24143" s="360"/>
      <c r="G24143" s="360"/>
      <c r="H24143" s="360"/>
      <c r="I24143" s="360"/>
      <c r="J24143" s="365"/>
      <c r="K24143" s="365"/>
      <c r="L24143" s="367"/>
    </row>
    <row r="24144" spans="2:12">
      <c r="B24144" s="367"/>
      <c r="C24144" s="359" t="s">
        <v>12816</v>
      </c>
      <c r="D24144" s="367"/>
      <c r="E24144" s="367"/>
      <c r="F24144" s="359" t="s">
        <v>29919</v>
      </c>
      <c r="G24144" s="359" t="s">
        <v>14890</v>
      </c>
      <c r="H24144" s="359" t="s">
        <v>14332</v>
      </c>
      <c r="I24144" s="359" t="s">
        <v>14890</v>
      </c>
      <c r="J24144" s="365"/>
      <c r="K24144" s="365"/>
      <c r="L24144" s="367"/>
    </row>
    <row r="24145" spans="2:12">
      <c r="B24145" s="367"/>
      <c r="C24145" s="360"/>
      <c r="D24145" s="367"/>
      <c r="E24145" s="367"/>
      <c r="F24145" s="360"/>
      <c r="G24145" s="360"/>
      <c r="H24145" s="360"/>
      <c r="I24145" s="360"/>
      <c r="J24145" s="365"/>
      <c r="K24145" s="365"/>
      <c r="L24145" s="367"/>
    </row>
    <row r="24146" spans="2:12" ht="128.25">
      <c r="B24146" s="368"/>
      <c r="C24146" s="361" t="s">
        <v>30770</v>
      </c>
      <c r="D24146" s="368"/>
      <c r="E24146" s="368"/>
      <c r="F24146" s="361" t="s">
        <v>17310</v>
      </c>
      <c r="G24146" s="361" t="s">
        <v>17311</v>
      </c>
      <c r="H24146" s="362"/>
      <c r="I24146" s="361" t="s">
        <v>17311</v>
      </c>
      <c r="J24146" s="366"/>
      <c r="K24146" s="366"/>
      <c r="L24146" s="368"/>
    </row>
    <row r="24147" spans="2:12" ht="28.5">
      <c r="B24147" s="358" t="s">
        <v>11756</v>
      </c>
      <c r="C24147" s="358" t="s">
        <v>28235</v>
      </c>
      <c r="D24147" s="358" t="s">
        <v>11757</v>
      </c>
      <c r="E24147" s="358" t="s">
        <v>11758</v>
      </c>
      <c r="F24147" s="358" t="s">
        <v>14376</v>
      </c>
      <c r="G24147" s="358" t="s">
        <v>14669</v>
      </c>
      <c r="H24147" s="358" t="s">
        <v>14381</v>
      </c>
      <c r="I24147" s="358" t="s">
        <v>14669</v>
      </c>
      <c r="J24147" s="358"/>
      <c r="K24147" s="358"/>
      <c r="L24147" s="358" t="s">
        <v>643</v>
      </c>
    </row>
    <row r="24148" spans="2:12">
      <c r="B24148" s="367"/>
      <c r="C24148" s="360"/>
      <c r="D24148" s="367"/>
      <c r="E24148" s="367"/>
      <c r="F24148" s="360"/>
      <c r="G24148" s="360"/>
      <c r="H24148" s="360"/>
      <c r="I24148" s="360"/>
      <c r="J24148" s="365"/>
      <c r="K24148" s="365"/>
      <c r="L24148" s="367"/>
    </row>
    <row r="24149" spans="2:12">
      <c r="B24149" s="367"/>
      <c r="C24149" s="359" t="s">
        <v>12816</v>
      </c>
      <c r="D24149" s="367"/>
      <c r="E24149" s="367"/>
      <c r="F24149" s="359" t="s">
        <v>14889</v>
      </c>
      <c r="G24149" s="359" t="s">
        <v>14890</v>
      </c>
      <c r="H24149" s="359" t="s">
        <v>14332</v>
      </c>
      <c r="I24149" s="359" t="s">
        <v>14890</v>
      </c>
      <c r="J24149" s="365"/>
      <c r="K24149" s="365"/>
      <c r="L24149" s="367"/>
    </row>
    <row r="24150" spans="2:12">
      <c r="B24150" s="367"/>
      <c r="C24150" s="360"/>
      <c r="D24150" s="367"/>
      <c r="E24150" s="367"/>
      <c r="F24150" s="360"/>
      <c r="G24150" s="360"/>
      <c r="H24150" s="360"/>
      <c r="I24150" s="360"/>
      <c r="J24150" s="365"/>
      <c r="K24150" s="365"/>
      <c r="L24150" s="367"/>
    </row>
    <row r="24151" spans="2:12" ht="71.25">
      <c r="B24151" s="368"/>
      <c r="C24151" s="361" t="s">
        <v>30771</v>
      </c>
      <c r="D24151" s="368"/>
      <c r="E24151" s="368"/>
      <c r="F24151" s="361" t="s">
        <v>17310</v>
      </c>
      <c r="G24151" s="361" t="s">
        <v>17311</v>
      </c>
      <c r="H24151" s="362"/>
      <c r="I24151" s="361" t="s">
        <v>17311</v>
      </c>
      <c r="J24151" s="366"/>
      <c r="K24151" s="366"/>
      <c r="L24151" s="368"/>
    </row>
    <row r="24152" spans="2:12">
      <c r="B24152" s="358" t="s">
        <v>11760</v>
      </c>
      <c r="C24152" s="358" t="s">
        <v>12828</v>
      </c>
      <c r="D24152" s="358" t="s">
        <v>11761</v>
      </c>
      <c r="E24152" s="358" t="s">
        <v>11762</v>
      </c>
      <c r="F24152" s="358" t="s">
        <v>14376</v>
      </c>
      <c r="G24152" s="358" t="s">
        <v>14669</v>
      </c>
      <c r="H24152" s="358" t="s">
        <v>14381</v>
      </c>
      <c r="I24152" s="358" t="s">
        <v>14669</v>
      </c>
      <c r="J24152" s="358"/>
      <c r="K24152" s="358"/>
      <c r="L24152" s="358" t="s">
        <v>643</v>
      </c>
    </row>
    <row r="24153" spans="2:12">
      <c r="B24153" s="367"/>
      <c r="C24153" s="360"/>
      <c r="D24153" s="367"/>
      <c r="E24153" s="367"/>
      <c r="F24153" s="360"/>
      <c r="G24153" s="360"/>
      <c r="H24153" s="360"/>
      <c r="I24153" s="360"/>
      <c r="J24153" s="365"/>
      <c r="K24153" s="365"/>
      <c r="L24153" s="367"/>
    </row>
    <row r="24154" spans="2:12">
      <c r="B24154" s="367"/>
      <c r="C24154" s="359" t="s">
        <v>12829</v>
      </c>
      <c r="D24154" s="367"/>
      <c r="E24154" s="367"/>
      <c r="F24154" s="359" t="s">
        <v>14889</v>
      </c>
      <c r="G24154" s="359" t="s">
        <v>14890</v>
      </c>
      <c r="H24154" s="359" t="s">
        <v>14332</v>
      </c>
      <c r="I24154" s="359" t="s">
        <v>14890</v>
      </c>
      <c r="J24154" s="365"/>
      <c r="K24154" s="365"/>
      <c r="L24154" s="367"/>
    </row>
    <row r="24155" spans="2:12">
      <c r="B24155" s="367"/>
      <c r="C24155" s="360"/>
      <c r="D24155" s="367"/>
      <c r="E24155" s="367"/>
      <c r="F24155" s="360"/>
      <c r="G24155" s="360"/>
      <c r="H24155" s="360"/>
      <c r="I24155" s="360"/>
      <c r="J24155" s="365"/>
      <c r="K24155" s="365"/>
      <c r="L24155" s="367"/>
    </row>
    <row r="24156" spans="2:12" ht="99.75">
      <c r="B24156" s="368"/>
      <c r="C24156" s="361" t="s">
        <v>30772</v>
      </c>
      <c r="D24156" s="368"/>
      <c r="E24156" s="368"/>
      <c r="F24156" s="361" t="s">
        <v>17310</v>
      </c>
      <c r="G24156" s="361" t="s">
        <v>17311</v>
      </c>
      <c r="H24156" s="362"/>
      <c r="I24156" s="361" t="s">
        <v>17311</v>
      </c>
      <c r="J24156" s="366"/>
      <c r="K24156" s="366"/>
      <c r="L24156" s="368"/>
    </row>
    <row r="24157" spans="2:12">
      <c r="B24157" s="358" t="s">
        <v>11764</v>
      </c>
      <c r="C24157" s="358" t="s">
        <v>12830</v>
      </c>
      <c r="D24157" s="358" t="s">
        <v>11765</v>
      </c>
      <c r="E24157" s="358" t="s">
        <v>11766</v>
      </c>
      <c r="F24157" s="358" t="s">
        <v>14376</v>
      </c>
      <c r="G24157" s="358" t="s">
        <v>14669</v>
      </c>
      <c r="H24157" s="358" t="s">
        <v>14381</v>
      </c>
      <c r="I24157" s="358" t="s">
        <v>14669</v>
      </c>
      <c r="J24157" s="358"/>
      <c r="K24157" s="358"/>
      <c r="L24157" s="358" t="s">
        <v>643</v>
      </c>
    </row>
    <row r="24158" spans="2:12">
      <c r="B24158" s="367"/>
      <c r="C24158" s="360"/>
      <c r="D24158" s="367"/>
      <c r="E24158" s="367"/>
      <c r="F24158" s="360"/>
      <c r="G24158" s="360"/>
      <c r="H24158" s="360"/>
      <c r="I24158" s="360"/>
      <c r="J24158" s="365"/>
      <c r="K24158" s="365"/>
      <c r="L24158" s="367"/>
    </row>
    <row r="24159" spans="2:12">
      <c r="B24159" s="367"/>
      <c r="C24159" s="359" t="s">
        <v>12829</v>
      </c>
      <c r="D24159" s="367"/>
      <c r="E24159" s="367"/>
      <c r="F24159" s="359" t="s">
        <v>14889</v>
      </c>
      <c r="G24159" s="359" t="s">
        <v>14890</v>
      </c>
      <c r="H24159" s="359" t="s">
        <v>14332</v>
      </c>
      <c r="I24159" s="359" t="s">
        <v>14890</v>
      </c>
      <c r="J24159" s="365"/>
      <c r="K24159" s="365"/>
      <c r="L24159" s="367"/>
    </row>
    <row r="24160" spans="2:12">
      <c r="B24160" s="367"/>
      <c r="C24160" s="360"/>
      <c r="D24160" s="367"/>
      <c r="E24160" s="367"/>
      <c r="F24160" s="360"/>
      <c r="G24160" s="360"/>
      <c r="H24160" s="360"/>
      <c r="I24160" s="360"/>
      <c r="J24160" s="365"/>
      <c r="K24160" s="365"/>
      <c r="L24160" s="367"/>
    </row>
    <row r="24161" spans="2:12" ht="99.75">
      <c r="B24161" s="368"/>
      <c r="C24161" s="361" t="s">
        <v>30773</v>
      </c>
      <c r="D24161" s="368"/>
      <c r="E24161" s="368"/>
      <c r="F24161" s="361" t="s">
        <v>17310</v>
      </c>
      <c r="G24161" s="361" t="s">
        <v>17311</v>
      </c>
      <c r="H24161" s="362"/>
      <c r="I24161" s="361" t="s">
        <v>17311</v>
      </c>
      <c r="J24161" s="366"/>
      <c r="K24161" s="366"/>
      <c r="L24161" s="368"/>
    </row>
    <row r="24162" spans="2:12">
      <c r="B24162" s="358" t="s">
        <v>11767</v>
      </c>
      <c r="C24162" s="358" t="s">
        <v>28236</v>
      </c>
      <c r="D24162" s="358" t="s">
        <v>11768</v>
      </c>
      <c r="E24162" s="358" t="s">
        <v>11769</v>
      </c>
      <c r="F24162" s="358" t="s">
        <v>14376</v>
      </c>
      <c r="G24162" s="358" t="s">
        <v>14669</v>
      </c>
      <c r="H24162" s="358" t="s">
        <v>14381</v>
      </c>
      <c r="I24162" s="358" t="s">
        <v>14669</v>
      </c>
      <c r="J24162" s="358"/>
      <c r="K24162" s="358"/>
      <c r="L24162" s="358" t="s">
        <v>643</v>
      </c>
    </row>
    <row r="24163" spans="2:12">
      <c r="B24163" s="367"/>
      <c r="C24163" s="360"/>
      <c r="D24163" s="367"/>
      <c r="E24163" s="367"/>
      <c r="F24163" s="360"/>
      <c r="G24163" s="360"/>
      <c r="H24163" s="360"/>
      <c r="I24163" s="360"/>
      <c r="J24163" s="365"/>
      <c r="K24163" s="365"/>
      <c r="L24163" s="367"/>
    </row>
    <row r="24164" spans="2:12">
      <c r="B24164" s="367"/>
      <c r="C24164" s="359" t="s">
        <v>12829</v>
      </c>
      <c r="D24164" s="367"/>
      <c r="E24164" s="367"/>
      <c r="F24164" s="359" t="s">
        <v>14889</v>
      </c>
      <c r="G24164" s="359" t="s">
        <v>14890</v>
      </c>
      <c r="H24164" s="359" t="s">
        <v>14332</v>
      </c>
      <c r="I24164" s="359" t="s">
        <v>14890</v>
      </c>
      <c r="J24164" s="365"/>
      <c r="K24164" s="365"/>
      <c r="L24164" s="367"/>
    </row>
    <row r="24165" spans="2:12">
      <c r="B24165" s="367"/>
      <c r="C24165" s="360"/>
      <c r="D24165" s="367"/>
      <c r="E24165" s="367"/>
      <c r="F24165" s="360"/>
      <c r="G24165" s="360"/>
      <c r="H24165" s="360"/>
      <c r="I24165" s="360"/>
      <c r="J24165" s="365"/>
      <c r="K24165" s="365"/>
      <c r="L24165" s="367"/>
    </row>
    <row r="24166" spans="2:12" ht="85.5">
      <c r="B24166" s="368"/>
      <c r="C24166" s="361" t="s">
        <v>30774</v>
      </c>
      <c r="D24166" s="368"/>
      <c r="E24166" s="368"/>
      <c r="F24166" s="361" t="s">
        <v>17310</v>
      </c>
      <c r="G24166" s="361" t="s">
        <v>17311</v>
      </c>
      <c r="H24166" s="362"/>
      <c r="I24166" s="361" t="s">
        <v>17311</v>
      </c>
      <c r="J24166" s="366"/>
      <c r="K24166" s="366"/>
      <c r="L24166" s="368"/>
    </row>
    <row r="24167" spans="2:12">
      <c r="B24167" s="358" t="s">
        <v>11771</v>
      </c>
      <c r="C24167" s="358" t="s">
        <v>12831</v>
      </c>
      <c r="D24167" s="358" t="s">
        <v>11772</v>
      </c>
      <c r="E24167" s="358" t="s">
        <v>11773</v>
      </c>
      <c r="F24167" s="358" t="s">
        <v>14376</v>
      </c>
      <c r="G24167" s="358" t="s">
        <v>14669</v>
      </c>
      <c r="H24167" s="358" t="s">
        <v>14381</v>
      </c>
      <c r="I24167" s="358" t="s">
        <v>14669</v>
      </c>
      <c r="J24167" s="358"/>
      <c r="K24167" s="358"/>
      <c r="L24167" s="358" t="s">
        <v>643</v>
      </c>
    </row>
    <row r="24168" spans="2:12">
      <c r="B24168" s="367"/>
      <c r="C24168" s="360"/>
      <c r="D24168" s="367"/>
      <c r="E24168" s="367"/>
      <c r="F24168" s="360"/>
      <c r="G24168" s="360"/>
      <c r="H24168" s="360"/>
      <c r="I24168" s="360"/>
      <c r="J24168" s="365"/>
      <c r="K24168" s="365"/>
      <c r="L24168" s="367"/>
    </row>
    <row r="24169" spans="2:12">
      <c r="B24169" s="367"/>
      <c r="C24169" s="359" t="s">
        <v>12829</v>
      </c>
      <c r="D24169" s="367"/>
      <c r="E24169" s="367"/>
      <c r="F24169" s="359" t="s">
        <v>14889</v>
      </c>
      <c r="G24169" s="359" t="s">
        <v>14890</v>
      </c>
      <c r="H24169" s="359" t="s">
        <v>14332</v>
      </c>
      <c r="I24169" s="359" t="s">
        <v>14890</v>
      </c>
      <c r="J24169" s="365"/>
      <c r="K24169" s="365"/>
      <c r="L24169" s="367"/>
    </row>
    <row r="24170" spans="2:12">
      <c r="B24170" s="367"/>
      <c r="C24170" s="360"/>
      <c r="D24170" s="367"/>
      <c r="E24170" s="367"/>
      <c r="F24170" s="360"/>
      <c r="G24170" s="360"/>
      <c r="H24170" s="360"/>
      <c r="I24170" s="360"/>
      <c r="J24170" s="365"/>
      <c r="K24170" s="365"/>
      <c r="L24170" s="367"/>
    </row>
    <row r="24171" spans="2:12" ht="57">
      <c r="B24171" s="368"/>
      <c r="C24171" s="361" t="s">
        <v>28237</v>
      </c>
      <c r="D24171" s="368"/>
      <c r="E24171" s="368"/>
      <c r="F24171" s="361" t="s">
        <v>17310</v>
      </c>
      <c r="G24171" s="361" t="s">
        <v>17311</v>
      </c>
      <c r="H24171" s="362"/>
      <c r="I24171" s="361" t="s">
        <v>17311</v>
      </c>
      <c r="J24171" s="366"/>
      <c r="K24171" s="366"/>
      <c r="L24171" s="368"/>
    </row>
    <row r="24172" spans="2:12" ht="28.5">
      <c r="B24172" s="358" t="s">
        <v>11776</v>
      </c>
      <c r="C24172" s="358" t="s">
        <v>29920</v>
      </c>
      <c r="D24172" s="358" t="s">
        <v>11777</v>
      </c>
      <c r="E24172" s="358" t="s">
        <v>11778</v>
      </c>
      <c r="F24172" s="358" t="s">
        <v>14376</v>
      </c>
      <c r="G24172" s="358" t="s">
        <v>14669</v>
      </c>
      <c r="H24172" s="358" t="s">
        <v>14381</v>
      </c>
      <c r="I24172" s="358" t="s">
        <v>14669</v>
      </c>
      <c r="J24172" s="358"/>
      <c r="K24172" s="358"/>
      <c r="L24172" s="358" t="s">
        <v>643</v>
      </c>
    </row>
    <row r="24173" spans="2:12">
      <c r="B24173" s="367"/>
      <c r="C24173" s="360"/>
      <c r="D24173" s="367"/>
      <c r="E24173" s="367"/>
      <c r="F24173" s="360"/>
      <c r="G24173" s="360"/>
      <c r="H24173" s="360"/>
      <c r="I24173" s="360"/>
      <c r="J24173" s="365"/>
      <c r="K24173" s="365"/>
      <c r="L24173" s="367"/>
    </row>
    <row r="24174" spans="2:12">
      <c r="B24174" s="367"/>
      <c r="C24174" s="359" t="s">
        <v>26238</v>
      </c>
      <c r="D24174" s="367"/>
      <c r="E24174" s="367"/>
      <c r="F24174" s="359" t="s">
        <v>14889</v>
      </c>
      <c r="G24174" s="359" t="s">
        <v>14890</v>
      </c>
      <c r="H24174" s="359" t="s">
        <v>14332</v>
      </c>
      <c r="I24174" s="359" t="s">
        <v>14890</v>
      </c>
      <c r="J24174" s="365"/>
      <c r="K24174" s="365"/>
      <c r="L24174" s="367"/>
    </row>
    <row r="24175" spans="2:12">
      <c r="B24175" s="367"/>
      <c r="C24175" s="360"/>
      <c r="D24175" s="367"/>
      <c r="E24175" s="367"/>
      <c r="F24175" s="360"/>
      <c r="G24175" s="360"/>
      <c r="H24175" s="360"/>
      <c r="I24175" s="360"/>
      <c r="J24175" s="365"/>
      <c r="K24175" s="365"/>
      <c r="L24175" s="367"/>
    </row>
    <row r="24176" spans="2:12" ht="42.75">
      <c r="B24176" s="368"/>
      <c r="C24176" s="361" t="s">
        <v>26239</v>
      </c>
      <c r="D24176" s="368"/>
      <c r="E24176" s="368"/>
      <c r="F24176" s="361" t="s">
        <v>17310</v>
      </c>
      <c r="G24176" s="361" t="s">
        <v>17311</v>
      </c>
      <c r="H24176" s="362"/>
      <c r="I24176" s="361" t="s">
        <v>17311</v>
      </c>
      <c r="J24176" s="366"/>
      <c r="K24176" s="366"/>
      <c r="L24176" s="368"/>
    </row>
    <row r="24177" spans="2:12" ht="28.5">
      <c r="B24177" s="358" t="s">
        <v>11780</v>
      </c>
      <c r="C24177" s="358" t="s">
        <v>29921</v>
      </c>
      <c r="D24177" s="358" t="s">
        <v>11781</v>
      </c>
      <c r="E24177" s="358" t="s">
        <v>11782</v>
      </c>
      <c r="F24177" s="358" t="s">
        <v>14376</v>
      </c>
      <c r="G24177" s="358" t="s">
        <v>14669</v>
      </c>
      <c r="H24177" s="358" t="s">
        <v>14381</v>
      </c>
      <c r="I24177" s="358" t="s">
        <v>14669</v>
      </c>
      <c r="J24177" s="358"/>
      <c r="K24177" s="358"/>
      <c r="L24177" s="358" t="s">
        <v>643</v>
      </c>
    </row>
    <row r="24178" spans="2:12">
      <c r="B24178" s="367"/>
      <c r="C24178" s="360"/>
      <c r="D24178" s="367"/>
      <c r="E24178" s="367"/>
      <c r="F24178" s="360"/>
      <c r="G24178" s="360"/>
      <c r="H24178" s="360"/>
      <c r="I24178" s="360"/>
      <c r="J24178" s="365"/>
      <c r="K24178" s="365"/>
      <c r="L24178" s="367"/>
    </row>
    <row r="24179" spans="2:12" ht="99.75">
      <c r="B24179" s="367"/>
      <c r="C24179" s="359" t="s">
        <v>30775</v>
      </c>
      <c r="D24179" s="367"/>
      <c r="E24179" s="367"/>
      <c r="F24179" s="359" t="s">
        <v>14889</v>
      </c>
      <c r="G24179" s="359" t="s">
        <v>14890</v>
      </c>
      <c r="H24179" s="359" t="s">
        <v>14332</v>
      </c>
      <c r="I24179" s="359" t="s">
        <v>14890</v>
      </c>
      <c r="J24179" s="365"/>
      <c r="K24179" s="365"/>
      <c r="L24179" s="367"/>
    </row>
    <row r="24180" spans="2:12">
      <c r="B24180" s="367"/>
      <c r="C24180" s="360"/>
      <c r="D24180" s="367"/>
      <c r="E24180" s="367"/>
      <c r="F24180" s="360"/>
      <c r="G24180" s="360"/>
      <c r="H24180" s="360"/>
      <c r="I24180" s="360"/>
      <c r="J24180" s="365"/>
      <c r="K24180" s="365"/>
      <c r="L24180" s="367"/>
    </row>
    <row r="24181" spans="2:12">
      <c r="B24181" s="368"/>
      <c r="C24181" s="362"/>
      <c r="D24181" s="368"/>
      <c r="E24181" s="368"/>
      <c r="F24181" s="361" t="s">
        <v>17310</v>
      </c>
      <c r="G24181" s="361" t="s">
        <v>17311</v>
      </c>
      <c r="H24181" s="362"/>
      <c r="I24181" s="361" t="s">
        <v>17311</v>
      </c>
      <c r="J24181" s="366"/>
      <c r="K24181" s="366"/>
      <c r="L24181" s="368"/>
    </row>
    <row r="24182" spans="2:12" ht="28.5">
      <c r="B24182" s="358" t="s">
        <v>11784</v>
      </c>
      <c r="C24182" s="358" t="s">
        <v>29922</v>
      </c>
      <c r="D24182" s="358" t="s">
        <v>11785</v>
      </c>
      <c r="E24182" s="358" t="s">
        <v>11786</v>
      </c>
      <c r="F24182" s="358" t="s">
        <v>14376</v>
      </c>
      <c r="G24182" s="358" t="s">
        <v>14669</v>
      </c>
      <c r="H24182" s="358" t="s">
        <v>14381</v>
      </c>
      <c r="I24182" s="358" t="s">
        <v>14669</v>
      </c>
      <c r="J24182" s="358"/>
      <c r="K24182" s="358"/>
      <c r="L24182" s="358" t="s">
        <v>643</v>
      </c>
    </row>
    <row r="24183" spans="2:12">
      <c r="B24183" s="367"/>
      <c r="C24183" s="360"/>
      <c r="D24183" s="367"/>
      <c r="E24183" s="367"/>
      <c r="F24183" s="360"/>
      <c r="G24183" s="360"/>
      <c r="H24183" s="360"/>
      <c r="I24183" s="360"/>
      <c r="J24183" s="365"/>
      <c r="K24183" s="365"/>
      <c r="L24183" s="367"/>
    </row>
    <row r="24184" spans="2:12" ht="85.5">
      <c r="B24184" s="367"/>
      <c r="C24184" s="359" t="s">
        <v>30776</v>
      </c>
      <c r="D24184" s="367"/>
      <c r="E24184" s="367"/>
      <c r="F24184" s="359" t="s">
        <v>14889</v>
      </c>
      <c r="G24184" s="359" t="s">
        <v>14890</v>
      </c>
      <c r="H24184" s="359" t="s">
        <v>14332</v>
      </c>
      <c r="I24184" s="359" t="s">
        <v>14890</v>
      </c>
      <c r="J24184" s="365"/>
      <c r="K24184" s="365"/>
      <c r="L24184" s="367"/>
    </row>
    <row r="24185" spans="2:12">
      <c r="B24185" s="367"/>
      <c r="C24185" s="360"/>
      <c r="D24185" s="367"/>
      <c r="E24185" s="367"/>
      <c r="F24185" s="360"/>
      <c r="G24185" s="360"/>
      <c r="H24185" s="360"/>
      <c r="I24185" s="360"/>
      <c r="J24185" s="365"/>
      <c r="K24185" s="365"/>
      <c r="L24185" s="367"/>
    </row>
    <row r="24186" spans="2:12">
      <c r="B24186" s="368"/>
      <c r="C24186" s="362"/>
      <c r="D24186" s="368"/>
      <c r="E24186" s="368"/>
      <c r="F24186" s="361" t="s">
        <v>17310</v>
      </c>
      <c r="G24186" s="361" t="s">
        <v>17311</v>
      </c>
      <c r="H24186" s="362"/>
      <c r="I24186" s="361" t="s">
        <v>17311</v>
      </c>
      <c r="J24186" s="366"/>
      <c r="K24186" s="366"/>
      <c r="L24186" s="368"/>
    </row>
    <row r="24187" spans="2:12" ht="28.5">
      <c r="B24187" s="358" t="s">
        <v>11787</v>
      </c>
      <c r="C24187" s="358" t="s">
        <v>28238</v>
      </c>
      <c r="D24187" s="358" t="s">
        <v>11788</v>
      </c>
      <c r="E24187" s="358" t="s">
        <v>11789</v>
      </c>
      <c r="F24187" s="358" t="s">
        <v>14376</v>
      </c>
      <c r="G24187" s="358" t="s">
        <v>14669</v>
      </c>
      <c r="H24187" s="358" t="s">
        <v>14381</v>
      </c>
      <c r="I24187" s="358" t="s">
        <v>14669</v>
      </c>
      <c r="J24187" s="358"/>
      <c r="K24187" s="358"/>
      <c r="L24187" s="358" t="s">
        <v>643</v>
      </c>
    </row>
    <row r="24188" spans="2:12">
      <c r="B24188" s="367"/>
      <c r="C24188" s="360"/>
      <c r="D24188" s="367"/>
      <c r="E24188" s="367"/>
      <c r="F24188" s="360"/>
      <c r="G24188" s="360"/>
      <c r="H24188" s="360"/>
      <c r="I24188" s="360"/>
      <c r="J24188" s="365"/>
      <c r="K24188" s="365"/>
      <c r="L24188" s="367"/>
    </row>
    <row r="24189" spans="2:12">
      <c r="B24189" s="367"/>
      <c r="C24189" s="359" t="s">
        <v>12829</v>
      </c>
      <c r="D24189" s="367"/>
      <c r="E24189" s="367"/>
      <c r="F24189" s="359" t="s">
        <v>14889</v>
      </c>
      <c r="G24189" s="359" t="s">
        <v>14890</v>
      </c>
      <c r="H24189" s="359" t="s">
        <v>14332</v>
      </c>
      <c r="I24189" s="359" t="s">
        <v>14890</v>
      </c>
      <c r="J24189" s="365"/>
      <c r="K24189" s="365"/>
      <c r="L24189" s="367"/>
    </row>
    <row r="24190" spans="2:12">
      <c r="B24190" s="367"/>
      <c r="C24190" s="360"/>
      <c r="D24190" s="367"/>
      <c r="E24190" s="367"/>
      <c r="F24190" s="360"/>
      <c r="G24190" s="360"/>
      <c r="H24190" s="360"/>
      <c r="I24190" s="360"/>
      <c r="J24190" s="365"/>
      <c r="K24190" s="365"/>
      <c r="L24190" s="367"/>
    </row>
    <row r="24191" spans="2:12" ht="99.75">
      <c r="B24191" s="368"/>
      <c r="C24191" s="361" t="s">
        <v>30777</v>
      </c>
      <c r="D24191" s="368"/>
      <c r="E24191" s="368"/>
      <c r="F24191" s="361" t="s">
        <v>17310</v>
      </c>
      <c r="G24191" s="361" t="s">
        <v>17311</v>
      </c>
      <c r="H24191" s="362"/>
      <c r="I24191" s="361" t="s">
        <v>17311</v>
      </c>
      <c r="J24191" s="366"/>
      <c r="K24191" s="366"/>
      <c r="L24191" s="368"/>
    </row>
    <row r="24192" spans="2:12">
      <c r="B24192" s="358" t="s">
        <v>11790</v>
      </c>
      <c r="C24192" s="358" t="s">
        <v>28239</v>
      </c>
      <c r="D24192" s="358" t="s">
        <v>11791</v>
      </c>
      <c r="E24192" s="358" t="s">
        <v>11792</v>
      </c>
      <c r="F24192" s="358" t="s">
        <v>14376</v>
      </c>
      <c r="G24192" s="358" t="s">
        <v>14669</v>
      </c>
      <c r="H24192" s="358" t="s">
        <v>14381</v>
      </c>
      <c r="I24192" s="358" t="s">
        <v>14669</v>
      </c>
      <c r="J24192" s="358"/>
      <c r="K24192" s="358"/>
      <c r="L24192" s="358" t="s">
        <v>643</v>
      </c>
    </row>
    <row r="24193" spans="2:12">
      <c r="B24193" s="367"/>
      <c r="C24193" s="360"/>
      <c r="D24193" s="367"/>
      <c r="E24193" s="367"/>
      <c r="F24193" s="360"/>
      <c r="G24193" s="360"/>
      <c r="H24193" s="360"/>
      <c r="I24193" s="360"/>
      <c r="J24193" s="365"/>
      <c r="K24193" s="365"/>
      <c r="L24193" s="367"/>
    </row>
    <row r="24194" spans="2:12">
      <c r="B24194" s="367"/>
      <c r="C24194" s="359" t="s">
        <v>12829</v>
      </c>
      <c r="D24194" s="367"/>
      <c r="E24194" s="367"/>
      <c r="F24194" s="359" t="s">
        <v>29923</v>
      </c>
      <c r="G24194" s="359" t="s">
        <v>14890</v>
      </c>
      <c r="H24194" s="359" t="s">
        <v>14332</v>
      </c>
      <c r="I24194" s="359" t="s">
        <v>14890</v>
      </c>
      <c r="J24194" s="365"/>
      <c r="K24194" s="365"/>
      <c r="L24194" s="367"/>
    </row>
    <row r="24195" spans="2:12">
      <c r="B24195" s="367"/>
      <c r="C24195" s="360"/>
      <c r="D24195" s="367"/>
      <c r="E24195" s="367"/>
      <c r="F24195" s="360"/>
      <c r="G24195" s="360"/>
      <c r="H24195" s="360"/>
      <c r="I24195" s="360"/>
      <c r="J24195" s="365"/>
      <c r="K24195" s="365"/>
      <c r="L24195" s="367"/>
    </row>
    <row r="24196" spans="2:12" ht="85.5">
      <c r="B24196" s="368"/>
      <c r="C24196" s="361" t="s">
        <v>30778</v>
      </c>
      <c r="D24196" s="368"/>
      <c r="E24196" s="368"/>
      <c r="F24196" s="361" t="s">
        <v>17310</v>
      </c>
      <c r="G24196" s="361" t="s">
        <v>17311</v>
      </c>
      <c r="H24196" s="362"/>
      <c r="I24196" s="361" t="s">
        <v>17311</v>
      </c>
      <c r="J24196" s="366"/>
      <c r="K24196" s="366"/>
      <c r="L24196" s="368"/>
    </row>
    <row r="24197" spans="2:12" ht="42.75">
      <c r="B24197" s="358" t="s">
        <v>11793</v>
      </c>
      <c r="C24197" s="358" t="s">
        <v>30779</v>
      </c>
      <c r="D24197" s="358" t="s">
        <v>11794</v>
      </c>
      <c r="E24197" s="358" t="s">
        <v>11795</v>
      </c>
      <c r="F24197" s="358" t="s">
        <v>14376</v>
      </c>
      <c r="G24197" s="358" t="s">
        <v>14669</v>
      </c>
      <c r="H24197" s="358" t="s">
        <v>14381</v>
      </c>
      <c r="I24197" s="358" t="s">
        <v>14669</v>
      </c>
      <c r="J24197" s="358"/>
      <c r="K24197" s="358"/>
      <c r="L24197" s="358" t="s">
        <v>643</v>
      </c>
    </row>
    <row r="24198" spans="2:12">
      <c r="B24198" s="367"/>
      <c r="C24198" s="367"/>
      <c r="D24198" s="367"/>
      <c r="E24198" s="367"/>
      <c r="F24198" s="360"/>
      <c r="G24198" s="360"/>
      <c r="H24198" s="360"/>
      <c r="I24198" s="360"/>
      <c r="J24198" s="365"/>
      <c r="K24198" s="365"/>
      <c r="L24198" s="367"/>
    </row>
    <row r="24199" spans="2:12">
      <c r="B24199" s="367"/>
      <c r="C24199" s="367"/>
      <c r="D24199" s="367"/>
      <c r="E24199" s="367"/>
      <c r="F24199" s="359" t="s">
        <v>14889</v>
      </c>
      <c r="G24199" s="359" t="s">
        <v>14890</v>
      </c>
      <c r="H24199" s="359" t="s">
        <v>14332</v>
      </c>
      <c r="I24199" s="359" t="s">
        <v>14890</v>
      </c>
      <c r="J24199" s="365"/>
      <c r="K24199" s="365"/>
      <c r="L24199" s="367"/>
    </row>
    <row r="24200" spans="2:12">
      <c r="B24200" s="367"/>
      <c r="C24200" s="367"/>
      <c r="D24200" s="367"/>
      <c r="E24200" s="367"/>
      <c r="F24200" s="360"/>
      <c r="G24200" s="360"/>
      <c r="H24200" s="360"/>
      <c r="I24200" s="360"/>
      <c r="J24200" s="365"/>
      <c r="K24200" s="365"/>
      <c r="L24200" s="367"/>
    </row>
    <row r="24201" spans="2:12">
      <c r="B24201" s="368"/>
      <c r="C24201" s="368"/>
      <c r="D24201" s="368"/>
      <c r="E24201" s="368"/>
      <c r="F24201" s="361" t="s">
        <v>17310</v>
      </c>
      <c r="G24201" s="361" t="s">
        <v>17311</v>
      </c>
      <c r="H24201" s="362"/>
      <c r="I24201" s="361" t="s">
        <v>17311</v>
      </c>
      <c r="J24201" s="366"/>
      <c r="K24201" s="366"/>
      <c r="L24201" s="368"/>
    </row>
    <row r="24202" spans="2:12">
      <c r="B24202" s="358" t="s">
        <v>11797</v>
      </c>
      <c r="C24202" s="358" t="s">
        <v>12837</v>
      </c>
      <c r="D24202" s="358" t="s">
        <v>11798</v>
      </c>
      <c r="E24202" s="358" t="s">
        <v>11799</v>
      </c>
      <c r="F24202" s="358" t="s">
        <v>14376</v>
      </c>
      <c r="G24202" s="358" t="s">
        <v>14669</v>
      </c>
      <c r="H24202" s="358" t="s">
        <v>14381</v>
      </c>
      <c r="I24202" s="358" t="s">
        <v>14669</v>
      </c>
      <c r="J24202" s="358"/>
      <c r="K24202" s="358"/>
      <c r="L24202" s="358" t="s">
        <v>643</v>
      </c>
    </row>
    <row r="24203" spans="2:12">
      <c r="B24203" s="367"/>
      <c r="C24203" s="360"/>
      <c r="D24203" s="367"/>
      <c r="E24203" s="367"/>
      <c r="F24203" s="360"/>
      <c r="G24203" s="360"/>
      <c r="H24203" s="360"/>
      <c r="I24203" s="360"/>
      <c r="J24203" s="365"/>
      <c r="K24203" s="365"/>
      <c r="L24203" s="367"/>
    </row>
    <row r="24204" spans="2:12">
      <c r="B24204" s="367"/>
      <c r="C24204" s="359" t="s">
        <v>12838</v>
      </c>
      <c r="D24204" s="367"/>
      <c r="E24204" s="367"/>
      <c r="F24204" s="359" t="s">
        <v>14889</v>
      </c>
      <c r="G24204" s="359" t="s">
        <v>14890</v>
      </c>
      <c r="H24204" s="359" t="s">
        <v>14332</v>
      </c>
      <c r="I24204" s="359" t="s">
        <v>14890</v>
      </c>
      <c r="J24204" s="365"/>
      <c r="K24204" s="365"/>
      <c r="L24204" s="367"/>
    </row>
    <row r="24205" spans="2:12">
      <c r="B24205" s="367"/>
      <c r="C24205" s="360"/>
      <c r="D24205" s="367"/>
      <c r="E24205" s="367"/>
      <c r="F24205" s="360"/>
      <c r="G24205" s="360"/>
      <c r="H24205" s="360"/>
      <c r="I24205" s="360"/>
      <c r="J24205" s="365"/>
      <c r="K24205" s="365"/>
      <c r="L24205" s="367"/>
    </row>
    <row r="24206" spans="2:12" ht="128.25">
      <c r="B24206" s="368"/>
      <c r="C24206" s="361" t="s">
        <v>30780</v>
      </c>
      <c r="D24206" s="368"/>
      <c r="E24206" s="368"/>
      <c r="F24206" s="361" t="s">
        <v>17310</v>
      </c>
      <c r="G24206" s="361" t="s">
        <v>17311</v>
      </c>
      <c r="H24206" s="362"/>
      <c r="I24206" s="361" t="s">
        <v>17311</v>
      </c>
      <c r="J24206" s="366"/>
      <c r="K24206" s="366"/>
      <c r="L24206" s="368"/>
    </row>
    <row r="24207" spans="2:12">
      <c r="B24207" s="358" t="s">
        <v>11801</v>
      </c>
      <c r="C24207" s="358" t="s">
        <v>12839</v>
      </c>
      <c r="D24207" s="358" t="s">
        <v>11802</v>
      </c>
      <c r="E24207" s="358" t="s">
        <v>11803</v>
      </c>
      <c r="F24207" s="358" t="s">
        <v>14376</v>
      </c>
      <c r="G24207" s="358" t="s">
        <v>14669</v>
      </c>
      <c r="H24207" s="358" t="s">
        <v>14381</v>
      </c>
      <c r="I24207" s="358" t="s">
        <v>14669</v>
      </c>
      <c r="J24207" s="358"/>
      <c r="K24207" s="358"/>
      <c r="L24207" s="358" t="s">
        <v>643</v>
      </c>
    </row>
    <row r="24208" spans="2:12">
      <c r="B24208" s="367"/>
      <c r="C24208" s="360"/>
      <c r="D24208" s="367"/>
      <c r="E24208" s="367"/>
      <c r="F24208" s="360"/>
      <c r="G24208" s="360"/>
      <c r="H24208" s="360"/>
      <c r="I24208" s="360"/>
      <c r="J24208" s="365"/>
      <c r="K24208" s="365"/>
      <c r="L24208" s="367"/>
    </row>
    <row r="24209" spans="2:12" ht="99.75">
      <c r="B24209" s="367"/>
      <c r="C24209" s="359" t="s">
        <v>30781</v>
      </c>
      <c r="D24209" s="367"/>
      <c r="E24209" s="367"/>
      <c r="F24209" s="359" t="s">
        <v>14889</v>
      </c>
      <c r="G24209" s="359" t="s">
        <v>14890</v>
      </c>
      <c r="H24209" s="359" t="s">
        <v>14332</v>
      </c>
      <c r="I24209" s="359" t="s">
        <v>14890</v>
      </c>
      <c r="J24209" s="365"/>
      <c r="K24209" s="365"/>
      <c r="L24209" s="367"/>
    </row>
    <row r="24210" spans="2:12">
      <c r="B24210" s="367"/>
      <c r="C24210" s="360"/>
      <c r="D24210" s="367"/>
      <c r="E24210" s="367"/>
      <c r="F24210" s="360"/>
      <c r="G24210" s="360"/>
      <c r="H24210" s="360"/>
      <c r="I24210" s="360"/>
      <c r="J24210" s="365"/>
      <c r="K24210" s="365"/>
      <c r="L24210" s="367"/>
    </row>
    <row r="24211" spans="2:12">
      <c r="B24211" s="368"/>
      <c r="C24211" s="362"/>
      <c r="D24211" s="368"/>
      <c r="E24211" s="368"/>
      <c r="F24211" s="361" t="s">
        <v>17310</v>
      </c>
      <c r="G24211" s="361" t="s">
        <v>17311</v>
      </c>
      <c r="H24211" s="362"/>
      <c r="I24211" s="361" t="s">
        <v>17311</v>
      </c>
      <c r="J24211" s="366"/>
      <c r="K24211" s="366"/>
      <c r="L24211" s="368"/>
    </row>
    <row r="24212" spans="2:12" ht="28.5">
      <c r="B24212" s="358" t="s">
        <v>11805</v>
      </c>
      <c r="C24212" s="358" t="s">
        <v>12840</v>
      </c>
      <c r="D24212" s="358" t="s">
        <v>11806</v>
      </c>
      <c r="E24212" s="358" t="s">
        <v>11807</v>
      </c>
      <c r="F24212" s="358" t="s">
        <v>14376</v>
      </c>
      <c r="G24212" s="358" t="s">
        <v>14669</v>
      </c>
      <c r="H24212" s="358" t="s">
        <v>14381</v>
      </c>
      <c r="I24212" s="358" t="s">
        <v>14669</v>
      </c>
      <c r="J24212" s="358"/>
      <c r="K24212" s="358"/>
      <c r="L24212" s="358" t="s">
        <v>643</v>
      </c>
    </row>
    <row r="24213" spans="2:12">
      <c r="B24213" s="367"/>
      <c r="C24213" s="360"/>
      <c r="D24213" s="367"/>
      <c r="E24213" s="367"/>
      <c r="F24213" s="360"/>
      <c r="G24213" s="360"/>
      <c r="H24213" s="360"/>
      <c r="I24213" s="360"/>
      <c r="J24213" s="365"/>
      <c r="K24213" s="365"/>
      <c r="L24213" s="367"/>
    </row>
    <row r="24214" spans="2:12">
      <c r="B24214" s="367"/>
      <c r="C24214" s="359" t="s">
        <v>12838</v>
      </c>
      <c r="D24214" s="367"/>
      <c r="E24214" s="367"/>
      <c r="F24214" s="359" t="s">
        <v>14889</v>
      </c>
      <c r="G24214" s="359" t="s">
        <v>14890</v>
      </c>
      <c r="H24214" s="359" t="s">
        <v>14332</v>
      </c>
      <c r="I24214" s="359" t="s">
        <v>14890</v>
      </c>
      <c r="J24214" s="365"/>
      <c r="K24214" s="365"/>
      <c r="L24214" s="367"/>
    </row>
    <row r="24215" spans="2:12">
      <c r="B24215" s="367"/>
      <c r="C24215" s="360"/>
      <c r="D24215" s="367"/>
      <c r="E24215" s="367"/>
      <c r="F24215" s="360"/>
      <c r="G24215" s="360"/>
      <c r="H24215" s="360"/>
      <c r="I24215" s="360"/>
      <c r="J24215" s="365"/>
      <c r="K24215" s="365"/>
      <c r="L24215" s="367"/>
    </row>
    <row r="24216" spans="2:12" ht="85.5">
      <c r="B24216" s="368"/>
      <c r="C24216" s="361" t="s">
        <v>30782</v>
      </c>
      <c r="D24216" s="368"/>
      <c r="E24216" s="368"/>
      <c r="F24216" s="361" t="s">
        <v>17310</v>
      </c>
      <c r="G24216" s="361" t="s">
        <v>17311</v>
      </c>
      <c r="H24216" s="362"/>
      <c r="I24216" s="361" t="s">
        <v>17311</v>
      </c>
      <c r="J24216" s="366"/>
      <c r="K24216" s="366"/>
      <c r="L24216" s="368"/>
    </row>
    <row r="24217" spans="2:12">
      <c r="B24217" s="358" t="s">
        <v>11808</v>
      </c>
      <c r="C24217" s="358" t="s">
        <v>28240</v>
      </c>
      <c r="D24217" s="358" t="s">
        <v>11809</v>
      </c>
      <c r="E24217" s="358" t="s">
        <v>11810</v>
      </c>
      <c r="F24217" s="358" t="s">
        <v>14376</v>
      </c>
      <c r="G24217" s="358" t="s">
        <v>14669</v>
      </c>
      <c r="H24217" s="358" t="s">
        <v>14381</v>
      </c>
      <c r="I24217" s="358" t="s">
        <v>14669</v>
      </c>
      <c r="J24217" s="358"/>
      <c r="K24217" s="358"/>
      <c r="L24217" s="358" t="s">
        <v>643</v>
      </c>
    </row>
    <row r="24218" spans="2:12">
      <c r="B24218" s="367"/>
      <c r="C24218" s="360"/>
      <c r="D24218" s="367"/>
      <c r="E24218" s="367"/>
      <c r="F24218" s="360"/>
      <c r="G24218" s="360"/>
      <c r="H24218" s="360"/>
      <c r="I24218" s="360"/>
      <c r="J24218" s="365"/>
      <c r="K24218" s="365"/>
      <c r="L24218" s="367"/>
    </row>
    <row r="24219" spans="2:12">
      <c r="B24219" s="367"/>
      <c r="C24219" s="359" t="s">
        <v>12846</v>
      </c>
      <c r="D24219" s="367"/>
      <c r="E24219" s="367"/>
      <c r="F24219" s="359" t="s">
        <v>14889</v>
      </c>
      <c r="G24219" s="359" t="s">
        <v>14890</v>
      </c>
      <c r="H24219" s="359" t="s">
        <v>14332</v>
      </c>
      <c r="I24219" s="359" t="s">
        <v>14890</v>
      </c>
      <c r="J24219" s="365"/>
      <c r="K24219" s="365"/>
      <c r="L24219" s="367"/>
    </row>
    <row r="24220" spans="2:12">
      <c r="B24220" s="367"/>
      <c r="C24220" s="360"/>
      <c r="D24220" s="367"/>
      <c r="E24220" s="367"/>
      <c r="F24220" s="360"/>
      <c r="G24220" s="360"/>
      <c r="H24220" s="360"/>
      <c r="I24220" s="360"/>
      <c r="J24220" s="365"/>
      <c r="K24220" s="365"/>
      <c r="L24220" s="367"/>
    </row>
    <row r="24221" spans="2:12">
      <c r="B24221" s="368"/>
      <c r="C24221" s="362"/>
      <c r="D24221" s="368"/>
      <c r="E24221" s="368"/>
      <c r="F24221" s="361" t="s">
        <v>17310</v>
      </c>
      <c r="G24221" s="361" t="s">
        <v>17311</v>
      </c>
      <c r="H24221" s="362"/>
      <c r="I24221" s="361" t="s">
        <v>17311</v>
      </c>
      <c r="J24221" s="366"/>
      <c r="K24221" s="366"/>
      <c r="L24221" s="368"/>
    </row>
    <row r="24222" spans="2:12">
      <c r="B24222" s="358" t="s">
        <v>11811</v>
      </c>
      <c r="C24222" s="358" t="s">
        <v>28241</v>
      </c>
      <c r="D24222" s="358" t="s">
        <v>11812</v>
      </c>
      <c r="E24222" s="358" t="s">
        <v>11813</v>
      </c>
      <c r="F24222" s="358" t="s">
        <v>14376</v>
      </c>
      <c r="G24222" s="358" t="s">
        <v>14669</v>
      </c>
      <c r="H24222" s="358" t="s">
        <v>14381</v>
      </c>
      <c r="I24222" s="358" t="s">
        <v>14669</v>
      </c>
      <c r="J24222" s="358"/>
      <c r="K24222" s="358"/>
      <c r="L24222" s="358" t="s">
        <v>643</v>
      </c>
    </row>
    <row r="24223" spans="2:12">
      <c r="B24223" s="367"/>
      <c r="C24223" s="360"/>
      <c r="D24223" s="367"/>
      <c r="E24223" s="367"/>
      <c r="F24223" s="360"/>
      <c r="G24223" s="360"/>
      <c r="H24223" s="360"/>
      <c r="I24223" s="360"/>
      <c r="J24223" s="365"/>
      <c r="K24223" s="365"/>
      <c r="L24223" s="367"/>
    </row>
    <row r="24224" spans="2:12">
      <c r="B24224" s="367"/>
      <c r="C24224" s="359" t="s">
        <v>12838</v>
      </c>
      <c r="D24224" s="367"/>
      <c r="E24224" s="367"/>
      <c r="F24224" s="359" t="s">
        <v>14889</v>
      </c>
      <c r="G24224" s="359" t="s">
        <v>14890</v>
      </c>
      <c r="H24224" s="359" t="s">
        <v>14332</v>
      </c>
      <c r="I24224" s="359" t="s">
        <v>14890</v>
      </c>
      <c r="J24224" s="365"/>
      <c r="K24224" s="365"/>
      <c r="L24224" s="367"/>
    </row>
    <row r="24225" spans="2:12">
      <c r="B24225" s="367"/>
      <c r="C24225" s="360"/>
      <c r="D24225" s="367"/>
      <c r="E24225" s="367"/>
      <c r="F24225" s="360"/>
      <c r="G24225" s="360"/>
      <c r="H24225" s="360"/>
      <c r="I24225" s="360"/>
      <c r="J24225" s="365"/>
      <c r="K24225" s="365"/>
      <c r="L24225" s="367"/>
    </row>
    <row r="24226" spans="2:12" ht="42.75">
      <c r="B24226" s="368"/>
      <c r="C24226" s="361" t="s">
        <v>30783</v>
      </c>
      <c r="D24226" s="368"/>
      <c r="E24226" s="368"/>
      <c r="F24226" s="361" t="s">
        <v>17310</v>
      </c>
      <c r="G24226" s="361" t="s">
        <v>17311</v>
      </c>
      <c r="H24226" s="362"/>
      <c r="I24226" s="361" t="s">
        <v>17311</v>
      </c>
      <c r="J24226" s="366"/>
      <c r="K24226" s="366"/>
      <c r="L24226" s="368"/>
    </row>
    <row r="24227" spans="2:12" ht="28.5">
      <c r="B24227" s="358" t="s">
        <v>11815</v>
      </c>
      <c r="C24227" s="358" t="s">
        <v>29924</v>
      </c>
      <c r="D24227" s="358" t="s">
        <v>11816</v>
      </c>
      <c r="E24227" s="358" t="s">
        <v>11817</v>
      </c>
      <c r="F24227" s="358" t="s">
        <v>14376</v>
      </c>
      <c r="G24227" s="358" t="s">
        <v>14669</v>
      </c>
      <c r="H24227" s="358" t="s">
        <v>14381</v>
      </c>
      <c r="I24227" s="358" t="s">
        <v>14669</v>
      </c>
      <c r="J24227" s="358"/>
      <c r="K24227" s="358"/>
      <c r="L24227" s="358" t="s">
        <v>643</v>
      </c>
    </row>
    <row r="24228" spans="2:12">
      <c r="B24228" s="367"/>
      <c r="C24228" s="360"/>
      <c r="D24228" s="367"/>
      <c r="E24228" s="367"/>
      <c r="F24228" s="360"/>
      <c r="G24228" s="360"/>
      <c r="H24228" s="360"/>
      <c r="I24228" s="360"/>
      <c r="J24228" s="365"/>
      <c r="K24228" s="365"/>
      <c r="L24228" s="367"/>
    </row>
    <row r="24229" spans="2:12" ht="114">
      <c r="B24229" s="367"/>
      <c r="C24229" s="359" t="s">
        <v>30784</v>
      </c>
      <c r="D24229" s="367"/>
      <c r="E24229" s="367"/>
      <c r="F24229" s="359" t="s">
        <v>14889</v>
      </c>
      <c r="G24229" s="359" t="s">
        <v>14890</v>
      </c>
      <c r="H24229" s="359" t="s">
        <v>14332</v>
      </c>
      <c r="I24229" s="359" t="s">
        <v>14890</v>
      </c>
      <c r="J24229" s="365"/>
      <c r="K24229" s="365"/>
      <c r="L24229" s="367"/>
    </row>
    <row r="24230" spans="2:12">
      <c r="B24230" s="367"/>
      <c r="C24230" s="360"/>
      <c r="D24230" s="367"/>
      <c r="E24230" s="367"/>
      <c r="F24230" s="360"/>
      <c r="G24230" s="360"/>
      <c r="H24230" s="360"/>
      <c r="I24230" s="360"/>
      <c r="J24230" s="365"/>
      <c r="K24230" s="365"/>
      <c r="L24230" s="367"/>
    </row>
    <row r="24231" spans="2:12">
      <c r="B24231" s="368"/>
      <c r="C24231" s="362"/>
      <c r="D24231" s="368"/>
      <c r="E24231" s="368"/>
      <c r="F24231" s="361" t="s">
        <v>17310</v>
      </c>
      <c r="G24231" s="361" t="s">
        <v>17311</v>
      </c>
      <c r="H24231" s="362"/>
      <c r="I24231" s="361" t="s">
        <v>17311</v>
      </c>
      <c r="J24231" s="366"/>
      <c r="K24231" s="366"/>
      <c r="L24231" s="368"/>
    </row>
    <row r="24232" spans="2:12" ht="28.5">
      <c r="B24232" s="358" t="s">
        <v>11819</v>
      </c>
      <c r="C24232" s="358" t="s">
        <v>12842</v>
      </c>
      <c r="D24232" s="358" t="s">
        <v>11820</v>
      </c>
      <c r="E24232" s="358" t="s">
        <v>11821</v>
      </c>
      <c r="F24232" s="358" t="s">
        <v>14376</v>
      </c>
      <c r="G24232" s="358" t="s">
        <v>14669</v>
      </c>
      <c r="H24232" s="358" t="s">
        <v>14381</v>
      </c>
      <c r="I24232" s="358" t="s">
        <v>14669</v>
      </c>
      <c r="J24232" s="358"/>
      <c r="K24232" s="358"/>
      <c r="L24232" s="358" t="s">
        <v>643</v>
      </c>
    </row>
    <row r="24233" spans="2:12">
      <c r="B24233" s="367"/>
      <c r="C24233" s="360"/>
      <c r="D24233" s="367"/>
      <c r="E24233" s="367"/>
      <c r="F24233" s="360"/>
      <c r="G24233" s="360"/>
      <c r="H24233" s="360"/>
      <c r="I24233" s="360"/>
      <c r="J24233" s="365"/>
      <c r="K24233" s="365"/>
      <c r="L24233" s="367"/>
    </row>
    <row r="24234" spans="2:12">
      <c r="B24234" s="367"/>
      <c r="C24234" s="359" t="s">
        <v>12838</v>
      </c>
      <c r="D24234" s="367"/>
      <c r="E24234" s="367"/>
      <c r="F24234" s="359" t="s">
        <v>14889</v>
      </c>
      <c r="G24234" s="359" t="s">
        <v>14890</v>
      </c>
      <c r="H24234" s="359" t="s">
        <v>14332</v>
      </c>
      <c r="I24234" s="359" t="s">
        <v>14890</v>
      </c>
      <c r="J24234" s="365"/>
      <c r="K24234" s="365"/>
      <c r="L24234" s="367"/>
    </row>
    <row r="24235" spans="2:12">
      <c r="B24235" s="367"/>
      <c r="C24235" s="360"/>
      <c r="D24235" s="367"/>
      <c r="E24235" s="367"/>
      <c r="F24235" s="360"/>
      <c r="G24235" s="360"/>
      <c r="H24235" s="360"/>
      <c r="I24235" s="360"/>
      <c r="J24235" s="365"/>
      <c r="K24235" s="365"/>
      <c r="L24235" s="367"/>
    </row>
    <row r="24236" spans="2:12" ht="71.25">
      <c r="B24236" s="368"/>
      <c r="C24236" s="361" t="s">
        <v>28242</v>
      </c>
      <c r="D24236" s="368"/>
      <c r="E24236" s="368"/>
      <c r="F24236" s="361" t="s">
        <v>17310</v>
      </c>
      <c r="G24236" s="361" t="s">
        <v>17311</v>
      </c>
      <c r="H24236" s="362"/>
      <c r="I24236" s="361" t="s">
        <v>17311</v>
      </c>
      <c r="J24236" s="366"/>
      <c r="K24236" s="366"/>
      <c r="L24236" s="368"/>
    </row>
    <row r="24237" spans="2:12" ht="28.5">
      <c r="B24237" s="358" t="s">
        <v>11823</v>
      </c>
      <c r="C24237" s="358" t="s">
        <v>12843</v>
      </c>
      <c r="D24237" s="358" t="s">
        <v>11824</v>
      </c>
      <c r="E24237" s="358" t="s">
        <v>11825</v>
      </c>
      <c r="F24237" s="358" t="s">
        <v>14376</v>
      </c>
      <c r="G24237" s="358" t="s">
        <v>14669</v>
      </c>
      <c r="H24237" s="358" t="s">
        <v>14381</v>
      </c>
      <c r="I24237" s="358" t="s">
        <v>14669</v>
      </c>
      <c r="J24237" s="358"/>
      <c r="K24237" s="358"/>
      <c r="L24237" s="358" t="s">
        <v>643</v>
      </c>
    </row>
    <row r="24238" spans="2:12">
      <c r="B24238" s="367"/>
      <c r="C24238" s="360"/>
      <c r="D24238" s="367"/>
      <c r="E24238" s="367"/>
      <c r="F24238" s="360"/>
      <c r="G24238" s="360"/>
      <c r="H24238" s="360"/>
      <c r="I24238" s="360"/>
      <c r="J24238" s="365"/>
      <c r="K24238" s="365"/>
      <c r="L24238" s="367"/>
    </row>
    <row r="24239" spans="2:12">
      <c r="B24239" s="367"/>
      <c r="C24239" s="359" t="s">
        <v>12838</v>
      </c>
      <c r="D24239" s="367"/>
      <c r="E24239" s="367"/>
      <c r="F24239" s="359" t="s">
        <v>14889</v>
      </c>
      <c r="G24239" s="359" t="s">
        <v>14890</v>
      </c>
      <c r="H24239" s="359" t="s">
        <v>14332</v>
      </c>
      <c r="I24239" s="359" t="s">
        <v>14890</v>
      </c>
      <c r="J24239" s="365"/>
      <c r="K24239" s="365"/>
      <c r="L24239" s="367"/>
    </row>
    <row r="24240" spans="2:12">
      <c r="B24240" s="367"/>
      <c r="C24240" s="360"/>
      <c r="D24240" s="367"/>
      <c r="E24240" s="367"/>
      <c r="F24240" s="360"/>
      <c r="G24240" s="360"/>
      <c r="H24240" s="360"/>
      <c r="I24240" s="360"/>
      <c r="J24240" s="365"/>
      <c r="K24240" s="365"/>
      <c r="L24240" s="367"/>
    </row>
    <row r="24241" spans="2:12" ht="57">
      <c r="B24241" s="368"/>
      <c r="C24241" s="361" t="s">
        <v>30785</v>
      </c>
      <c r="D24241" s="368"/>
      <c r="E24241" s="368"/>
      <c r="F24241" s="361" t="s">
        <v>17310</v>
      </c>
      <c r="G24241" s="361" t="s">
        <v>17311</v>
      </c>
      <c r="H24241" s="362"/>
      <c r="I24241" s="361" t="s">
        <v>17311</v>
      </c>
      <c r="J24241" s="366"/>
      <c r="K24241" s="366"/>
      <c r="L24241" s="368"/>
    </row>
    <row r="24242" spans="2:12">
      <c r="B24242" s="358" t="s">
        <v>11827</v>
      </c>
      <c r="C24242" s="358" t="s">
        <v>12844</v>
      </c>
      <c r="D24242" s="358" t="s">
        <v>11828</v>
      </c>
      <c r="E24242" s="358" t="s">
        <v>11829</v>
      </c>
      <c r="F24242" s="358" t="s">
        <v>14376</v>
      </c>
      <c r="G24242" s="358" t="s">
        <v>14669</v>
      </c>
      <c r="H24242" s="358" t="s">
        <v>14381</v>
      </c>
      <c r="I24242" s="358" t="s">
        <v>14669</v>
      </c>
      <c r="J24242" s="358"/>
      <c r="K24242" s="358"/>
      <c r="L24242" s="358" t="s">
        <v>643</v>
      </c>
    </row>
    <row r="24243" spans="2:12">
      <c r="B24243" s="367"/>
      <c r="C24243" s="360"/>
      <c r="D24243" s="367"/>
      <c r="E24243" s="367"/>
      <c r="F24243" s="360"/>
      <c r="G24243" s="360"/>
      <c r="H24243" s="360"/>
      <c r="I24243" s="360"/>
      <c r="J24243" s="365"/>
      <c r="K24243" s="365"/>
      <c r="L24243" s="367"/>
    </row>
    <row r="24244" spans="2:12">
      <c r="B24244" s="367"/>
      <c r="C24244" s="359" t="s">
        <v>12838</v>
      </c>
      <c r="D24244" s="367"/>
      <c r="E24244" s="367"/>
      <c r="F24244" s="359" t="s">
        <v>14889</v>
      </c>
      <c r="G24244" s="359" t="s">
        <v>14890</v>
      </c>
      <c r="H24244" s="359" t="s">
        <v>14332</v>
      </c>
      <c r="I24244" s="359" t="s">
        <v>14890</v>
      </c>
      <c r="J24244" s="365"/>
      <c r="K24244" s="365"/>
      <c r="L24244" s="367"/>
    </row>
    <row r="24245" spans="2:12">
      <c r="B24245" s="367"/>
      <c r="C24245" s="360"/>
      <c r="D24245" s="367"/>
      <c r="E24245" s="367"/>
      <c r="F24245" s="360"/>
      <c r="G24245" s="360"/>
      <c r="H24245" s="360"/>
      <c r="I24245" s="360"/>
      <c r="J24245" s="365"/>
      <c r="K24245" s="365"/>
      <c r="L24245" s="367"/>
    </row>
    <row r="24246" spans="2:12" ht="85.5">
      <c r="B24246" s="368"/>
      <c r="C24246" s="361" t="s">
        <v>30786</v>
      </c>
      <c r="D24246" s="368"/>
      <c r="E24246" s="368"/>
      <c r="F24246" s="361" t="s">
        <v>17310</v>
      </c>
      <c r="G24246" s="361" t="s">
        <v>17311</v>
      </c>
      <c r="H24246" s="362"/>
      <c r="I24246" s="361" t="s">
        <v>17311</v>
      </c>
      <c r="J24246" s="366"/>
      <c r="K24246" s="366"/>
      <c r="L24246" s="368"/>
    </row>
    <row r="24247" spans="2:12">
      <c r="B24247" s="358" t="s">
        <v>11831</v>
      </c>
      <c r="C24247" s="358" t="s">
        <v>12845</v>
      </c>
      <c r="D24247" s="358" t="s">
        <v>11832</v>
      </c>
      <c r="E24247" s="358" t="s">
        <v>11833</v>
      </c>
      <c r="F24247" s="358" t="s">
        <v>14376</v>
      </c>
      <c r="G24247" s="358" t="s">
        <v>14669</v>
      </c>
      <c r="H24247" s="358" t="s">
        <v>14381</v>
      </c>
      <c r="I24247" s="358" t="s">
        <v>14669</v>
      </c>
      <c r="J24247" s="358"/>
      <c r="K24247" s="358"/>
      <c r="L24247" s="358" t="s">
        <v>643</v>
      </c>
    </row>
    <row r="24248" spans="2:12">
      <c r="B24248" s="367"/>
      <c r="C24248" s="360"/>
      <c r="D24248" s="367"/>
      <c r="E24248" s="367"/>
      <c r="F24248" s="360"/>
      <c r="G24248" s="360"/>
      <c r="H24248" s="360"/>
      <c r="I24248" s="360"/>
      <c r="J24248" s="365"/>
      <c r="K24248" s="365"/>
      <c r="L24248" s="367"/>
    </row>
    <row r="24249" spans="2:12">
      <c r="B24249" s="367"/>
      <c r="C24249" s="359" t="s">
        <v>12838</v>
      </c>
      <c r="D24249" s="367"/>
      <c r="E24249" s="367"/>
      <c r="F24249" s="359" t="s">
        <v>14889</v>
      </c>
      <c r="G24249" s="359" t="s">
        <v>14890</v>
      </c>
      <c r="H24249" s="359" t="s">
        <v>14332</v>
      </c>
      <c r="I24249" s="359" t="s">
        <v>14890</v>
      </c>
      <c r="J24249" s="365"/>
      <c r="K24249" s="365"/>
      <c r="L24249" s="367"/>
    </row>
    <row r="24250" spans="2:12">
      <c r="B24250" s="367"/>
      <c r="C24250" s="360"/>
      <c r="D24250" s="367"/>
      <c r="E24250" s="367"/>
      <c r="F24250" s="360"/>
      <c r="G24250" s="360"/>
      <c r="H24250" s="360"/>
      <c r="I24250" s="360"/>
      <c r="J24250" s="365"/>
      <c r="K24250" s="365"/>
      <c r="L24250" s="367"/>
    </row>
    <row r="24251" spans="2:12" ht="128.25">
      <c r="B24251" s="368"/>
      <c r="C24251" s="361" t="s">
        <v>30787</v>
      </c>
      <c r="D24251" s="368"/>
      <c r="E24251" s="368"/>
      <c r="F24251" s="361" t="s">
        <v>17310</v>
      </c>
      <c r="G24251" s="361" t="s">
        <v>17311</v>
      </c>
      <c r="H24251" s="362"/>
      <c r="I24251" s="361" t="s">
        <v>17311</v>
      </c>
      <c r="J24251" s="366"/>
      <c r="K24251" s="366"/>
      <c r="L24251" s="368"/>
    </row>
    <row r="24252" spans="2:12" ht="42.75">
      <c r="B24252" s="358" t="s">
        <v>11834</v>
      </c>
      <c r="C24252" s="358" t="s">
        <v>30788</v>
      </c>
      <c r="D24252" s="358" t="s">
        <v>11835</v>
      </c>
      <c r="E24252" s="358" t="s">
        <v>11836</v>
      </c>
      <c r="F24252" s="358" t="s">
        <v>14376</v>
      </c>
      <c r="G24252" s="358" t="s">
        <v>14669</v>
      </c>
      <c r="H24252" s="358" t="s">
        <v>14381</v>
      </c>
      <c r="I24252" s="358" t="s">
        <v>14669</v>
      </c>
      <c r="J24252" s="358"/>
      <c r="K24252" s="358"/>
      <c r="L24252" s="358" t="s">
        <v>643</v>
      </c>
    </row>
    <row r="24253" spans="2:12">
      <c r="B24253" s="367"/>
      <c r="C24253" s="360"/>
      <c r="D24253" s="367"/>
      <c r="E24253" s="367"/>
      <c r="F24253" s="360"/>
      <c r="G24253" s="360"/>
      <c r="H24253" s="360"/>
      <c r="I24253" s="360"/>
      <c r="J24253" s="365"/>
      <c r="K24253" s="365"/>
      <c r="L24253" s="367"/>
    </row>
    <row r="24254" spans="2:12" ht="85.5">
      <c r="B24254" s="367"/>
      <c r="C24254" s="359" t="s">
        <v>30789</v>
      </c>
      <c r="D24254" s="367"/>
      <c r="E24254" s="367"/>
      <c r="F24254" s="359" t="s">
        <v>14889</v>
      </c>
      <c r="G24254" s="359" t="s">
        <v>14890</v>
      </c>
      <c r="H24254" s="359" t="s">
        <v>14332</v>
      </c>
      <c r="I24254" s="359" t="s">
        <v>14890</v>
      </c>
      <c r="J24254" s="365"/>
      <c r="K24254" s="365"/>
      <c r="L24254" s="367"/>
    </row>
    <row r="24255" spans="2:12">
      <c r="B24255" s="367"/>
      <c r="C24255" s="360"/>
      <c r="D24255" s="367"/>
      <c r="E24255" s="367"/>
      <c r="F24255" s="360"/>
      <c r="G24255" s="360"/>
      <c r="H24255" s="360"/>
      <c r="I24255" s="360"/>
      <c r="J24255" s="365"/>
      <c r="K24255" s="365"/>
      <c r="L24255" s="367"/>
    </row>
    <row r="24256" spans="2:12">
      <c r="B24256" s="368"/>
      <c r="C24256" s="362"/>
      <c r="D24256" s="368"/>
      <c r="E24256" s="368"/>
      <c r="F24256" s="361" t="s">
        <v>17310</v>
      </c>
      <c r="G24256" s="361" t="s">
        <v>17311</v>
      </c>
      <c r="H24256" s="362"/>
      <c r="I24256" s="361" t="s">
        <v>17311</v>
      </c>
      <c r="J24256" s="366"/>
      <c r="K24256" s="366"/>
      <c r="L24256" s="368"/>
    </row>
    <row r="24257" spans="2:12" ht="28.5">
      <c r="B24257" s="358" t="s">
        <v>11837</v>
      </c>
      <c r="C24257" s="358" t="s">
        <v>28243</v>
      </c>
      <c r="D24257" s="358" t="s">
        <v>11838</v>
      </c>
      <c r="E24257" s="358" t="s">
        <v>11839</v>
      </c>
      <c r="F24257" s="358" t="s">
        <v>14376</v>
      </c>
      <c r="G24257" s="358" t="s">
        <v>14669</v>
      </c>
      <c r="H24257" s="358" t="s">
        <v>14381</v>
      </c>
      <c r="I24257" s="358" t="s">
        <v>14669</v>
      </c>
      <c r="J24257" s="358"/>
      <c r="K24257" s="358"/>
      <c r="L24257" s="358" t="s">
        <v>643</v>
      </c>
    </row>
    <row r="24258" spans="2:12">
      <c r="B24258" s="367"/>
      <c r="C24258" s="360"/>
      <c r="D24258" s="367"/>
      <c r="E24258" s="367"/>
      <c r="F24258" s="360"/>
      <c r="G24258" s="360"/>
      <c r="H24258" s="360"/>
      <c r="I24258" s="360"/>
      <c r="J24258" s="365"/>
      <c r="K24258" s="365"/>
      <c r="L24258" s="367"/>
    </row>
    <row r="24259" spans="2:12">
      <c r="B24259" s="367"/>
      <c r="C24259" s="359" t="s">
        <v>12846</v>
      </c>
      <c r="D24259" s="367"/>
      <c r="E24259" s="367"/>
      <c r="F24259" s="359" t="s">
        <v>14889</v>
      </c>
      <c r="G24259" s="359" t="s">
        <v>14890</v>
      </c>
      <c r="H24259" s="359" t="s">
        <v>14332</v>
      </c>
      <c r="I24259" s="359" t="s">
        <v>14890</v>
      </c>
      <c r="J24259" s="365"/>
      <c r="K24259" s="365"/>
      <c r="L24259" s="367"/>
    </row>
    <row r="24260" spans="2:12">
      <c r="B24260" s="367"/>
      <c r="C24260" s="360"/>
      <c r="D24260" s="367"/>
      <c r="E24260" s="367"/>
      <c r="F24260" s="360"/>
      <c r="G24260" s="360"/>
      <c r="H24260" s="360"/>
      <c r="I24260" s="360"/>
      <c r="J24260" s="365"/>
      <c r="K24260" s="365"/>
      <c r="L24260" s="367"/>
    </row>
    <row r="24261" spans="2:12">
      <c r="B24261" s="368"/>
      <c r="C24261" s="362"/>
      <c r="D24261" s="368"/>
      <c r="E24261" s="368"/>
      <c r="F24261" s="361" t="s">
        <v>17310</v>
      </c>
      <c r="G24261" s="361" t="s">
        <v>17311</v>
      </c>
      <c r="H24261" s="362"/>
      <c r="I24261" s="361" t="s">
        <v>17311</v>
      </c>
      <c r="J24261" s="366"/>
      <c r="K24261" s="366"/>
      <c r="L24261" s="368"/>
    </row>
    <row r="24262" spans="2:12">
      <c r="B24262" s="358" t="s">
        <v>11840</v>
      </c>
      <c r="C24262" s="358" t="s">
        <v>28244</v>
      </c>
      <c r="D24262" s="358" t="s">
        <v>11841</v>
      </c>
      <c r="E24262" s="358" t="s">
        <v>11842</v>
      </c>
      <c r="F24262" s="358" t="s">
        <v>14376</v>
      </c>
      <c r="G24262" s="358" t="s">
        <v>14669</v>
      </c>
      <c r="H24262" s="358" t="s">
        <v>14381</v>
      </c>
      <c r="I24262" s="358" t="s">
        <v>14669</v>
      </c>
      <c r="J24262" s="358"/>
      <c r="K24262" s="358"/>
      <c r="L24262" s="358" t="s">
        <v>643</v>
      </c>
    </row>
    <row r="24263" spans="2:12">
      <c r="B24263" s="367"/>
      <c r="C24263" s="360"/>
      <c r="D24263" s="367"/>
      <c r="E24263" s="367"/>
      <c r="F24263" s="360"/>
      <c r="G24263" s="360"/>
      <c r="H24263" s="360"/>
      <c r="I24263" s="360"/>
      <c r="J24263" s="365"/>
      <c r="K24263" s="365"/>
      <c r="L24263" s="367"/>
    </row>
    <row r="24264" spans="2:12">
      <c r="B24264" s="367"/>
      <c r="C24264" s="359" t="s">
        <v>12838</v>
      </c>
      <c r="D24264" s="367"/>
      <c r="E24264" s="367"/>
      <c r="F24264" s="359" t="s">
        <v>14889</v>
      </c>
      <c r="G24264" s="359" t="s">
        <v>14890</v>
      </c>
      <c r="H24264" s="359" t="s">
        <v>14332</v>
      </c>
      <c r="I24264" s="359" t="s">
        <v>14890</v>
      </c>
      <c r="J24264" s="365"/>
      <c r="K24264" s="365"/>
      <c r="L24264" s="367"/>
    </row>
    <row r="24265" spans="2:12">
      <c r="B24265" s="367"/>
      <c r="C24265" s="360"/>
      <c r="D24265" s="367"/>
      <c r="E24265" s="367"/>
      <c r="F24265" s="360"/>
      <c r="G24265" s="360"/>
      <c r="H24265" s="360"/>
      <c r="I24265" s="360"/>
      <c r="J24265" s="365"/>
      <c r="K24265" s="365"/>
      <c r="L24265" s="367"/>
    </row>
    <row r="24266" spans="2:12" ht="99.75">
      <c r="B24266" s="368"/>
      <c r="C24266" s="361" t="s">
        <v>30790</v>
      </c>
      <c r="D24266" s="368"/>
      <c r="E24266" s="368"/>
      <c r="F24266" s="361" t="s">
        <v>17310</v>
      </c>
      <c r="G24266" s="361" t="s">
        <v>17311</v>
      </c>
      <c r="H24266" s="362"/>
      <c r="I24266" s="361" t="s">
        <v>17311</v>
      </c>
      <c r="J24266" s="366"/>
      <c r="K24266" s="366"/>
      <c r="L24266" s="368"/>
    </row>
    <row r="24267" spans="2:12">
      <c r="B24267" s="358" t="s">
        <v>11843</v>
      </c>
      <c r="C24267" s="358" t="s">
        <v>28245</v>
      </c>
      <c r="D24267" s="358" t="s">
        <v>11844</v>
      </c>
      <c r="E24267" s="358" t="s">
        <v>11845</v>
      </c>
      <c r="F24267" s="358" t="s">
        <v>14376</v>
      </c>
      <c r="G24267" s="358" t="s">
        <v>14669</v>
      </c>
      <c r="H24267" s="358" t="s">
        <v>14381</v>
      </c>
      <c r="I24267" s="358" t="s">
        <v>14669</v>
      </c>
      <c r="J24267" s="358"/>
      <c r="K24267" s="358"/>
      <c r="L24267" s="358" t="s">
        <v>643</v>
      </c>
    </row>
    <row r="24268" spans="2:12">
      <c r="B24268" s="367"/>
      <c r="C24268" s="360"/>
      <c r="D24268" s="367"/>
      <c r="E24268" s="367"/>
      <c r="F24268" s="360"/>
      <c r="G24268" s="360"/>
      <c r="H24268" s="360"/>
      <c r="I24268" s="360"/>
      <c r="J24268" s="365"/>
      <c r="K24268" s="365"/>
      <c r="L24268" s="367"/>
    </row>
    <row r="24269" spans="2:12">
      <c r="B24269" s="367"/>
      <c r="C24269" s="359" t="s">
        <v>29925</v>
      </c>
      <c r="D24269" s="367"/>
      <c r="E24269" s="367"/>
      <c r="F24269" s="359" t="s">
        <v>14889</v>
      </c>
      <c r="G24269" s="359" t="s">
        <v>14890</v>
      </c>
      <c r="H24269" s="359" t="s">
        <v>14332</v>
      </c>
      <c r="I24269" s="359" t="s">
        <v>14890</v>
      </c>
      <c r="J24269" s="365"/>
      <c r="K24269" s="365"/>
      <c r="L24269" s="367"/>
    </row>
    <row r="24270" spans="2:12">
      <c r="B24270" s="367"/>
      <c r="C24270" s="360"/>
      <c r="D24270" s="367"/>
      <c r="E24270" s="367"/>
      <c r="F24270" s="360"/>
      <c r="G24270" s="360"/>
      <c r="H24270" s="360"/>
      <c r="I24270" s="360"/>
      <c r="J24270" s="365"/>
      <c r="K24270" s="365"/>
      <c r="L24270" s="367"/>
    </row>
    <row r="24271" spans="2:12" ht="99.75">
      <c r="B24271" s="368"/>
      <c r="C24271" s="361" t="s">
        <v>30791</v>
      </c>
      <c r="D24271" s="368"/>
      <c r="E24271" s="368"/>
      <c r="F24271" s="361" t="s">
        <v>17310</v>
      </c>
      <c r="G24271" s="361" t="s">
        <v>17311</v>
      </c>
      <c r="H24271" s="362"/>
      <c r="I24271" s="361" t="s">
        <v>17311</v>
      </c>
      <c r="J24271" s="366"/>
      <c r="K24271" s="366"/>
      <c r="L24271" s="368"/>
    </row>
    <row r="24272" spans="2:12" ht="42.75">
      <c r="B24272" s="358" t="s">
        <v>11846</v>
      </c>
      <c r="C24272" s="358" t="s">
        <v>30792</v>
      </c>
      <c r="D24272" s="358" t="s">
        <v>11847</v>
      </c>
      <c r="E24272" s="358" t="s">
        <v>11848</v>
      </c>
      <c r="F24272" s="358" t="s">
        <v>14376</v>
      </c>
      <c r="G24272" s="358" t="s">
        <v>14669</v>
      </c>
      <c r="H24272" s="358" t="s">
        <v>14381</v>
      </c>
      <c r="I24272" s="358" t="s">
        <v>14669</v>
      </c>
      <c r="J24272" s="358"/>
      <c r="K24272" s="358"/>
      <c r="L24272" s="358" t="s">
        <v>643</v>
      </c>
    </row>
    <row r="24273" spans="2:12">
      <c r="B24273" s="367"/>
      <c r="C24273" s="360"/>
      <c r="D24273" s="367"/>
      <c r="E24273" s="367"/>
      <c r="F24273" s="360"/>
      <c r="G24273" s="360"/>
      <c r="H24273" s="360"/>
      <c r="I24273" s="360"/>
      <c r="J24273" s="365"/>
      <c r="K24273" s="365"/>
      <c r="L24273" s="367"/>
    </row>
    <row r="24274" spans="2:12" ht="99.75">
      <c r="B24274" s="367"/>
      <c r="C24274" s="359" t="s">
        <v>30793</v>
      </c>
      <c r="D24274" s="367"/>
      <c r="E24274" s="367"/>
      <c r="F24274" s="359" t="s">
        <v>14889</v>
      </c>
      <c r="G24274" s="359" t="s">
        <v>14890</v>
      </c>
      <c r="H24274" s="359" t="s">
        <v>14332</v>
      </c>
      <c r="I24274" s="359" t="s">
        <v>14890</v>
      </c>
      <c r="J24274" s="365"/>
      <c r="K24274" s="365"/>
      <c r="L24274" s="367"/>
    </row>
    <row r="24275" spans="2:12">
      <c r="B24275" s="367"/>
      <c r="C24275" s="360"/>
      <c r="D24275" s="367"/>
      <c r="E24275" s="367"/>
      <c r="F24275" s="360"/>
      <c r="G24275" s="360"/>
      <c r="H24275" s="360"/>
      <c r="I24275" s="360"/>
      <c r="J24275" s="365"/>
      <c r="K24275" s="365"/>
      <c r="L24275" s="367"/>
    </row>
    <row r="24276" spans="2:12">
      <c r="B24276" s="368"/>
      <c r="C24276" s="362"/>
      <c r="D24276" s="368"/>
      <c r="E24276" s="368"/>
      <c r="F24276" s="361" t="s">
        <v>17310</v>
      </c>
      <c r="G24276" s="361" t="s">
        <v>17311</v>
      </c>
      <c r="H24276" s="362"/>
      <c r="I24276" s="361" t="s">
        <v>17311</v>
      </c>
      <c r="J24276" s="366"/>
      <c r="K24276" s="366"/>
      <c r="L24276" s="368"/>
    </row>
    <row r="24277" spans="2:12" ht="28.5">
      <c r="B24277" s="358" t="s">
        <v>11849</v>
      </c>
      <c r="C24277" s="358" t="s">
        <v>28246</v>
      </c>
      <c r="D24277" s="358" t="s">
        <v>11850</v>
      </c>
      <c r="E24277" s="358" t="s">
        <v>11851</v>
      </c>
      <c r="F24277" s="358" t="s">
        <v>14376</v>
      </c>
      <c r="G24277" s="358" t="s">
        <v>14669</v>
      </c>
      <c r="H24277" s="358" t="s">
        <v>14381</v>
      </c>
      <c r="I24277" s="358" t="s">
        <v>14669</v>
      </c>
      <c r="J24277" s="358"/>
      <c r="K24277" s="358"/>
      <c r="L24277" s="358" t="s">
        <v>643</v>
      </c>
    </row>
    <row r="24278" spans="2:12">
      <c r="B24278" s="367"/>
      <c r="C24278" s="360"/>
      <c r="D24278" s="367"/>
      <c r="E24278" s="367"/>
      <c r="F24278" s="360"/>
      <c r="G24278" s="360"/>
      <c r="H24278" s="360"/>
      <c r="I24278" s="360"/>
      <c r="J24278" s="365"/>
      <c r="K24278" s="365"/>
      <c r="L24278" s="367"/>
    </row>
    <row r="24279" spans="2:12">
      <c r="B24279" s="367"/>
      <c r="C24279" s="359" t="s">
        <v>12838</v>
      </c>
      <c r="D24279" s="367"/>
      <c r="E24279" s="367"/>
      <c r="F24279" s="359" t="s">
        <v>14889</v>
      </c>
      <c r="G24279" s="359" t="s">
        <v>14890</v>
      </c>
      <c r="H24279" s="359" t="s">
        <v>14332</v>
      </c>
      <c r="I24279" s="359" t="s">
        <v>14890</v>
      </c>
      <c r="J24279" s="365"/>
      <c r="K24279" s="365"/>
      <c r="L24279" s="367"/>
    </row>
    <row r="24280" spans="2:12">
      <c r="B24280" s="367"/>
      <c r="C24280" s="360"/>
      <c r="D24280" s="367"/>
      <c r="E24280" s="367"/>
      <c r="F24280" s="360"/>
      <c r="G24280" s="360"/>
      <c r="H24280" s="360"/>
      <c r="I24280" s="360"/>
      <c r="J24280" s="365"/>
      <c r="K24280" s="365"/>
      <c r="L24280" s="367"/>
    </row>
    <row r="24281" spans="2:12" ht="99.75">
      <c r="B24281" s="368"/>
      <c r="C24281" s="361" t="s">
        <v>30794</v>
      </c>
      <c r="D24281" s="368"/>
      <c r="E24281" s="368"/>
      <c r="F24281" s="361" t="s">
        <v>17310</v>
      </c>
      <c r="G24281" s="361" t="s">
        <v>17311</v>
      </c>
      <c r="H24281" s="362"/>
      <c r="I24281" s="361" t="s">
        <v>17311</v>
      </c>
      <c r="J24281" s="366"/>
      <c r="K24281" s="366"/>
      <c r="L24281" s="368"/>
    </row>
    <row r="24282" spans="2:12">
      <c r="B24282" s="358" t="s">
        <v>11853</v>
      </c>
      <c r="C24282" s="358" t="s">
        <v>26240</v>
      </c>
      <c r="D24282" s="358" t="s">
        <v>11854</v>
      </c>
      <c r="E24282" s="358" t="s">
        <v>11855</v>
      </c>
      <c r="F24282" s="358" t="s">
        <v>14376</v>
      </c>
      <c r="G24282" s="358" t="s">
        <v>14669</v>
      </c>
      <c r="H24282" s="358" t="s">
        <v>14381</v>
      </c>
      <c r="I24282" s="358" t="s">
        <v>14669</v>
      </c>
      <c r="J24282" s="358"/>
      <c r="K24282" s="358"/>
      <c r="L24282" s="358" t="s">
        <v>11463</v>
      </c>
    </row>
    <row r="24283" spans="2:12">
      <c r="B24283" s="367"/>
      <c r="C24283" s="360"/>
      <c r="D24283" s="367"/>
      <c r="E24283" s="367"/>
      <c r="F24283" s="367"/>
      <c r="G24283" s="360"/>
      <c r="H24283" s="360"/>
      <c r="I24283" s="360"/>
      <c r="J24283" s="365"/>
      <c r="K24283" s="365"/>
      <c r="L24283" s="367"/>
    </row>
    <row r="24284" spans="2:12">
      <c r="B24284" s="367"/>
      <c r="C24284" s="359" t="s">
        <v>26167</v>
      </c>
      <c r="D24284" s="367"/>
      <c r="E24284" s="367"/>
      <c r="F24284" s="367"/>
      <c r="G24284" s="359" t="s">
        <v>17311</v>
      </c>
      <c r="H24284" s="359" t="s">
        <v>14332</v>
      </c>
      <c r="I24284" s="359" t="s">
        <v>17311</v>
      </c>
      <c r="J24284" s="365"/>
      <c r="K24284" s="365"/>
      <c r="L24284" s="367"/>
    </row>
    <row r="24285" spans="2:12">
      <c r="B24285" s="367"/>
      <c r="C24285" s="360"/>
      <c r="D24285" s="367"/>
      <c r="E24285" s="367"/>
      <c r="F24285" s="367"/>
      <c r="G24285" s="360"/>
      <c r="H24285" s="360"/>
      <c r="I24285" s="360"/>
      <c r="J24285" s="365"/>
      <c r="K24285" s="365"/>
      <c r="L24285" s="367"/>
    </row>
    <row r="24286" spans="2:12" ht="71.25">
      <c r="B24286" s="368"/>
      <c r="C24286" s="361" t="s">
        <v>28247</v>
      </c>
      <c r="D24286" s="368"/>
      <c r="E24286" s="368"/>
      <c r="F24286" s="368"/>
      <c r="G24286" s="362"/>
      <c r="H24286" s="362"/>
      <c r="I24286" s="362"/>
      <c r="J24286" s="366"/>
      <c r="K24286" s="366"/>
      <c r="L24286" s="368"/>
    </row>
    <row r="24287" spans="2:12">
      <c r="B24287" s="358" t="s">
        <v>11857</v>
      </c>
      <c r="C24287" s="358" t="s">
        <v>12847</v>
      </c>
      <c r="D24287" s="358" t="s">
        <v>11858</v>
      </c>
      <c r="E24287" s="358" t="s">
        <v>11859</v>
      </c>
      <c r="F24287" s="358" t="s">
        <v>14376</v>
      </c>
      <c r="G24287" s="358" t="s">
        <v>14669</v>
      </c>
      <c r="H24287" s="358" t="s">
        <v>14381</v>
      </c>
      <c r="I24287" s="358" t="s">
        <v>14669</v>
      </c>
      <c r="J24287" s="358"/>
      <c r="K24287" s="358"/>
      <c r="L24287" s="358" t="s">
        <v>643</v>
      </c>
    </row>
    <row r="24288" spans="2:12">
      <c r="B24288" s="367"/>
      <c r="C24288" s="360"/>
      <c r="D24288" s="367"/>
      <c r="E24288" s="367"/>
      <c r="F24288" s="360"/>
      <c r="G24288" s="360"/>
      <c r="H24288" s="360"/>
      <c r="I24288" s="360"/>
      <c r="J24288" s="365"/>
      <c r="K24288" s="365"/>
      <c r="L24288" s="367"/>
    </row>
    <row r="24289" spans="2:12">
      <c r="B24289" s="367"/>
      <c r="C24289" s="359" t="s">
        <v>12848</v>
      </c>
      <c r="D24289" s="367"/>
      <c r="E24289" s="367"/>
      <c r="F24289" s="359" t="s">
        <v>14889</v>
      </c>
      <c r="G24289" s="359" t="s">
        <v>14890</v>
      </c>
      <c r="H24289" s="359" t="s">
        <v>14332</v>
      </c>
      <c r="I24289" s="359" t="s">
        <v>14890</v>
      </c>
      <c r="J24289" s="365"/>
      <c r="K24289" s="365"/>
      <c r="L24289" s="367"/>
    </row>
    <row r="24290" spans="2:12">
      <c r="B24290" s="367"/>
      <c r="C24290" s="360"/>
      <c r="D24290" s="367"/>
      <c r="E24290" s="367"/>
      <c r="F24290" s="360"/>
      <c r="G24290" s="360"/>
      <c r="H24290" s="360"/>
      <c r="I24290" s="360"/>
      <c r="J24290" s="365"/>
      <c r="K24290" s="365"/>
      <c r="L24290" s="367"/>
    </row>
    <row r="24291" spans="2:12" ht="85.5">
      <c r="B24291" s="368"/>
      <c r="C24291" s="361" t="s">
        <v>30795</v>
      </c>
      <c r="D24291" s="368"/>
      <c r="E24291" s="368"/>
      <c r="F24291" s="361" t="s">
        <v>17310</v>
      </c>
      <c r="G24291" s="361" t="s">
        <v>17311</v>
      </c>
      <c r="H24291" s="362"/>
      <c r="I24291" s="361" t="s">
        <v>17311</v>
      </c>
      <c r="J24291" s="366"/>
      <c r="K24291" s="366"/>
      <c r="L24291" s="368"/>
    </row>
    <row r="24292" spans="2:12">
      <c r="B24292" s="358" t="s">
        <v>11861</v>
      </c>
      <c r="C24292" s="358" t="s">
        <v>12849</v>
      </c>
      <c r="D24292" s="358" t="s">
        <v>11862</v>
      </c>
      <c r="E24292" s="358" t="s">
        <v>11863</v>
      </c>
      <c r="F24292" s="358" t="s">
        <v>14376</v>
      </c>
      <c r="G24292" s="358" t="s">
        <v>14669</v>
      </c>
      <c r="H24292" s="358" t="s">
        <v>14381</v>
      </c>
      <c r="I24292" s="358" t="s">
        <v>14669</v>
      </c>
      <c r="J24292" s="358"/>
      <c r="K24292" s="358"/>
      <c r="L24292" s="358" t="s">
        <v>643</v>
      </c>
    </row>
    <row r="24293" spans="2:12">
      <c r="B24293" s="367"/>
      <c r="C24293" s="360"/>
      <c r="D24293" s="367"/>
      <c r="E24293" s="367"/>
      <c r="F24293" s="360"/>
      <c r="G24293" s="360"/>
      <c r="H24293" s="360"/>
      <c r="I24293" s="360"/>
      <c r="J24293" s="365"/>
      <c r="K24293" s="365"/>
      <c r="L24293" s="367"/>
    </row>
    <row r="24294" spans="2:12">
      <c r="B24294" s="367"/>
      <c r="C24294" s="359" t="s">
        <v>12848</v>
      </c>
      <c r="D24294" s="367"/>
      <c r="E24294" s="367"/>
      <c r="F24294" s="359" t="s">
        <v>14889</v>
      </c>
      <c r="G24294" s="359" t="s">
        <v>14890</v>
      </c>
      <c r="H24294" s="359" t="s">
        <v>14332</v>
      </c>
      <c r="I24294" s="359" t="s">
        <v>14890</v>
      </c>
      <c r="J24294" s="365"/>
      <c r="K24294" s="365"/>
      <c r="L24294" s="367"/>
    </row>
    <row r="24295" spans="2:12">
      <c r="B24295" s="367"/>
      <c r="C24295" s="360"/>
      <c r="D24295" s="367"/>
      <c r="E24295" s="367"/>
      <c r="F24295" s="360"/>
      <c r="G24295" s="360"/>
      <c r="H24295" s="360"/>
      <c r="I24295" s="360"/>
      <c r="J24295" s="365"/>
      <c r="K24295" s="365"/>
      <c r="L24295" s="367"/>
    </row>
    <row r="24296" spans="2:12" ht="85.5">
      <c r="B24296" s="368"/>
      <c r="C24296" s="361" t="s">
        <v>30796</v>
      </c>
      <c r="D24296" s="368"/>
      <c r="E24296" s="368"/>
      <c r="F24296" s="361" t="s">
        <v>17310</v>
      </c>
      <c r="G24296" s="361" t="s">
        <v>17311</v>
      </c>
      <c r="H24296" s="362"/>
      <c r="I24296" s="361" t="s">
        <v>17311</v>
      </c>
      <c r="J24296" s="366"/>
      <c r="K24296" s="366"/>
      <c r="L24296" s="368"/>
    </row>
    <row r="24297" spans="2:12">
      <c r="B24297" s="358" t="s">
        <v>11865</v>
      </c>
      <c r="C24297" s="358" t="s">
        <v>12850</v>
      </c>
      <c r="D24297" s="358" t="s">
        <v>11866</v>
      </c>
      <c r="E24297" s="358" t="s">
        <v>11867</v>
      </c>
      <c r="F24297" s="358" t="s">
        <v>14376</v>
      </c>
      <c r="G24297" s="358" t="s">
        <v>14669</v>
      </c>
      <c r="H24297" s="358" t="s">
        <v>14381</v>
      </c>
      <c r="I24297" s="358" t="s">
        <v>14669</v>
      </c>
      <c r="J24297" s="358"/>
      <c r="K24297" s="358"/>
      <c r="L24297" s="358" t="s">
        <v>643</v>
      </c>
    </row>
    <row r="24298" spans="2:12">
      <c r="B24298" s="367"/>
      <c r="C24298" s="360"/>
      <c r="D24298" s="367"/>
      <c r="E24298" s="367"/>
      <c r="F24298" s="360"/>
      <c r="G24298" s="360"/>
      <c r="H24298" s="360"/>
      <c r="I24298" s="360"/>
      <c r="J24298" s="365"/>
      <c r="K24298" s="365"/>
      <c r="L24298" s="367"/>
    </row>
    <row r="24299" spans="2:12">
      <c r="B24299" s="367"/>
      <c r="C24299" s="359" t="s">
        <v>12848</v>
      </c>
      <c r="D24299" s="367"/>
      <c r="E24299" s="367"/>
      <c r="F24299" s="359" t="s">
        <v>14889</v>
      </c>
      <c r="G24299" s="359" t="s">
        <v>14890</v>
      </c>
      <c r="H24299" s="359" t="s">
        <v>14332</v>
      </c>
      <c r="I24299" s="359" t="s">
        <v>14890</v>
      </c>
      <c r="J24299" s="365"/>
      <c r="K24299" s="365"/>
      <c r="L24299" s="367"/>
    </row>
    <row r="24300" spans="2:12">
      <c r="B24300" s="367"/>
      <c r="C24300" s="360"/>
      <c r="D24300" s="367"/>
      <c r="E24300" s="367"/>
      <c r="F24300" s="360"/>
      <c r="G24300" s="360"/>
      <c r="H24300" s="360"/>
      <c r="I24300" s="360"/>
      <c r="J24300" s="365"/>
      <c r="K24300" s="365"/>
      <c r="L24300" s="367"/>
    </row>
    <row r="24301" spans="2:12" ht="99.75">
      <c r="B24301" s="368"/>
      <c r="C24301" s="361" t="s">
        <v>28248</v>
      </c>
      <c r="D24301" s="368"/>
      <c r="E24301" s="368"/>
      <c r="F24301" s="361" t="s">
        <v>17310</v>
      </c>
      <c r="G24301" s="361" t="s">
        <v>17311</v>
      </c>
      <c r="H24301" s="362"/>
      <c r="I24301" s="361" t="s">
        <v>17311</v>
      </c>
      <c r="J24301" s="366"/>
      <c r="K24301" s="366"/>
      <c r="L24301" s="368"/>
    </row>
    <row r="24302" spans="2:12">
      <c r="B24302" s="358" t="s">
        <v>11869</v>
      </c>
      <c r="C24302" s="358" t="s">
        <v>12851</v>
      </c>
      <c r="D24302" s="358" t="s">
        <v>11870</v>
      </c>
      <c r="E24302" s="358" t="s">
        <v>11871</v>
      </c>
      <c r="F24302" s="358" t="s">
        <v>14376</v>
      </c>
      <c r="G24302" s="358" t="s">
        <v>14669</v>
      </c>
      <c r="H24302" s="358" t="s">
        <v>29846</v>
      </c>
      <c r="I24302" s="358" t="s">
        <v>14669</v>
      </c>
      <c r="J24302" s="358"/>
      <c r="K24302" s="358"/>
      <c r="L24302" s="358" t="s">
        <v>643</v>
      </c>
    </row>
    <row r="24303" spans="2:12">
      <c r="B24303" s="367"/>
      <c r="C24303" s="360"/>
      <c r="D24303" s="367"/>
      <c r="E24303" s="367"/>
      <c r="F24303" s="360"/>
      <c r="G24303" s="360"/>
      <c r="H24303" s="360"/>
      <c r="I24303" s="360"/>
      <c r="J24303" s="365"/>
      <c r="K24303" s="365"/>
      <c r="L24303" s="367"/>
    </row>
    <row r="24304" spans="2:12" ht="114">
      <c r="B24304" s="367"/>
      <c r="C24304" s="359" t="s">
        <v>30797</v>
      </c>
      <c r="D24304" s="367"/>
      <c r="E24304" s="367"/>
      <c r="F24304" s="359" t="s">
        <v>14889</v>
      </c>
      <c r="G24304" s="359" t="s">
        <v>14890</v>
      </c>
      <c r="H24304" s="359" t="s">
        <v>14332</v>
      </c>
      <c r="I24304" s="359" t="s">
        <v>14890</v>
      </c>
      <c r="J24304" s="365"/>
      <c r="K24304" s="365"/>
      <c r="L24304" s="367"/>
    </row>
    <row r="24305" spans="2:12">
      <c r="B24305" s="367"/>
      <c r="C24305" s="360"/>
      <c r="D24305" s="367"/>
      <c r="E24305" s="367"/>
      <c r="F24305" s="360"/>
      <c r="G24305" s="360"/>
      <c r="H24305" s="360"/>
      <c r="I24305" s="360"/>
      <c r="J24305" s="365"/>
      <c r="K24305" s="365"/>
      <c r="L24305" s="367"/>
    </row>
    <row r="24306" spans="2:12">
      <c r="B24306" s="368"/>
      <c r="C24306" s="362"/>
      <c r="D24306" s="368"/>
      <c r="E24306" s="368"/>
      <c r="F24306" s="361" t="s">
        <v>17310</v>
      </c>
      <c r="G24306" s="361" t="s">
        <v>17311</v>
      </c>
      <c r="H24306" s="362"/>
      <c r="I24306" s="361" t="s">
        <v>17311</v>
      </c>
      <c r="J24306" s="366"/>
      <c r="K24306" s="366"/>
      <c r="L24306" s="368"/>
    </row>
    <row r="24307" spans="2:12" ht="28.5">
      <c r="B24307" s="358" t="s">
        <v>11873</v>
      </c>
      <c r="C24307" s="358" t="s">
        <v>12852</v>
      </c>
      <c r="D24307" s="358" t="s">
        <v>11874</v>
      </c>
      <c r="E24307" s="358" t="s">
        <v>11875</v>
      </c>
      <c r="F24307" s="358" t="s">
        <v>14376</v>
      </c>
      <c r="G24307" s="358" t="s">
        <v>14669</v>
      </c>
      <c r="H24307" s="358" t="s">
        <v>14381</v>
      </c>
      <c r="I24307" s="358" t="s">
        <v>14669</v>
      </c>
      <c r="J24307" s="358"/>
      <c r="K24307" s="358"/>
      <c r="L24307" s="358" t="s">
        <v>643</v>
      </c>
    </row>
    <row r="24308" spans="2:12">
      <c r="B24308" s="367"/>
      <c r="C24308" s="360"/>
      <c r="D24308" s="367"/>
      <c r="E24308" s="367"/>
      <c r="F24308" s="360"/>
      <c r="G24308" s="360"/>
      <c r="H24308" s="360"/>
      <c r="I24308" s="360"/>
      <c r="J24308" s="365"/>
      <c r="K24308" s="365"/>
      <c r="L24308" s="367"/>
    </row>
    <row r="24309" spans="2:12" ht="85.5">
      <c r="B24309" s="367"/>
      <c r="C24309" s="359" t="s">
        <v>30798</v>
      </c>
      <c r="D24309" s="367"/>
      <c r="E24309" s="367"/>
      <c r="F24309" s="359" t="s">
        <v>14889</v>
      </c>
      <c r="G24309" s="359" t="s">
        <v>14890</v>
      </c>
      <c r="H24309" s="359" t="s">
        <v>14332</v>
      </c>
      <c r="I24309" s="359" t="s">
        <v>14890</v>
      </c>
      <c r="J24309" s="365"/>
      <c r="K24309" s="365"/>
      <c r="L24309" s="367"/>
    </row>
    <row r="24310" spans="2:12">
      <c r="B24310" s="367"/>
      <c r="C24310" s="360"/>
      <c r="D24310" s="367"/>
      <c r="E24310" s="367"/>
      <c r="F24310" s="360"/>
      <c r="G24310" s="360"/>
      <c r="H24310" s="360"/>
      <c r="I24310" s="360"/>
      <c r="J24310" s="365"/>
      <c r="K24310" s="365"/>
      <c r="L24310" s="367"/>
    </row>
    <row r="24311" spans="2:12">
      <c r="B24311" s="368"/>
      <c r="C24311" s="362"/>
      <c r="D24311" s="368"/>
      <c r="E24311" s="368"/>
      <c r="F24311" s="361" t="s">
        <v>17310</v>
      </c>
      <c r="G24311" s="361" t="s">
        <v>17311</v>
      </c>
      <c r="H24311" s="362"/>
      <c r="I24311" s="361" t="s">
        <v>17311</v>
      </c>
      <c r="J24311" s="366"/>
      <c r="K24311" s="366"/>
      <c r="L24311" s="368"/>
    </row>
    <row r="24312" spans="2:12" ht="114">
      <c r="B24312" s="358" t="s">
        <v>11876</v>
      </c>
      <c r="C24312" s="358" t="s">
        <v>30799</v>
      </c>
      <c r="D24312" s="358" t="s">
        <v>11877</v>
      </c>
      <c r="E24312" s="358" t="s">
        <v>11878</v>
      </c>
      <c r="F24312" s="358" t="s">
        <v>14376</v>
      </c>
      <c r="G24312" s="358" t="s">
        <v>14669</v>
      </c>
      <c r="H24312" s="358" t="s">
        <v>14381</v>
      </c>
      <c r="I24312" s="358" t="s">
        <v>14669</v>
      </c>
      <c r="J24312" s="358"/>
      <c r="K24312" s="358"/>
      <c r="L24312" s="358" t="s">
        <v>643</v>
      </c>
    </row>
    <row r="24313" spans="2:12">
      <c r="B24313" s="367"/>
      <c r="C24313" s="367"/>
      <c r="D24313" s="367"/>
      <c r="E24313" s="367"/>
      <c r="F24313" s="360"/>
      <c r="G24313" s="360"/>
      <c r="H24313" s="360"/>
      <c r="I24313" s="360"/>
      <c r="J24313" s="365"/>
      <c r="K24313" s="365"/>
      <c r="L24313" s="367"/>
    </row>
    <row r="24314" spans="2:12">
      <c r="B24314" s="367"/>
      <c r="C24314" s="367"/>
      <c r="D24314" s="367"/>
      <c r="E24314" s="367"/>
      <c r="F24314" s="359" t="s">
        <v>14889</v>
      </c>
      <c r="G24314" s="359" t="s">
        <v>14890</v>
      </c>
      <c r="H24314" s="359" t="s">
        <v>14332</v>
      </c>
      <c r="I24314" s="359" t="s">
        <v>14890</v>
      </c>
      <c r="J24314" s="365"/>
      <c r="K24314" s="365"/>
      <c r="L24314" s="367"/>
    </row>
    <row r="24315" spans="2:12">
      <c r="B24315" s="367"/>
      <c r="C24315" s="367"/>
      <c r="D24315" s="367"/>
      <c r="E24315" s="367"/>
      <c r="F24315" s="360"/>
      <c r="G24315" s="360"/>
      <c r="H24315" s="360"/>
      <c r="I24315" s="360"/>
      <c r="J24315" s="365"/>
      <c r="K24315" s="365"/>
      <c r="L24315" s="367"/>
    </row>
    <row r="24316" spans="2:12">
      <c r="B24316" s="368"/>
      <c r="C24316" s="368"/>
      <c r="D24316" s="368"/>
      <c r="E24316" s="368"/>
      <c r="F24316" s="361" t="s">
        <v>17310</v>
      </c>
      <c r="G24316" s="361" t="s">
        <v>17311</v>
      </c>
      <c r="H24316" s="362"/>
      <c r="I24316" s="361" t="s">
        <v>17311</v>
      </c>
      <c r="J24316" s="366"/>
      <c r="K24316" s="366"/>
      <c r="L24316" s="368"/>
    </row>
    <row r="24317" spans="2:12" ht="28.5">
      <c r="B24317" s="358" t="s">
        <v>11880</v>
      </c>
      <c r="C24317" s="358" t="s">
        <v>29926</v>
      </c>
      <c r="D24317" s="358" t="s">
        <v>11881</v>
      </c>
      <c r="E24317" s="358" t="s">
        <v>11882</v>
      </c>
      <c r="F24317" s="358" t="s">
        <v>14376</v>
      </c>
      <c r="G24317" s="358" t="s">
        <v>14669</v>
      </c>
      <c r="H24317" s="358" t="s">
        <v>14381</v>
      </c>
      <c r="I24317" s="358" t="s">
        <v>14669</v>
      </c>
      <c r="J24317" s="358"/>
      <c r="K24317" s="358"/>
      <c r="L24317" s="358" t="s">
        <v>643</v>
      </c>
    </row>
    <row r="24318" spans="2:12">
      <c r="B24318" s="367"/>
      <c r="C24318" s="360"/>
      <c r="D24318" s="367"/>
      <c r="E24318" s="367"/>
      <c r="F24318" s="360"/>
      <c r="G24318" s="360"/>
      <c r="H24318" s="360"/>
      <c r="I24318" s="360"/>
      <c r="J24318" s="365"/>
      <c r="K24318" s="365"/>
      <c r="L24318" s="367"/>
    </row>
    <row r="24319" spans="2:12" ht="71.25">
      <c r="B24319" s="367"/>
      <c r="C24319" s="359" t="s">
        <v>30800</v>
      </c>
      <c r="D24319" s="367"/>
      <c r="E24319" s="367"/>
      <c r="F24319" s="359" t="s">
        <v>14889</v>
      </c>
      <c r="G24319" s="359" t="s">
        <v>14890</v>
      </c>
      <c r="H24319" s="359" t="s">
        <v>14332</v>
      </c>
      <c r="I24319" s="359" t="s">
        <v>14890</v>
      </c>
      <c r="J24319" s="365"/>
      <c r="K24319" s="365"/>
      <c r="L24319" s="367"/>
    </row>
    <row r="24320" spans="2:12">
      <c r="B24320" s="367"/>
      <c r="C24320" s="360"/>
      <c r="D24320" s="367"/>
      <c r="E24320" s="367"/>
      <c r="F24320" s="360"/>
      <c r="G24320" s="360"/>
      <c r="H24320" s="360"/>
      <c r="I24320" s="360"/>
      <c r="J24320" s="365"/>
      <c r="K24320" s="365"/>
      <c r="L24320" s="367"/>
    </row>
    <row r="24321" spans="2:12">
      <c r="B24321" s="368"/>
      <c r="C24321" s="362"/>
      <c r="D24321" s="368"/>
      <c r="E24321" s="368"/>
      <c r="F24321" s="361" t="s">
        <v>17310</v>
      </c>
      <c r="G24321" s="361" t="s">
        <v>17311</v>
      </c>
      <c r="H24321" s="362"/>
      <c r="I24321" s="361" t="s">
        <v>17311</v>
      </c>
      <c r="J24321" s="366"/>
      <c r="K24321" s="366"/>
      <c r="L24321" s="368"/>
    </row>
    <row r="24322" spans="2:12" ht="28.5">
      <c r="B24322" s="358" t="s">
        <v>11883</v>
      </c>
      <c r="C24322" s="358" t="s">
        <v>28249</v>
      </c>
      <c r="D24322" s="358" t="s">
        <v>11884</v>
      </c>
      <c r="E24322" s="358" t="s">
        <v>11885</v>
      </c>
      <c r="F24322" s="358" t="s">
        <v>14376</v>
      </c>
      <c r="G24322" s="358" t="s">
        <v>14669</v>
      </c>
      <c r="H24322" s="358" t="s">
        <v>14381</v>
      </c>
      <c r="I24322" s="358" t="s">
        <v>14669</v>
      </c>
      <c r="J24322" s="358"/>
      <c r="K24322" s="358"/>
      <c r="L24322" s="358" t="s">
        <v>643</v>
      </c>
    </row>
    <row r="24323" spans="2:12">
      <c r="B24323" s="367"/>
      <c r="C24323" s="360"/>
      <c r="D24323" s="367"/>
      <c r="E24323" s="367"/>
      <c r="F24323" s="360"/>
      <c r="G24323" s="360"/>
      <c r="H24323" s="360"/>
      <c r="I24323" s="360"/>
      <c r="J24323" s="365"/>
      <c r="K24323" s="365"/>
      <c r="L24323" s="367"/>
    </row>
    <row r="24324" spans="2:12" ht="99.75">
      <c r="B24324" s="367"/>
      <c r="C24324" s="359" t="s">
        <v>30801</v>
      </c>
      <c r="D24324" s="367"/>
      <c r="E24324" s="367"/>
      <c r="F24324" s="359" t="s">
        <v>14889</v>
      </c>
      <c r="G24324" s="359" t="s">
        <v>14890</v>
      </c>
      <c r="H24324" s="359" t="s">
        <v>14332</v>
      </c>
      <c r="I24324" s="359" t="s">
        <v>14890</v>
      </c>
      <c r="J24324" s="365"/>
      <c r="K24324" s="365"/>
      <c r="L24324" s="367"/>
    </row>
    <row r="24325" spans="2:12">
      <c r="B24325" s="367"/>
      <c r="C24325" s="360"/>
      <c r="D24325" s="367"/>
      <c r="E24325" s="367"/>
      <c r="F24325" s="360"/>
      <c r="G24325" s="360"/>
      <c r="H24325" s="360"/>
      <c r="I24325" s="360"/>
      <c r="J24325" s="365"/>
      <c r="K24325" s="365"/>
      <c r="L24325" s="367"/>
    </row>
    <row r="24326" spans="2:12">
      <c r="B24326" s="368"/>
      <c r="C24326" s="362"/>
      <c r="D24326" s="368"/>
      <c r="E24326" s="368"/>
      <c r="F24326" s="361" t="s">
        <v>17310</v>
      </c>
      <c r="G24326" s="361" t="s">
        <v>17311</v>
      </c>
      <c r="H24326" s="362"/>
      <c r="I24326" s="361" t="s">
        <v>17311</v>
      </c>
      <c r="J24326" s="366"/>
      <c r="K24326" s="366"/>
      <c r="L24326" s="368"/>
    </row>
    <row r="24327" spans="2:12" ht="28.5">
      <c r="B24327" s="358" t="s">
        <v>11887</v>
      </c>
      <c r="C24327" s="358" t="s">
        <v>12854</v>
      </c>
      <c r="D24327" s="358" t="s">
        <v>11888</v>
      </c>
      <c r="E24327" s="358" t="s">
        <v>11889</v>
      </c>
      <c r="F24327" s="358" t="s">
        <v>14376</v>
      </c>
      <c r="G24327" s="358" t="s">
        <v>14669</v>
      </c>
      <c r="H24327" s="358" t="s">
        <v>14381</v>
      </c>
      <c r="I24327" s="358" t="s">
        <v>14669</v>
      </c>
      <c r="J24327" s="358"/>
      <c r="K24327" s="358"/>
      <c r="L24327" s="358" t="s">
        <v>643</v>
      </c>
    </row>
    <row r="24328" spans="2:12">
      <c r="B24328" s="367"/>
      <c r="C24328" s="360"/>
      <c r="D24328" s="367"/>
      <c r="E24328" s="367"/>
      <c r="F24328" s="360"/>
      <c r="G24328" s="360"/>
      <c r="H24328" s="360"/>
      <c r="I24328" s="360"/>
      <c r="J24328" s="365"/>
      <c r="K24328" s="365"/>
      <c r="L24328" s="367"/>
    </row>
    <row r="24329" spans="2:12">
      <c r="B24329" s="367"/>
      <c r="C24329" s="359" t="s">
        <v>12848</v>
      </c>
      <c r="D24329" s="367"/>
      <c r="E24329" s="367"/>
      <c r="F24329" s="359" t="s">
        <v>14889</v>
      </c>
      <c r="G24329" s="359" t="s">
        <v>14890</v>
      </c>
      <c r="H24329" s="359" t="s">
        <v>14332</v>
      </c>
      <c r="I24329" s="359" t="s">
        <v>14890</v>
      </c>
      <c r="J24329" s="365"/>
      <c r="K24329" s="365"/>
      <c r="L24329" s="367"/>
    </row>
    <row r="24330" spans="2:12">
      <c r="B24330" s="367"/>
      <c r="C24330" s="360"/>
      <c r="D24330" s="367"/>
      <c r="E24330" s="367"/>
      <c r="F24330" s="360"/>
      <c r="G24330" s="360"/>
      <c r="H24330" s="360"/>
      <c r="I24330" s="360"/>
      <c r="J24330" s="365"/>
      <c r="K24330" s="365"/>
      <c r="L24330" s="367"/>
    </row>
    <row r="24331" spans="2:12" ht="99.75">
      <c r="B24331" s="368"/>
      <c r="C24331" s="361" t="s">
        <v>30802</v>
      </c>
      <c r="D24331" s="368"/>
      <c r="E24331" s="368"/>
      <c r="F24331" s="361" t="s">
        <v>17310</v>
      </c>
      <c r="G24331" s="361" t="s">
        <v>17311</v>
      </c>
      <c r="H24331" s="362"/>
      <c r="I24331" s="361" t="s">
        <v>17311</v>
      </c>
      <c r="J24331" s="366"/>
      <c r="K24331" s="366"/>
      <c r="L24331" s="368"/>
    </row>
    <row r="24332" spans="2:12" ht="28.5">
      <c r="B24332" s="358" t="s">
        <v>11892</v>
      </c>
      <c r="C24332" s="358" t="s">
        <v>12855</v>
      </c>
      <c r="D24332" s="358" t="s">
        <v>11893</v>
      </c>
      <c r="E24332" s="358" t="s">
        <v>11894</v>
      </c>
      <c r="F24332" s="358" t="s">
        <v>14376</v>
      </c>
      <c r="G24332" s="358" t="s">
        <v>14669</v>
      </c>
      <c r="H24332" s="358" t="s">
        <v>14381</v>
      </c>
      <c r="I24332" s="358" t="s">
        <v>14669</v>
      </c>
      <c r="J24332" s="358"/>
      <c r="K24332" s="358"/>
      <c r="L24332" s="358" t="s">
        <v>643</v>
      </c>
    </row>
    <row r="24333" spans="2:12">
      <c r="B24333" s="367"/>
      <c r="C24333" s="360"/>
      <c r="D24333" s="367"/>
      <c r="E24333" s="367"/>
      <c r="F24333" s="360"/>
      <c r="G24333" s="360"/>
      <c r="H24333" s="360"/>
      <c r="I24333" s="360"/>
      <c r="J24333" s="365"/>
      <c r="K24333" s="365"/>
      <c r="L24333" s="367"/>
    </row>
    <row r="24334" spans="2:12" ht="71.25">
      <c r="B24334" s="367"/>
      <c r="C24334" s="359" t="s">
        <v>29927</v>
      </c>
      <c r="D24334" s="367"/>
      <c r="E24334" s="367"/>
      <c r="F24334" s="359" t="s">
        <v>14889</v>
      </c>
      <c r="G24334" s="359" t="s">
        <v>14890</v>
      </c>
      <c r="H24334" s="359" t="s">
        <v>14332</v>
      </c>
      <c r="I24334" s="359" t="s">
        <v>14890</v>
      </c>
      <c r="J24334" s="365"/>
      <c r="K24334" s="365"/>
      <c r="L24334" s="367"/>
    </row>
    <row r="24335" spans="2:12">
      <c r="B24335" s="367"/>
      <c r="C24335" s="360"/>
      <c r="D24335" s="367"/>
      <c r="E24335" s="367"/>
      <c r="F24335" s="360"/>
      <c r="G24335" s="360"/>
      <c r="H24335" s="360"/>
      <c r="I24335" s="360"/>
      <c r="J24335" s="365"/>
      <c r="K24335" s="365"/>
      <c r="L24335" s="367"/>
    </row>
    <row r="24336" spans="2:12">
      <c r="B24336" s="368"/>
      <c r="C24336" s="362"/>
      <c r="D24336" s="368"/>
      <c r="E24336" s="368"/>
      <c r="F24336" s="361" t="s">
        <v>17310</v>
      </c>
      <c r="G24336" s="361" t="s">
        <v>17311</v>
      </c>
      <c r="H24336" s="362"/>
      <c r="I24336" s="361" t="s">
        <v>17311</v>
      </c>
      <c r="J24336" s="366"/>
      <c r="K24336" s="366"/>
      <c r="L24336" s="368"/>
    </row>
    <row r="24337" spans="2:12" ht="28.5">
      <c r="B24337" s="358" t="s">
        <v>11896</v>
      </c>
      <c r="C24337" s="358" t="s">
        <v>12857</v>
      </c>
      <c r="D24337" s="358" t="s">
        <v>11897</v>
      </c>
      <c r="E24337" s="358" t="s">
        <v>11898</v>
      </c>
      <c r="F24337" s="358" t="s">
        <v>14376</v>
      </c>
      <c r="G24337" s="358" t="s">
        <v>14669</v>
      </c>
      <c r="H24337" s="358" t="s">
        <v>14381</v>
      </c>
      <c r="I24337" s="358" t="s">
        <v>14669</v>
      </c>
      <c r="J24337" s="358"/>
      <c r="K24337" s="358"/>
      <c r="L24337" s="358" t="s">
        <v>643</v>
      </c>
    </row>
    <row r="24338" spans="2:12">
      <c r="B24338" s="367"/>
      <c r="C24338" s="360"/>
      <c r="D24338" s="367"/>
      <c r="E24338" s="367"/>
      <c r="F24338" s="360"/>
      <c r="G24338" s="360"/>
      <c r="H24338" s="360"/>
      <c r="I24338" s="360"/>
      <c r="J24338" s="365"/>
      <c r="K24338" s="365"/>
      <c r="L24338" s="367"/>
    </row>
    <row r="24339" spans="2:12">
      <c r="B24339" s="367"/>
      <c r="C24339" s="359" t="s">
        <v>12848</v>
      </c>
      <c r="D24339" s="367"/>
      <c r="E24339" s="367"/>
      <c r="F24339" s="359" t="s">
        <v>14889</v>
      </c>
      <c r="G24339" s="359" t="s">
        <v>14890</v>
      </c>
      <c r="H24339" s="359" t="s">
        <v>14332</v>
      </c>
      <c r="I24339" s="359" t="s">
        <v>14890</v>
      </c>
      <c r="J24339" s="365"/>
      <c r="K24339" s="365"/>
      <c r="L24339" s="367"/>
    </row>
    <row r="24340" spans="2:12">
      <c r="B24340" s="367"/>
      <c r="C24340" s="360"/>
      <c r="D24340" s="367"/>
      <c r="E24340" s="367"/>
      <c r="F24340" s="360"/>
      <c r="G24340" s="360"/>
      <c r="H24340" s="360"/>
      <c r="I24340" s="360"/>
      <c r="J24340" s="365"/>
      <c r="K24340" s="365"/>
      <c r="L24340" s="367"/>
    </row>
    <row r="24341" spans="2:12" ht="99.75">
      <c r="B24341" s="368"/>
      <c r="C24341" s="361" t="s">
        <v>30803</v>
      </c>
      <c r="D24341" s="368"/>
      <c r="E24341" s="368"/>
      <c r="F24341" s="361" t="s">
        <v>17310</v>
      </c>
      <c r="G24341" s="361" t="s">
        <v>17311</v>
      </c>
      <c r="H24341" s="362"/>
      <c r="I24341" s="361" t="s">
        <v>17311</v>
      </c>
      <c r="J24341" s="366"/>
      <c r="K24341" s="366"/>
      <c r="L24341" s="368"/>
    </row>
    <row r="24342" spans="2:12">
      <c r="B24342" s="358" t="s">
        <v>11900</v>
      </c>
      <c r="C24342" s="358" t="s">
        <v>12858</v>
      </c>
      <c r="D24342" s="358" t="s">
        <v>11901</v>
      </c>
      <c r="E24342" s="358" t="s">
        <v>11902</v>
      </c>
      <c r="F24342" s="358" t="s">
        <v>14376</v>
      </c>
      <c r="G24342" s="358" t="s">
        <v>14669</v>
      </c>
      <c r="H24342" s="358" t="s">
        <v>14381</v>
      </c>
      <c r="I24342" s="358" t="s">
        <v>14669</v>
      </c>
      <c r="J24342" s="358"/>
      <c r="K24342" s="358"/>
      <c r="L24342" s="358" t="s">
        <v>643</v>
      </c>
    </row>
    <row r="24343" spans="2:12">
      <c r="B24343" s="367"/>
      <c r="C24343" s="360"/>
      <c r="D24343" s="367"/>
      <c r="E24343" s="367"/>
      <c r="F24343" s="360"/>
      <c r="G24343" s="360"/>
      <c r="H24343" s="360"/>
      <c r="I24343" s="360"/>
      <c r="J24343" s="365"/>
      <c r="K24343" s="365"/>
      <c r="L24343" s="367"/>
    </row>
    <row r="24344" spans="2:12" ht="99.75">
      <c r="B24344" s="367"/>
      <c r="C24344" s="359" t="s">
        <v>30804</v>
      </c>
      <c r="D24344" s="367"/>
      <c r="E24344" s="367"/>
      <c r="F24344" s="359" t="s">
        <v>14889</v>
      </c>
      <c r="G24344" s="359" t="s">
        <v>14890</v>
      </c>
      <c r="H24344" s="359" t="s">
        <v>14332</v>
      </c>
      <c r="I24344" s="359" t="s">
        <v>14890</v>
      </c>
      <c r="J24344" s="365"/>
      <c r="K24344" s="365"/>
      <c r="L24344" s="367"/>
    </row>
    <row r="24345" spans="2:12">
      <c r="B24345" s="367"/>
      <c r="C24345" s="360"/>
      <c r="D24345" s="367"/>
      <c r="E24345" s="367"/>
      <c r="F24345" s="360"/>
      <c r="G24345" s="360"/>
      <c r="H24345" s="360"/>
      <c r="I24345" s="360"/>
      <c r="J24345" s="365"/>
      <c r="K24345" s="365"/>
      <c r="L24345" s="367"/>
    </row>
    <row r="24346" spans="2:12">
      <c r="B24346" s="368"/>
      <c r="C24346" s="362"/>
      <c r="D24346" s="368"/>
      <c r="E24346" s="368"/>
      <c r="F24346" s="361" t="s">
        <v>17310</v>
      </c>
      <c r="G24346" s="361" t="s">
        <v>17311</v>
      </c>
      <c r="H24346" s="362"/>
      <c r="I24346" s="361" t="s">
        <v>17311</v>
      </c>
      <c r="J24346" s="366"/>
      <c r="K24346" s="366"/>
      <c r="L24346" s="368"/>
    </row>
    <row r="24347" spans="2:12">
      <c r="B24347" s="358" t="s">
        <v>11904</v>
      </c>
      <c r="C24347" s="358" t="s">
        <v>12860</v>
      </c>
      <c r="D24347" s="358" t="s">
        <v>11905</v>
      </c>
      <c r="E24347" s="358" t="s">
        <v>11906</v>
      </c>
      <c r="F24347" s="358" t="s">
        <v>14376</v>
      </c>
      <c r="G24347" s="358" t="s">
        <v>14669</v>
      </c>
      <c r="H24347" s="358" t="s">
        <v>14381</v>
      </c>
      <c r="I24347" s="358" t="s">
        <v>14669</v>
      </c>
      <c r="J24347" s="358"/>
      <c r="K24347" s="358"/>
      <c r="L24347" s="358" t="s">
        <v>643</v>
      </c>
    </row>
    <row r="24348" spans="2:12">
      <c r="B24348" s="367"/>
      <c r="C24348" s="360"/>
      <c r="D24348" s="367"/>
      <c r="E24348" s="367"/>
      <c r="F24348" s="360"/>
      <c r="G24348" s="360"/>
      <c r="H24348" s="360"/>
      <c r="I24348" s="360"/>
      <c r="J24348" s="365"/>
      <c r="K24348" s="365"/>
      <c r="L24348" s="367"/>
    </row>
    <row r="24349" spans="2:12" ht="114">
      <c r="B24349" s="367"/>
      <c r="C24349" s="359" t="s">
        <v>30805</v>
      </c>
      <c r="D24349" s="367"/>
      <c r="E24349" s="367"/>
      <c r="F24349" s="359" t="s">
        <v>14889</v>
      </c>
      <c r="G24349" s="359" t="s">
        <v>14890</v>
      </c>
      <c r="H24349" s="359" t="s">
        <v>14332</v>
      </c>
      <c r="I24349" s="359" t="s">
        <v>14890</v>
      </c>
      <c r="J24349" s="365"/>
      <c r="K24349" s="365"/>
      <c r="L24349" s="367"/>
    </row>
    <row r="24350" spans="2:12">
      <c r="B24350" s="367"/>
      <c r="C24350" s="360"/>
      <c r="D24350" s="367"/>
      <c r="E24350" s="367"/>
      <c r="F24350" s="360"/>
      <c r="G24350" s="360"/>
      <c r="H24350" s="360"/>
      <c r="I24350" s="360"/>
      <c r="J24350" s="365"/>
      <c r="K24350" s="365"/>
      <c r="L24350" s="367"/>
    </row>
    <row r="24351" spans="2:12">
      <c r="B24351" s="368"/>
      <c r="C24351" s="362"/>
      <c r="D24351" s="368"/>
      <c r="E24351" s="368"/>
      <c r="F24351" s="361" t="s">
        <v>17310</v>
      </c>
      <c r="G24351" s="361" t="s">
        <v>17311</v>
      </c>
      <c r="H24351" s="362"/>
      <c r="I24351" s="361" t="s">
        <v>17311</v>
      </c>
      <c r="J24351" s="366"/>
      <c r="K24351" s="366"/>
      <c r="L24351" s="368"/>
    </row>
    <row r="24352" spans="2:12">
      <c r="B24352" s="358" t="s">
        <v>11908</v>
      </c>
      <c r="C24352" s="358" t="s">
        <v>12861</v>
      </c>
      <c r="D24352" s="358" t="s">
        <v>11909</v>
      </c>
      <c r="E24352" s="358" t="s">
        <v>11910</v>
      </c>
      <c r="F24352" s="358" t="s">
        <v>14376</v>
      </c>
      <c r="G24352" s="358" t="s">
        <v>14669</v>
      </c>
      <c r="H24352" s="358" t="s">
        <v>14381</v>
      </c>
      <c r="I24352" s="358" t="s">
        <v>14669</v>
      </c>
      <c r="J24352" s="358"/>
      <c r="K24352" s="358"/>
      <c r="L24352" s="358" t="s">
        <v>643</v>
      </c>
    </row>
    <row r="24353" spans="2:12">
      <c r="B24353" s="367"/>
      <c r="C24353" s="360"/>
      <c r="D24353" s="367"/>
      <c r="E24353" s="367"/>
      <c r="F24353" s="360"/>
      <c r="G24353" s="360"/>
      <c r="H24353" s="360"/>
      <c r="I24353" s="360"/>
      <c r="J24353" s="365"/>
      <c r="K24353" s="365"/>
      <c r="L24353" s="367"/>
    </row>
    <row r="24354" spans="2:12">
      <c r="B24354" s="367"/>
      <c r="C24354" s="359" t="s">
        <v>12859</v>
      </c>
      <c r="D24354" s="367"/>
      <c r="E24354" s="367"/>
      <c r="F24354" s="359" t="s">
        <v>14889</v>
      </c>
      <c r="G24354" s="359" t="s">
        <v>14890</v>
      </c>
      <c r="H24354" s="359" t="s">
        <v>14332</v>
      </c>
      <c r="I24354" s="359" t="s">
        <v>14890</v>
      </c>
      <c r="J24354" s="365"/>
      <c r="K24354" s="365"/>
      <c r="L24354" s="367"/>
    </row>
    <row r="24355" spans="2:12">
      <c r="B24355" s="367"/>
      <c r="C24355" s="360"/>
      <c r="D24355" s="367"/>
      <c r="E24355" s="367"/>
      <c r="F24355" s="360"/>
      <c r="G24355" s="360"/>
      <c r="H24355" s="360"/>
      <c r="I24355" s="360"/>
      <c r="J24355" s="365"/>
      <c r="K24355" s="365"/>
      <c r="L24355" s="367"/>
    </row>
    <row r="24356" spans="2:12" ht="71.25">
      <c r="B24356" s="368"/>
      <c r="C24356" s="361" t="s">
        <v>30806</v>
      </c>
      <c r="D24356" s="368"/>
      <c r="E24356" s="368"/>
      <c r="F24356" s="361" t="s">
        <v>17310</v>
      </c>
      <c r="G24356" s="361" t="s">
        <v>17311</v>
      </c>
      <c r="H24356" s="362"/>
      <c r="I24356" s="361" t="s">
        <v>17311</v>
      </c>
      <c r="J24356" s="366"/>
      <c r="K24356" s="366"/>
      <c r="L24356" s="368"/>
    </row>
    <row r="24357" spans="2:12">
      <c r="B24357" s="358" t="s">
        <v>11912</v>
      </c>
      <c r="C24357" s="358" t="s">
        <v>26241</v>
      </c>
      <c r="D24357" s="358" t="s">
        <v>11913</v>
      </c>
      <c r="E24357" s="358" t="s">
        <v>11914</v>
      </c>
      <c r="F24357" s="358" t="s">
        <v>14376</v>
      </c>
      <c r="G24357" s="358" t="s">
        <v>14669</v>
      </c>
      <c r="H24357" s="358" t="s">
        <v>14381</v>
      </c>
      <c r="I24357" s="358" t="s">
        <v>14669</v>
      </c>
      <c r="J24357" s="358"/>
      <c r="K24357" s="358"/>
      <c r="L24357" s="358" t="s">
        <v>643</v>
      </c>
    </row>
    <row r="24358" spans="2:12">
      <c r="B24358" s="367"/>
      <c r="C24358" s="360"/>
      <c r="D24358" s="367"/>
      <c r="E24358" s="367"/>
      <c r="F24358" s="360"/>
      <c r="G24358" s="360"/>
      <c r="H24358" s="360"/>
      <c r="I24358" s="360"/>
      <c r="J24358" s="365"/>
      <c r="K24358" s="365"/>
      <c r="L24358" s="367"/>
    </row>
    <row r="24359" spans="2:12">
      <c r="B24359" s="367"/>
      <c r="C24359" s="359" t="s">
        <v>12859</v>
      </c>
      <c r="D24359" s="367"/>
      <c r="E24359" s="367"/>
      <c r="F24359" s="359" t="s">
        <v>14889</v>
      </c>
      <c r="G24359" s="359" t="s">
        <v>14890</v>
      </c>
      <c r="H24359" s="359" t="s">
        <v>14332</v>
      </c>
      <c r="I24359" s="359" t="s">
        <v>14890</v>
      </c>
      <c r="J24359" s="365"/>
      <c r="K24359" s="365"/>
      <c r="L24359" s="367"/>
    </row>
    <row r="24360" spans="2:12">
      <c r="B24360" s="367"/>
      <c r="C24360" s="360"/>
      <c r="D24360" s="367"/>
      <c r="E24360" s="367"/>
      <c r="F24360" s="360"/>
      <c r="G24360" s="360"/>
      <c r="H24360" s="360"/>
      <c r="I24360" s="360"/>
      <c r="J24360" s="365"/>
      <c r="K24360" s="365"/>
      <c r="L24360" s="367"/>
    </row>
    <row r="24361" spans="2:12" ht="71.25">
      <c r="B24361" s="367"/>
      <c r="C24361" s="359" t="s">
        <v>30807</v>
      </c>
      <c r="D24361" s="367"/>
      <c r="E24361" s="367"/>
      <c r="F24361" s="359" t="s">
        <v>14384</v>
      </c>
      <c r="G24361" s="359" t="s">
        <v>26242</v>
      </c>
      <c r="H24361" s="360"/>
      <c r="I24361" s="359" t="s">
        <v>26242</v>
      </c>
      <c r="J24361" s="365"/>
      <c r="K24361" s="365"/>
      <c r="L24361" s="367"/>
    </row>
    <row r="24362" spans="2:12">
      <c r="B24362" s="367"/>
      <c r="C24362" s="360"/>
      <c r="D24362" s="367"/>
      <c r="E24362" s="367"/>
      <c r="F24362" s="360"/>
      <c r="G24362" s="360"/>
      <c r="H24362" s="360"/>
      <c r="I24362" s="360"/>
      <c r="J24362" s="365"/>
      <c r="K24362" s="365"/>
      <c r="L24362" s="367"/>
    </row>
    <row r="24363" spans="2:12">
      <c r="B24363" s="368"/>
      <c r="C24363" s="362"/>
      <c r="D24363" s="368"/>
      <c r="E24363" s="368"/>
      <c r="F24363" s="361" t="s">
        <v>17310</v>
      </c>
      <c r="G24363" s="361" t="s">
        <v>17311</v>
      </c>
      <c r="H24363" s="362"/>
      <c r="I24363" s="361" t="s">
        <v>17311</v>
      </c>
      <c r="J24363" s="366"/>
      <c r="K24363" s="366"/>
      <c r="L24363" s="368"/>
    </row>
    <row r="24364" spans="2:12" ht="28.5">
      <c r="B24364" s="358" t="s">
        <v>11916</v>
      </c>
      <c r="C24364" s="358" t="s">
        <v>12863</v>
      </c>
      <c r="D24364" s="358" t="s">
        <v>11917</v>
      </c>
      <c r="E24364" s="358" t="s">
        <v>11918</v>
      </c>
      <c r="F24364" s="358" t="s">
        <v>14376</v>
      </c>
      <c r="G24364" s="358" t="s">
        <v>14669</v>
      </c>
      <c r="H24364" s="358" t="s">
        <v>14381</v>
      </c>
      <c r="I24364" s="358" t="s">
        <v>14669</v>
      </c>
      <c r="J24364" s="358"/>
      <c r="K24364" s="358"/>
      <c r="L24364" s="358" t="s">
        <v>643</v>
      </c>
    </row>
    <row r="24365" spans="2:12">
      <c r="B24365" s="367"/>
      <c r="C24365" s="360"/>
      <c r="D24365" s="367"/>
      <c r="E24365" s="367"/>
      <c r="F24365" s="360"/>
      <c r="G24365" s="360"/>
      <c r="H24365" s="360"/>
      <c r="I24365" s="360"/>
      <c r="J24365" s="365"/>
      <c r="K24365" s="365"/>
      <c r="L24365" s="367"/>
    </row>
    <row r="24366" spans="2:12" ht="99.75">
      <c r="B24366" s="367"/>
      <c r="C24366" s="359" t="s">
        <v>30808</v>
      </c>
      <c r="D24366" s="367"/>
      <c r="E24366" s="367"/>
      <c r="F24366" s="359" t="s">
        <v>14889</v>
      </c>
      <c r="G24366" s="359" t="s">
        <v>14890</v>
      </c>
      <c r="H24366" s="359" t="s">
        <v>14332</v>
      </c>
      <c r="I24366" s="359" t="s">
        <v>14890</v>
      </c>
      <c r="J24366" s="365"/>
      <c r="K24366" s="365"/>
      <c r="L24366" s="367"/>
    </row>
    <row r="24367" spans="2:12">
      <c r="B24367" s="367"/>
      <c r="C24367" s="360"/>
      <c r="D24367" s="367"/>
      <c r="E24367" s="367"/>
      <c r="F24367" s="360"/>
      <c r="G24367" s="360"/>
      <c r="H24367" s="360"/>
      <c r="I24367" s="360"/>
      <c r="J24367" s="365"/>
      <c r="K24367" s="365"/>
      <c r="L24367" s="367"/>
    </row>
    <row r="24368" spans="2:12">
      <c r="B24368" s="368"/>
      <c r="C24368" s="362"/>
      <c r="D24368" s="368"/>
      <c r="E24368" s="368"/>
      <c r="F24368" s="361" t="s">
        <v>17310</v>
      </c>
      <c r="G24368" s="361" t="s">
        <v>17311</v>
      </c>
      <c r="H24368" s="362"/>
      <c r="I24368" s="361" t="s">
        <v>17311</v>
      </c>
      <c r="J24368" s="366"/>
      <c r="K24368" s="366"/>
      <c r="L24368" s="368"/>
    </row>
    <row r="24369" spans="2:12" ht="28.5">
      <c r="B24369" s="358" t="s">
        <v>11920</v>
      </c>
      <c r="C24369" s="358" t="s">
        <v>12864</v>
      </c>
      <c r="D24369" s="358" t="s">
        <v>11921</v>
      </c>
      <c r="E24369" s="358" t="s">
        <v>11922</v>
      </c>
      <c r="F24369" s="358" t="s">
        <v>14376</v>
      </c>
      <c r="G24369" s="358" t="s">
        <v>14669</v>
      </c>
      <c r="H24369" s="358" t="s">
        <v>14381</v>
      </c>
      <c r="I24369" s="358" t="s">
        <v>14669</v>
      </c>
      <c r="J24369" s="358"/>
      <c r="K24369" s="358"/>
      <c r="L24369" s="358" t="s">
        <v>643</v>
      </c>
    </row>
    <row r="24370" spans="2:12">
      <c r="B24370" s="367"/>
      <c r="C24370" s="360"/>
      <c r="D24370" s="367"/>
      <c r="E24370" s="367"/>
      <c r="F24370" s="360"/>
      <c r="G24370" s="360"/>
      <c r="H24370" s="360"/>
      <c r="I24370" s="360"/>
      <c r="J24370" s="365"/>
      <c r="K24370" s="365"/>
      <c r="L24370" s="367"/>
    </row>
    <row r="24371" spans="2:12">
      <c r="B24371" s="367"/>
      <c r="C24371" s="359" t="s">
        <v>12859</v>
      </c>
      <c r="D24371" s="367"/>
      <c r="E24371" s="367"/>
      <c r="F24371" s="359" t="s">
        <v>14889</v>
      </c>
      <c r="G24371" s="359" t="s">
        <v>14890</v>
      </c>
      <c r="H24371" s="359" t="s">
        <v>14332</v>
      </c>
      <c r="I24371" s="359" t="s">
        <v>14890</v>
      </c>
      <c r="J24371" s="365"/>
      <c r="K24371" s="365"/>
      <c r="L24371" s="367"/>
    </row>
    <row r="24372" spans="2:12">
      <c r="B24372" s="367"/>
      <c r="C24372" s="360"/>
      <c r="D24372" s="367"/>
      <c r="E24372" s="367"/>
      <c r="F24372" s="360"/>
      <c r="G24372" s="360"/>
      <c r="H24372" s="360"/>
      <c r="I24372" s="360"/>
      <c r="J24372" s="365"/>
      <c r="K24372" s="365"/>
      <c r="L24372" s="367"/>
    </row>
    <row r="24373" spans="2:12" ht="85.5">
      <c r="B24373" s="368"/>
      <c r="C24373" s="361" t="s">
        <v>30809</v>
      </c>
      <c r="D24373" s="368"/>
      <c r="E24373" s="368"/>
      <c r="F24373" s="361" t="s">
        <v>17310</v>
      </c>
      <c r="G24373" s="361" t="s">
        <v>17311</v>
      </c>
      <c r="H24373" s="362"/>
      <c r="I24373" s="361" t="s">
        <v>17311</v>
      </c>
      <c r="J24373" s="366"/>
      <c r="K24373" s="366"/>
      <c r="L24373" s="368"/>
    </row>
    <row r="24374" spans="2:12" ht="28.5">
      <c r="B24374" s="358" t="s">
        <v>11924</v>
      </c>
      <c r="C24374" s="358" t="s">
        <v>12865</v>
      </c>
      <c r="D24374" s="358" t="s">
        <v>11925</v>
      </c>
      <c r="E24374" s="358" t="s">
        <v>11926</v>
      </c>
      <c r="F24374" s="358" t="s">
        <v>14376</v>
      </c>
      <c r="G24374" s="358" t="s">
        <v>14669</v>
      </c>
      <c r="H24374" s="358" t="s">
        <v>14381</v>
      </c>
      <c r="I24374" s="358" t="s">
        <v>14669</v>
      </c>
      <c r="J24374" s="358"/>
      <c r="K24374" s="358"/>
      <c r="L24374" s="358" t="s">
        <v>643</v>
      </c>
    </row>
    <row r="24375" spans="2:12">
      <c r="B24375" s="367"/>
      <c r="C24375" s="360"/>
      <c r="D24375" s="367"/>
      <c r="E24375" s="367"/>
      <c r="F24375" s="360"/>
      <c r="G24375" s="360"/>
      <c r="H24375" s="360"/>
      <c r="I24375" s="360"/>
      <c r="J24375" s="365"/>
      <c r="K24375" s="365"/>
      <c r="L24375" s="367"/>
    </row>
    <row r="24376" spans="2:12">
      <c r="B24376" s="367"/>
      <c r="C24376" s="359" t="s">
        <v>12859</v>
      </c>
      <c r="D24376" s="367"/>
      <c r="E24376" s="367"/>
      <c r="F24376" s="359" t="s">
        <v>14889</v>
      </c>
      <c r="G24376" s="359" t="s">
        <v>14890</v>
      </c>
      <c r="H24376" s="359" t="s">
        <v>14332</v>
      </c>
      <c r="I24376" s="359" t="s">
        <v>14890</v>
      </c>
      <c r="J24376" s="365"/>
      <c r="K24376" s="365"/>
      <c r="L24376" s="367"/>
    </row>
    <row r="24377" spans="2:12">
      <c r="B24377" s="367"/>
      <c r="C24377" s="360"/>
      <c r="D24377" s="367"/>
      <c r="E24377" s="367"/>
      <c r="F24377" s="360"/>
      <c r="G24377" s="360"/>
      <c r="H24377" s="360"/>
      <c r="I24377" s="360"/>
      <c r="J24377" s="365"/>
      <c r="K24377" s="365"/>
      <c r="L24377" s="367"/>
    </row>
    <row r="24378" spans="2:12" ht="85.5">
      <c r="B24378" s="368"/>
      <c r="C24378" s="361" t="s">
        <v>30810</v>
      </c>
      <c r="D24378" s="368"/>
      <c r="E24378" s="368"/>
      <c r="F24378" s="361" t="s">
        <v>17310</v>
      </c>
      <c r="G24378" s="361" t="s">
        <v>17311</v>
      </c>
      <c r="H24378" s="362"/>
      <c r="I24378" s="361" t="s">
        <v>17311</v>
      </c>
      <c r="J24378" s="366"/>
      <c r="K24378" s="366"/>
      <c r="L24378" s="368"/>
    </row>
    <row r="24379" spans="2:12" ht="28.5">
      <c r="B24379" s="358" t="s">
        <v>11928</v>
      </c>
      <c r="C24379" s="358" t="s">
        <v>12866</v>
      </c>
      <c r="D24379" s="358" t="s">
        <v>11929</v>
      </c>
      <c r="E24379" s="358" t="s">
        <v>11930</v>
      </c>
      <c r="F24379" s="358" t="s">
        <v>14376</v>
      </c>
      <c r="G24379" s="358" t="s">
        <v>14669</v>
      </c>
      <c r="H24379" s="358" t="s">
        <v>14381</v>
      </c>
      <c r="I24379" s="358" t="s">
        <v>14669</v>
      </c>
      <c r="J24379" s="358"/>
      <c r="K24379" s="358"/>
      <c r="L24379" s="358" t="s">
        <v>643</v>
      </c>
    </row>
    <row r="24380" spans="2:12">
      <c r="B24380" s="367"/>
      <c r="C24380" s="360"/>
      <c r="D24380" s="367"/>
      <c r="E24380" s="367"/>
      <c r="F24380" s="360"/>
      <c r="G24380" s="360"/>
      <c r="H24380" s="360"/>
      <c r="I24380" s="360"/>
      <c r="J24380" s="365"/>
      <c r="K24380" s="365"/>
      <c r="L24380" s="367"/>
    </row>
    <row r="24381" spans="2:12">
      <c r="B24381" s="367"/>
      <c r="C24381" s="359" t="s">
        <v>12859</v>
      </c>
      <c r="D24381" s="367"/>
      <c r="E24381" s="367"/>
      <c r="F24381" s="359" t="s">
        <v>14889</v>
      </c>
      <c r="G24381" s="359" t="s">
        <v>14890</v>
      </c>
      <c r="H24381" s="359" t="s">
        <v>14332</v>
      </c>
      <c r="I24381" s="359" t="s">
        <v>14890</v>
      </c>
      <c r="J24381" s="365"/>
      <c r="K24381" s="365"/>
      <c r="L24381" s="367"/>
    </row>
    <row r="24382" spans="2:12">
      <c r="B24382" s="367"/>
      <c r="C24382" s="360"/>
      <c r="D24382" s="367"/>
      <c r="E24382" s="367"/>
      <c r="F24382" s="360"/>
      <c r="G24382" s="360"/>
      <c r="H24382" s="360"/>
      <c r="I24382" s="360"/>
      <c r="J24382" s="365"/>
      <c r="K24382" s="365"/>
      <c r="L24382" s="367"/>
    </row>
    <row r="24383" spans="2:12" ht="99.75">
      <c r="B24383" s="368"/>
      <c r="C24383" s="361" t="s">
        <v>30811</v>
      </c>
      <c r="D24383" s="368"/>
      <c r="E24383" s="368"/>
      <c r="F24383" s="361" t="s">
        <v>17310</v>
      </c>
      <c r="G24383" s="361" t="s">
        <v>17311</v>
      </c>
      <c r="H24383" s="362"/>
      <c r="I24383" s="361" t="s">
        <v>17311</v>
      </c>
      <c r="J24383" s="366"/>
      <c r="K24383" s="366"/>
      <c r="L24383" s="368"/>
    </row>
    <row r="24384" spans="2:12" ht="42.75">
      <c r="B24384" s="358" t="s">
        <v>11932</v>
      </c>
      <c r="C24384" s="358" t="s">
        <v>29928</v>
      </c>
      <c r="D24384" s="358" t="s">
        <v>11933</v>
      </c>
      <c r="E24384" s="358" t="s">
        <v>11934</v>
      </c>
      <c r="F24384" s="358" t="s">
        <v>14376</v>
      </c>
      <c r="G24384" s="358" t="s">
        <v>14669</v>
      </c>
      <c r="H24384" s="358" t="s">
        <v>14381</v>
      </c>
      <c r="I24384" s="358" t="s">
        <v>14669</v>
      </c>
      <c r="J24384" s="358"/>
      <c r="K24384" s="358"/>
      <c r="L24384" s="358" t="s">
        <v>643</v>
      </c>
    </row>
    <row r="24385" spans="2:12">
      <c r="B24385" s="367"/>
      <c r="C24385" s="360"/>
      <c r="D24385" s="367"/>
      <c r="E24385" s="367"/>
      <c r="F24385" s="360"/>
      <c r="G24385" s="360"/>
      <c r="H24385" s="360"/>
      <c r="I24385" s="360"/>
      <c r="J24385" s="365"/>
      <c r="K24385" s="365"/>
      <c r="L24385" s="367"/>
    </row>
    <row r="24386" spans="2:12" ht="85.5">
      <c r="B24386" s="367"/>
      <c r="C24386" s="359" t="s">
        <v>30812</v>
      </c>
      <c r="D24386" s="367"/>
      <c r="E24386" s="367"/>
      <c r="F24386" s="359" t="s">
        <v>14889</v>
      </c>
      <c r="G24386" s="359" t="s">
        <v>14890</v>
      </c>
      <c r="H24386" s="359" t="s">
        <v>14332</v>
      </c>
      <c r="I24386" s="359" t="s">
        <v>14890</v>
      </c>
      <c r="J24386" s="365"/>
      <c r="K24386" s="365"/>
      <c r="L24386" s="367"/>
    </row>
    <row r="24387" spans="2:12">
      <c r="B24387" s="367"/>
      <c r="C24387" s="360"/>
      <c r="D24387" s="367"/>
      <c r="E24387" s="367"/>
      <c r="F24387" s="360"/>
      <c r="G24387" s="360"/>
      <c r="H24387" s="360"/>
      <c r="I24387" s="360"/>
      <c r="J24387" s="365"/>
      <c r="K24387" s="365"/>
      <c r="L24387" s="367"/>
    </row>
    <row r="24388" spans="2:12">
      <c r="B24388" s="368"/>
      <c r="C24388" s="362"/>
      <c r="D24388" s="368"/>
      <c r="E24388" s="368"/>
      <c r="F24388" s="361" t="s">
        <v>17310</v>
      </c>
      <c r="G24388" s="361" t="s">
        <v>17311</v>
      </c>
      <c r="H24388" s="362"/>
      <c r="I24388" s="361" t="s">
        <v>17311</v>
      </c>
      <c r="J24388" s="366"/>
      <c r="K24388" s="366"/>
      <c r="L24388" s="368"/>
    </row>
    <row r="24389" spans="2:12" ht="28.5">
      <c r="B24389" s="358" t="s">
        <v>11936</v>
      </c>
      <c r="C24389" s="358" t="s">
        <v>29929</v>
      </c>
      <c r="D24389" s="358" t="s">
        <v>11937</v>
      </c>
      <c r="E24389" s="358" t="s">
        <v>11938</v>
      </c>
      <c r="F24389" s="358" t="s">
        <v>14376</v>
      </c>
      <c r="G24389" s="358" t="s">
        <v>14669</v>
      </c>
      <c r="H24389" s="358" t="s">
        <v>14381</v>
      </c>
      <c r="I24389" s="358" t="s">
        <v>14669</v>
      </c>
      <c r="J24389" s="358"/>
      <c r="K24389" s="358"/>
      <c r="L24389" s="358" t="s">
        <v>643</v>
      </c>
    </row>
    <row r="24390" spans="2:12">
      <c r="B24390" s="367"/>
      <c r="C24390" s="360"/>
      <c r="D24390" s="367"/>
      <c r="E24390" s="367"/>
      <c r="F24390" s="360"/>
      <c r="G24390" s="360"/>
      <c r="H24390" s="360"/>
      <c r="I24390" s="360"/>
      <c r="J24390" s="365"/>
      <c r="K24390" s="365"/>
      <c r="L24390" s="367"/>
    </row>
    <row r="24391" spans="2:12" ht="71.25">
      <c r="B24391" s="367"/>
      <c r="C24391" s="359" t="s">
        <v>30813</v>
      </c>
      <c r="D24391" s="367"/>
      <c r="E24391" s="367"/>
      <c r="F24391" s="359" t="s">
        <v>14889</v>
      </c>
      <c r="G24391" s="359" t="s">
        <v>14890</v>
      </c>
      <c r="H24391" s="359" t="s">
        <v>14332</v>
      </c>
      <c r="I24391" s="359" t="s">
        <v>14890</v>
      </c>
      <c r="J24391" s="365"/>
      <c r="K24391" s="365"/>
      <c r="L24391" s="367"/>
    </row>
    <row r="24392" spans="2:12">
      <c r="B24392" s="367"/>
      <c r="C24392" s="360"/>
      <c r="D24392" s="367"/>
      <c r="E24392" s="367"/>
      <c r="F24392" s="360"/>
      <c r="G24392" s="360"/>
      <c r="H24392" s="360"/>
      <c r="I24392" s="360"/>
      <c r="J24392" s="365"/>
      <c r="K24392" s="365"/>
      <c r="L24392" s="367"/>
    </row>
    <row r="24393" spans="2:12">
      <c r="B24393" s="368"/>
      <c r="C24393" s="362"/>
      <c r="D24393" s="368"/>
      <c r="E24393" s="368"/>
      <c r="F24393" s="361" t="s">
        <v>17310</v>
      </c>
      <c r="G24393" s="361" t="s">
        <v>17311</v>
      </c>
      <c r="H24393" s="362"/>
      <c r="I24393" s="361" t="s">
        <v>17311</v>
      </c>
      <c r="J24393" s="366"/>
      <c r="K24393" s="366"/>
      <c r="L24393" s="368"/>
    </row>
    <row r="24394" spans="2:12" ht="42.75">
      <c r="B24394" s="358" t="s">
        <v>11940</v>
      </c>
      <c r="C24394" s="358" t="s">
        <v>29930</v>
      </c>
      <c r="D24394" s="358" t="s">
        <v>11941</v>
      </c>
      <c r="E24394" s="358" t="s">
        <v>11942</v>
      </c>
      <c r="F24394" s="358" t="s">
        <v>14376</v>
      </c>
      <c r="G24394" s="358" t="s">
        <v>14669</v>
      </c>
      <c r="H24394" s="358" t="s">
        <v>14381</v>
      </c>
      <c r="I24394" s="358" t="s">
        <v>14669</v>
      </c>
      <c r="J24394" s="358"/>
      <c r="K24394" s="358"/>
      <c r="L24394" s="358" t="s">
        <v>643</v>
      </c>
    </row>
    <row r="24395" spans="2:12">
      <c r="B24395" s="367"/>
      <c r="C24395" s="367"/>
      <c r="D24395" s="367"/>
      <c r="E24395" s="367"/>
      <c r="F24395" s="360"/>
      <c r="G24395" s="360"/>
      <c r="H24395" s="360"/>
      <c r="I24395" s="360"/>
      <c r="J24395" s="365"/>
      <c r="K24395" s="365"/>
      <c r="L24395" s="367"/>
    </row>
    <row r="24396" spans="2:12">
      <c r="B24396" s="367"/>
      <c r="C24396" s="367"/>
      <c r="D24396" s="367"/>
      <c r="E24396" s="367"/>
      <c r="F24396" s="359" t="s">
        <v>14889</v>
      </c>
      <c r="G24396" s="359" t="s">
        <v>14890</v>
      </c>
      <c r="H24396" s="359" t="s">
        <v>14332</v>
      </c>
      <c r="I24396" s="359" t="s">
        <v>14890</v>
      </c>
      <c r="J24396" s="365"/>
      <c r="K24396" s="365"/>
      <c r="L24396" s="367"/>
    </row>
    <row r="24397" spans="2:12">
      <c r="B24397" s="367"/>
      <c r="C24397" s="367"/>
      <c r="D24397" s="367"/>
      <c r="E24397" s="367"/>
      <c r="F24397" s="360"/>
      <c r="G24397" s="360"/>
      <c r="H24397" s="360"/>
      <c r="I24397" s="360"/>
      <c r="J24397" s="365"/>
      <c r="K24397" s="365"/>
      <c r="L24397" s="367"/>
    </row>
    <row r="24398" spans="2:12">
      <c r="B24398" s="368"/>
      <c r="C24398" s="368"/>
      <c r="D24398" s="368"/>
      <c r="E24398" s="368"/>
      <c r="F24398" s="361" t="s">
        <v>17310</v>
      </c>
      <c r="G24398" s="361" t="s">
        <v>17311</v>
      </c>
      <c r="H24398" s="362"/>
      <c r="I24398" s="361" t="s">
        <v>17311</v>
      </c>
      <c r="J24398" s="366"/>
      <c r="K24398" s="366"/>
      <c r="L24398" s="368"/>
    </row>
    <row r="24399" spans="2:12">
      <c r="B24399" s="358" t="s">
        <v>11944</v>
      </c>
      <c r="C24399" s="358" t="s">
        <v>12871</v>
      </c>
      <c r="D24399" s="358" t="s">
        <v>11945</v>
      </c>
      <c r="E24399" s="358" t="s">
        <v>11946</v>
      </c>
      <c r="F24399" s="358" t="s">
        <v>14376</v>
      </c>
      <c r="G24399" s="358" t="s">
        <v>14669</v>
      </c>
      <c r="H24399" s="358" t="s">
        <v>14381</v>
      </c>
      <c r="I24399" s="358" t="s">
        <v>14669</v>
      </c>
      <c r="J24399" s="358"/>
      <c r="K24399" s="358"/>
      <c r="L24399" s="358" t="s">
        <v>643</v>
      </c>
    </row>
    <row r="24400" spans="2:12">
      <c r="B24400" s="367"/>
      <c r="C24400" s="360"/>
      <c r="D24400" s="367"/>
      <c r="E24400" s="367"/>
      <c r="F24400" s="360"/>
      <c r="G24400" s="360"/>
      <c r="H24400" s="360"/>
      <c r="I24400" s="360"/>
      <c r="J24400" s="365"/>
      <c r="K24400" s="365"/>
      <c r="L24400" s="367"/>
    </row>
    <row r="24401" spans="2:12">
      <c r="B24401" s="367"/>
      <c r="C24401" s="359" t="s">
        <v>12859</v>
      </c>
      <c r="D24401" s="367"/>
      <c r="E24401" s="367"/>
      <c r="F24401" s="359" t="s">
        <v>14889</v>
      </c>
      <c r="G24401" s="359" t="s">
        <v>14890</v>
      </c>
      <c r="H24401" s="359" t="s">
        <v>14332</v>
      </c>
      <c r="I24401" s="359" t="s">
        <v>14890</v>
      </c>
      <c r="J24401" s="365"/>
      <c r="K24401" s="365"/>
      <c r="L24401" s="367"/>
    </row>
    <row r="24402" spans="2:12">
      <c r="B24402" s="367"/>
      <c r="C24402" s="360"/>
      <c r="D24402" s="367"/>
      <c r="E24402" s="367"/>
      <c r="F24402" s="360"/>
      <c r="G24402" s="360"/>
      <c r="H24402" s="360"/>
      <c r="I24402" s="360"/>
      <c r="J24402" s="365"/>
      <c r="K24402" s="365"/>
      <c r="L24402" s="367"/>
    </row>
    <row r="24403" spans="2:12" ht="85.5">
      <c r="B24403" s="368"/>
      <c r="C24403" s="361" t="s">
        <v>30814</v>
      </c>
      <c r="D24403" s="368"/>
      <c r="E24403" s="368"/>
      <c r="F24403" s="361" t="s">
        <v>17310</v>
      </c>
      <c r="G24403" s="361" t="s">
        <v>17311</v>
      </c>
      <c r="H24403" s="362"/>
      <c r="I24403" s="361" t="s">
        <v>17311</v>
      </c>
      <c r="J24403" s="366"/>
      <c r="K24403" s="366"/>
      <c r="L24403" s="368"/>
    </row>
    <row r="24404" spans="2:12" ht="28.5">
      <c r="B24404" s="358" t="s">
        <v>11948</v>
      </c>
      <c r="C24404" s="358" t="s">
        <v>12872</v>
      </c>
      <c r="D24404" s="358" t="s">
        <v>11949</v>
      </c>
      <c r="E24404" s="358" t="s">
        <v>11950</v>
      </c>
      <c r="F24404" s="358" t="s">
        <v>14376</v>
      </c>
      <c r="G24404" s="358" t="s">
        <v>14669</v>
      </c>
      <c r="H24404" s="358" t="s">
        <v>14381</v>
      </c>
      <c r="I24404" s="358" t="s">
        <v>14669</v>
      </c>
      <c r="J24404" s="358"/>
      <c r="K24404" s="358"/>
      <c r="L24404" s="358" t="s">
        <v>643</v>
      </c>
    </row>
    <row r="24405" spans="2:12">
      <c r="B24405" s="367"/>
      <c r="C24405" s="360"/>
      <c r="D24405" s="367"/>
      <c r="E24405" s="367"/>
      <c r="F24405" s="360"/>
      <c r="G24405" s="360"/>
      <c r="H24405" s="360"/>
      <c r="I24405" s="360"/>
      <c r="J24405" s="365"/>
      <c r="K24405" s="365"/>
      <c r="L24405" s="367"/>
    </row>
    <row r="24406" spans="2:12">
      <c r="B24406" s="367"/>
      <c r="C24406" s="359" t="s">
        <v>12859</v>
      </c>
      <c r="D24406" s="367"/>
      <c r="E24406" s="367"/>
      <c r="F24406" s="359" t="s">
        <v>14889</v>
      </c>
      <c r="G24406" s="359" t="s">
        <v>14890</v>
      </c>
      <c r="H24406" s="359" t="s">
        <v>14332</v>
      </c>
      <c r="I24406" s="359" t="s">
        <v>14890</v>
      </c>
      <c r="J24406" s="365"/>
      <c r="K24406" s="365"/>
      <c r="L24406" s="367"/>
    </row>
    <row r="24407" spans="2:12">
      <c r="B24407" s="367"/>
      <c r="C24407" s="360"/>
      <c r="D24407" s="367"/>
      <c r="E24407" s="367"/>
      <c r="F24407" s="360"/>
      <c r="G24407" s="360"/>
      <c r="H24407" s="360"/>
      <c r="I24407" s="360"/>
      <c r="J24407" s="365"/>
      <c r="K24407" s="365"/>
      <c r="L24407" s="367"/>
    </row>
    <row r="24408" spans="2:12" ht="99.75">
      <c r="B24408" s="368"/>
      <c r="C24408" s="361" t="s">
        <v>30815</v>
      </c>
      <c r="D24408" s="368"/>
      <c r="E24408" s="368"/>
      <c r="F24408" s="361" t="s">
        <v>17310</v>
      </c>
      <c r="G24408" s="361" t="s">
        <v>17311</v>
      </c>
      <c r="H24408" s="362"/>
      <c r="I24408" s="361" t="s">
        <v>17311</v>
      </c>
      <c r="J24408" s="366"/>
      <c r="K24408" s="366"/>
      <c r="L24408" s="368"/>
    </row>
    <row r="24409" spans="2:12">
      <c r="B24409" s="358" t="s">
        <v>11951</v>
      </c>
      <c r="C24409" s="358" t="s">
        <v>28250</v>
      </c>
      <c r="D24409" s="358" t="s">
        <v>11952</v>
      </c>
      <c r="E24409" s="358" t="s">
        <v>11953</v>
      </c>
      <c r="F24409" s="358" t="s">
        <v>14376</v>
      </c>
      <c r="G24409" s="358" t="s">
        <v>14669</v>
      </c>
      <c r="H24409" s="358" t="s">
        <v>14381</v>
      </c>
      <c r="I24409" s="358" t="s">
        <v>14669</v>
      </c>
      <c r="J24409" s="358"/>
      <c r="K24409" s="358"/>
      <c r="L24409" s="358" t="s">
        <v>643</v>
      </c>
    </row>
    <row r="24410" spans="2:12">
      <c r="B24410" s="367"/>
      <c r="C24410" s="360"/>
      <c r="D24410" s="367"/>
      <c r="E24410" s="367"/>
      <c r="F24410" s="360"/>
      <c r="G24410" s="360"/>
      <c r="H24410" s="360"/>
      <c r="I24410" s="360"/>
      <c r="J24410" s="365"/>
      <c r="K24410" s="365"/>
      <c r="L24410" s="367"/>
    </row>
    <row r="24411" spans="2:12">
      <c r="B24411" s="367"/>
      <c r="C24411" s="359" t="s">
        <v>12859</v>
      </c>
      <c r="D24411" s="367"/>
      <c r="E24411" s="367"/>
      <c r="F24411" s="359" t="s">
        <v>14889</v>
      </c>
      <c r="G24411" s="359" t="s">
        <v>14890</v>
      </c>
      <c r="H24411" s="359" t="s">
        <v>14332</v>
      </c>
      <c r="I24411" s="359" t="s">
        <v>14890</v>
      </c>
      <c r="J24411" s="365"/>
      <c r="K24411" s="365"/>
      <c r="L24411" s="367"/>
    </row>
    <row r="24412" spans="2:12">
      <c r="B24412" s="367"/>
      <c r="C24412" s="360"/>
      <c r="D24412" s="367"/>
      <c r="E24412" s="367"/>
      <c r="F24412" s="360"/>
      <c r="G24412" s="360"/>
      <c r="H24412" s="360"/>
      <c r="I24412" s="360"/>
      <c r="J24412" s="365"/>
      <c r="K24412" s="365"/>
      <c r="L24412" s="367"/>
    </row>
    <row r="24413" spans="2:12" ht="99.75">
      <c r="B24413" s="368"/>
      <c r="C24413" s="361" t="s">
        <v>30816</v>
      </c>
      <c r="D24413" s="368"/>
      <c r="E24413" s="368"/>
      <c r="F24413" s="361" t="s">
        <v>17310</v>
      </c>
      <c r="G24413" s="361" t="s">
        <v>17311</v>
      </c>
      <c r="H24413" s="362"/>
      <c r="I24413" s="361" t="s">
        <v>17311</v>
      </c>
      <c r="J24413" s="366"/>
      <c r="K24413" s="366"/>
      <c r="L24413" s="368"/>
    </row>
    <row r="24414" spans="2:12" ht="42.75">
      <c r="B24414" s="358" t="s">
        <v>11955</v>
      </c>
      <c r="C24414" s="358" t="s">
        <v>29931</v>
      </c>
      <c r="D24414" s="358" t="s">
        <v>11956</v>
      </c>
      <c r="E24414" s="358" t="s">
        <v>11957</v>
      </c>
      <c r="F24414" s="358" t="s">
        <v>14376</v>
      </c>
      <c r="G24414" s="358" t="s">
        <v>14669</v>
      </c>
      <c r="H24414" s="358" t="s">
        <v>14381</v>
      </c>
      <c r="I24414" s="358" t="s">
        <v>14669</v>
      </c>
      <c r="J24414" s="358"/>
      <c r="K24414" s="358"/>
      <c r="L24414" s="358" t="s">
        <v>643</v>
      </c>
    </row>
    <row r="24415" spans="2:12">
      <c r="B24415" s="367"/>
      <c r="C24415" s="360"/>
      <c r="D24415" s="367"/>
      <c r="E24415" s="367"/>
      <c r="F24415" s="360"/>
      <c r="G24415" s="360"/>
      <c r="H24415" s="360"/>
      <c r="I24415" s="360"/>
      <c r="J24415" s="365"/>
      <c r="K24415" s="365"/>
      <c r="L24415" s="367"/>
    </row>
    <row r="24416" spans="2:12" ht="99.75">
      <c r="B24416" s="367"/>
      <c r="C24416" s="359" t="s">
        <v>30817</v>
      </c>
      <c r="D24416" s="367"/>
      <c r="E24416" s="367"/>
      <c r="F24416" s="359" t="s">
        <v>14889</v>
      </c>
      <c r="G24416" s="359" t="s">
        <v>14890</v>
      </c>
      <c r="H24416" s="359" t="s">
        <v>14332</v>
      </c>
      <c r="I24416" s="359" t="s">
        <v>14890</v>
      </c>
      <c r="J24416" s="365"/>
      <c r="K24416" s="365"/>
      <c r="L24416" s="367"/>
    </row>
    <row r="24417" spans="2:12">
      <c r="B24417" s="367"/>
      <c r="C24417" s="360"/>
      <c r="D24417" s="367"/>
      <c r="E24417" s="367"/>
      <c r="F24417" s="360"/>
      <c r="G24417" s="360"/>
      <c r="H24417" s="360"/>
      <c r="I24417" s="360"/>
      <c r="J24417" s="365"/>
      <c r="K24417" s="365"/>
      <c r="L24417" s="367"/>
    </row>
    <row r="24418" spans="2:12">
      <c r="B24418" s="368"/>
      <c r="C24418" s="362"/>
      <c r="D24418" s="368"/>
      <c r="E24418" s="368"/>
      <c r="F24418" s="361" t="s">
        <v>17310</v>
      </c>
      <c r="G24418" s="361" t="s">
        <v>17311</v>
      </c>
      <c r="H24418" s="362"/>
      <c r="I24418" s="361" t="s">
        <v>17311</v>
      </c>
      <c r="J24418" s="366"/>
      <c r="K24418" s="366"/>
      <c r="L24418" s="368"/>
    </row>
    <row r="24419" spans="2:12" ht="42.75">
      <c r="B24419" s="358" t="s">
        <v>11959</v>
      </c>
      <c r="C24419" s="358" t="s">
        <v>29932</v>
      </c>
      <c r="D24419" s="358" t="s">
        <v>11960</v>
      </c>
      <c r="E24419" s="358" t="s">
        <v>11961</v>
      </c>
      <c r="F24419" s="358" t="s">
        <v>14376</v>
      </c>
      <c r="G24419" s="358" t="s">
        <v>14669</v>
      </c>
      <c r="H24419" s="358" t="s">
        <v>14381</v>
      </c>
      <c r="I24419" s="358" t="s">
        <v>14669</v>
      </c>
      <c r="J24419" s="358"/>
      <c r="K24419" s="358"/>
      <c r="L24419" s="358" t="s">
        <v>643</v>
      </c>
    </row>
    <row r="24420" spans="2:12">
      <c r="B24420" s="367"/>
      <c r="C24420" s="360"/>
      <c r="D24420" s="367"/>
      <c r="E24420" s="367"/>
      <c r="F24420" s="360"/>
      <c r="G24420" s="360"/>
      <c r="H24420" s="360"/>
      <c r="I24420" s="360"/>
      <c r="J24420" s="365"/>
      <c r="K24420" s="365"/>
      <c r="L24420" s="367"/>
    </row>
    <row r="24421" spans="2:12" ht="171">
      <c r="B24421" s="367"/>
      <c r="C24421" s="359" t="s">
        <v>30818</v>
      </c>
      <c r="D24421" s="367"/>
      <c r="E24421" s="367"/>
      <c r="F24421" s="359" t="s">
        <v>14889</v>
      </c>
      <c r="G24421" s="359" t="s">
        <v>14890</v>
      </c>
      <c r="H24421" s="359" t="s">
        <v>14332</v>
      </c>
      <c r="I24421" s="359" t="s">
        <v>14890</v>
      </c>
      <c r="J24421" s="365"/>
      <c r="K24421" s="365"/>
      <c r="L24421" s="367"/>
    </row>
    <row r="24422" spans="2:12">
      <c r="B24422" s="367"/>
      <c r="C24422" s="360"/>
      <c r="D24422" s="367"/>
      <c r="E24422" s="367"/>
      <c r="F24422" s="360"/>
      <c r="G24422" s="360"/>
      <c r="H24422" s="360"/>
      <c r="I24422" s="360"/>
      <c r="J24422" s="365"/>
      <c r="K24422" s="365"/>
      <c r="L24422" s="367"/>
    </row>
    <row r="24423" spans="2:12">
      <c r="B24423" s="368"/>
      <c r="C24423" s="362"/>
      <c r="D24423" s="368"/>
      <c r="E24423" s="368"/>
      <c r="F24423" s="361" t="s">
        <v>17310</v>
      </c>
      <c r="G24423" s="361" t="s">
        <v>17311</v>
      </c>
      <c r="H24423" s="362"/>
      <c r="I24423" s="361" t="s">
        <v>17311</v>
      </c>
      <c r="J24423" s="366"/>
      <c r="K24423" s="366"/>
      <c r="L24423" s="368"/>
    </row>
    <row r="24424" spans="2:12">
      <c r="B24424" s="358" t="s">
        <v>11963</v>
      </c>
      <c r="C24424" s="358" t="s">
        <v>28251</v>
      </c>
      <c r="D24424" s="358" t="s">
        <v>11964</v>
      </c>
      <c r="E24424" s="358" t="s">
        <v>11965</v>
      </c>
      <c r="F24424" s="358" t="s">
        <v>14376</v>
      </c>
      <c r="G24424" s="358" t="s">
        <v>14669</v>
      </c>
      <c r="H24424" s="358" t="s">
        <v>14381</v>
      </c>
      <c r="I24424" s="358" t="s">
        <v>14669</v>
      </c>
      <c r="J24424" s="358"/>
      <c r="K24424" s="358"/>
      <c r="L24424" s="358" t="s">
        <v>643</v>
      </c>
    </row>
    <row r="24425" spans="2:12">
      <c r="B24425" s="367"/>
      <c r="C24425" s="360"/>
      <c r="D24425" s="367"/>
      <c r="E24425" s="367"/>
      <c r="F24425" s="360"/>
      <c r="G24425" s="360"/>
      <c r="H24425" s="360"/>
      <c r="I24425" s="360"/>
      <c r="J24425" s="365"/>
      <c r="K24425" s="365"/>
      <c r="L24425" s="367"/>
    </row>
    <row r="24426" spans="2:12">
      <c r="B24426" s="367"/>
      <c r="C24426" s="359" t="s">
        <v>12859</v>
      </c>
      <c r="D24426" s="367"/>
      <c r="E24426" s="367"/>
      <c r="F24426" s="359" t="s">
        <v>14889</v>
      </c>
      <c r="G24426" s="359" t="s">
        <v>14890</v>
      </c>
      <c r="H24426" s="359" t="s">
        <v>14332</v>
      </c>
      <c r="I24426" s="359" t="s">
        <v>14890</v>
      </c>
      <c r="J24426" s="365"/>
      <c r="K24426" s="365"/>
      <c r="L24426" s="367"/>
    </row>
    <row r="24427" spans="2:12">
      <c r="B24427" s="367"/>
      <c r="C24427" s="360"/>
      <c r="D24427" s="367"/>
      <c r="E24427" s="367"/>
      <c r="F24427" s="360"/>
      <c r="G24427" s="360"/>
      <c r="H24427" s="360"/>
      <c r="I24427" s="360"/>
      <c r="J24427" s="365"/>
      <c r="K24427" s="365"/>
      <c r="L24427" s="367"/>
    </row>
    <row r="24428" spans="2:12" ht="57">
      <c r="B24428" s="368"/>
      <c r="C24428" s="361" t="s">
        <v>12875</v>
      </c>
      <c r="D24428" s="368"/>
      <c r="E24428" s="368"/>
      <c r="F24428" s="361" t="s">
        <v>17310</v>
      </c>
      <c r="G24428" s="361" t="s">
        <v>17311</v>
      </c>
      <c r="H24428" s="362"/>
      <c r="I24428" s="361" t="s">
        <v>17311</v>
      </c>
      <c r="J24428" s="366"/>
      <c r="K24428" s="366"/>
      <c r="L24428" s="368"/>
    </row>
    <row r="24429" spans="2:12">
      <c r="B24429" s="358" t="s">
        <v>11966</v>
      </c>
      <c r="C24429" s="358" t="s">
        <v>28252</v>
      </c>
      <c r="D24429" s="358" t="s">
        <v>11967</v>
      </c>
      <c r="E24429" s="358" t="s">
        <v>11968</v>
      </c>
      <c r="F24429" s="358" t="s">
        <v>14376</v>
      </c>
      <c r="G24429" s="358" t="s">
        <v>14669</v>
      </c>
      <c r="H24429" s="358" t="s">
        <v>14381</v>
      </c>
      <c r="I24429" s="358" t="s">
        <v>14669</v>
      </c>
      <c r="J24429" s="358"/>
      <c r="K24429" s="358"/>
      <c r="L24429" s="358" t="s">
        <v>643</v>
      </c>
    </row>
    <row r="24430" spans="2:12">
      <c r="B24430" s="367"/>
      <c r="C24430" s="360"/>
      <c r="D24430" s="367"/>
      <c r="E24430" s="367"/>
      <c r="F24430" s="360"/>
      <c r="G24430" s="360"/>
      <c r="H24430" s="360"/>
      <c r="I24430" s="360"/>
      <c r="J24430" s="365"/>
      <c r="K24430" s="365"/>
      <c r="L24430" s="367"/>
    </row>
    <row r="24431" spans="2:12" ht="71.25">
      <c r="B24431" s="367"/>
      <c r="C24431" s="359" t="s">
        <v>29933</v>
      </c>
      <c r="D24431" s="367"/>
      <c r="E24431" s="367"/>
      <c r="F24431" s="359" t="s">
        <v>14889</v>
      </c>
      <c r="G24431" s="359" t="s">
        <v>14890</v>
      </c>
      <c r="H24431" s="359" t="s">
        <v>14332</v>
      </c>
      <c r="I24431" s="359" t="s">
        <v>14890</v>
      </c>
      <c r="J24431" s="365"/>
      <c r="K24431" s="365"/>
      <c r="L24431" s="367"/>
    </row>
    <row r="24432" spans="2:12">
      <c r="B24432" s="367"/>
      <c r="C24432" s="360"/>
      <c r="D24432" s="367"/>
      <c r="E24432" s="367"/>
      <c r="F24432" s="360"/>
      <c r="G24432" s="360"/>
      <c r="H24432" s="360"/>
      <c r="I24432" s="360"/>
      <c r="J24432" s="365"/>
      <c r="K24432" s="365"/>
      <c r="L24432" s="367"/>
    </row>
    <row r="24433" spans="2:12">
      <c r="B24433" s="368"/>
      <c r="C24433" s="362"/>
      <c r="D24433" s="368"/>
      <c r="E24433" s="368"/>
      <c r="F24433" s="361" t="s">
        <v>17310</v>
      </c>
      <c r="G24433" s="361" t="s">
        <v>17311</v>
      </c>
      <c r="H24433" s="362"/>
      <c r="I24433" s="361" t="s">
        <v>17311</v>
      </c>
      <c r="J24433" s="366"/>
      <c r="K24433" s="366"/>
      <c r="L24433" s="368"/>
    </row>
    <row r="24434" spans="2:12">
      <c r="B24434" s="358" t="s">
        <v>11970</v>
      </c>
      <c r="C24434" s="358" t="s">
        <v>26243</v>
      </c>
      <c r="D24434" s="358" t="s">
        <v>11971</v>
      </c>
      <c r="E24434" s="358" t="s">
        <v>11972</v>
      </c>
      <c r="F24434" s="358" t="s">
        <v>14376</v>
      </c>
      <c r="G24434" s="358" t="s">
        <v>14669</v>
      </c>
      <c r="H24434" s="358" t="s">
        <v>14381</v>
      </c>
      <c r="I24434" s="358" t="s">
        <v>14669</v>
      </c>
      <c r="J24434" s="358"/>
      <c r="K24434" s="358"/>
      <c r="L24434" s="358" t="s">
        <v>643</v>
      </c>
    </row>
    <row r="24435" spans="2:12">
      <c r="B24435" s="367"/>
      <c r="C24435" s="360"/>
      <c r="D24435" s="367"/>
      <c r="E24435" s="367"/>
      <c r="F24435" s="360"/>
      <c r="G24435" s="360"/>
      <c r="H24435" s="360"/>
      <c r="I24435" s="360"/>
      <c r="J24435" s="365"/>
      <c r="K24435" s="365"/>
      <c r="L24435" s="367"/>
    </row>
    <row r="24436" spans="2:12">
      <c r="B24436" s="367"/>
      <c r="C24436" s="359" t="s">
        <v>29934</v>
      </c>
      <c r="D24436" s="367"/>
      <c r="E24436" s="367"/>
      <c r="F24436" s="359" t="s">
        <v>14889</v>
      </c>
      <c r="G24436" s="359" t="s">
        <v>14890</v>
      </c>
      <c r="H24436" s="359" t="s">
        <v>14332</v>
      </c>
      <c r="I24436" s="359" t="s">
        <v>14890</v>
      </c>
      <c r="J24436" s="365"/>
      <c r="K24436" s="365"/>
      <c r="L24436" s="367"/>
    </row>
    <row r="24437" spans="2:12">
      <c r="B24437" s="367"/>
      <c r="C24437" s="360"/>
      <c r="D24437" s="367"/>
      <c r="E24437" s="367"/>
      <c r="F24437" s="360"/>
      <c r="G24437" s="360"/>
      <c r="H24437" s="360"/>
      <c r="I24437" s="360"/>
      <c r="J24437" s="365"/>
      <c r="K24437" s="365"/>
      <c r="L24437" s="367"/>
    </row>
    <row r="24438" spans="2:12" ht="57">
      <c r="B24438" s="367"/>
      <c r="C24438" s="359" t="s">
        <v>29935</v>
      </c>
      <c r="D24438" s="367"/>
      <c r="E24438" s="367"/>
      <c r="F24438" s="359" t="s">
        <v>14384</v>
      </c>
      <c r="G24438" s="359" t="s">
        <v>26242</v>
      </c>
      <c r="H24438" s="360"/>
      <c r="I24438" s="359" t="s">
        <v>26242</v>
      </c>
      <c r="J24438" s="365"/>
      <c r="K24438" s="365"/>
      <c r="L24438" s="367"/>
    </row>
    <row r="24439" spans="2:12">
      <c r="B24439" s="367"/>
      <c r="C24439" s="360"/>
      <c r="D24439" s="367"/>
      <c r="E24439" s="367"/>
      <c r="F24439" s="360"/>
      <c r="G24439" s="360"/>
      <c r="H24439" s="360"/>
      <c r="I24439" s="360"/>
      <c r="J24439" s="365"/>
      <c r="K24439" s="365"/>
      <c r="L24439" s="367"/>
    </row>
    <row r="24440" spans="2:12" ht="57">
      <c r="B24440" s="368"/>
      <c r="C24440" s="361" t="s">
        <v>30819</v>
      </c>
      <c r="D24440" s="368"/>
      <c r="E24440" s="368"/>
      <c r="F24440" s="361" t="s">
        <v>17310</v>
      </c>
      <c r="G24440" s="361" t="s">
        <v>17311</v>
      </c>
      <c r="H24440" s="362"/>
      <c r="I24440" s="361" t="s">
        <v>17311</v>
      </c>
      <c r="J24440" s="366"/>
      <c r="K24440" s="366"/>
      <c r="L24440" s="368"/>
    </row>
    <row r="24441" spans="2:12">
      <c r="B24441" s="358" t="s">
        <v>11974</v>
      </c>
      <c r="C24441" s="358" t="s">
        <v>12878</v>
      </c>
      <c r="D24441" s="358" t="s">
        <v>11975</v>
      </c>
      <c r="E24441" s="358" t="s">
        <v>11976</v>
      </c>
      <c r="F24441" s="358" t="s">
        <v>14376</v>
      </c>
      <c r="G24441" s="358" t="s">
        <v>14669</v>
      </c>
      <c r="H24441" s="358" t="s">
        <v>14381</v>
      </c>
      <c r="I24441" s="358" t="s">
        <v>14669</v>
      </c>
      <c r="J24441" s="358"/>
      <c r="K24441" s="358"/>
      <c r="L24441" s="358" t="s">
        <v>643</v>
      </c>
    </row>
    <row r="24442" spans="2:12">
      <c r="B24442" s="367"/>
      <c r="C24442" s="360"/>
      <c r="D24442" s="367"/>
      <c r="E24442" s="367"/>
      <c r="F24442" s="360"/>
      <c r="G24442" s="360"/>
      <c r="H24442" s="360"/>
      <c r="I24442" s="360"/>
      <c r="J24442" s="365"/>
      <c r="K24442" s="365"/>
      <c r="L24442" s="367"/>
    </row>
    <row r="24443" spans="2:12">
      <c r="B24443" s="367"/>
      <c r="C24443" s="359" t="s">
        <v>29936</v>
      </c>
      <c r="D24443" s="367"/>
      <c r="E24443" s="367"/>
      <c r="F24443" s="359" t="s">
        <v>14889</v>
      </c>
      <c r="G24443" s="359" t="s">
        <v>14890</v>
      </c>
      <c r="H24443" s="359" t="s">
        <v>14332</v>
      </c>
      <c r="I24443" s="359" t="s">
        <v>14890</v>
      </c>
      <c r="J24443" s="365"/>
      <c r="K24443" s="365"/>
      <c r="L24443" s="367"/>
    </row>
    <row r="24444" spans="2:12">
      <c r="B24444" s="367"/>
      <c r="C24444" s="360"/>
      <c r="D24444" s="367"/>
      <c r="E24444" s="367"/>
      <c r="F24444" s="360"/>
      <c r="G24444" s="360"/>
      <c r="H24444" s="360"/>
      <c r="I24444" s="360"/>
      <c r="J24444" s="365"/>
      <c r="K24444" s="365"/>
      <c r="L24444" s="367"/>
    </row>
    <row r="24445" spans="2:12" ht="85.5">
      <c r="B24445" s="368"/>
      <c r="C24445" s="361" t="s">
        <v>28253</v>
      </c>
      <c r="D24445" s="368"/>
      <c r="E24445" s="368"/>
      <c r="F24445" s="361" t="s">
        <v>17310</v>
      </c>
      <c r="G24445" s="361" t="s">
        <v>17311</v>
      </c>
      <c r="H24445" s="362"/>
      <c r="I24445" s="361" t="s">
        <v>17311</v>
      </c>
      <c r="J24445" s="366"/>
      <c r="K24445" s="366"/>
      <c r="L24445" s="368"/>
    </row>
    <row r="24446" spans="2:12" ht="28.5">
      <c r="B24446" s="358" t="s">
        <v>11978</v>
      </c>
      <c r="C24446" s="358" t="s">
        <v>29937</v>
      </c>
      <c r="D24446" s="358" t="s">
        <v>11979</v>
      </c>
      <c r="E24446" s="358" t="s">
        <v>11980</v>
      </c>
      <c r="F24446" s="358" t="s">
        <v>14376</v>
      </c>
      <c r="G24446" s="358" t="s">
        <v>14669</v>
      </c>
      <c r="H24446" s="358" t="s">
        <v>14381</v>
      </c>
      <c r="I24446" s="358" t="s">
        <v>14669</v>
      </c>
      <c r="J24446" s="358"/>
      <c r="K24446" s="358"/>
      <c r="L24446" s="358" t="s">
        <v>643</v>
      </c>
    </row>
    <row r="24447" spans="2:12">
      <c r="B24447" s="367"/>
      <c r="C24447" s="360"/>
      <c r="D24447" s="367"/>
      <c r="E24447" s="367"/>
      <c r="F24447" s="360"/>
      <c r="G24447" s="360"/>
      <c r="H24447" s="360"/>
      <c r="I24447" s="360"/>
      <c r="J24447" s="365"/>
      <c r="K24447" s="365"/>
      <c r="L24447" s="367"/>
    </row>
    <row r="24448" spans="2:12" ht="71.25">
      <c r="B24448" s="367"/>
      <c r="C24448" s="359" t="s">
        <v>28254</v>
      </c>
      <c r="D24448" s="367"/>
      <c r="E24448" s="367"/>
      <c r="F24448" s="359" t="s">
        <v>14889</v>
      </c>
      <c r="G24448" s="359" t="s">
        <v>14890</v>
      </c>
      <c r="H24448" s="359" t="s">
        <v>14332</v>
      </c>
      <c r="I24448" s="359" t="s">
        <v>14890</v>
      </c>
      <c r="J24448" s="365"/>
      <c r="K24448" s="365"/>
      <c r="L24448" s="367"/>
    </row>
    <row r="24449" spans="2:12">
      <c r="B24449" s="367"/>
      <c r="C24449" s="360"/>
      <c r="D24449" s="367"/>
      <c r="E24449" s="367"/>
      <c r="F24449" s="360"/>
      <c r="G24449" s="360"/>
      <c r="H24449" s="360"/>
      <c r="I24449" s="360"/>
      <c r="J24449" s="365"/>
      <c r="K24449" s="365"/>
      <c r="L24449" s="367"/>
    </row>
    <row r="24450" spans="2:12">
      <c r="B24450" s="368"/>
      <c r="C24450" s="362"/>
      <c r="D24450" s="368"/>
      <c r="E24450" s="368"/>
      <c r="F24450" s="361" t="s">
        <v>17310</v>
      </c>
      <c r="G24450" s="361" t="s">
        <v>17311</v>
      </c>
      <c r="H24450" s="362"/>
      <c r="I24450" s="361" t="s">
        <v>17311</v>
      </c>
      <c r="J24450" s="366"/>
      <c r="K24450" s="366"/>
      <c r="L24450" s="368"/>
    </row>
    <row r="24451" spans="2:12">
      <c r="B24451" s="358" t="s">
        <v>11982</v>
      </c>
      <c r="C24451" s="358" t="s">
        <v>12880</v>
      </c>
      <c r="D24451" s="358" t="s">
        <v>11983</v>
      </c>
      <c r="E24451" s="358" t="s">
        <v>11984</v>
      </c>
      <c r="F24451" s="358" t="s">
        <v>14376</v>
      </c>
      <c r="G24451" s="358" t="s">
        <v>14669</v>
      </c>
      <c r="H24451" s="358" t="s">
        <v>14381</v>
      </c>
      <c r="I24451" s="358" t="s">
        <v>14669</v>
      </c>
      <c r="J24451" s="358"/>
      <c r="K24451" s="358"/>
      <c r="L24451" s="358" t="s">
        <v>643</v>
      </c>
    </row>
    <row r="24452" spans="2:12">
      <c r="B24452" s="367"/>
      <c r="C24452" s="360"/>
      <c r="D24452" s="367"/>
      <c r="E24452" s="367"/>
      <c r="F24452" s="360"/>
      <c r="G24452" s="360"/>
      <c r="H24452" s="360"/>
      <c r="I24452" s="360"/>
      <c r="J24452" s="365"/>
      <c r="K24452" s="365"/>
      <c r="L24452" s="367"/>
    </row>
    <row r="24453" spans="2:12">
      <c r="B24453" s="367"/>
      <c r="C24453" s="359" t="s">
        <v>29938</v>
      </c>
      <c r="D24453" s="367"/>
      <c r="E24453" s="367"/>
      <c r="F24453" s="359" t="s">
        <v>14889</v>
      </c>
      <c r="G24453" s="359" t="s">
        <v>14890</v>
      </c>
      <c r="H24453" s="359" t="s">
        <v>14332</v>
      </c>
      <c r="I24453" s="359" t="s">
        <v>14890</v>
      </c>
      <c r="J24453" s="365"/>
      <c r="K24453" s="365"/>
      <c r="L24453" s="367"/>
    </row>
    <row r="24454" spans="2:12">
      <c r="B24454" s="367"/>
      <c r="C24454" s="360"/>
      <c r="D24454" s="367"/>
      <c r="E24454" s="367"/>
      <c r="F24454" s="360"/>
      <c r="G24454" s="360"/>
      <c r="H24454" s="360"/>
      <c r="I24454" s="360"/>
      <c r="J24454" s="365"/>
      <c r="K24454" s="365"/>
      <c r="L24454" s="367"/>
    </row>
    <row r="24455" spans="2:12" ht="99.75">
      <c r="B24455" s="368"/>
      <c r="C24455" s="361" t="s">
        <v>30820</v>
      </c>
      <c r="D24455" s="368"/>
      <c r="E24455" s="368"/>
      <c r="F24455" s="361" t="s">
        <v>17310</v>
      </c>
      <c r="G24455" s="361" t="s">
        <v>17311</v>
      </c>
      <c r="H24455" s="362"/>
      <c r="I24455" s="361" t="s">
        <v>17311</v>
      </c>
      <c r="J24455" s="366"/>
      <c r="K24455" s="366"/>
      <c r="L24455" s="368"/>
    </row>
    <row r="24456" spans="2:12">
      <c r="B24456" s="358" t="s">
        <v>11986</v>
      </c>
      <c r="C24456" s="358" t="s">
        <v>12882</v>
      </c>
      <c r="D24456" s="358" t="s">
        <v>11987</v>
      </c>
      <c r="E24456" s="358" t="s">
        <v>11988</v>
      </c>
      <c r="F24456" s="358" t="s">
        <v>14376</v>
      </c>
      <c r="G24456" s="358" t="s">
        <v>14669</v>
      </c>
      <c r="H24456" s="358" t="s">
        <v>14381</v>
      </c>
      <c r="I24456" s="358" t="s">
        <v>14669</v>
      </c>
      <c r="J24456" s="358"/>
      <c r="K24456" s="358"/>
      <c r="L24456" s="358" t="s">
        <v>643</v>
      </c>
    </row>
    <row r="24457" spans="2:12">
      <c r="B24457" s="367"/>
      <c r="C24457" s="360"/>
      <c r="D24457" s="367"/>
      <c r="E24457" s="367"/>
      <c r="F24457" s="360"/>
      <c r="G24457" s="360"/>
      <c r="H24457" s="360"/>
      <c r="I24457" s="360"/>
      <c r="J24457" s="365"/>
      <c r="K24457" s="365"/>
      <c r="L24457" s="367"/>
    </row>
    <row r="24458" spans="2:12" ht="99.75">
      <c r="B24458" s="367"/>
      <c r="C24458" s="359" t="s">
        <v>30821</v>
      </c>
      <c r="D24458" s="367"/>
      <c r="E24458" s="367"/>
      <c r="F24458" s="359" t="s">
        <v>14889</v>
      </c>
      <c r="G24458" s="359" t="s">
        <v>14890</v>
      </c>
      <c r="H24458" s="359" t="s">
        <v>14332</v>
      </c>
      <c r="I24458" s="359" t="s">
        <v>14890</v>
      </c>
      <c r="J24458" s="365"/>
      <c r="K24458" s="365"/>
      <c r="L24458" s="367"/>
    </row>
    <row r="24459" spans="2:12">
      <c r="B24459" s="367"/>
      <c r="C24459" s="360"/>
      <c r="D24459" s="367"/>
      <c r="E24459" s="367"/>
      <c r="F24459" s="360"/>
      <c r="G24459" s="360"/>
      <c r="H24459" s="360"/>
      <c r="I24459" s="360"/>
      <c r="J24459" s="365"/>
      <c r="K24459" s="365"/>
      <c r="L24459" s="367"/>
    </row>
    <row r="24460" spans="2:12">
      <c r="B24460" s="368"/>
      <c r="C24460" s="362"/>
      <c r="D24460" s="368"/>
      <c r="E24460" s="368"/>
      <c r="F24460" s="361" t="s">
        <v>17310</v>
      </c>
      <c r="G24460" s="361" t="s">
        <v>17311</v>
      </c>
      <c r="H24460" s="362"/>
      <c r="I24460" s="361" t="s">
        <v>17311</v>
      </c>
      <c r="J24460" s="366"/>
      <c r="K24460" s="366"/>
      <c r="L24460" s="368"/>
    </row>
    <row r="24461" spans="2:12">
      <c r="B24461" s="358" t="s">
        <v>11990</v>
      </c>
      <c r="C24461" s="358" t="s">
        <v>29939</v>
      </c>
      <c r="D24461" s="358" t="s">
        <v>11991</v>
      </c>
      <c r="E24461" s="358" t="s">
        <v>11992</v>
      </c>
      <c r="F24461" s="358" t="s">
        <v>14376</v>
      </c>
      <c r="G24461" s="358" t="s">
        <v>14669</v>
      </c>
      <c r="H24461" s="358" t="s">
        <v>14381</v>
      </c>
      <c r="I24461" s="358" t="s">
        <v>14669</v>
      </c>
      <c r="J24461" s="358"/>
      <c r="K24461" s="358"/>
      <c r="L24461" s="358" t="s">
        <v>643</v>
      </c>
    </row>
    <row r="24462" spans="2:12">
      <c r="B24462" s="367"/>
      <c r="C24462" s="360"/>
      <c r="D24462" s="367"/>
      <c r="E24462" s="367"/>
      <c r="F24462" s="360"/>
      <c r="G24462" s="360"/>
      <c r="H24462" s="360"/>
      <c r="I24462" s="360"/>
      <c r="J24462" s="365"/>
      <c r="K24462" s="365"/>
      <c r="L24462" s="367"/>
    </row>
    <row r="24463" spans="2:12" ht="99.75">
      <c r="B24463" s="367"/>
      <c r="C24463" s="359" t="s">
        <v>30822</v>
      </c>
      <c r="D24463" s="367"/>
      <c r="E24463" s="367"/>
      <c r="F24463" s="359" t="s">
        <v>14889</v>
      </c>
      <c r="G24463" s="359" t="s">
        <v>14890</v>
      </c>
      <c r="H24463" s="359" t="s">
        <v>14332</v>
      </c>
      <c r="I24463" s="359" t="s">
        <v>14890</v>
      </c>
      <c r="J24463" s="365"/>
      <c r="K24463" s="365"/>
      <c r="L24463" s="367"/>
    </row>
    <row r="24464" spans="2:12">
      <c r="B24464" s="367"/>
      <c r="C24464" s="360"/>
      <c r="D24464" s="367"/>
      <c r="E24464" s="367"/>
      <c r="F24464" s="360"/>
      <c r="G24464" s="360"/>
      <c r="H24464" s="360"/>
      <c r="I24464" s="360"/>
      <c r="J24464" s="365"/>
      <c r="K24464" s="365"/>
      <c r="L24464" s="367"/>
    </row>
    <row r="24465" spans="2:12">
      <c r="B24465" s="368"/>
      <c r="C24465" s="362"/>
      <c r="D24465" s="368"/>
      <c r="E24465" s="368"/>
      <c r="F24465" s="361" t="s">
        <v>17310</v>
      </c>
      <c r="G24465" s="361" t="s">
        <v>17311</v>
      </c>
      <c r="H24465" s="362"/>
      <c r="I24465" s="361" t="s">
        <v>17311</v>
      </c>
      <c r="J24465" s="366"/>
      <c r="K24465" s="366"/>
      <c r="L24465" s="368"/>
    </row>
    <row r="24466" spans="2:12">
      <c r="B24466" s="358" t="s">
        <v>11994</v>
      </c>
      <c r="C24466" s="358" t="s">
        <v>29940</v>
      </c>
      <c r="D24466" s="358" t="s">
        <v>11995</v>
      </c>
      <c r="E24466" s="358" t="s">
        <v>11996</v>
      </c>
      <c r="F24466" s="358" t="s">
        <v>14376</v>
      </c>
      <c r="G24466" s="358" t="s">
        <v>14669</v>
      </c>
      <c r="H24466" s="358" t="s">
        <v>14381</v>
      </c>
      <c r="I24466" s="358" t="s">
        <v>14669</v>
      </c>
      <c r="J24466" s="358"/>
      <c r="K24466" s="358"/>
      <c r="L24466" s="358" t="s">
        <v>643</v>
      </c>
    </row>
    <row r="24467" spans="2:12">
      <c r="B24467" s="367"/>
      <c r="C24467" s="360"/>
      <c r="D24467" s="367"/>
      <c r="E24467" s="367"/>
      <c r="F24467" s="360"/>
      <c r="G24467" s="360"/>
      <c r="H24467" s="360"/>
      <c r="I24467" s="360"/>
      <c r="J24467" s="365"/>
      <c r="K24467" s="365"/>
      <c r="L24467" s="367"/>
    </row>
    <row r="24468" spans="2:12" ht="85.5">
      <c r="B24468" s="367"/>
      <c r="C24468" s="359" t="s">
        <v>30823</v>
      </c>
      <c r="D24468" s="367"/>
      <c r="E24468" s="367"/>
      <c r="F24468" s="359" t="s">
        <v>14889</v>
      </c>
      <c r="G24468" s="359" t="s">
        <v>14890</v>
      </c>
      <c r="H24468" s="359" t="s">
        <v>14332</v>
      </c>
      <c r="I24468" s="359" t="s">
        <v>14890</v>
      </c>
      <c r="J24468" s="365"/>
      <c r="K24468" s="365"/>
      <c r="L24468" s="367"/>
    </row>
    <row r="24469" spans="2:12">
      <c r="B24469" s="367"/>
      <c r="C24469" s="360"/>
      <c r="D24469" s="367"/>
      <c r="E24469" s="367"/>
      <c r="F24469" s="360"/>
      <c r="G24469" s="360"/>
      <c r="H24469" s="360"/>
      <c r="I24469" s="360"/>
      <c r="J24469" s="365"/>
      <c r="K24469" s="365"/>
      <c r="L24469" s="367"/>
    </row>
    <row r="24470" spans="2:12">
      <c r="B24470" s="368"/>
      <c r="C24470" s="362"/>
      <c r="D24470" s="368"/>
      <c r="E24470" s="368"/>
      <c r="F24470" s="361" t="s">
        <v>17310</v>
      </c>
      <c r="G24470" s="361" t="s">
        <v>17311</v>
      </c>
      <c r="H24470" s="362"/>
      <c r="I24470" s="361" t="s">
        <v>17311</v>
      </c>
      <c r="J24470" s="366"/>
      <c r="K24470" s="366"/>
      <c r="L24470" s="368"/>
    </row>
    <row r="24471" spans="2:12">
      <c r="B24471" s="358" t="s">
        <v>11998</v>
      </c>
      <c r="C24471" s="358" t="s">
        <v>12885</v>
      </c>
      <c r="D24471" s="358" t="s">
        <v>11999</v>
      </c>
      <c r="E24471" s="358" t="s">
        <v>12000</v>
      </c>
      <c r="F24471" s="358" t="s">
        <v>14376</v>
      </c>
      <c r="G24471" s="358" t="s">
        <v>14669</v>
      </c>
      <c r="H24471" s="358" t="s">
        <v>14381</v>
      </c>
      <c r="I24471" s="358" t="s">
        <v>14669</v>
      </c>
      <c r="J24471" s="358"/>
      <c r="K24471" s="358"/>
      <c r="L24471" s="358" t="s">
        <v>643</v>
      </c>
    </row>
    <row r="24472" spans="2:12">
      <c r="B24472" s="367"/>
      <c r="C24472" s="360"/>
      <c r="D24472" s="367"/>
      <c r="E24472" s="367"/>
      <c r="F24472" s="360"/>
      <c r="G24472" s="360"/>
      <c r="H24472" s="360"/>
      <c r="I24472" s="360"/>
      <c r="J24472" s="365"/>
      <c r="K24472" s="365"/>
      <c r="L24472" s="367"/>
    </row>
    <row r="24473" spans="2:12">
      <c r="B24473" s="367"/>
      <c r="C24473" s="359" t="s">
        <v>29941</v>
      </c>
      <c r="D24473" s="367"/>
      <c r="E24473" s="367"/>
      <c r="F24473" s="359" t="s">
        <v>14889</v>
      </c>
      <c r="G24473" s="359" t="s">
        <v>14890</v>
      </c>
      <c r="H24473" s="359" t="s">
        <v>14332</v>
      </c>
      <c r="I24473" s="359" t="s">
        <v>14890</v>
      </c>
      <c r="J24473" s="365"/>
      <c r="K24473" s="365"/>
      <c r="L24473" s="367"/>
    </row>
    <row r="24474" spans="2:12">
      <c r="B24474" s="367"/>
      <c r="C24474" s="360"/>
      <c r="D24474" s="367"/>
      <c r="E24474" s="367"/>
      <c r="F24474" s="360"/>
      <c r="G24474" s="360"/>
      <c r="H24474" s="360"/>
      <c r="I24474" s="360"/>
      <c r="J24474" s="365"/>
      <c r="K24474" s="365"/>
      <c r="L24474" s="367"/>
    </row>
    <row r="24475" spans="2:12" ht="71.25">
      <c r="B24475" s="368"/>
      <c r="C24475" s="361" t="s">
        <v>30824</v>
      </c>
      <c r="D24475" s="368"/>
      <c r="E24475" s="368"/>
      <c r="F24475" s="361" t="s">
        <v>17310</v>
      </c>
      <c r="G24475" s="361" t="s">
        <v>17311</v>
      </c>
      <c r="H24475" s="362"/>
      <c r="I24475" s="361" t="s">
        <v>17311</v>
      </c>
      <c r="J24475" s="366"/>
      <c r="K24475" s="366"/>
      <c r="L24475" s="368"/>
    </row>
    <row r="24476" spans="2:12">
      <c r="B24476" s="358" t="s">
        <v>12002</v>
      </c>
      <c r="C24476" s="358" t="s">
        <v>12886</v>
      </c>
      <c r="D24476" s="358" t="s">
        <v>12003</v>
      </c>
      <c r="E24476" s="358" t="s">
        <v>12004</v>
      </c>
      <c r="F24476" s="358" t="s">
        <v>14376</v>
      </c>
      <c r="G24476" s="358" t="s">
        <v>14669</v>
      </c>
      <c r="H24476" s="358" t="s">
        <v>14381</v>
      </c>
      <c r="I24476" s="358" t="s">
        <v>14669</v>
      </c>
      <c r="J24476" s="358"/>
      <c r="K24476" s="358"/>
      <c r="L24476" s="358" t="s">
        <v>643</v>
      </c>
    </row>
    <row r="24477" spans="2:12">
      <c r="B24477" s="367"/>
      <c r="C24477" s="360"/>
      <c r="D24477" s="367"/>
      <c r="E24477" s="367"/>
      <c r="F24477" s="360"/>
      <c r="G24477" s="360"/>
      <c r="H24477" s="360"/>
      <c r="I24477" s="360"/>
      <c r="J24477" s="365"/>
      <c r="K24477" s="365"/>
      <c r="L24477" s="367"/>
    </row>
    <row r="24478" spans="2:12" ht="85.5">
      <c r="B24478" s="367"/>
      <c r="C24478" s="359" t="s">
        <v>30825</v>
      </c>
      <c r="D24478" s="367"/>
      <c r="E24478" s="367"/>
      <c r="F24478" s="359" t="s">
        <v>14889</v>
      </c>
      <c r="G24478" s="359" t="s">
        <v>14890</v>
      </c>
      <c r="H24478" s="359" t="s">
        <v>14332</v>
      </c>
      <c r="I24478" s="359" t="s">
        <v>14890</v>
      </c>
      <c r="J24478" s="365"/>
      <c r="K24478" s="365"/>
      <c r="L24478" s="367"/>
    </row>
    <row r="24479" spans="2:12">
      <c r="B24479" s="367"/>
      <c r="C24479" s="360"/>
      <c r="D24479" s="367"/>
      <c r="E24479" s="367"/>
      <c r="F24479" s="360"/>
      <c r="G24479" s="360"/>
      <c r="H24479" s="360"/>
      <c r="I24479" s="360"/>
      <c r="J24479" s="365"/>
      <c r="K24479" s="365"/>
      <c r="L24479" s="367"/>
    </row>
    <row r="24480" spans="2:12">
      <c r="B24480" s="368"/>
      <c r="C24480" s="362"/>
      <c r="D24480" s="368"/>
      <c r="E24480" s="368"/>
      <c r="F24480" s="361" t="s">
        <v>17310</v>
      </c>
      <c r="G24480" s="361" t="s">
        <v>17311</v>
      </c>
      <c r="H24480" s="362"/>
      <c r="I24480" s="361" t="s">
        <v>17311</v>
      </c>
      <c r="J24480" s="366"/>
      <c r="K24480" s="366"/>
      <c r="L24480" s="368"/>
    </row>
    <row r="24481" spans="2:12">
      <c r="B24481" s="358" t="s">
        <v>12006</v>
      </c>
      <c r="C24481" s="358" t="s">
        <v>12887</v>
      </c>
      <c r="D24481" s="358" t="s">
        <v>12007</v>
      </c>
      <c r="E24481" s="358" t="s">
        <v>12008</v>
      </c>
      <c r="F24481" s="358" t="s">
        <v>14376</v>
      </c>
      <c r="G24481" s="358" t="s">
        <v>14669</v>
      </c>
      <c r="H24481" s="358" t="s">
        <v>14381</v>
      </c>
      <c r="I24481" s="358" t="s">
        <v>14669</v>
      </c>
      <c r="J24481" s="358"/>
      <c r="K24481" s="358"/>
      <c r="L24481" s="358" t="s">
        <v>643</v>
      </c>
    </row>
    <row r="24482" spans="2:12">
      <c r="B24482" s="367"/>
      <c r="C24482" s="360"/>
      <c r="D24482" s="367"/>
      <c r="E24482" s="367"/>
      <c r="F24482" s="360"/>
      <c r="G24482" s="360"/>
      <c r="H24482" s="360"/>
      <c r="I24482" s="360"/>
      <c r="J24482" s="365"/>
      <c r="K24482" s="365"/>
      <c r="L24482" s="367"/>
    </row>
    <row r="24483" spans="2:12">
      <c r="B24483" s="367"/>
      <c r="C24483" s="359" t="s">
        <v>29936</v>
      </c>
      <c r="D24483" s="367"/>
      <c r="E24483" s="367"/>
      <c r="F24483" s="359" t="s">
        <v>14889</v>
      </c>
      <c r="G24483" s="359" t="s">
        <v>14890</v>
      </c>
      <c r="H24483" s="359" t="s">
        <v>14332</v>
      </c>
      <c r="I24483" s="359" t="s">
        <v>14890</v>
      </c>
      <c r="J24483" s="365"/>
      <c r="K24483" s="365"/>
      <c r="L24483" s="367"/>
    </row>
    <row r="24484" spans="2:12">
      <c r="B24484" s="367"/>
      <c r="C24484" s="360"/>
      <c r="D24484" s="367"/>
      <c r="E24484" s="367"/>
      <c r="F24484" s="360"/>
      <c r="G24484" s="360"/>
      <c r="H24484" s="360"/>
      <c r="I24484" s="360"/>
      <c r="J24484" s="365"/>
      <c r="K24484" s="365"/>
      <c r="L24484" s="367"/>
    </row>
    <row r="24485" spans="2:12" ht="85.5">
      <c r="B24485" s="368"/>
      <c r="C24485" s="361" t="s">
        <v>30826</v>
      </c>
      <c r="D24485" s="368"/>
      <c r="E24485" s="368"/>
      <c r="F24485" s="361" t="s">
        <v>17310</v>
      </c>
      <c r="G24485" s="361" t="s">
        <v>17311</v>
      </c>
      <c r="H24485" s="362"/>
      <c r="I24485" s="361" t="s">
        <v>17311</v>
      </c>
      <c r="J24485" s="366"/>
      <c r="K24485" s="366"/>
      <c r="L24485" s="368"/>
    </row>
    <row r="24486" spans="2:12">
      <c r="B24486" s="358" t="s">
        <v>12010</v>
      </c>
      <c r="C24486" s="358" t="s">
        <v>12888</v>
      </c>
      <c r="D24486" s="358" t="s">
        <v>12011</v>
      </c>
      <c r="E24486" s="358" t="s">
        <v>12012</v>
      </c>
      <c r="F24486" s="358" t="s">
        <v>14376</v>
      </c>
      <c r="G24486" s="358" t="s">
        <v>14669</v>
      </c>
      <c r="H24486" s="358" t="s">
        <v>14381</v>
      </c>
      <c r="I24486" s="358" t="s">
        <v>14669</v>
      </c>
      <c r="J24486" s="358"/>
      <c r="K24486" s="358"/>
      <c r="L24486" s="358" t="s">
        <v>643</v>
      </c>
    </row>
    <row r="24487" spans="2:12">
      <c r="B24487" s="367"/>
      <c r="C24487" s="360"/>
      <c r="D24487" s="367"/>
      <c r="E24487" s="367"/>
      <c r="F24487" s="360"/>
      <c r="G24487" s="360"/>
      <c r="H24487" s="360"/>
      <c r="I24487" s="360"/>
      <c r="J24487" s="365"/>
      <c r="K24487" s="365"/>
      <c r="L24487" s="367"/>
    </row>
    <row r="24488" spans="2:12" ht="128.25">
      <c r="B24488" s="367"/>
      <c r="C24488" s="359" t="s">
        <v>30827</v>
      </c>
      <c r="D24488" s="367"/>
      <c r="E24488" s="367"/>
      <c r="F24488" s="359" t="s">
        <v>14889</v>
      </c>
      <c r="G24488" s="359" t="s">
        <v>14890</v>
      </c>
      <c r="H24488" s="359" t="s">
        <v>14332</v>
      </c>
      <c r="I24488" s="359" t="s">
        <v>14890</v>
      </c>
      <c r="J24488" s="365"/>
      <c r="K24488" s="365"/>
      <c r="L24488" s="367"/>
    </row>
    <row r="24489" spans="2:12">
      <c r="B24489" s="367"/>
      <c r="C24489" s="360"/>
      <c r="D24489" s="367"/>
      <c r="E24489" s="367"/>
      <c r="F24489" s="360"/>
      <c r="G24489" s="360"/>
      <c r="H24489" s="360"/>
      <c r="I24489" s="360"/>
      <c r="J24489" s="365"/>
      <c r="K24489" s="365"/>
      <c r="L24489" s="367"/>
    </row>
    <row r="24490" spans="2:12">
      <c r="B24490" s="368"/>
      <c r="C24490" s="362"/>
      <c r="D24490" s="368"/>
      <c r="E24490" s="368"/>
      <c r="F24490" s="361" t="s">
        <v>17310</v>
      </c>
      <c r="G24490" s="361" t="s">
        <v>17311</v>
      </c>
      <c r="H24490" s="362"/>
      <c r="I24490" s="361" t="s">
        <v>17311</v>
      </c>
      <c r="J24490" s="366"/>
      <c r="K24490" s="366"/>
      <c r="L24490" s="368"/>
    </row>
    <row r="24491" spans="2:12">
      <c r="B24491" s="358" t="s">
        <v>12014</v>
      </c>
      <c r="C24491" s="358" t="s">
        <v>12889</v>
      </c>
      <c r="D24491" s="358" t="s">
        <v>12015</v>
      </c>
      <c r="E24491" s="358" t="s">
        <v>12016</v>
      </c>
      <c r="F24491" s="358" t="s">
        <v>14376</v>
      </c>
      <c r="G24491" s="358" t="s">
        <v>14669</v>
      </c>
      <c r="H24491" s="358" t="s">
        <v>14381</v>
      </c>
      <c r="I24491" s="358" t="s">
        <v>14669</v>
      </c>
      <c r="J24491" s="358"/>
      <c r="K24491" s="358"/>
      <c r="L24491" s="358" t="s">
        <v>643</v>
      </c>
    </row>
    <row r="24492" spans="2:12">
      <c r="B24492" s="367"/>
      <c r="C24492" s="360"/>
      <c r="D24492" s="367"/>
      <c r="E24492" s="367"/>
      <c r="F24492" s="360"/>
      <c r="G24492" s="360"/>
      <c r="H24492" s="360"/>
      <c r="I24492" s="360"/>
      <c r="J24492" s="365"/>
      <c r="K24492" s="365"/>
      <c r="L24492" s="367"/>
    </row>
    <row r="24493" spans="2:12">
      <c r="B24493" s="367"/>
      <c r="C24493" s="359" t="s">
        <v>29936</v>
      </c>
      <c r="D24493" s="367"/>
      <c r="E24493" s="367"/>
      <c r="F24493" s="359" t="s">
        <v>14889</v>
      </c>
      <c r="G24493" s="359" t="s">
        <v>14890</v>
      </c>
      <c r="H24493" s="359" t="s">
        <v>14332</v>
      </c>
      <c r="I24493" s="359" t="s">
        <v>14890</v>
      </c>
      <c r="J24493" s="365"/>
      <c r="K24493" s="365"/>
      <c r="L24493" s="367"/>
    </row>
    <row r="24494" spans="2:12">
      <c r="B24494" s="367"/>
      <c r="C24494" s="360"/>
      <c r="D24494" s="367"/>
      <c r="E24494" s="367"/>
      <c r="F24494" s="360"/>
      <c r="G24494" s="360"/>
      <c r="H24494" s="360"/>
      <c r="I24494" s="360"/>
      <c r="J24494" s="365"/>
      <c r="K24494" s="365"/>
      <c r="L24494" s="367"/>
    </row>
    <row r="24495" spans="2:12" ht="85.5">
      <c r="B24495" s="368"/>
      <c r="C24495" s="361" t="s">
        <v>30828</v>
      </c>
      <c r="D24495" s="368"/>
      <c r="E24495" s="368"/>
      <c r="F24495" s="361" t="s">
        <v>17310</v>
      </c>
      <c r="G24495" s="361" t="s">
        <v>17311</v>
      </c>
      <c r="H24495" s="362"/>
      <c r="I24495" s="361" t="s">
        <v>17311</v>
      </c>
      <c r="J24495" s="366"/>
      <c r="K24495" s="366"/>
      <c r="L24495" s="368"/>
    </row>
    <row r="24496" spans="2:12" ht="28.5">
      <c r="B24496" s="358" t="s">
        <v>12017</v>
      </c>
      <c r="C24496" s="358" t="s">
        <v>28255</v>
      </c>
      <c r="D24496" s="358" t="s">
        <v>12018</v>
      </c>
      <c r="E24496" s="358" t="s">
        <v>12019</v>
      </c>
      <c r="F24496" s="358" t="s">
        <v>14376</v>
      </c>
      <c r="G24496" s="358" t="s">
        <v>14669</v>
      </c>
      <c r="H24496" s="358" t="s">
        <v>14381</v>
      </c>
      <c r="I24496" s="358" t="s">
        <v>14669</v>
      </c>
      <c r="J24496" s="358"/>
      <c r="K24496" s="358"/>
      <c r="L24496" s="358" t="s">
        <v>643</v>
      </c>
    </row>
    <row r="24497" spans="2:12">
      <c r="B24497" s="367"/>
      <c r="C24497" s="360"/>
      <c r="D24497" s="367"/>
      <c r="E24497" s="367"/>
      <c r="F24497" s="360"/>
      <c r="G24497" s="360"/>
      <c r="H24497" s="360"/>
      <c r="I24497" s="360"/>
      <c r="J24497" s="365"/>
      <c r="K24497" s="365"/>
      <c r="L24497" s="367"/>
    </row>
    <row r="24498" spans="2:12">
      <c r="B24498" s="367"/>
      <c r="C24498" s="359" t="s">
        <v>29942</v>
      </c>
      <c r="D24498" s="367"/>
      <c r="E24498" s="367"/>
      <c r="F24498" s="359" t="s">
        <v>14889</v>
      </c>
      <c r="G24498" s="359" t="s">
        <v>14890</v>
      </c>
      <c r="H24498" s="359" t="s">
        <v>14332</v>
      </c>
      <c r="I24498" s="359" t="s">
        <v>14890</v>
      </c>
      <c r="J24498" s="365"/>
      <c r="K24498" s="365"/>
      <c r="L24498" s="367"/>
    </row>
    <row r="24499" spans="2:12">
      <c r="B24499" s="367"/>
      <c r="C24499" s="360"/>
      <c r="D24499" s="367"/>
      <c r="E24499" s="367"/>
      <c r="F24499" s="360"/>
      <c r="G24499" s="360"/>
      <c r="H24499" s="360"/>
      <c r="I24499" s="360"/>
      <c r="J24499" s="365"/>
      <c r="K24499" s="365"/>
      <c r="L24499" s="367"/>
    </row>
    <row r="24500" spans="2:12">
      <c r="B24500" s="368"/>
      <c r="C24500" s="362"/>
      <c r="D24500" s="368"/>
      <c r="E24500" s="368"/>
      <c r="F24500" s="361" t="s">
        <v>17310</v>
      </c>
      <c r="G24500" s="361" t="s">
        <v>17311</v>
      </c>
      <c r="H24500" s="362"/>
      <c r="I24500" s="361" t="s">
        <v>17311</v>
      </c>
      <c r="J24500" s="366"/>
      <c r="K24500" s="366"/>
      <c r="L24500" s="368"/>
    </row>
    <row r="24501" spans="2:12">
      <c r="B24501" s="358" t="s">
        <v>12020</v>
      </c>
      <c r="C24501" s="358" t="s">
        <v>28256</v>
      </c>
      <c r="D24501" s="358" t="s">
        <v>12021</v>
      </c>
      <c r="E24501" s="358" t="s">
        <v>12022</v>
      </c>
      <c r="F24501" s="358" t="s">
        <v>14376</v>
      </c>
      <c r="G24501" s="358" t="s">
        <v>14669</v>
      </c>
      <c r="H24501" s="358" t="s">
        <v>14381</v>
      </c>
      <c r="I24501" s="358" t="s">
        <v>14669</v>
      </c>
      <c r="J24501" s="358"/>
      <c r="K24501" s="358"/>
      <c r="L24501" s="358" t="s">
        <v>643</v>
      </c>
    </row>
    <row r="24502" spans="2:12">
      <c r="B24502" s="367"/>
      <c r="C24502" s="360"/>
      <c r="D24502" s="367"/>
      <c r="E24502" s="367"/>
      <c r="F24502" s="360"/>
      <c r="G24502" s="360"/>
      <c r="H24502" s="360"/>
      <c r="I24502" s="360"/>
      <c r="J24502" s="365"/>
      <c r="K24502" s="365"/>
      <c r="L24502" s="367"/>
    </row>
    <row r="24503" spans="2:12">
      <c r="B24503" s="367"/>
      <c r="C24503" s="359" t="s">
        <v>29936</v>
      </c>
      <c r="D24503" s="367"/>
      <c r="E24503" s="367"/>
      <c r="F24503" s="359" t="s">
        <v>14889</v>
      </c>
      <c r="G24503" s="359" t="s">
        <v>14890</v>
      </c>
      <c r="H24503" s="359" t="s">
        <v>14332</v>
      </c>
      <c r="I24503" s="359" t="s">
        <v>14890</v>
      </c>
      <c r="J24503" s="365"/>
      <c r="K24503" s="365"/>
      <c r="L24503" s="367"/>
    </row>
    <row r="24504" spans="2:12">
      <c r="B24504" s="367"/>
      <c r="C24504" s="360"/>
      <c r="D24504" s="367"/>
      <c r="E24504" s="367"/>
      <c r="F24504" s="360"/>
      <c r="G24504" s="360"/>
      <c r="H24504" s="360"/>
      <c r="I24504" s="360"/>
      <c r="J24504" s="365"/>
      <c r="K24504" s="365"/>
      <c r="L24504" s="367"/>
    </row>
    <row r="24505" spans="2:12" ht="99.75">
      <c r="B24505" s="368"/>
      <c r="C24505" s="361" t="s">
        <v>30829</v>
      </c>
      <c r="D24505" s="368"/>
      <c r="E24505" s="368"/>
      <c r="F24505" s="361" t="s">
        <v>17310</v>
      </c>
      <c r="G24505" s="361" t="s">
        <v>17311</v>
      </c>
      <c r="H24505" s="362"/>
      <c r="I24505" s="361" t="s">
        <v>17311</v>
      </c>
      <c r="J24505" s="366"/>
      <c r="K24505" s="366"/>
      <c r="L24505" s="368"/>
    </row>
    <row r="24506" spans="2:12" ht="28.5">
      <c r="B24506" s="358" t="s">
        <v>12023</v>
      </c>
      <c r="C24506" s="358" t="s">
        <v>30830</v>
      </c>
      <c r="D24506" s="358" t="s">
        <v>12024</v>
      </c>
      <c r="E24506" s="358" t="s">
        <v>12025</v>
      </c>
      <c r="F24506" s="358" t="s">
        <v>14376</v>
      </c>
      <c r="G24506" s="358" t="s">
        <v>14669</v>
      </c>
      <c r="H24506" s="358" t="s">
        <v>14381</v>
      </c>
      <c r="I24506" s="358" t="s">
        <v>14669</v>
      </c>
      <c r="J24506" s="358"/>
      <c r="K24506" s="358"/>
      <c r="L24506" s="358" t="s">
        <v>643</v>
      </c>
    </row>
    <row r="24507" spans="2:12">
      <c r="B24507" s="367"/>
      <c r="C24507" s="360"/>
      <c r="D24507" s="367"/>
      <c r="E24507" s="367"/>
      <c r="F24507" s="360"/>
      <c r="G24507" s="360"/>
      <c r="H24507" s="360"/>
      <c r="I24507" s="360"/>
      <c r="J24507" s="365"/>
      <c r="K24507" s="365"/>
      <c r="L24507" s="367"/>
    </row>
    <row r="24508" spans="2:12">
      <c r="B24508" s="367"/>
      <c r="C24508" s="359" t="s">
        <v>29943</v>
      </c>
      <c r="D24508" s="367"/>
      <c r="E24508" s="367"/>
      <c r="F24508" s="359" t="s">
        <v>14889</v>
      </c>
      <c r="G24508" s="359" t="s">
        <v>14890</v>
      </c>
      <c r="H24508" s="359" t="s">
        <v>14332</v>
      </c>
      <c r="I24508" s="359" t="s">
        <v>14890</v>
      </c>
      <c r="J24508" s="365"/>
      <c r="K24508" s="365"/>
      <c r="L24508" s="367"/>
    </row>
    <row r="24509" spans="2:12">
      <c r="B24509" s="367"/>
      <c r="C24509" s="360"/>
      <c r="D24509" s="367"/>
      <c r="E24509" s="367"/>
      <c r="F24509" s="360"/>
      <c r="G24509" s="360"/>
      <c r="H24509" s="360"/>
      <c r="I24509" s="360"/>
      <c r="J24509" s="365"/>
      <c r="K24509" s="365"/>
      <c r="L24509" s="367"/>
    </row>
    <row r="24510" spans="2:12" ht="71.25">
      <c r="B24510" s="368"/>
      <c r="C24510" s="361" t="s">
        <v>30831</v>
      </c>
      <c r="D24510" s="368"/>
      <c r="E24510" s="368"/>
      <c r="F24510" s="361" t="s">
        <v>17310</v>
      </c>
      <c r="G24510" s="361" t="s">
        <v>17311</v>
      </c>
      <c r="H24510" s="362"/>
      <c r="I24510" s="361" t="s">
        <v>17311</v>
      </c>
      <c r="J24510" s="366"/>
      <c r="K24510" s="366"/>
      <c r="L24510" s="368"/>
    </row>
    <row r="24511" spans="2:12">
      <c r="B24511" s="358" t="s">
        <v>12026</v>
      </c>
      <c r="C24511" s="358" t="s">
        <v>28257</v>
      </c>
      <c r="D24511" s="358" t="s">
        <v>12027</v>
      </c>
      <c r="E24511" s="358" t="s">
        <v>12028</v>
      </c>
      <c r="F24511" s="358" t="s">
        <v>14376</v>
      </c>
      <c r="G24511" s="358" t="s">
        <v>14669</v>
      </c>
      <c r="H24511" s="358" t="s">
        <v>14381</v>
      </c>
      <c r="I24511" s="358" t="s">
        <v>14669</v>
      </c>
      <c r="J24511" s="358"/>
      <c r="K24511" s="358"/>
      <c r="L24511" s="358" t="s">
        <v>643</v>
      </c>
    </row>
    <row r="24512" spans="2:12">
      <c r="B24512" s="367"/>
      <c r="C24512" s="360"/>
      <c r="D24512" s="367"/>
      <c r="E24512" s="367"/>
      <c r="F24512" s="360"/>
      <c r="G24512" s="360"/>
      <c r="H24512" s="360"/>
      <c r="I24512" s="360"/>
      <c r="J24512" s="365"/>
      <c r="K24512" s="365"/>
      <c r="L24512" s="367"/>
    </row>
    <row r="24513" spans="2:12">
      <c r="B24513" s="367"/>
      <c r="C24513" s="359" t="s">
        <v>29936</v>
      </c>
      <c r="D24513" s="367"/>
      <c r="E24513" s="367"/>
      <c r="F24513" s="359" t="s">
        <v>14889</v>
      </c>
      <c r="G24513" s="359" t="s">
        <v>14890</v>
      </c>
      <c r="H24513" s="359" t="s">
        <v>14332</v>
      </c>
      <c r="I24513" s="359" t="s">
        <v>14890</v>
      </c>
      <c r="J24513" s="365"/>
      <c r="K24513" s="365"/>
      <c r="L24513" s="367"/>
    </row>
    <row r="24514" spans="2:12">
      <c r="B24514" s="367"/>
      <c r="C24514" s="360"/>
      <c r="D24514" s="367"/>
      <c r="E24514" s="367"/>
      <c r="F24514" s="360"/>
      <c r="G24514" s="360"/>
      <c r="H24514" s="360"/>
      <c r="I24514" s="360"/>
      <c r="J24514" s="365"/>
      <c r="K24514" s="365"/>
      <c r="L24514" s="367"/>
    </row>
    <row r="24515" spans="2:12" ht="71.25">
      <c r="B24515" s="368"/>
      <c r="C24515" s="361" t="s">
        <v>30832</v>
      </c>
      <c r="D24515" s="368"/>
      <c r="E24515" s="368"/>
      <c r="F24515" s="361" t="s">
        <v>17310</v>
      </c>
      <c r="G24515" s="361" t="s">
        <v>17311</v>
      </c>
      <c r="H24515" s="362"/>
      <c r="I24515" s="361" t="s">
        <v>17311</v>
      </c>
      <c r="J24515" s="366"/>
      <c r="K24515" s="366"/>
      <c r="L24515" s="368"/>
    </row>
    <row r="24516" spans="2:12" ht="42.75">
      <c r="B24516" s="358" t="s">
        <v>12029</v>
      </c>
      <c r="C24516" s="358" t="s">
        <v>30833</v>
      </c>
      <c r="D24516" s="358" t="s">
        <v>12030</v>
      </c>
      <c r="E24516" s="358" t="s">
        <v>12031</v>
      </c>
      <c r="F24516" s="358" t="s">
        <v>14376</v>
      </c>
      <c r="G24516" s="358" t="s">
        <v>14669</v>
      </c>
      <c r="H24516" s="358" t="s">
        <v>14381</v>
      </c>
      <c r="I24516" s="358" t="s">
        <v>14669</v>
      </c>
      <c r="J24516" s="358"/>
      <c r="K24516" s="358"/>
      <c r="L24516" s="358" t="s">
        <v>643</v>
      </c>
    </row>
    <row r="24517" spans="2:12">
      <c r="B24517" s="367"/>
      <c r="C24517" s="367"/>
      <c r="D24517" s="367"/>
      <c r="E24517" s="367"/>
      <c r="F24517" s="360"/>
      <c r="G24517" s="360"/>
      <c r="H24517" s="360"/>
      <c r="I24517" s="360"/>
      <c r="J24517" s="365"/>
      <c r="K24517" s="365"/>
      <c r="L24517" s="367"/>
    </row>
    <row r="24518" spans="2:12">
      <c r="B24518" s="367"/>
      <c r="C24518" s="367"/>
      <c r="D24518" s="367"/>
      <c r="E24518" s="367"/>
      <c r="F24518" s="359" t="s">
        <v>14889</v>
      </c>
      <c r="G24518" s="359" t="s">
        <v>14890</v>
      </c>
      <c r="H24518" s="359" t="s">
        <v>14332</v>
      </c>
      <c r="I24518" s="359" t="s">
        <v>14890</v>
      </c>
      <c r="J24518" s="365"/>
      <c r="K24518" s="365"/>
      <c r="L24518" s="367"/>
    </row>
    <row r="24519" spans="2:12">
      <c r="B24519" s="367"/>
      <c r="C24519" s="367"/>
      <c r="D24519" s="367"/>
      <c r="E24519" s="367"/>
      <c r="F24519" s="360"/>
      <c r="G24519" s="360"/>
      <c r="H24519" s="360"/>
      <c r="I24519" s="360"/>
      <c r="J24519" s="365"/>
      <c r="K24519" s="365"/>
      <c r="L24519" s="367"/>
    </row>
    <row r="24520" spans="2:12">
      <c r="B24520" s="368"/>
      <c r="C24520" s="368"/>
      <c r="D24520" s="368"/>
      <c r="E24520" s="368"/>
      <c r="F24520" s="361" t="s">
        <v>17310</v>
      </c>
      <c r="G24520" s="361" t="s">
        <v>17311</v>
      </c>
      <c r="H24520" s="362"/>
      <c r="I24520" s="361" t="s">
        <v>17311</v>
      </c>
      <c r="J24520" s="366"/>
      <c r="K24520" s="366"/>
      <c r="L24520" s="368"/>
    </row>
    <row r="24521" spans="2:12" ht="128.25">
      <c r="B24521" s="358" t="s">
        <v>12032</v>
      </c>
      <c r="C24521" s="358" t="s">
        <v>30834</v>
      </c>
      <c r="D24521" s="358" t="s">
        <v>12033</v>
      </c>
      <c r="E24521" s="358" t="s">
        <v>12034</v>
      </c>
      <c r="F24521" s="358" t="s">
        <v>14376</v>
      </c>
      <c r="G24521" s="358" t="s">
        <v>14669</v>
      </c>
      <c r="H24521" s="358" t="s">
        <v>14381</v>
      </c>
      <c r="I24521" s="358" t="s">
        <v>14669</v>
      </c>
      <c r="J24521" s="358"/>
      <c r="K24521" s="358"/>
      <c r="L24521" s="358" t="s">
        <v>643</v>
      </c>
    </row>
    <row r="24522" spans="2:12">
      <c r="B24522" s="367"/>
      <c r="C24522" s="367"/>
      <c r="D24522" s="367"/>
      <c r="E24522" s="367"/>
      <c r="F24522" s="360"/>
      <c r="G24522" s="360"/>
      <c r="H24522" s="360"/>
      <c r="I24522" s="360"/>
      <c r="J24522" s="365"/>
      <c r="K24522" s="365"/>
      <c r="L24522" s="367"/>
    </row>
    <row r="24523" spans="2:12">
      <c r="B24523" s="367"/>
      <c r="C24523" s="367"/>
      <c r="D24523" s="367"/>
      <c r="E24523" s="367"/>
      <c r="F24523" s="359" t="s">
        <v>14889</v>
      </c>
      <c r="G24523" s="359" t="s">
        <v>14890</v>
      </c>
      <c r="H24523" s="359" t="s">
        <v>14332</v>
      </c>
      <c r="I24523" s="359" t="s">
        <v>14890</v>
      </c>
      <c r="J24523" s="365"/>
      <c r="K24523" s="365"/>
      <c r="L24523" s="367"/>
    </row>
    <row r="24524" spans="2:12">
      <c r="B24524" s="367"/>
      <c r="C24524" s="367"/>
      <c r="D24524" s="367"/>
      <c r="E24524" s="367"/>
      <c r="F24524" s="360"/>
      <c r="G24524" s="360"/>
      <c r="H24524" s="360"/>
      <c r="I24524" s="360"/>
      <c r="J24524" s="365"/>
      <c r="K24524" s="365"/>
      <c r="L24524" s="367"/>
    </row>
    <row r="24525" spans="2:12">
      <c r="B24525" s="368"/>
      <c r="C24525" s="368"/>
      <c r="D24525" s="368"/>
      <c r="E24525" s="368"/>
      <c r="F24525" s="361" t="s">
        <v>17310</v>
      </c>
      <c r="G24525" s="361" t="s">
        <v>17311</v>
      </c>
      <c r="H24525" s="362"/>
      <c r="I24525" s="361" t="s">
        <v>17311</v>
      </c>
      <c r="J24525" s="366"/>
      <c r="K24525" s="366"/>
      <c r="L24525" s="368"/>
    </row>
    <row r="24526" spans="2:12">
      <c r="B24526" s="358" t="s">
        <v>12036</v>
      </c>
      <c r="C24526" s="358" t="s">
        <v>12891</v>
      </c>
      <c r="D24526" s="358" t="s">
        <v>12037</v>
      </c>
      <c r="E24526" s="358" t="s">
        <v>12892</v>
      </c>
      <c r="F24526" s="358" t="s">
        <v>14376</v>
      </c>
      <c r="G24526" s="358" t="s">
        <v>14669</v>
      </c>
      <c r="H24526" s="358" t="s">
        <v>14381</v>
      </c>
      <c r="I24526" s="358" t="s">
        <v>14669</v>
      </c>
      <c r="J24526" s="358"/>
      <c r="K24526" s="358"/>
      <c r="L24526" s="358" t="s">
        <v>643</v>
      </c>
    </row>
    <row r="24527" spans="2:12">
      <c r="B24527" s="367"/>
      <c r="C24527" s="360"/>
      <c r="D24527" s="367"/>
      <c r="E24527" s="367"/>
      <c r="F24527" s="360"/>
      <c r="G24527" s="360"/>
      <c r="H24527" s="360"/>
      <c r="I24527" s="360"/>
      <c r="J24527" s="365"/>
      <c r="K24527" s="365"/>
      <c r="L24527" s="367"/>
    </row>
    <row r="24528" spans="2:12">
      <c r="B24528" s="367"/>
      <c r="C24528" s="359" t="s">
        <v>29936</v>
      </c>
      <c r="D24528" s="367"/>
      <c r="E24528" s="367"/>
      <c r="F24528" s="359" t="s">
        <v>14889</v>
      </c>
      <c r="G24528" s="359" t="s">
        <v>14890</v>
      </c>
      <c r="H24528" s="359" t="s">
        <v>14332</v>
      </c>
      <c r="I24528" s="359" t="s">
        <v>14890</v>
      </c>
      <c r="J24528" s="365"/>
      <c r="K24528" s="365"/>
      <c r="L24528" s="367"/>
    </row>
    <row r="24529" spans="2:12">
      <c r="B24529" s="367"/>
      <c r="C24529" s="360"/>
      <c r="D24529" s="367"/>
      <c r="E24529" s="367"/>
      <c r="F24529" s="360"/>
      <c r="G24529" s="360"/>
      <c r="H24529" s="360"/>
      <c r="I24529" s="360"/>
      <c r="J24529" s="365"/>
      <c r="K24529" s="365"/>
      <c r="L24529" s="367"/>
    </row>
    <row r="24530" spans="2:12" ht="57">
      <c r="B24530" s="368"/>
      <c r="C24530" s="361" t="s">
        <v>30835</v>
      </c>
      <c r="D24530" s="368"/>
      <c r="E24530" s="368"/>
      <c r="F24530" s="361" t="s">
        <v>17310</v>
      </c>
      <c r="G24530" s="361" t="s">
        <v>17311</v>
      </c>
      <c r="H24530" s="362"/>
      <c r="I24530" s="361" t="s">
        <v>17311</v>
      </c>
      <c r="J24530" s="366"/>
      <c r="K24530" s="366"/>
      <c r="L24530" s="368"/>
    </row>
    <row r="24531" spans="2:12">
      <c r="B24531" s="358" t="s">
        <v>12040</v>
      </c>
      <c r="C24531" s="358" t="s">
        <v>12893</v>
      </c>
      <c r="D24531" s="358" t="s">
        <v>12041</v>
      </c>
      <c r="E24531" s="358" t="s">
        <v>12042</v>
      </c>
      <c r="F24531" s="358" t="s">
        <v>14376</v>
      </c>
      <c r="G24531" s="358" t="s">
        <v>14669</v>
      </c>
      <c r="H24531" s="358" t="s">
        <v>14381</v>
      </c>
      <c r="I24531" s="358" t="s">
        <v>14669</v>
      </c>
      <c r="J24531" s="358"/>
      <c r="K24531" s="358"/>
      <c r="L24531" s="358" t="s">
        <v>643</v>
      </c>
    </row>
    <row r="24532" spans="2:12">
      <c r="B24532" s="367"/>
      <c r="C24532" s="360"/>
      <c r="D24532" s="367"/>
      <c r="E24532" s="367"/>
      <c r="F24532" s="360"/>
      <c r="G24532" s="360"/>
      <c r="H24532" s="360"/>
      <c r="I24532" s="360"/>
      <c r="J24532" s="365"/>
      <c r="K24532" s="365"/>
      <c r="L24532" s="367"/>
    </row>
    <row r="24533" spans="2:12">
      <c r="B24533" s="367"/>
      <c r="C24533" s="359" t="s">
        <v>29936</v>
      </c>
      <c r="D24533" s="367"/>
      <c r="E24533" s="367"/>
      <c r="F24533" s="359" t="s">
        <v>14889</v>
      </c>
      <c r="G24533" s="359" t="s">
        <v>14890</v>
      </c>
      <c r="H24533" s="359" t="s">
        <v>14332</v>
      </c>
      <c r="I24533" s="359" t="s">
        <v>14890</v>
      </c>
      <c r="J24533" s="365"/>
      <c r="K24533" s="365"/>
      <c r="L24533" s="367"/>
    </row>
    <row r="24534" spans="2:12">
      <c r="B24534" s="367"/>
      <c r="C24534" s="360"/>
      <c r="D24534" s="367"/>
      <c r="E24534" s="367"/>
      <c r="F24534" s="360"/>
      <c r="G24534" s="360"/>
      <c r="H24534" s="360"/>
      <c r="I24534" s="360"/>
      <c r="J24534" s="365"/>
      <c r="K24534" s="365"/>
      <c r="L24534" s="367"/>
    </row>
    <row r="24535" spans="2:12" ht="57">
      <c r="B24535" s="368"/>
      <c r="C24535" s="361" t="s">
        <v>30836</v>
      </c>
      <c r="D24535" s="368"/>
      <c r="E24535" s="368"/>
      <c r="F24535" s="361" t="s">
        <v>17310</v>
      </c>
      <c r="G24535" s="361" t="s">
        <v>17311</v>
      </c>
      <c r="H24535" s="362"/>
      <c r="I24535" s="361" t="s">
        <v>17311</v>
      </c>
      <c r="J24535" s="366"/>
      <c r="K24535" s="366"/>
      <c r="L24535" s="368"/>
    </row>
    <row r="24536" spans="2:12">
      <c r="B24536" s="358" t="s">
        <v>12044</v>
      </c>
      <c r="C24536" s="358" t="s">
        <v>12894</v>
      </c>
      <c r="D24536" s="358" t="s">
        <v>12045</v>
      </c>
      <c r="E24536" s="358" t="s">
        <v>12046</v>
      </c>
      <c r="F24536" s="358" t="s">
        <v>14376</v>
      </c>
      <c r="G24536" s="358" t="s">
        <v>14669</v>
      </c>
      <c r="H24536" s="358" t="s">
        <v>14381</v>
      </c>
      <c r="I24536" s="358" t="s">
        <v>14669</v>
      </c>
      <c r="J24536" s="358"/>
      <c r="K24536" s="358"/>
      <c r="L24536" s="358" t="s">
        <v>643</v>
      </c>
    </row>
    <row r="24537" spans="2:12">
      <c r="B24537" s="367"/>
      <c r="C24537" s="360"/>
      <c r="D24537" s="367"/>
      <c r="E24537" s="367"/>
      <c r="F24537" s="360"/>
      <c r="G24537" s="360"/>
      <c r="H24537" s="360"/>
      <c r="I24537" s="360"/>
      <c r="J24537" s="365"/>
      <c r="K24537" s="365"/>
      <c r="L24537" s="367"/>
    </row>
    <row r="24538" spans="2:12">
      <c r="B24538" s="367"/>
      <c r="C24538" s="359" t="s">
        <v>29936</v>
      </c>
      <c r="D24538" s="367"/>
      <c r="E24538" s="367"/>
      <c r="F24538" s="359" t="s">
        <v>14889</v>
      </c>
      <c r="G24538" s="359" t="s">
        <v>14890</v>
      </c>
      <c r="H24538" s="359" t="s">
        <v>14332</v>
      </c>
      <c r="I24538" s="359" t="s">
        <v>14890</v>
      </c>
      <c r="J24538" s="365"/>
      <c r="K24538" s="365"/>
      <c r="L24538" s="367"/>
    </row>
    <row r="24539" spans="2:12">
      <c r="B24539" s="367"/>
      <c r="C24539" s="360"/>
      <c r="D24539" s="367"/>
      <c r="E24539" s="367"/>
      <c r="F24539" s="360"/>
      <c r="G24539" s="360"/>
      <c r="H24539" s="360"/>
      <c r="I24539" s="360"/>
      <c r="J24539" s="365"/>
      <c r="K24539" s="365"/>
      <c r="L24539" s="367"/>
    </row>
    <row r="24540" spans="2:12" ht="57">
      <c r="B24540" s="368"/>
      <c r="C24540" s="361" t="s">
        <v>28258</v>
      </c>
      <c r="D24540" s="368"/>
      <c r="E24540" s="368"/>
      <c r="F24540" s="361" t="s">
        <v>17310</v>
      </c>
      <c r="G24540" s="361" t="s">
        <v>17311</v>
      </c>
      <c r="H24540" s="362"/>
      <c r="I24540" s="361" t="s">
        <v>17311</v>
      </c>
      <c r="J24540" s="366"/>
      <c r="K24540" s="366"/>
      <c r="L24540" s="368"/>
    </row>
    <row r="24541" spans="2:12">
      <c r="B24541" s="358" t="s">
        <v>12048</v>
      </c>
      <c r="C24541" s="358" t="s">
        <v>12895</v>
      </c>
      <c r="D24541" s="358" t="s">
        <v>12049</v>
      </c>
      <c r="E24541" s="358" t="s">
        <v>12050</v>
      </c>
      <c r="F24541" s="358" t="s">
        <v>14376</v>
      </c>
      <c r="G24541" s="358" t="s">
        <v>14669</v>
      </c>
      <c r="H24541" s="358" t="s">
        <v>14381</v>
      </c>
      <c r="I24541" s="358" t="s">
        <v>14669</v>
      </c>
      <c r="J24541" s="358"/>
      <c r="K24541" s="358"/>
      <c r="L24541" s="358" t="s">
        <v>643</v>
      </c>
    </row>
    <row r="24542" spans="2:12">
      <c r="B24542" s="367"/>
      <c r="C24542" s="360"/>
      <c r="D24542" s="367"/>
      <c r="E24542" s="367"/>
      <c r="F24542" s="360"/>
      <c r="G24542" s="360"/>
      <c r="H24542" s="360"/>
      <c r="I24542" s="360"/>
      <c r="J24542" s="365"/>
      <c r="K24542" s="365"/>
      <c r="L24542" s="367"/>
    </row>
    <row r="24543" spans="2:12">
      <c r="B24543" s="367"/>
      <c r="C24543" s="359" t="s">
        <v>29944</v>
      </c>
      <c r="D24543" s="367"/>
      <c r="E24543" s="367"/>
      <c r="F24543" s="359" t="s">
        <v>14889</v>
      </c>
      <c r="G24543" s="359" t="s">
        <v>14890</v>
      </c>
      <c r="H24543" s="359" t="s">
        <v>14332</v>
      </c>
      <c r="I24543" s="359" t="s">
        <v>14890</v>
      </c>
      <c r="J24543" s="365"/>
      <c r="K24543" s="365"/>
      <c r="L24543" s="367"/>
    </row>
    <row r="24544" spans="2:12">
      <c r="B24544" s="367"/>
      <c r="C24544" s="360"/>
      <c r="D24544" s="367"/>
      <c r="E24544" s="367"/>
      <c r="F24544" s="360"/>
      <c r="G24544" s="360"/>
      <c r="H24544" s="360"/>
      <c r="I24544" s="360"/>
      <c r="J24544" s="365"/>
      <c r="K24544" s="365"/>
      <c r="L24544" s="367"/>
    </row>
    <row r="24545" spans="2:12" ht="85.5">
      <c r="B24545" s="368"/>
      <c r="C24545" s="361" t="s">
        <v>30837</v>
      </c>
      <c r="D24545" s="368"/>
      <c r="E24545" s="368"/>
      <c r="F24545" s="361" t="s">
        <v>17310</v>
      </c>
      <c r="G24545" s="361" t="s">
        <v>17311</v>
      </c>
      <c r="H24545" s="362"/>
      <c r="I24545" s="361" t="s">
        <v>17311</v>
      </c>
      <c r="J24545" s="366"/>
      <c r="K24545" s="366"/>
      <c r="L24545" s="368"/>
    </row>
    <row r="24546" spans="2:12">
      <c r="B24546" s="358" t="s">
        <v>12052</v>
      </c>
      <c r="C24546" s="358" t="s">
        <v>12896</v>
      </c>
      <c r="D24546" s="358" t="s">
        <v>12053</v>
      </c>
      <c r="E24546" s="358" t="s">
        <v>12054</v>
      </c>
      <c r="F24546" s="358" t="s">
        <v>14376</v>
      </c>
      <c r="G24546" s="358" t="s">
        <v>14669</v>
      </c>
      <c r="H24546" s="358" t="s">
        <v>14381</v>
      </c>
      <c r="I24546" s="358" t="s">
        <v>14669</v>
      </c>
      <c r="J24546" s="358"/>
      <c r="K24546" s="358"/>
      <c r="L24546" s="358" t="s">
        <v>643</v>
      </c>
    </row>
    <row r="24547" spans="2:12">
      <c r="B24547" s="367"/>
      <c r="C24547" s="360"/>
      <c r="D24547" s="367"/>
      <c r="E24547" s="367"/>
      <c r="F24547" s="360"/>
      <c r="G24547" s="360"/>
      <c r="H24547" s="360"/>
      <c r="I24547" s="360"/>
      <c r="J24547" s="365"/>
      <c r="K24547" s="365"/>
      <c r="L24547" s="367"/>
    </row>
    <row r="24548" spans="2:12">
      <c r="B24548" s="367"/>
      <c r="C24548" s="359" t="s">
        <v>29936</v>
      </c>
      <c r="D24548" s="367"/>
      <c r="E24548" s="367"/>
      <c r="F24548" s="359" t="s">
        <v>14889</v>
      </c>
      <c r="G24548" s="359" t="s">
        <v>14890</v>
      </c>
      <c r="H24548" s="359" t="s">
        <v>14332</v>
      </c>
      <c r="I24548" s="359" t="s">
        <v>14890</v>
      </c>
      <c r="J24548" s="365"/>
      <c r="K24548" s="365"/>
      <c r="L24548" s="367"/>
    </row>
    <row r="24549" spans="2:12">
      <c r="B24549" s="367"/>
      <c r="C24549" s="360"/>
      <c r="D24549" s="367"/>
      <c r="E24549" s="367"/>
      <c r="F24549" s="360"/>
      <c r="G24549" s="360"/>
      <c r="H24549" s="360"/>
      <c r="I24549" s="360"/>
      <c r="J24549" s="365"/>
      <c r="K24549" s="365"/>
      <c r="L24549" s="367"/>
    </row>
    <row r="24550" spans="2:12" ht="85.5">
      <c r="B24550" s="368"/>
      <c r="C24550" s="361" t="s">
        <v>30838</v>
      </c>
      <c r="D24550" s="368"/>
      <c r="E24550" s="368"/>
      <c r="F24550" s="361" t="s">
        <v>17310</v>
      </c>
      <c r="G24550" s="361" t="s">
        <v>17311</v>
      </c>
      <c r="H24550" s="362"/>
      <c r="I24550" s="361" t="s">
        <v>17311</v>
      </c>
      <c r="J24550" s="366"/>
      <c r="K24550" s="366"/>
      <c r="L24550" s="368"/>
    </row>
    <row r="24551" spans="2:12" ht="28.5">
      <c r="B24551" s="358" t="s">
        <v>12056</v>
      </c>
      <c r="C24551" s="358" t="s">
        <v>29945</v>
      </c>
      <c r="D24551" s="358" t="s">
        <v>12057</v>
      </c>
      <c r="E24551" s="358" t="s">
        <v>12058</v>
      </c>
      <c r="F24551" s="358" t="s">
        <v>14376</v>
      </c>
      <c r="G24551" s="358" t="s">
        <v>14669</v>
      </c>
      <c r="H24551" s="358" t="s">
        <v>14381</v>
      </c>
      <c r="I24551" s="358" t="s">
        <v>14669</v>
      </c>
      <c r="J24551" s="358"/>
      <c r="K24551" s="358"/>
      <c r="L24551" s="358" t="s">
        <v>643</v>
      </c>
    </row>
    <row r="24552" spans="2:12">
      <c r="B24552" s="367"/>
      <c r="C24552" s="360"/>
      <c r="D24552" s="367"/>
      <c r="E24552" s="367"/>
      <c r="F24552" s="360"/>
      <c r="G24552" s="360"/>
      <c r="H24552" s="360"/>
      <c r="I24552" s="360"/>
      <c r="J24552" s="365"/>
      <c r="K24552" s="365"/>
      <c r="L24552" s="367"/>
    </row>
    <row r="24553" spans="2:12" ht="114">
      <c r="B24553" s="367"/>
      <c r="C24553" s="359" t="s">
        <v>30839</v>
      </c>
      <c r="D24553" s="367"/>
      <c r="E24553" s="367"/>
      <c r="F24553" s="359" t="s">
        <v>14889</v>
      </c>
      <c r="G24553" s="359" t="s">
        <v>14890</v>
      </c>
      <c r="H24553" s="359" t="s">
        <v>14332</v>
      </c>
      <c r="I24553" s="359" t="s">
        <v>14890</v>
      </c>
      <c r="J24553" s="365"/>
      <c r="K24553" s="365"/>
      <c r="L24553" s="367"/>
    </row>
    <row r="24554" spans="2:12">
      <c r="B24554" s="367"/>
      <c r="C24554" s="360"/>
      <c r="D24554" s="367"/>
      <c r="E24554" s="367"/>
      <c r="F24554" s="360"/>
      <c r="G24554" s="360"/>
      <c r="H24554" s="360"/>
      <c r="I24554" s="360"/>
      <c r="J24554" s="365"/>
      <c r="K24554" s="365"/>
      <c r="L24554" s="367"/>
    </row>
    <row r="24555" spans="2:12">
      <c r="B24555" s="368"/>
      <c r="C24555" s="362"/>
      <c r="D24555" s="368"/>
      <c r="E24555" s="368"/>
      <c r="F24555" s="361" t="s">
        <v>17310</v>
      </c>
      <c r="G24555" s="361" t="s">
        <v>17311</v>
      </c>
      <c r="H24555" s="362"/>
      <c r="I24555" s="361" t="s">
        <v>17311</v>
      </c>
      <c r="J24555" s="366"/>
      <c r="K24555" s="366"/>
      <c r="L24555" s="368"/>
    </row>
    <row r="24556" spans="2:12">
      <c r="B24556" s="358" t="s">
        <v>12060</v>
      </c>
      <c r="C24556" s="358" t="s">
        <v>12898</v>
      </c>
      <c r="D24556" s="358" t="s">
        <v>12061</v>
      </c>
      <c r="E24556" s="358" t="s">
        <v>12062</v>
      </c>
      <c r="F24556" s="358" t="s">
        <v>14376</v>
      </c>
      <c r="G24556" s="358" t="s">
        <v>14669</v>
      </c>
      <c r="H24556" s="358" t="s">
        <v>14381</v>
      </c>
      <c r="I24556" s="358" t="s">
        <v>14669</v>
      </c>
      <c r="J24556" s="358"/>
      <c r="K24556" s="358"/>
      <c r="L24556" s="358" t="s">
        <v>643</v>
      </c>
    </row>
    <row r="24557" spans="2:12">
      <c r="B24557" s="367"/>
      <c r="C24557" s="360"/>
      <c r="D24557" s="367"/>
      <c r="E24557" s="367"/>
      <c r="F24557" s="360"/>
      <c r="G24557" s="360"/>
      <c r="H24557" s="360"/>
      <c r="I24557" s="360"/>
      <c r="J24557" s="365"/>
      <c r="K24557" s="365"/>
      <c r="L24557" s="367"/>
    </row>
    <row r="24558" spans="2:12">
      <c r="B24558" s="367"/>
      <c r="C24558" s="359" t="s">
        <v>29944</v>
      </c>
      <c r="D24558" s="367"/>
      <c r="E24558" s="367"/>
      <c r="F24558" s="359" t="s">
        <v>14889</v>
      </c>
      <c r="G24558" s="359" t="s">
        <v>14890</v>
      </c>
      <c r="H24558" s="359" t="s">
        <v>14332</v>
      </c>
      <c r="I24558" s="359" t="s">
        <v>14890</v>
      </c>
      <c r="J24558" s="365"/>
      <c r="K24558" s="365"/>
      <c r="L24558" s="367"/>
    </row>
    <row r="24559" spans="2:12">
      <c r="B24559" s="367"/>
      <c r="C24559" s="360"/>
      <c r="D24559" s="367"/>
      <c r="E24559" s="367"/>
      <c r="F24559" s="360"/>
      <c r="G24559" s="360"/>
      <c r="H24559" s="360"/>
      <c r="I24559" s="360"/>
      <c r="J24559" s="365"/>
      <c r="K24559" s="365"/>
      <c r="L24559" s="367"/>
    </row>
    <row r="24560" spans="2:12" ht="114">
      <c r="B24560" s="368"/>
      <c r="C24560" s="361" t="s">
        <v>30840</v>
      </c>
      <c r="D24560" s="368"/>
      <c r="E24560" s="368"/>
      <c r="F24560" s="361" t="s">
        <v>17310</v>
      </c>
      <c r="G24560" s="361" t="s">
        <v>17311</v>
      </c>
      <c r="H24560" s="362"/>
      <c r="I24560" s="361" t="s">
        <v>17311</v>
      </c>
      <c r="J24560" s="366"/>
      <c r="K24560" s="366"/>
      <c r="L24560" s="368"/>
    </row>
    <row r="24561" spans="2:12">
      <c r="B24561" s="358" t="s">
        <v>12064</v>
      </c>
      <c r="C24561" s="358" t="s">
        <v>12899</v>
      </c>
      <c r="D24561" s="358" t="s">
        <v>12065</v>
      </c>
      <c r="E24561" s="358" t="s">
        <v>12066</v>
      </c>
      <c r="F24561" s="358" t="s">
        <v>14376</v>
      </c>
      <c r="G24561" s="358" t="s">
        <v>14669</v>
      </c>
      <c r="H24561" s="358" t="s">
        <v>14381</v>
      </c>
      <c r="I24561" s="358" t="s">
        <v>14669</v>
      </c>
      <c r="J24561" s="358"/>
      <c r="K24561" s="358"/>
      <c r="L24561" s="358" t="s">
        <v>643</v>
      </c>
    </row>
    <row r="24562" spans="2:12">
      <c r="B24562" s="367"/>
      <c r="C24562" s="360"/>
      <c r="D24562" s="367"/>
      <c r="E24562" s="367"/>
      <c r="F24562" s="360"/>
      <c r="G24562" s="360"/>
      <c r="H24562" s="360"/>
      <c r="I24562" s="360"/>
      <c r="J24562" s="365"/>
      <c r="K24562" s="365"/>
      <c r="L24562" s="367"/>
    </row>
    <row r="24563" spans="2:12">
      <c r="B24563" s="367"/>
      <c r="C24563" s="359" t="s">
        <v>29936</v>
      </c>
      <c r="D24563" s="367"/>
      <c r="E24563" s="367"/>
      <c r="F24563" s="359" t="s">
        <v>14889</v>
      </c>
      <c r="G24563" s="359" t="s">
        <v>14890</v>
      </c>
      <c r="H24563" s="359" t="s">
        <v>14332</v>
      </c>
      <c r="I24563" s="359" t="s">
        <v>14890</v>
      </c>
      <c r="J24563" s="365"/>
      <c r="K24563" s="365"/>
      <c r="L24563" s="367"/>
    </row>
    <row r="24564" spans="2:12">
      <c r="B24564" s="367"/>
      <c r="C24564" s="360"/>
      <c r="D24564" s="367"/>
      <c r="E24564" s="367"/>
      <c r="F24564" s="360"/>
      <c r="G24564" s="360"/>
      <c r="H24564" s="360"/>
      <c r="I24564" s="360"/>
      <c r="J24564" s="365"/>
      <c r="K24564" s="365"/>
      <c r="L24564" s="367"/>
    </row>
    <row r="24565" spans="2:12" ht="85.5">
      <c r="B24565" s="368"/>
      <c r="C24565" s="361" t="s">
        <v>30841</v>
      </c>
      <c r="D24565" s="368"/>
      <c r="E24565" s="368"/>
      <c r="F24565" s="361" t="s">
        <v>17310</v>
      </c>
      <c r="G24565" s="361" t="s">
        <v>17311</v>
      </c>
      <c r="H24565" s="362"/>
      <c r="I24565" s="361" t="s">
        <v>17311</v>
      </c>
      <c r="J24565" s="366"/>
      <c r="K24565" s="366"/>
      <c r="L24565" s="368"/>
    </row>
    <row r="24566" spans="2:12" ht="28.5">
      <c r="B24566" s="358" t="s">
        <v>12068</v>
      </c>
      <c r="C24566" s="358" t="s">
        <v>29946</v>
      </c>
      <c r="D24566" s="358" t="s">
        <v>12069</v>
      </c>
      <c r="E24566" s="358" t="s">
        <v>12070</v>
      </c>
      <c r="F24566" s="358" t="s">
        <v>14376</v>
      </c>
      <c r="G24566" s="358" t="s">
        <v>14669</v>
      </c>
      <c r="H24566" s="358" t="s">
        <v>14381</v>
      </c>
      <c r="I24566" s="358" t="s">
        <v>14669</v>
      </c>
      <c r="J24566" s="358"/>
      <c r="K24566" s="358"/>
      <c r="L24566" s="358" t="s">
        <v>643</v>
      </c>
    </row>
    <row r="24567" spans="2:12">
      <c r="B24567" s="367"/>
      <c r="C24567" s="360"/>
      <c r="D24567" s="367"/>
      <c r="E24567" s="367"/>
      <c r="F24567" s="360"/>
      <c r="G24567" s="360"/>
      <c r="H24567" s="360"/>
      <c r="I24567" s="360"/>
      <c r="J24567" s="365"/>
      <c r="K24567" s="365"/>
      <c r="L24567" s="367"/>
    </row>
    <row r="24568" spans="2:12" ht="85.5">
      <c r="B24568" s="367"/>
      <c r="C24568" s="359" t="s">
        <v>30842</v>
      </c>
      <c r="D24568" s="367"/>
      <c r="E24568" s="367"/>
      <c r="F24568" s="359" t="s">
        <v>14889</v>
      </c>
      <c r="G24568" s="359" t="s">
        <v>14890</v>
      </c>
      <c r="H24568" s="359" t="s">
        <v>14332</v>
      </c>
      <c r="I24568" s="359" t="s">
        <v>14890</v>
      </c>
      <c r="J24568" s="365"/>
      <c r="K24568" s="365"/>
      <c r="L24568" s="367"/>
    </row>
    <row r="24569" spans="2:12">
      <c r="B24569" s="367"/>
      <c r="C24569" s="360"/>
      <c r="D24569" s="367"/>
      <c r="E24569" s="367"/>
      <c r="F24569" s="360"/>
      <c r="G24569" s="360"/>
      <c r="H24569" s="360"/>
      <c r="I24569" s="360"/>
      <c r="J24569" s="365"/>
      <c r="K24569" s="365"/>
      <c r="L24569" s="367"/>
    </row>
    <row r="24570" spans="2:12">
      <c r="B24570" s="368"/>
      <c r="C24570" s="362"/>
      <c r="D24570" s="368"/>
      <c r="E24570" s="368"/>
      <c r="F24570" s="361" t="s">
        <v>17310</v>
      </c>
      <c r="G24570" s="361" t="s">
        <v>17311</v>
      </c>
      <c r="H24570" s="362"/>
      <c r="I24570" s="361" t="s">
        <v>17311</v>
      </c>
      <c r="J24570" s="366"/>
      <c r="K24570" s="366"/>
      <c r="L24570" s="368"/>
    </row>
    <row r="24571" spans="2:12">
      <c r="B24571" s="358" t="s">
        <v>12072</v>
      </c>
      <c r="C24571" s="358" t="s">
        <v>12901</v>
      </c>
      <c r="D24571" s="358" t="s">
        <v>12073</v>
      </c>
      <c r="E24571" s="358" t="s">
        <v>12074</v>
      </c>
      <c r="F24571" s="358" t="s">
        <v>14376</v>
      </c>
      <c r="G24571" s="358" t="s">
        <v>14669</v>
      </c>
      <c r="H24571" s="358" t="s">
        <v>14381</v>
      </c>
      <c r="I24571" s="358" t="s">
        <v>14669</v>
      </c>
      <c r="J24571" s="358"/>
      <c r="K24571" s="358"/>
      <c r="L24571" s="358" t="s">
        <v>643</v>
      </c>
    </row>
    <row r="24572" spans="2:12">
      <c r="B24572" s="367"/>
      <c r="C24572" s="360"/>
      <c r="D24572" s="367"/>
      <c r="E24572" s="367"/>
      <c r="F24572" s="360"/>
      <c r="G24572" s="360"/>
      <c r="H24572" s="360"/>
      <c r="I24572" s="360"/>
      <c r="J24572" s="365"/>
      <c r="K24572" s="365"/>
      <c r="L24572" s="367"/>
    </row>
    <row r="24573" spans="2:12">
      <c r="B24573" s="367"/>
      <c r="C24573" s="359" t="s">
        <v>29947</v>
      </c>
      <c r="D24573" s="367"/>
      <c r="E24573" s="367"/>
      <c r="F24573" s="359" t="s">
        <v>14889</v>
      </c>
      <c r="G24573" s="359" t="s">
        <v>14890</v>
      </c>
      <c r="H24573" s="359" t="s">
        <v>14332</v>
      </c>
      <c r="I24573" s="359" t="s">
        <v>14890</v>
      </c>
      <c r="J24573" s="365"/>
      <c r="K24573" s="365"/>
      <c r="L24573" s="367"/>
    </row>
    <row r="24574" spans="2:12">
      <c r="B24574" s="367"/>
      <c r="C24574" s="360"/>
      <c r="D24574" s="367"/>
      <c r="E24574" s="367"/>
      <c r="F24574" s="360"/>
      <c r="G24574" s="360"/>
      <c r="H24574" s="360"/>
      <c r="I24574" s="360"/>
      <c r="J24574" s="365"/>
      <c r="K24574" s="365"/>
      <c r="L24574" s="367"/>
    </row>
    <row r="24575" spans="2:12">
      <c r="B24575" s="368"/>
      <c r="C24575" s="362"/>
      <c r="D24575" s="368"/>
      <c r="E24575" s="368"/>
      <c r="F24575" s="361" t="s">
        <v>17310</v>
      </c>
      <c r="G24575" s="361" t="s">
        <v>17311</v>
      </c>
      <c r="H24575" s="362"/>
      <c r="I24575" s="361" t="s">
        <v>17311</v>
      </c>
      <c r="J24575" s="366"/>
      <c r="K24575" s="366"/>
      <c r="L24575" s="368"/>
    </row>
    <row r="24576" spans="2:12">
      <c r="B24576" s="358" t="s">
        <v>12076</v>
      </c>
      <c r="C24576" s="358" t="s">
        <v>12902</v>
      </c>
      <c r="D24576" s="358" t="s">
        <v>12077</v>
      </c>
      <c r="E24576" s="358" t="s">
        <v>12078</v>
      </c>
      <c r="F24576" s="358" t="s">
        <v>14376</v>
      </c>
      <c r="G24576" s="358" t="s">
        <v>14669</v>
      </c>
      <c r="H24576" s="358" t="s">
        <v>14381</v>
      </c>
      <c r="I24576" s="358" t="s">
        <v>14669</v>
      </c>
      <c r="J24576" s="358"/>
      <c r="K24576" s="358"/>
      <c r="L24576" s="358" t="s">
        <v>643</v>
      </c>
    </row>
    <row r="24577" spans="2:12">
      <c r="B24577" s="367"/>
      <c r="C24577" s="360"/>
      <c r="D24577" s="367"/>
      <c r="E24577" s="367"/>
      <c r="F24577" s="360"/>
      <c r="G24577" s="360"/>
      <c r="H24577" s="360"/>
      <c r="I24577" s="360"/>
      <c r="J24577" s="365"/>
      <c r="K24577" s="365"/>
      <c r="L24577" s="367"/>
    </row>
    <row r="24578" spans="2:12">
      <c r="B24578" s="367"/>
      <c r="C24578" s="359" t="s">
        <v>29936</v>
      </c>
      <c r="D24578" s="367"/>
      <c r="E24578" s="367"/>
      <c r="F24578" s="359" t="s">
        <v>14889</v>
      </c>
      <c r="G24578" s="359" t="s">
        <v>14890</v>
      </c>
      <c r="H24578" s="359" t="s">
        <v>14332</v>
      </c>
      <c r="I24578" s="359" t="s">
        <v>14890</v>
      </c>
      <c r="J24578" s="365"/>
      <c r="K24578" s="365"/>
      <c r="L24578" s="367"/>
    </row>
    <row r="24579" spans="2:12">
      <c r="B24579" s="367"/>
      <c r="C24579" s="360"/>
      <c r="D24579" s="367"/>
      <c r="E24579" s="367"/>
      <c r="F24579" s="360"/>
      <c r="G24579" s="360"/>
      <c r="H24579" s="360"/>
      <c r="I24579" s="360"/>
      <c r="J24579" s="365"/>
      <c r="K24579" s="365"/>
      <c r="L24579" s="367"/>
    </row>
    <row r="24580" spans="2:12" ht="57">
      <c r="B24580" s="368"/>
      <c r="C24580" s="361" t="s">
        <v>28259</v>
      </c>
      <c r="D24580" s="368"/>
      <c r="E24580" s="368"/>
      <c r="F24580" s="361" t="s">
        <v>17310</v>
      </c>
      <c r="G24580" s="361" t="s">
        <v>17311</v>
      </c>
      <c r="H24580" s="362"/>
      <c r="I24580" s="361" t="s">
        <v>17311</v>
      </c>
      <c r="J24580" s="366"/>
      <c r="K24580" s="366"/>
      <c r="L24580" s="368"/>
    </row>
    <row r="24581" spans="2:12">
      <c r="B24581" s="358" t="s">
        <v>12080</v>
      </c>
      <c r="C24581" s="358" t="s">
        <v>12903</v>
      </c>
      <c r="D24581" s="358" t="s">
        <v>12081</v>
      </c>
      <c r="E24581" s="358" t="s">
        <v>12082</v>
      </c>
      <c r="F24581" s="358" t="s">
        <v>14376</v>
      </c>
      <c r="G24581" s="358" t="s">
        <v>14669</v>
      </c>
      <c r="H24581" s="358" t="s">
        <v>14381</v>
      </c>
      <c r="I24581" s="358" t="s">
        <v>14669</v>
      </c>
      <c r="J24581" s="358"/>
      <c r="K24581" s="358"/>
      <c r="L24581" s="358" t="s">
        <v>643</v>
      </c>
    </row>
    <row r="24582" spans="2:12">
      <c r="B24582" s="367"/>
      <c r="C24582" s="360"/>
      <c r="D24582" s="367"/>
      <c r="E24582" s="367"/>
      <c r="F24582" s="360"/>
      <c r="G24582" s="360"/>
      <c r="H24582" s="360"/>
      <c r="I24582" s="360"/>
      <c r="J24582" s="365"/>
      <c r="K24582" s="365"/>
      <c r="L24582" s="367"/>
    </row>
    <row r="24583" spans="2:12">
      <c r="B24583" s="367"/>
      <c r="C24583" s="359" t="s">
        <v>29936</v>
      </c>
      <c r="D24583" s="367"/>
      <c r="E24583" s="367"/>
      <c r="F24583" s="359" t="s">
        <v>14889</v>
      </c>
      <c r="G24583" s="359" t="s">
        <v>14890</v>
      </c>
      <c r="H24583" s="359" t="s">
        <v>14332</v>
      </c>
      <c r="I24583" s="359" t="s">
        <v>14890</v>
      </c>
      <c r="J24583" s="365"/>
      <c r="K24583" s="365"/>
      <c r="L24583" s="367"/>
    </row>
    <row r="24584" spans="2:12">
      <c r="B24584" s="367"/>
      <c r="C24584" s="360"/>
      <c r="D24584" s="367"/>
      <c r="E24584" s="367"/>
      <c r="F24584" s="360"/>
      <c r="G24584" s="360"/>
      <c r="H24584" s="360"/>
      <c r="I24584" s="360"/>
      <c r="J24584" s="365"/>
      <c r="K24584" s="365"/>
      <c r="L24584" s="367"/>
    </row>
    <row r="24585" spans="2:12" ht="114">
      <c r="B24585" s="368"/>
      <c r="C24585" s="361" t="s">
        <v>30843</v>
      </c>
      <c r="D24585" s="368"/>
      <c r="E24585" s="368"/>
      <c r="F24585" s="361" t="s">
        <v>17310</v>
      </c>
      <c r="G24585" s="361" t="s">
        <v>17311</v>
      </c>
      <c r="H24585" s="362"/>
      <c r="I24585" s="361" t="s">
        <v>17311</v>
      </c>
      <c r="J24585" s="366"/>
      <c r="K24585" s="366"/>
      <c r="L24585" s="368"/>
    </row>
    <row r="24586" spans="2:12">
      <c r="B24586" s="358" t="s">
        <v>12084</v>
      </c>
      <c r="C24586" s="358" t="s">
        <v>12904</v>
      </c>
      <c r="D24586" s="358" t="s">
        <v>12085</v>
      </c>
      <c r="E24586" s="358" t="s">
        <v>12086</v>
      </c>
      <c r="F24586" s="358" t="s">
        <v>14376</v>
      </c>
      <c r="G24586" s="358" t="s">
        <v>14669</v>
      </c>
      <c r="H24586" s="358" t="s">
        <v>14381</v>
      </c>
      <c r="I24586" s="358" t="s">
        <v>14669</v>
      </c>
      <c r="J24586" s="358"/>
      <c r="K24586" s="358"/>
      <c r="L24586" s="358" t="s">
        <v>643</v>
      </c>
    </row>
    <row r="24587" spans="2:12">
      <c r="B24587" s="367"/>
      <c r="C24587" s="360"/>
      <c r="D24587" s="367"/>
      <c r="E24587" s="367"/>
      <c r="F24587" s="360"/>
      <c r="G24587" s="360"/>
      <c r="H24587" s="360"/>
      <c r="I24587" s="360"/>
      <c r="J24587" s="365"/>
      <c r="K24587" s="365"/>
      <c r="L24587" s="367"/>
    </row>
    <row r="24588" spans="2:12">
      <c r="B24588" s="367"/>
      <c r="C24588" s="359" t="s">
        <v>29936</v>
      </c>
      <c r="D24588" s="367"/>
      <c r="E24588" s="367"/>
      <c r="F24588" s="359" t="s">
        <v>14889</v>
      </c>
      <c r="G24588" s="359" t="s">
        <v>14890</v>
      </c>
      <c r="H24588" s="359" t="s">
        <v>14332</v>
      </c>
      <c r="I24588" s="359" t="s">
        <v>14890</v>
      </c>
      <c r="J24588" s="365"/>
      <c r="K24588" s="365"/>
      <c r="L24588" s="367"/>
    </row>
    <row r="24589" spans="2:12">
      <c r="B24589" s="367"/>
      <c r="C24589" s="360"/>
      <c r="D24589" s="367"/>
      <c r="E24589" s="367"/>
      <c r="F24589" s="360"/>
      <c r="G24589" s="360"/>
      <c r="H24589" s="360"/>
      <c r="I24589" s="360"/>
      <c r="J24589" s="365"/>
      <c r="K24589" s="365"/>
      <c r="L24589" s="367"/>
    </row>
    <row r="24590" spans="2:12" ht="99.75">
      <c r="B24590" s="368"/>
      <c r="C24590" s="361" t="s">
        <v>28260</v>
      </c>
      <c r="D24590" s="368"/>
      <c r="E24590" s="368"/>
      <c r="F24590" s="361" t="s">
        <v>17310</v>
      </c>
      <c r="G24590" s="361" t="s">
        <v>17311</v>
      </c>
      <c r="H24590" s="362"/>
      <c r="I24590" s="361" t="s">
        <v>17311</v>
      </c>
      <c r="J24590" s="366"/>
      <c r="K24590" s="366"/>
      <c r="L24590" s="368"/>
    </row>
    <row r="24591" spans="2:12">
      <c r="B24591" s="358" t="s">
        <v>12088</v>
      </c>
      <c r="C24591" s="358" t="s">
        <v>12905</v>
      </c>
      <c r="D24591" s="358" t="s">
        <v>12089</v>
      </c>
      <c r="E24591" s="358" t="s">
        <v>12090</v>
      </c>
      <c r="F24591" s="358" t="s">
        <v>14376</v>
      </c>
      <c r="G24591" s="358" t="s">
        <v>14669</v>
      </c>
      <c r="H24591" s="358" t="s">
        <v>14381</v>
      </c>
      <c r="I24591" s="358" t="s">
        <v>14669</v>
      </c>
      <c r="J24591" s="358"/>
      <c r="K24591" s="358"/>
      <c r="L24591" s="358" t="s">
        <v>643</v>
      </c>
    </row>
    <row r="24592" spans="2:12">
      <c r="B24592" s="367"/>
      <c r="C24592" s="360"/>
      <c r="D24592" s="367"/>
      <c r="E24592" s="367"/>
      <c r="F24592" s="360"/>
      <c r="G24592" s="360"/>
      <c r="H24592" s="360"/>
      <c r="I24592" s="360"/>
      <c r="J24592" s="365"/>
      <c r="K24592" s="365"/>
      <c r="L24592" s="367"/>
    </row>
    <row r="24593" spans="2:12">
      <c r="B24593" s="367"/>
      <c r="C24593" s="359" t="s">
        <v>29936</v>
      </c>
      <c r="D24593" s="367"/>
      <c r="E24593" s="367"/>
      <c r="F24593" s="359" t="s">
        <v>14889</v>
      </c>
      <c r="G24593" s="359" t="s">
        <v>14890</v>
      </c>
      <c r="H24593" s="359" t="s">
        <v>14332</v>
      </c>
      <c r="I24593" s="359" t="s">
        <v>14890</v>
      </c>
      <c r="J24593" s="365"/>
      <c r="K24593" s="365"/>
      <c r="L24593" s="367"/>
    </row>
    <row r="24594" spans="2:12">
      <c r="B24594" s="367"/>
      <c r="C24594" s="360"/>
      <c r="D24594" s="367"/>
      <c r="E24594" s="367"/>
      <c r="F24594" s="360"/>
      <c r="G24594" s="360"/>
      <c r="H24594" s="360"/>
      <c r="I24594" s="360"/>
      <c r="J24594" s="365"/>
      <c r="K24594" s="365"/>
      <c r="L24594" s="367"/>
    </row>
    <row r="24595" spans="2:12" ht="71.25">
      <c r="B24595" s="368"/>
      <c r="C24595" s="361" t="s">
        <v>28261</v>
      </c>
      <c r="D24595" s="368"/>
      <c r="E24595" s="368"/>
      <c r="F24595" s="361" t="s">
        <v>17310</v>
      </c>
      <c r="G24595" s="361" t="s">
        <v>17311</v>
      </c>
      <c r="H24595" s="362"/>
      <c r="I24595" s="361" t="s">
        <v>17311</v>
      </c>
      <c r="J24595" s="366"/>
      <c r="K24595" s="366"/>
      <c r="L24595" s="368"/>
    </row>
    <row r="24596" spans="2:12" ht="28.5">
      <c r="B24596" s="358" t="s">
        <v>12092</v>
      </c>
      <c r="C24596" s="358" t="s">
        <v>12906</v>
      </c>
      <c r="D24596" s="358" t="s">
        <v>12093</v>
      </c>
      <c r="E24596" s="358" t="s">
        <v>12094</v>
      </c>
      <c r="F24596" s="358" t="s">
        <v>14376</v>
      </c>
      <c r="G24596" s="358" t="s">
        <v>14669</v>
      </c>
      <c r="H24596" s="358" t="s">
        <v>14381</v>
      </c>
      <c r="I24596" s="358" t="s">
        <v>14669</v>
      </c>
      <c r="J24596" s="358"/>
      <c r="K24596" s="358"/>
      <c r="L24596" s="358" t="s">
        <v>643</v>
      </c>
    </row>
    <row r="24597" spans="2:12">
      <c r="B24597" s="367"/>
      <c r="C24597" s="360"/>
      <c r="D24597" s="367"/>
      <c r="E24597" s="367"/>
      <c r="F24597" s="360"/>
      <c r="G24597" s="360"/>
      <c r="H24597" s="360"/>
      <c r="I24597" s="360"/>
      <c r="J24597" s="365"/>
      <c r="K24597" s="365"/>
      <c r="L24597" s="367"/>
    </row>
    <row r="24598" spans="2:12">
      <c r="B24598" s="367"/>
      <c r="C24598" s="359" t="s">
        <v>29936</v>
      </c>
      <c r="D24598" s="367"/>
      <c r="E24598" s="367"/>
      <c r="F24598" s="359" t="s">
        <v>14889</v>
      </c>
      <c r="G24598" s="359" t="s">
        <v>14890</v>
      </c>
      <c r="H24598" s="359" t="s">
        <v>14332</v>
      </c>
      <c r="I24598" s="359" t="s">
        <v>14890</v>
      </c>
      <c r="J24598" s="365"/>
      <c r="K24598" s="365"/>
      <c r="L24598" s="367"/>
    </row>
    <row r="24599" spans="2:12">
      <c r="B24599" s="367"/>
      <c r="C24599" s="360"/>
      <c r="D24599" s="367"/>
      <c r="E24599" s="367"/>
      <c r="F24599" s="360"/>
      <c r="G24599" s="360"/>
      <c r="H24599" s="360"/>
      <c r="I24599" s="360"/>
      <c r="J24599" s="365"/>
      <c r="K24599" s="365"/>
      <c r="L24599" s="367"/>
    </row>
    <row r="24600" spans="2:12" ht="114">
      <c r="B24600" s="368"/>
      <c r="C24600" s="361" t="s">
        <v>30844</v>
      </c>
      <c r="D24600" s="368"/>
      <c r="E24600" s="368"/>
      <c r="F24600" s="361" t="s">
        <v>17310</v>
      </c>
      <c r="G24600" s="361" t="s">
        <v>17311</v>
      </c>
      <c r="H24600" s="362"/>
      <c r="I24600" s="361" t="s">
        <v>17311</v>
      </c>
      <c r="J24600" s="366"/>
      <c r="K24600" s="366"/>
      <c r="L24600" s="368"/>
    </row>
    <row r="24601" spans="2:12">
      <c r="B24601" s="358" t="s">
        <v>12096</v>
      </c>
      <c r="C24601" s="358" t="s">
        <v>12907</v>
      </c>
      <c r="D24601" s="358" t="s">
        <v>12097</v>
      </c>
      <c r="E24601" s="358" t="s">
        <v>12098</v>
      </c>
      <c r="F24601" s="358" t="s">
        <v>14376</v>
      </c>
      <c r="G24601" s="358" t="s">
        <v>14669</v>
      </c>
      <c r="H24601" s="358" t="s">
        <v>14381</v>
      </c>
      <c r="I24601" s="358" t="s">
        <v>14669</v>
      </c>
      <c r="J24601" s="358"/>
      <c r="K24601" s="358"/>
      <c r="L24601" s="358" t="s">
        <v>643</v>
      </c>
    </row>
    <row r="24602" spans="2:12">
      <c r="B24602" s="367"/>
      <c r="C24602" s="360"/>
      <c r="D24602" s="367"/>
      <c r="E24602" s="367"/>
      <c r="F24602" s="360"/>
      <c r="G24602" s="360"/>
      <c r="H24602" s="360"/>
      <c r="I24602" s="360"/>
      <c r="J24602" s="365"/>
      <c r="K24602" s="365"/>
      <c r="L24602" s="367"/>
    </row>
    <row r="24603" spans="2:12">
      <c r="B24603" s="367"/>
      <c r="C24603" s="359" t="s">
        <v>29936</v>
      </c>
      <c r="D24603" s="367"/>
      <c r="E24603" s="367"/>
      <c r="F24603" s="359" t="s">
        <v>14889</v>
      </c>
      <c r="G24603" s="359" t="s">
        <v>14890</v>
      </c>
      <c r="H24603" s="359" t="s">
        <v>14332</v>
      </c>
      <c r="I24603" s="359" t="s">
        <v>14890</v>
      </c>
      <c r="J24603" s="365"/>
      <c r="K24603" s="365"/>
      <c r="L24603" s="367"/>
    </row>
    <row r="24604" spans="2:12">
      <c r="B24604" s="367"/>
      <c r="C24604" s="360"/>
      <c r="D24604" s="367"/>
      <c r="E24604" s="367"/>
      <c r="F24604" s="360"/>
      <c r="G24604" s="360"/>
      <c r="H24604" s="360"/>
      <c r="I24604" s="360"/>
      <c r="J24604" s="365"/>
      <c r="K24604" s="365"/>
      <c r="L24604" s="367"/>
    </row>
    <row r="24605" spans="2:12" ht="71.25">
      <c r="B24605" s="368"/>
      <c r="C24605" s="361" t="s">
        <v>30845</v>
      </c>
      <c r="D24605" s="368"/>
      <c r="E24605" s="368"/>
      <c r="F24605" s="361" t="s">
        <v>17310</v>
      </c>
      <c r="G24605" s="361" t="s">
        <v>17311</v>
      </c>
      <c r="H24605" s="362"/>
      <c r="I24605" s="361" t="s">
        <v>17311</v>
      </c>
      <c r="J24605" s="366"/>
      <c r="K24605" s="366"/>
      <c r="L24605" s="368"/>
    </row>
    <row r="24606" spans="2:12" ht="28.5">
      <c r="B24606" s="358" t="s">
        <v>12099</v>
      </c>
      <c r="C24606" s="358" t="s">
        <v>28262</v>
      </c>
      <c r="D24606" s="358" t="s">
        <v>12100</v>
      </c>
      <c r="E24606" s="358" t="s">
        <v>12101</v>
      </c>
      <c r="F24606" s="358" t="s">
        <v>14376</v>
      </c>
      <c r="G24606" s="358" t="s">
        <v>14669</v>
      </c>
      <c r="H24606" s="358" t="s">
        <v>14381</v>
      </c>
      <c r="I24606" s="358" t="s">
        <v>14669</v>
      </c>
      <c r="J24606" s="358"/>
      <c r="K24606" s="358"/>
      <c r="L24606" s="358" t="s">
        <v>643</v>
      </c>
    </row>
    <row r="24607" spans="2:12">
      <c r="B24607" s="367"/>
      <c r="C24607" s="360"/>
      <c r="D24607" s="367"/>
      <c r="E24607" s="367"/>
      <c r="F24607" s="360"/>
      <c r="G24607" s="360"/>
      <c r="H24607" s="360"/>
      <c r="I24607" s="360"/>
      <c r="J24607" s="365"/>
      <c r="K24607" s="365"/>
      <c r="L24607" s="367"/>
    </row>
    <row r="24608" spans="2:12">
      <c r="B24608" s="367"/>
      <c r="C24608" s="359" t="s">
        <v>29942</v>
      </c>
      <c r="D24608" s="367"/>
      <c r="E24608" s="367"/>
      <c r="F24608" s="359" t="s">
        <v>14889</v>
      </c>
      <c r="G24608" s="359" t="s">
        <v>14890</v>
      </c>
      <c r="H24608" s="359" t="s">
        <v>14332</v>
      </c>
      <c r="I24608" s="359" t="s">
        <v>14890</v>
      </c>
      <c r="J24608" s="365"/>
      <c r="K24608" s="365"/>
      <c r="L24608" s="367"/>
    </row>
    <row r="24609" spans="2:12">
      <c r="B24609" s="367"/>
      <c r="C24609" s="360"/>
      <c r="D24609" s="367"/>
      <c r="E24609" s="367"/>
      <c r="F24609" s="360"/>
      <c r="G24609" s="360"/>
      <c r="H24609" s="360"/>
      <c r="I24609" s="360"/>
      <c r="J24609" s="365"/>
      <c r="K24609" s="365"/>
      <c r="L24609" s="367"/>
    </row>
    <row r="24610" spans="2:12">
      <c r="B24610" s="368"/>
      <c r="C24610" s="362"/>
      <c r="D24610" s="368"/>
      <c r="E24610" s="368"/>
      <c r="F24610" s="361" t="s">
        <v>17310</v>
      </c>
      <c r="G24610" s="361" t="s">
        <v>17311</v>
      </c>
      <c r="H24610" s="362"/>
      <c r="I24610" s="361" t="s">
        <v>17311</v>
      </c>
      <c r="J24610" s="366"/>
      <c r="K24610" s="366"/>
      <c r="L24610" s="368"/>
    </row>
    <row r="24611" spans="2:12" ht="28.5">
      <c r="B24611" s="358" t="s">
        <v>12102</v>
      </c>
      <c r="C24611" s="358" t="s">
        <v>30846</v>
      </c>
      <c r="D24611" s="358" t="s">
        <v>12103</v>
      </c>
      <c r="E24611" s="358" t="s">
        <v>12104</v>
      </c>
      <c r="F24611" s="358" t="s">
        <v>14376</v>
      </c>
      <c r="G24611" s="358" t="s">
        <v>14669</v>
      </c>
      <c r="H24611" s="358" t="s">
        <v>14381</v>
      </c>
      <c r="I24611" s="358" t="s">
        <v>14669</v>
      </c>
      <c r="J24611" s="358"/>
      <c r="K24611" s="358"/>
      <c r="L24611" s="358" t="s">
        <v>643</v>
      </c>
    </row>
    <row r="24612" spans="2:12">
      <c r="B24612" s="367"/>
      <c r="C24612" s="360"/>
      <c r="D24612" s="367"/>
      <c r="E24612" s="367"/>
      <c r="F24612" s="360"/>
      <c r="G24612" s="360"/>
      <c r="H24612" s="360"/>
      <c r="I24612" s="360"/>
      <c r="J24612" s="365"/>
      <c r="K24612" s="365"/>
      <c r="L24612" s="367"/>
    </row>
    <row r="24613" spans="2:12" ht="114">
      <c r="B24613" s="367"/>
      <c r="C24613" s="359" t="s">
        <v>30847</v>
      </c>
      <c r="D24613" s="367"/>
      <c r="E24613" s="367"/>
      <c r="F24613" s="359" t="s">
        <v>14889</v>
      </c>
      <c r="G24613" s="359" t="s">
        <v>14890</v>
      </c>
      <c r="H24613" s="359" t="s">
        <v>14332</v>
      </c>
      <c r="I24613" s="359" t="s">
        <v>14890</v>
      </c>
      <c r="J24613" s="365"/>
      <c r="K24613" s="365"/>
      <c r="L24613" s="367"/>
    </row>
    <row r="24614" spans="2:12">
      <c r="B24614" s="367"/>
      <c r="C24614" s="360"/>
      <c r="D24614" s="367"/>
      <c r="E24614" s="367"/>
      <c r="F24614" s="360"/>
      <c r="G24614" s="360"/>
      <c r="H24614" s="360"/>
      <c r="I24614" s="360"/>
      <c r="J24614" s="365"/>
      <c r="K24614" s="365"/>
      <c r="L24614" s="367"/>
    </row>
    <row r="24615" spans="2:12">
      <c r="B24615" s="368"/>
      <c r="C24615" s="362"/>
      <c r="D24615" s="368"/>
      <c r="E24615" s="368"/>
      <c r="F24615" s="361" t="s">
        <v>17310</v>
      </c>
      <c r="G24615" s="361" t="s">
        <v>17311</v>
      </c>
      <c r="H24615" s="362"/>
      <c r="I24615" s="361" t="s">
        <v>17311</v>
      </c>
      <c r="J24615" s="366"/>
      <c r="K24615" s="366"/>
      <c r="L24615" s="368"/>
    </row>
    <row r="24616" spans="2:12" ht="28.5">
      <c r="B24616" s="358" t="s">
        <v>12105</v>
      </c>
      <c r="C24616" s="358" t="s">
        <v>28263</v>
      </c>
      <c r="D24616" s="358" t="s">
        <v>12106</v>
      </c>
      <c r="E24616" s="358" t="s">
        <v>12107</v>
      </c>
      <c r="F24616" s="358" t="s">
        <v>14376</v>
      </c>
      <c r="G24616" s="358" t="s">
        <v>14669</v>
      </c>
      <c r="H24616" s="358" t="s">
        <v>14381</v>
      </c>
      <c r="I24616" s="358" t="s">
        <v>14669</v>
      </c>
      <c r="J24616" s="358"/>
      <c r="K24616" s="358"/>
      <c r="L24616" s="358" t="s">
        <v>643</v>
      </c>
    </row>
    <row r="24617" spans="2:12">
      <c r="B24617" s="367"/>
      <c r="C24617" s="360"/>
      <c r="D24617" s="367"/>
      <c r="E24617" s="367"/>
      <c r="F24617" s="360"/>
      <c r="G24617" s="360"/>
      <c r="H24617" s="360"/>
      <c r="I24617" s="360"/>
      <c r="J24617" s="365"/>
      <c r="K24617" s="365"/>
      <c r="L24617" s="367"/>
    </row>
    <row r="24618" spans="2:12">
      <c r="B24618" s="367"/>
      <c r="C24618" s="359" t="s">
        <v>29944</v>
      </c>
      <c r="D24618" s="367"/>
      <c r="E24618" s="367"/>
      <c r="F24618" s="359" t="s">
        <v>14889</v>
      </c>
      <c r="G24618" s="359" t="s">
        <v>14890</v>
      </c>
      <c r="H24618" s="359" t="s">
        <v>14332</v>
      </c>
      <c r="I24618" s="359" t="s">
        <v>14890</v>
      </c>
      <c r="J24618" s="365"/>
      <c r="K24618" s="365"/>
      <c r="L24618" s="367"/>
    </row>
    <row r="24619" spans="2:12">
      <c r="B24619" s="367"/>
      <c r="C24619" s="360"/>
      <c r="D24619" s="367"/>
      <c r="E24619" s="367"/>
      <c r="F24619" s="360"/>
      <c r="G24619" s="360"/>
      <c r="H24619" s="360"/>
      <c r="I24619" s="360"/>
      <c r="J24619" s="365"/>
      <c r="K24619" s="365"/>
      <c r="L24619" s="367"/>
    </row>
    <row r="24620" spans="2:12" ht="71.25">
      <c r="B24620" s="368"/>
      <c r="C24620" s="361" t="s">
        <v>30848</v>
      </c>
      <c r="D24620" s="368"/>
      <c r="E24620" s="368"/>
      <c r="F24620" s="361" t="s">
        <v>17310</v>
      </c>
      <c r="G24620" s="361" t="s">
        <v>17311</v>
      </c>
      <c r="H24620" s="362"/>
      <c r="I24620" s="361" t="s">
        <v>17311</v>
      </c>
      <c r="J24620" s="366"/>
      <c r="K24620" s="366"/>
      <c r="L24620" s="368"/>
    </row>
    <row r="24621" spans="2:12" ht="28.5">
      <c r="B24621" s="358" t="s">
        <v>12109</v>
      </c>
      <c r="C24621" s="358" t="s">
        <v>29948</v>
      </c>
      <c r="D24621" s="358" t="s">
        <v>12110</v>
      </c>
      <c r="E24621" s="358" t="s">
        <v>12111</v>
      </c>
      <c r="F24621" s="358" t="s">
        <v>14376</v>
      </c>
      <c r="G24621" s="358" t="s">
        <v>14669</v>
      </c>
      <c r="H24621" s="358" t="s">
        <v>14381</v>
      </c>
      <c r="I24621" s="358" t="s">
        <v>14669</v>
      </c>
      <c r="J24621" s="358"/>
      <c r="K24621" s="358"/>
      <c r="L24621" s="358" t="s">
        <v>643</v>
      </c>
    </row>
    <row r="24622" spans="2:12">
      <c r="B24622" s="367"/>
      <c r="C24622" s="360"/>
      <c r="D24622" s="367"/>
      <c r="E24622" s="367"/>
      <c r="F24622" s="360"/>
      <c r="G24622" s="360"/>
      <c r="H24622" s="360"/>
      <c r="I24622" s="360"/>
      <c r="J24622" s="365"/>
      <c r="K24622" s="365"/>
      <c r="L24622" s="367"/>
    </row>
    <row r="24623" spans="2:12" ht="99.75">
      <c r="B24623" s="367"/>
      <c r="C24623" s="359" t="s">
        <v>30849</v>
      </c>
      <c r="D24623" s="367"/>
      <c r="E24623" s="367"/>
      <c r="F24623" s="359" t="s">
        <v>14889</v>
      </c>
      <c r="G24623" s="359" t="s">
        <v>14890</v>
      </c>
      <c r="H24623" s="359" t="s">
        <v>14332</v>
      </c>
      <c r="I24623" s="359" t="s">
        <v>14890</v>
      </c>
      <c r="J24623" s="365"/>
      <c r="K24623" s="365"/>
      <c r="L24623" s="367"/>
    </row>
    <row r="24624" spans="2:12">
      <c r="B24624" s="367"/>
      <c r="C24624" s="360"/>
      <c r="D24624" s="367"/>
      <c r="E24624" s="367"/>
      <c r="F24624" s="360"/>
      <c r="G24624" s="360"/>
      <c r="H24624" s="360"/>
      <c r="I24624" s="360"/>
      <c r="J24624" s="365"/>
      <c r="K24624" s="365"/>
      <c r="L24624" s="367"/>
    </row>
    <row r="24625" spans="2:12">
      <c r="B24625" s="368"/>
      <c r="C24625" s="362"/>
      <c r="D24625" s="368"/>
      <c r="E24625" s="368"/>
      <c r="F24625" s="361" t="s">
        <v>17310</v>
      </c>
      <c r="G24625" s="361" t="s">
        <v>17311</v>
      </c>
      <c r="H24625" s="362"/>
      <c r="I24625" s="361" t="s">
        <v>17311</v>
      </c>
      <c r="J24625" s="366"/>
      <c r="K24625" s="366"/>
      <c r="L24625" s="368"/>
    </row>
    <row r="24626" spans="2:12" ht="28.5">
      <c r="B24626" s="358" t="s">
        <v>12113</v>
      </c>
      <c r="C24626" s="358" t="s">
        <v>29949</v>
      </c>
      <c r="D24626" s="358" t="s">
        <v>12114</v>
      </c>
      <c r="E24626" s="358" t="s">
        <v>12115</v>
      </c>
      <c r="F24626" s="358" t="s">
        <v>14376</v>
      </c>
      <c r="G24626" s="358" t="s">
        <v>14669</v>
      </c>
      <c r="H24626" s="358" t="s">
        <v>14381</v>
      </c>
      <c r="I24626" s="358" t="s">
        <v>14669</v>
      </c>
      <c r="J24626" s="358"/>
      <c r="K24626" s="358"/>
      <c r="L24626" s="358" t="s">
        <v>643</v>
      </c>
    </row>
    <row r="24627" spans="2:12">
      <c r="B24627" s="367"/>
      <c r="C24627" s="360"/>
      <c r="D24627" s="367"/>
      <c r="E24627" s="367"/>
      <c r="F24627" s="360"/>
      <c r="G24627" s="360"/>
      <c r="H24627" s="360"/>
      <c r="I24627" s="360"/>
      <c r="J24627" s="365"/>
      <c r="K24627" s="365"/>
      <c r="L24627" s="367"/>
    </row>
    <row r="24628" spans="2:12" ht="71.25">
      <c r="B24628" s="367"/>
      <c r="C24628" s="359" t="s">
        <v>30850</v>
      </c>
      <c r="D24628" s="367"/>
      <c r="E24628" s="367"/>
      <c r="F24628" s="359" t="s">
        <v>14889</v>
      </c>
      <c r="G24628" s="359" t="s">
        <v>14890</v>
      </c>
      <c r="H24628" s="359" t="s">
        <v>14332</v>
      </c>
      <c r="I24628" s="359" t="s">
        <v>14890</v>
      </c>
      <c r="J24628" s="365"/>
      <c r="K24628" s="365"/>
      <c r="L24628" s="367"/>
    </row>
    <row r="24629" spans="2:12">
      <c r="B24629" s="367"/>
      <c r="C24629" s="360"/>
      <c r="D24629" s="367"/>
      <c r="E24629" s="367"/>
      <c r="F24629" s="360"/>
      <c r="G24629" s="360"/>
      <c r="H24629" s="360"/>
      <c r="I24629" s="360"/>
      <c r="J24629" s="365"/>
      <c r="K24629" s="365"/>
      <c r="L24629" s="367"/>
    </row>
    <row r="24630" spans="2:12">
      <c r="B24630" s="368"/>
      <c r="C24630" s="362"/>
      <c r="D24630" s="368"/>
      <c r="E24630" s="368"/>
      <c r="F24630" s="361" t="s">
        <v>17310</v>
      </c>
      <c r="G24630" s="361" t="s">
        <v>17311</v>
      </c>
      <c r="H24630" s="362"/>
      <c r="I24630" s="361" t="s">
        <v>17311</v>
      </c>
      <c r="J24630" s="366"/>
      <c r="K24630" s="366"/>
      <c r="L24630" s="368"/>
    </row>
    <row r="24631" spans="2:12">
      <c r="B24631" s="358" t="s">
        <v>12116</v>
      </c>
      <c r="C24631" s="358" t="s">
        <v>28264</v>
      </c>
      <c r="D24631" s="358" t="s">
        <v>12117</v>
      </c>
      <c r="E24631" s="358" t="s">
        <v>12118</v>
      </c>
      <c r="F24631" s="358" t="s">
        <v>14376</v>
      </c>
      <c r="G24631" s="358" t="s">
        <v>14669</v>
      </c>
      <c r="H24631" s="358" t="s">
        <v>14381</v>
      </c>
      <c r="I24631" s="358" t="s">
        <v>14669</v>
      </c>
      <c r="J24631" s="358"/>
      <c r="K24631" s="358"/>
      <c r="L24631" s="358" t="s">
        <v>643</v>
      </c>
    </row>
    <row r="24632" spans="2:12">
      <c r="B24632" s="367"/>
      <c r="C24632" s="360"/>
      <c r="D24632" s="367"/>
      <c r="E24632" s="367"/>
      <c r="F24632" s="360"/>
      <c r="G24632" s="360"/>
      <c r="H24632" s="360"/>
      <c r="I24632" s="360"/>
      <c r="J24632" s="365"/>
      <c r="K24632" s="365"/>
      <c r="L24632" s="367"/>
    </row>
    <row r="24633" spans="2:12">
      <c r="B24633" s="367"/>
      <c r="C24633" s="359" t="s">
        <v>29936</v>
      </c>
      <c r="D24633" s="367"/>
      <c r="E24633" s="367"/>
      <c r="F24633" s="359" t="s">
        <v>14889</v>
      </c>
      <c r="G24633" s="359" t="s">
        <v>14890</v>
      </c>
      <c r="H24633" s="359" t="s">
        <v>14332</v>
      </c>
      <c r="I24633" s="359" t="s">
        <v>14890</v>
      </c>
      <c r="J24633" s="365"/>
      <c r="K24633" s="365"/>
      <c r="L24633" s="367"/>
    </row>
    <row r="24634" spans="2:12">
      <c r="B24634" s="367"/>
      <c r="C24634" s="360"/>
      <c r="D24634" s="367"/>
      <c r="E24634" s="367"/>
      <c r="F24634" s="360"/>
      <c r="G24634" s="360"/>
      <c r="H24634" s="360"/>
      <c r="I24634" s="360"/>
      <c r="J24634" s="365"/>
      <c r="K24634" s="365"/>
      <c r="L24634" s="367"/>
    </row>
    <row r="24635" spans="2:12" ht="99.75">
      <c r="B24635" s="368"/>
      <c r="C24635" s="361" t="s">
        <v>30851</v>
      </c>
      <c r="D24635" s="368"/>
      <c r="E24635" s="368"/>
      <c r="F24635" s="361" t="s">
        <v>17310</v>
      </c>
      <c r="G24635" s="361" t="s">
        <v>17311</v>
      </c>
      <c r="H24635" s="362"/>
      <c r="I24635" s="361" t="s">
        <v>17311</v>
      </c>
      <c r="J24635" s="366"/>
      <c r="K24635" s="366"/>
      <c r="L24635" s="368"/>
    </row>
    <row r="24636" spans="2:12">
      <c r="B24636" s="358" t="s">
        <v>12119</v>
      </c>
      <c r="C24636" s="358" t="s">
        <v>28265</v>
      </c>
      <c r="D24636" s="358" t="s">
        <v>12120</v>
      </c>
      <c r="E24636" s="358" t="s">
        <v>12121</v>
      </c>
      <c r="F24636" s="358" t="s">
        <v>14376</v>
      </c>
      <c r="G24636" s="358" t="s">
        <v>14669</v>
      </c>
      <c r="H24636" s="358" t="s">
        <v>14381</v>
      </c>
      <c r="I24636" s="358" t="s">
        <v>14669</v>
      </c>
      <c r="J24636" s="358"/>
      <c r="K24636" s="358"/>
      <c r="L24636" s="358" t="s">
        <v>643</v>
      </c>
    </row>
    <row r="24637" spans="2:12">
      <c r="B24637" s="367"/>
      <c r="C24637" s="360"/>
      <c r="D24637" s="367"/>
      <c r="E24637" s="367"/>
      <c r="F24637" s="360"/>
      <c r="G24637" s="360"/>
      <c r="H24637" s="360"/>
      <c r="I24637" s="360"/>
      <c r="J24637" s="365"/>
      <c r="K24637" s="365"/>
      <c r="L24637" s="367"/>
    </row>
    <row r="24638" spans="2:12">
      <c r="B24638" s="367"/>
      <c r="C24638" s="359" t="s">
        <v>29936</v>
      </c>
      <c r="D24638" s="367"/>
      <c r="E24638" s="367"/>
      <c r="F24638" s="359" t="s">
        <v>14889</v>
      </c>
      <c r="G24638" s="359" t="s">
        <v>14890</v>
      </c>
      <c r="H24638" s="359" t="s">
        <v>14332</v>
      </c>
      <c r="I24638" s="359" t="s">
        <v>14890</v>
      </c>
      <c r="J24638" s="365"/>
      <c r="K24638" s="365"/>
      <c r="L24638" s="367"/>
    </row>
    <row r="24639" spans="2:12">
      <c r="B24639" s="367"/>
      <c r="C24639" s="360"/>
      <c r="D24639" s="367"/>
      <c r="E24639" s="367"/>
      <c r="F24639" s="360"/>
      <c r="G24639" s="360"/>
      <c r="H24639" s="360"/>
      <c r="I24639" s="360"/>
      <c r="J24639" s="365"/>
      <c r="K24639" s="365"/>
      <c r="L24639" s="367"/>
    </row>
    <row r="24640" spans="2:12" ht="85.5">
      <c r="B24640" s="368"/>
      <c r="C24640" s="361" t="s">
        <v>30852</v>
      </c>
      <c r="D24640" s="368"/>
      <c r="E24640" s="368"/>
      <c r="F24640" s="361" t="s">
        <v>17310</v>
      </c>
      <c r="G24640" s="361" t="s">
        <v>17311</v>
      </c>
      <c r="H24640" s="362"/>
      <c r="I24640" s="361" t="s">
        <v>17311</v>
      </c>
      <c r="J24640" s="366"/>
      <c r="K24640" s="366"/>
      <c r="L24640" s="368"/>
    </row>
    <row r="24641" spans="2:12">
      <c r="B24641" s="358" t="s">
        <v>12122</v>
      </c>
      <c r="C24641" s="358" t="s">
        <v>28266</v>
      </c>
      <c r="D24641" s="358" t="s">
        <v>12123</v>
      </c>
      <c r="E24641" s="358" t="s">
        <v>12124</v>
      </c>
      <c r="F24641" s="358" t="s">
        <v>14376</v>
      </c>
      <c r="G24641" s="358" t="s">
        <v>14669</v>
      </c>
      <c r="H24641" s="358" t="s">
        <v>14381</v>
      </c>
      <c r="I24641" s="358" t="s">
        <v>14669</v>
      </c>
      <c r="J24641" s="358"/>
      <c r="K24641" s="358"/>
      <c r="L24641" s="358" t="s">
        <v>643</v>
      </c>
    </row>
    <row r="24642" spans="2:12">
      <c r="B24642" s="367"/>
      <c r="C24642" s="360"/>
      <c r="D24642" s="367"/>
      <c r="E24642" s="367"/>
      <c r="F24642" s="360"/>
      <c r="G24642" s="360"/>
      <c r="H24642" s="360"/>
      <c r="I24642" s="360"/>
      <c r="J24642" s="365"/>
      <c r="K24642" s="365"/>
      <c r="L24642" s="367"/>
    </row>
    <row r="24643" spans="2:12">
      <c r="B24643" s="367"/>
      <c r="C24643" s="359" t="s">
        <v>29936</v>
      </c>
      <c r="D24643" s="367"/>
      <c r="E24643" s="367"/>
      <c r="F24643" s="359" t="s">
        <v>14889</v>
      </c>
      <c r="G24643" s="359" t="s">
        <v>14890</v>
      </c>
      <c r="H24643" s="359" t="s">
        <v>14332</v>
      </c>
      <c r="I24643" s="359" t="s">
        <v>14890</v>
      </c>
      <c r="J24643" s="365"/>
      <c r="K24643" s="365"/>
      <c r="L24643" s="367"/>
    </row>
    <row r="24644" spans="2:12">
      <c r="B24644" s="367"/>
      <c r="C24644" s="360"/>
      <c r="D24644" s="367"/>
      <c r="E24644" s="367"/>
      <c r="F24644" s="360"/>
      <c r="G24644" s="360"/>
      <c r="H24644" s="360"/>
      <c r="I24644" s="360"/>
      <c r="J24644" s="365"/>
      <c r="K24644" s="365"/>
      <c r="L24644" s="367"/>
    </row>
    <row r="24645" spans="2:12" ht="114">
      <c r="B24645" s="368"/>
      <c r="C24645" s="361" t="s">
        <v>30853</v>
      </c>
      <c r="D24645" s="368"/>
      <c r="E24645" s="368"/>
      <c r="F24645" s="361" t="s">
        <v>17310</v>
      </c>
      <c r="G24645" s="361" t="s">
        <v>17311</v>
      </c>
      <c r="H24645" s="362"/>
      <c r="I24645" s="361" t="s">
        <v>17311</v>
      </c>
      <c r="J24645" s="366"/>
      <c r="K24645" s="366"/>
      <c r="L24645" s="368"/>
    </row>
    <row r="24646" spans="2:12" ht="28.5">
      <c r="B24646" s="358" t="s">
        <v>12126</v>
      </c>
      <c r="C24646" s="358" t="s">
        <v>12910</v>
      </c>
      <c r="D24646" s="358" t="s">
        <v>12127</v>
      </c>
      <c r="E24646" s="358" t="s">
        <v>12128</v>
      </c>
      <c r="F24646" s="358" t="s">
        <v>14376</v>
      </c>
      <c r="G24646" s="358" t="s">
        <v>14669</v>
      </c>
      <c r="H24646" s="358" t="s">
        <v>14381</v>
      </c>
      <c r="I24646" s="358" t="s">
        <v>14669</v>
      </c>
      <c r="J24646" s="358"/>
      <c r="K24646" s="358"/>
      <c r="L24646" s="358" t="s">
        <v>643</v>
      </c>
    </row>
    <row r="24647" spans="2:12">
      <c r="B24647" s="367"/>
      <c r="C24647" s="360"/>
      <c r="D24647" s="367"/>
      <c r="E24647" s="367"/>
      <c r="F24647" s="360"/>
      <c r="G24647" s="360"/>
      <c r="H24647" s="360"/>
      <c r="I24647" s="360"/>
      <c r="J24647" s="365"/>
      <c r="K24647" s="365"/>
      <c r="L24647" s="367"/>
    </row>
    <row r="24648" spans="2:12">
      <c r="B24648" s="367"/>
      <c r="C24648" s="359" t="s">
        <v>29944</v>
      </c>
      <c r="D24648" s="367"/>
      <c r="E24648" s="367"/>
      <c r="F24648" s="359" t="s">
        <v>14889</v>
      </c>
      <c r="G24648" s="359" t="s">
        <v>14890</v>
      </c>
      <c r="H24648" s="359" t="s">
        <v>14332</v>
      </c>
      <c r="I24648" s="359" t="s">
        <v>14890</v>
      </c>
      <c r="J24648" s="365"/>
      <c r="K24648" s="365"/>
      <c r="L24648" s="367"/>
    </row>
    <row r="24649" spans="2:12">
      <c r="B24649" s="367"/>
      <c r="C24649" s="360"/>
      <c r="D24649" s="367"/>
      <c r="E24649" s="367"/>
      <c r="F24649" s="360"/>
      <c r="G24649" s="360"/>
      <c r="H24649" s="360"/>
      <c r="I24649" s="360"/>
      <c r="J24649" s="365"/>
      <c r="K24649" s="365"/>
      <c r="L24649" s="367"/>
    </row>
    <row r="24650" spans="2:12" ht="99.75">
      <c r="B24650" s="368"/>
      <c r="C24650" s="361" t="s">
        <v>30854</v>
      </c>
      <c r="D24650" s="368"/>
      <c r="E24650" s="368"/>
      <c r="F24650" s="361" t="s">
        <v>17310</v>
      </c>
      <c r="G24650" s="361" t="s">
        <v>17311</v>
      </c>
      <c r="H24650" s="362"/>
      <c r="I24650" s="361" t="s">
        <v>17311</v>
      </c>
      <c r="J24650" s="366"/>
      <c r="K24650" s="366"/>
      <c r="L24650" s="368"/>
    </row>
    <row r="24651" spans="2:12" ht="28.5">
      <c r="B24651" s="358" t="s">
        <v>12129</v>
      </c>
      <c r="C24651" s="358" t="s">
        <v>30855</v>
      </c>
      <c r="D24651" s="358" t="s">
        <v>12130</v>
      </c>
      <c r="E24651" s="358" t="s">
        <v>12131</v>
      </c>
      <c r="F24651" s="358" t="s">
        <v>14376</v>
      </c>
      <c r="G24651" s="358" t="s">
        <v>14669</v>
      </c>
      <c r="H24651" s="358" t="s">
        <v>14381</v>
      </c>
      <c r="I24651" s="358" t="s">
        <v>14669</v>
      </c>
      <c r="J24651" s="358"/>
      <c r="K24651" s="358"/>
      <c r="L24651" s="358" t="s">
        <v>643</v>
      </c>
    </row>
    <row r="24652" spans="2:12">
      <c r="B24652" s="367"/>
      <c r="C24652" s="360"/>
      <c r="D24652" s="367"/>
      <c r="E24652" s="367"/>
      <c r="F24652" s="360"/>
      <c r="G24652" s="360"/>
      <c r="H24652" s="360"/>
      <c r="I24652" s="360"/>
      <c r="J24652" s="365"/>
      <c r="K24652" s="365"/>
      <c r="L24652" s="367"/>
    </row>
    <row r="24653" spans="2:12" ht="71.25">
      <c r="B24653" s="367"/>
      <c r="C24653" s="359" t="s">
        <v>30856</v>
      </c>
      <c r="D24653" s="367"/>
      <c r="E24653" s="367"/>
      <c r="F24653" s="359" t="s">
        <v>14889</v>
      </c>
      <c r="G24653" s="359" t="s">
        <v>14890</v>
      </c>
      <c r="H24653" s="359" t="s">
        <v>14332</v>
      </c>
      <c r="I24653" s="359" t="s">
        <v>14890</v>
      </c>
      <c r="J24653" s="365"/>
      <c r="K24653" s="365"/>
      <c r="L24653" s="367"/>
    </row>
    <row r="24654" spans="2:12">
      <c r="B24654" s="367"/>
      <c r="C24654" s="360"/>
      <c r="D24654" s="367"/>
      <c r="E24654" s="367"/>
      <c r="F24654" s="360"/>
      <c r="G24654" s="360"/>
      <c r="H24654" s="360"/>
      <c r="I24654" s="360"/>
      <c r="J24654" s="365"/>
      <c r="K24654" s="365"/>
      <c r="L24654" s="367"/>
    </row>
    <row r="24655" spans="2:12">
      <c r="B24655" s="368"/>
      <c r="C24655" s="362"/>
      <c r="D24655" s="368"/>
      <c r="E24655" s="368"/>
      <c r="F24655" s="361" t="s">
        <v>17310</v>
      </c>
      <c r="G24655" s="361" t="s">
        <v>17311</v>
      </c>
      <c r="H24655" s="362"/>
      <c r="I24655" s="361" t="s">
        <v>17311</v>
      </c>
      <c r="J24655" s="366"/>
      <c r="K24655" s="366"/>
      <c r="L24655" s="368"/>
    </row>
    <row r="24656" spans="2:12">
      <c r="B24656" s="358" t="s">
        <v>12133</v>
      </c>
      <c r="C24656" s="358" t="s">
        <v>12911</v>
      </c>
      <c r="D24656" s="358" t="s">
        <v>12134</v>
      </c>
      <c r="E24656" s="358" t="s">
        <v>12135</v>
      </c>
      <c r="F24656" s="358" t="s">
        <v>14376</v>
      </c>
      <c r="G24656" s="358" t="s">
        <v>14669</v>
      </c>
      <c r="H24656" s="358" t="s">
        <v>14381</v>
      </c>
      <c r="I24656" s="358" t="s">
        <v>14669</v>
      </c>
      <c r="J24656" s="358"/>
      <c r="K24656" s="358"/>
      <c r="L24656" s="358" t="s">
        <v>643</v>
      </c>
    </row>
    <row r="24657" spans="2:12">
      <c r="B24657" s="367"/>
      <c r="C24657" s="360"/>
      <c r="D24657" s="367"/>
      <c r="E24657" s="367"/>
      <c r="F24657" s="360"/>
      <c r="G24657" s="360"/>
      <c r="H24657" s="360"/>
      <c r="I24657" s="360"/>
      <c r="J24657" s="365"/>
      <c r="K24657" s="365"/>
      <c r="L24657" s="367"/>
    </row>
    <row r="24658" spans="2:12">
      <c r="B24658" s="367"/>
      <c r="C24658" s="359" t="s">
        <v>12912</v>
      </c>
      <c r="D24658" s="367"/>
      <c r="E24658" s="367"/>
      <c r="F24658" s="359" t="s">
        <v>14889</v>
      </c>
      <c r="G24658" s="359" t="s">
        <v>14890</v>
      </c>
      <c r="H24658" s="359" t="s">
        <v>14332</v>
      </c>
      <c r="I24658" s="359" t="s">
        <v>14890</v>
      </c>
      <c r="J24658" s="365"/>
      <c r="K24658" s="365"/>
      <c r="L24658" s="367"/>
    </row>
    <row r="24659" spans="2:12">
      <c r="B24659" s="367"/>
      <c r="C24659" s="360"/>
      <c r="D24659" s="367"/>
      <c r="E24659" s="367"/>
      <c r="F24659" s="360"/>
      <c r="G24659" s="360"/>
      <c r="H24659" s="360"/>
      <c r="I24659" s="360"/>
      <c r="J24659" s="365"/>
      <c r="K24659" s="365"/>
      <c r="L24659" s="367"/>
    </row>
    <row r="24660" spans="2:12" ht="42.75">
      <c r="B24660" s="368"/>
      <c r="C24660" s="361" t="s">
        <v>30857</v>
      </c>
      <c r="D24660" s="368"/>
      <c r="E24660" s="368"/>
      <c r="F24660" s="361" t="s">
        <v>17310</v>
      </c>
      <c r="G24660" s="361" t="s">
        <v>17311</v>
      </c>
      <c r="H24660" s="362"/>
      <c r="I24660" s="361" t="s">
        <v>17311</v>
      </c>
      <c r="J24660" s="366"/>
      <c r="K24660" s="366"/>
      <c r="L24660" s="368"/>
    </row>
    <row r="24661" spans="2:12" ht="28.5">
      <c r="B24661" s="358" t="s">
        <v>12136</v>
      </c>
      <c r="C24661" s="358" t="s">
        <v>28267</v>
      </c>
      <c r="D24661" s="358" t="s">
        <v>12137</v>
      </c>
      <c r="E24661" s="358" t="s">
        <v>12138</v>
      </c>
      <c r="F24661" s="358" t="s">
        <v>14376</v>
      </c>
      <c r="G24661" s="358" t="s">
        <v>14669</v>
      </c>
      <c r="H24661" s="358" t="s">
        <v>14381</v>
      </c>
      <c r="I24661" s="358" t="s">
        <v>14669</v>
      </c>
      <c r="J24661" s="358"/>
      <c r="K24661" s="358"/>
      <c r="L24661" s="358" t="s">
        <v>643</v>
      </c>
    </row>
    <row r="24662" spans="2:12">
      <c r="B24662" s="367"/>
      <c r="C24662" s="360"/>
      <c r="D24662" s="367"/>
      <c r="E24662" s="367"/>
      <c r="F24662" s="360"/>
      <c r="G24662" s="360"/>
      <c r="H24662" s="360"/>
      <c r="I24662" s="360"/>
      <c r="J24662" s="365"/>
      <c r="K24662" s="365"/>
      <c r="L24662" s="367"/>
    </row>
    <row r="24663" spans="2:12">
      <c r="B24663" s="367"/>
      <c r="C24663" s="359" t="s">
        <v>29936</v>
      </c>
      <c r="D24663" s="367"/>
      <c r="E24663" s="367"/>
      <c r="F24663" s="359" t="s">
        <v>14889</v>
      </c>
      <c r="G24663" s="359" t="s">
        <v>14890</v>
      </c>
      <c r="H24663" s="359" t="s">
        <v>14332</v>
      </c>
      <c r="I24663" s="359" t="s">
        <v>14890</v>
      </c>
      <c r="J24663" s="365"/>
      <c r="K24663" s="365"/>
      <c r="L24663" s="367"/>
    </row>
    <row r="24664" spans="2:12">
      <c r="B24664" s="367"/>
      <c r="C24664" s="360"/>
      <c r="D24664" s="367"/>
      <c r="E24664" s="367"/>
      <c r="F24664" s="360"/>
      <c r="G24664" s="360"/>
      <c r="H24664" s="360"/>
      <c r="I24664" s="360"/>
      <c r="J24664" s="365"/>
      <c r="K24664" s="365"/>
      <c r="L24664" s="367"/>
    </row>
    <row r="24665" spans="2:12" ht="85.5">
      <c r="B24665" s="368"/>
      <c r="C24665" s="361" t="s">
        <v>28268</v>
      </c>
      <c r="D24665" s="368"/>
      <c r="E24665" s="368"/>
      <c r="F24665" s="361" t="s">
        <v>17310</v>
      </c>
      <c r="G24665" s="361" t="s">
        <v>17311</v>
      </c>
      <c r="H24665" s="362"/>
      <c r="I24665" s="361" t="s">
        <v>17311</v>
      </c>
      <c r="J24665" s="366"/>
      <c r="K24665" s="366"/>
      <c r="L24665" s="368"/>
    </row>
    <row r="24666" spans="2:12" ht="28.5">
      <c r="B24666" s="358" t="s">
        <v>12140</v>
      </c>
      <c r="C24666" s="358" t="s">
        <v>29950</v>
      </c>
      <c r="D24666" s="358" t="s">
        <v>12141</v>
      </c>
      <c r="E24666" s="358" t="s">
        <v>12142</v>
      </c>
      <c r="F24666" s="358" t="s">
        <v>14376</v>
      </c>
      <c r="G24666" s="358" t="s">
        <v>14669</v>
      </c>
      <c r="H24666" s="358" t="s">
        <v>14381</v>
      </c>
      <c r="I24666" s="358" t="s">
        <v>14669</v>
      </c>
      <c r="J24666" s="358"/>
      <c r="K24666" s="358"/>
      <c r="L24666" s="358" t="s">
        <v>643</v>
      </c>
    </row>
    <row r="24667" spans="2:12">
      <c r="B24667" s="367"/>
      <c r="C24667" s="360"/>
      <c r="D24667" s="367"/>
      <c r="E24667" s="367"/>
      <c r="F24667" s="360"/>
      <c r="G24667" s="360"/>
      <c r="H24667" s="360"/>
      <c r="I24667" s="360"/>
      <c r="J24667" s="365"/>
      <c r="K24667" s="365"/>
      <c r="L24667" s="367"/>
    </row>
    <row r="24668" spans="2:12" ht="85.5">
      <c r="B24668" s="367"/>
      <c r="C24668" s="359" t="s">
        <v>30858</v>
      </c>
      <c r="D24668" s="367"/>
      <c r="E24668" s="367"/>
      <c r="F24668" s="359" t="s">
        <v>14889</v>
      </c>
      <c r="G24668" s="359" t="s">
        <v>14890</v>
      </c>
      <c r="H24668" s="359" t="s">
        <v>14332</v>
      </c>
      <c r="I24668" s="359" t="s">
        <v>14890</v>
      </c>
      <c r="J24668" s="365"/>
      <c r="K24668" s="365"/>
      <c r="L24668" s="367"/>
    </row>
    <row r="24669" spans="2:12">
      <c r="B24669" s="367"/>
      <c r="C24669" s="360"/>
      <c r="D24669" s="367"/>
      <c r="E24669" s="367"/>
      <c r="F24669" s="360"/>
      <c r="G24669" s="360"/>
      <c r="H24669" s="360"/>
      <c r="I24669" s="360"/>
      <c r="J24669" s="365"/>
      <c r="K24669" s="365"/>
      <c r="L24669" s="367"/>
    </row>
    <row r="24670" spans="2:12">
      <c r="B24670" s="368"/>
      <c r="C24670" s="362"/>
      <c r="D24670" s="368"/>
      <c r="E24670" s="368"/>
      <c r="F24670" s="361" t="s">
        <v>17310</v>
      </c>
      <c r="G24670" s="361" t="s">
        <v>17311</v>
      </c>
      <c r="H24670" s="362"/>
      <c r="I24670" s="361" t="s">
        <v>17311</v>
      </c>
      <c r="J24670" s="366"/>
      <c r="K24670" s="366"/>
      <c r="L24670" s="368"/>
    </row>
    <row r="24671" spans="2:12" ht="28.5">
      <c r="B24671" s="358" t="s">
        <v>12144</v>
      </c>
      <c r="C24671" s="358" t="s">
        <v>12914</v>
      </c>
      <c r="D24671" s="358" t="s">
        <v>12145</v>
      </c>
      <c r="E24671" s="358" t="s">
        <v>12146</v>
      </c>
      <c r="F24671" s="358" t="s">
        <v>14376</v>
      </c>
      <c r="G24671" s="358" t="s">
        <v>14669</v>
      </c>
      <c r="H24671" s="358" t="s">
        <v>14381</v>
      </c>
      <c r="I24671" s="358" t="s">
        <v>14669</v>
      </c>
      <c r="J24671" s="358"/>
      <c r="K24671" s="358"/>
      <c r="L24671" s="358" t="s">
        <v>643</v>
      </c>
    </row>
    <row r="24672" spans="2:12">
      <c r="B24672" s="367"/>
      <c r="C24672" s="360"/>
      <c r="D24672" s="367"/>
      <c r="E24672" s="367"/>
      <c r="F24672" s="360"/>
      <c r="G24672" s="360"/>
      <c r="H24672" s="360"/>
      <c r="I24672" s="360"/>
      <c r="J24672" s="365"/>
      <c r="K24672" s="365"/>
      <c r="L24672" s="367"/>
    </row>
    <row r="24673" spans="2:12">
      <c r="B24673" s="367"/>
      <c r="C24673" s="359" t="s">
        <v>29936</v>
      </c>
      <c r="D24673" s="367"/>
      <c r="E24673" s="367"/>
      <c r="F24673" s="359" t="s">
        <v>14889</v>
      </c>
      <c r="G24673" s="359" t="s">
        <v>14890</v>
      </c>
      <c r="H24673" s="359" t="s">
        <v>14332</v>
      </c>
      <c r="I24673" s="359" t="s">
        <v>14890</v>
      </c>
      <c r="J24673" s="365"/>
      <c r="K24673" s="365"/>
      <c r="L24673" s="367"/>
    </row>
    <row r="24674" spans="2:12">
      <c r="B24674" s="367"/>
      <c r="C24674" s="360"/>
      <c r="D24674" s="367"/>
      <c r="E24674" s="367"/>
      <c r="F24674" s="360"/>
      <c r="G24674" s="360"/>
      <c r="H24674" s="360"/>
      <c r="I24674" s="360"/>
      <c r="J24674" s="365"/>
      <c r="K24674" s="365"/>
      <c r="L24674" s="367"/>
    </row>
    <row r="24675" spans="2:12" ht="99.75">
      <c r="B24675" s="368"/>
      <c r="C24675" s="361" t="s">
        <v>30859</v>
      </c>
      <c r="D24675" s="368"/>
      <c r="E24675" s="368"/>
      <c r="F24675" s="361" t="s">
        <v>17310</v>
      </c>
      <c r="G24675" s="361" t="s">
        <v>17311</v>
      </c>
      <c r="H24675" s="362"/>
      <c r="I24675" s="361" t="s">
        <v>17311</v>
      </c>
      <c r="J24675" s="366"/>
      <c r="K24675" s="366"/>
      <c r="L24675" s="368"/>
    </row>
    <row r="24676" spans="2:12" ht="28.5">
      <c r="B24676" s="358" t="s">
        <v>12148</v>
      </c>
      <c r="C24676" s="358" t="s">
        <v>12915</v>
      </c>
      <c r="D24676" s="358" t="s">
        <v>12149</v>
      </c>
      <c r="E24676" s="358" t="s">
        <v>12150</v>
      </c>
      <c r="F24676" s="358" t="s">
        <v>14376</v>
      </c>
      <c r="G24676" s="358" t="s">
        <v>14669</v>
      </c>
      <c r="H24676" s="358" t="s">
        <v>14381</v>
      </c>
      <c r="I24676" s="358" t="s">
        <v>14669</v>
      </c>
      <c r="J24676" s="358"/>
      <c r="K24676" s="358"/>
      <c r="L24676" s="358" t="s">
        <v>643</v>
      </c>
    </row>
    <row r="24677" spans="2:12">
      <c r="B24677" s="367"/>
      <c r="C24677" s="360"/>
      <c r="D24677" s="367"/>
      <c r="E24677" s="367"/>
      <c r="F24677" s="360"/>
      <c r="G24677" s="360"/>
      <c r="H24677" s="360"/>
      <c r="I24677" s="360"/>
      <c r="J24677" s="365"/>
      <c r="K24677" s="365"/>
      <c r="L24677" s="367"/>
    </row>
    <row r="24678" spans="2:12">
      <c r="B24678" s="367"/>
      <c r="C24678" s="359" t="s">
        <v>29936</v>
      </c>
      <c r="D24678" s="367"/>
      <c r="E24678" s="367"/>
      <c r="F24678" s="359" t="s">
        <v>14889</v>
      </c>
      <c r="G24678" s="359" t="s">
        <v>14890</v>
      </c>
      <c r="H24678" s="359" t="s">
        <v>14332</v>
      </c>
      <c r="I24678" s="359" t="s">
        <v>14890</v>
      </c>
      <c r="J24678" s="365"/>
      <c r="K24678" s="365"/>
      <c r="L24678" s="367"/>
    </row>
    <row r="24679" spans="2:12">
      <c r="B24679" s="367"/>
      <c r="C24679" s="360"/>
      <c r="D24679" s="367"/>
      <c r="E24679" s="367"/>
      <c r="F24679" s="360"/>
      <c r="G24679" s="360"/>
      <c r="H24679" s="360"/>
      <c r="I24679" s="360"/>
      <c r="J24679" s="365"/>
      <c r="K24679" s="365"/>
      <c r="L24679" s="367"/>
    </row>
    <row r="24680" spans="2:12" ht="85.5">
      <c r="B24680" s="368"/>
      <c r="C24680" s="361" t="s">
        <v>30860</v>
      </c>
      <c r="D24680" s="368"/>
      <c r="E24680" s="368"/>
      <c r="F24680" s="361" t="s">
        <v>17310</v>
      </c>
      <c r="G24680" s="361" t="s">
        <v>17311</v>
      </c>
      <c r="H24680" s="362"/>
      <c r="I24680" s="361" t="s">
        <v>17311</v>
      </c>
      <c r="J24680" s="366"/>
      <c r="K24680" s="366"/>
      <c r="L24680" s="368"/>
    </row>
    <row r="24681" spans="2:12" ht="28.5">
      <c r="B24681" s="358" t="s">
        <v>12151</v>
      </c>
      <c r="C24681" s="358" t="s">
        <v>28269</v>
      </c>
      <c r="D24681" s="358" t="s">
        <v>12152</v>
      </c>
      <c r="E24681" s="358" t="s">
        <v>12153</v>
      </c>
      <c r="F24681" s="358" t="s">
        <v>14376</v>
      </c>
      <c r="G24681" s="358" t="s">
        <v>14669</v>
      </c>
      <c r="H24681" s="358" t="s">
        <v>14381</v>
      </c>
      <c r="I24681" s="358" t="s">
        <v>14669</v>
      </c>
      <c r="J24681" s="358"/>
      <c r="K24681" s="358"/>
      <c r="L24681" s="358" t="s">
        <v>643</v>
      </c>
    </row>
    <row r="24682" spans="2:12">
      <c r="B24682" s="367"/>
      <c r="C24682" s="360"/>
      <c r="D24682" s="367"/>
      <c r="E24682" s="367"/>
      <c r="F24682" s="360"/>
      <c r="G24682" s="360"/>
      <c r="H24682" s="360"/>
      <c r="I24682" s="360"/>
      <c r="J24682" s="365"/>
      <c r="K24682" s="365"/>
      <c r="L24682" s="367"/>
    </row>
    <row r="24683" spans="2:12">
      <c r="B24683" s="367"/>
      <c r="C24683" s="359" t="s">
        <v>29936</v>
      </c>
      <c r="D24683" s="367"/>
      <c r="E24683" s="367"/>
      <c r="F24683" s="359" t="s">
        <v>14889</v>
      </c>
      <c r="G24683" s="359" t="s">
        <v>14890</v>
      </c>
      <c r="H24683" s="359" t="s">
        <v>14332</v>
      </c>
      <c r="I24683" s="359" t="s">
        <v>14890</v>
      </c>
      <c r="J24683" s="365"/>
      <c r="K24683" s="365"/>
      <c r="L24683" s="367"/>
    </row>
    <row r="24684" spans="2:12">
      <c r="B24684" s="367"/>
      <c r="C24684" s="360"/>
      <c r="D24684" s="367"/>
      <c r="E24684" s="367"/>
      <c r="F24684" s="360"/>
      <c r="G24684" s="360"/>
      <c r="H24684" s="360"/>
      <c r="I24684" s="360"/>
      <c r="J24684" s="365"/>
      <c r="K24684" s="365"/>
      <c r="L24684" s="367"/>
    </row>
    <row r="24685" spans="2:12" ht="99.75">
      <c r="B24685" s="368"/>
      <c r="C24685" s="361" t="s">
        <v>30861</v>
      </c>
      <c r="D24685" s="368"/>
      <c r="E24685" s="368"/>
      <c r="F24685" s="361" t="s">
        <v>17310</v>
      </c>
      <c r="G24685" s="361" t="s">
        <v>17311</v>
      </c>
      <c r="H24685" s="362"/>
      <c r="I24685" s="361" t="s">
        <v>17311</v>
      </c>
      <c r="J24685" s="366"/>
      <c r="K24685" s="366"/>
      <c r="L24685" s="368"/>
    </row>
    <row r="24686" spans="2:12" ht="28.5">
      <c r="B24686" s="358" t="s">
        <v>12154</v>
      </c>
      <c r="C24686" s="358" t="s">
        <v>28270</v>
      </c>
      <c r="D24686" s="358" t="s">
        <v>12155</v>
      </c>
      <c r="E24686" s="358" t="s">
        <v>12156</v>
      </c>
      <c r="F24686" s="358" t="s">
        <v>14376</v>
      </c>
      <c r="G24686" s="358" t="s">
        <v>14669</v>
      </c>
      <c r="H24686" s="358" t="s">
        <v>14381</v>
      </c>
      <c r="I24686" s="358" t="s">
        <v>14669</v>
      </c>
      <c r="J24686" s="358"/>
      <c r="K24686" s="358"/>
      <c r="L24686" s="358" t="s">
        <v>643</v>
      </c>
    </row>
    <row r="24687" spans="2:12">
      <c r="B24687" s="367"/>
      <c r="C24687" s="360"/>
      <c r="D24687" s="367"/>
      <c r="E24687" s="367"/>
      <c r="F24687" s="360"/>
      <c r="G24687" s="360"/>
      <c r="H24687" s="360"/>
      <c r="I24687" s="360"/>
      <c r="J24687" s="365"/>
      <c r="K24687" s="365"/>
      <c r="L24687" s="367"/>
    </row>
    <row r="24688" spans="2:12">
      <c r="B24688" s="367"/>
      <c r="C24688" s="359" t="s">
        <v>29944</v>
      </c>
      <c r="D24688" s="367"/>
      <c r="E24688" s="367"/>
      <c r="F24688" s="359" t="s">
        <v>14889</v>
      </c>
      <c r="G24688" s="359" t="s">
        <v>14890</v>
      </c>
      <c r="H24688" s="359" t="s">
        <v>14332</v>
      </c>
      <c r="I24688" s="359" t="s">
        <v>14890</v>
      </c>
      <c r="J24688" s="365"/>
      <c r="K24688" s="365"/>
      <c r="L24688" s="367"/>
    </row>
    <row r="24689" spans="2:12">
      <c r="B24689" s="367"/>
      <c r="C24689" s="360"/>
      <c r="D24689" s="367"/>
      <c r="E24689" s="367"/>
      <c r="F24689" s="360"/>
      <c r="G24689" s="360"/>
      <c r="H24689" s="360"/>
      <c r="I24689" s="360"/>
      <c r="J24689" s="365"/>
      <c r="K24689" s="365"/>
      <c r="L24689" s="367"/>
    </row>
    <row r="24690" spans="2:12" ht="99.75">
      <c r="B24690" s="368"/>
      <c r="C24690" s="361" t="s">
        <v>30862</v>
      </c>
      <c r="D24690" s="368"/>
      <c r="E24690" s="368"/>
      <c r="F24690" s="361" t="s">
        <v>17310</v>
      </c>
      <c r="G24690" s="361" t="s">
        <v>17311</v>
      </c>
      <c r="H24690" s="362"/>
      <c r="I24690" s="361" t="s">
        <v>17311</v>
      </c>
      <c r="J24690" s="366"/>
      <c r="K24690" s="366"/>
      <c r="L24690" s="368"/>
    </row>
    <row r="24691" spans="2:12" ht="28.5">
      <c r="B24691" s="358" t="s">
        <v>12158</v>
      </c>
      <c r="C24691" s="358" t="s">
        <v>12916</v>
      </c>
      <c r="D24691" s="358" t="s">
        <v>12159</v>
      </c>
      <c r="E24691" s="358" t="s">
        <v>12160</v>
      </c>
      <c r="F24691" s="358" t="s">
        <v>14376</v>
      </c>
      <c r="G24691" s="358" t="s">
        <v>14669</v>
      </c>
      <c r="H24691" s="358" t="s">
        <v>14381</v>
      </c>
      <c r="I24691" s="358" t="s">
        <v>14669</v>
      </c>
      <c r="J24691" s="358"/>
      <c r="K24691" s="358"/>
      <c r="L24691" s="358" t="s">
        <v>643</v>
      </c>
    </row>
    <row r="24692" spans="2:12">
      <c r="B24692" s="367"/>
      <c r="C24692" s="360"/>
      <c r="D24692" s="367"/>
      <c r="E24692" s="367"/>
      <c r="F24692" s="360"/>
      <c r="G24692" s="360"/>
      <c r="H24692" s="360"/>
      <c r="I24692" s="360"/>
      <c r="J24692" s="365"/>
      <c r="K24692" s="365"/>
      <c r="L24692" s="367"/>
    </row>
    <row r="24693" spans="2:12">
      <c r="B24693" s="367"/>
      <c r="C24693" s="359" t="s">
        <v>29936</v>
      </c>
      <c r="D24693" s="367"/>
      <c r="E24693" s="367"/>
      <c r="F24693" s="359" t="s">
        <v>14889</v>
      </c>
      <c r="G24693" s="359" t="s">
        <v>14890</v>
      </c>
      <c r="H24693" s="359" t="s">
        <v>14332</v>
      </c>
      <c r="I24693" s="359" t="s">
        <v>14890</v>
      </c>
      <c r="J24693" s="365"/>
      <c r="K24693" s="365"/>
      <c r="L24693" s="367"/>
    </row>
    <row r="24694" spans="2:12">
      <c r="B24694" s="367"/>
      <c r="C24694" s="360"/>
      <c r="D24694" s="367"/>
      <c r="E24694" s="367"/>
      <c r="F24694" s="360"/>
      <c r="G24694" s="360"/>
      <c r="H24694" s="360"/>
      <c r="I24694" s="360"/>
      <c r="J24694" s="365"/>
      <c r="K24694" s="365"/>
      <c r="L24694" s="367"/>
    </row>
    <row r="24695" spans="2:12" ht="85.5">
      <c r="B24695" s="368"/>
      <c r="C24695" s="361" t="s">
        <v>30863</v>
      </c>
      <c r="D24695" s="368"/>
      <c r="E24695" s="368"/>
      <c r="F24695" s="361" t="s">
        <v>17310</v>
      </c>
      <c r="G24695" s="361" t="s">
        <v>17311</v>
      </c>
      <c r="H24695" s="362"/>
      <c r="I24695" s="361" t="s">
        <v>17311</v>
      </c>
      <c r="J24695" s="366"/>
      <c r="K24695" s="366"/>
      <c r="L24695" s="368"/>
    </row>
    <row r="24696" spans="2:12">
      <c r="B24696" s="358" t="s">
        <v>12162</v>
      </c>
      <c r="C24696" s="358" t="s">
        <v>12917</v>
      </c>
      <c r="D24696" s="358" t="s">
        <v>12163</v>
      </c>
      <c r="E24696" s="358" t="s">
        <v>12164</v>
      </c>
      <c r="F24696" s="358" t="s">
        <v>14376</v>
      </c>
      <c r="G24696" s="358" t="s">
        <v>14669</v>
      </c>
      <c r="H24696" s="358" t="s">
        <v>14381</v>
      </c>
      <c r="I24696" s="358" t="s">
        <v>14669</v>
      </c>
      <c r="J24696" s="358"/>
      <c r="K24696" s="358"/>
      <c r="L24696" s="358" t="s">
        <v>643</v>
      </c>
    </row>
    <row r="24697" spans="2:12">
      <c r="B24697" s="367"/>
      <c r="C24697" s="360"/>
      <c r="D24697" s="367"/>
      <c r="E24697" s="367"/>
      <c r="F24697" s="360"/>
      <c r="G24697" s="360"/>
      <c r="H24697" s="360"/>
      <c r="I24697" s="360"/>
      <c r="J24697" s="365"/>
      <c r="K24697" s="365"/>
      <c r="L24697" s="367"/>
    </row>
    <row r="24698" spans="2:12">
      <c r="B24698" s="367"/>
      <c r="C24698" s="359" t="s">
        <v>29936</v>
      </c>
      <c r="D24698" s="367"/>
      <c r="E24698" s="367"/>
      <c r="F24698" s="359" t="s">
        <v>14889</v>
      </c>
      <c r="G24698" s="359" t="s">
        <v>14890</v>
      </c>
      <c r="H24698" s="359" t="s">
        <v>14332</v>
      </c>
      <c r="I24698" s="359" t="s">
        <v>14890</v>
      </c>
      <c r="J24698" s="365"/>
      <c r="K24698" s="365"/>
      <c r="L24698" s="367"/>
    </row>
    <row r="24699" spans="2:12">
      <c r="B24699" s="367"/>
      <c r="C24699" s="360"/>
      <c r="D24699" s="367"/>
      <c r="E24699" s="367"/>
      <c r="F24699" s="360"/>
      <c r="G24699" s="360"/>
      <c r="H24699" s="360"/>
      <c r="I24699" s="360"/>
      <c r="J24699" s="365"/>
      <c r="K24699" s="365"/>
      <c r="L24699" s="367"/>
    </row>
    <row r="24700" spans="2:12" ht="99.75">
      <c r="B24700" s="368"/>
      <c r="C24700" s="361" t="s">
        <v>30864</v>
      </c>
      <c r="D24700" s="368"/>
      <c r="E24700" s="368"/>
      <c r="F24700" s="361" t="s">
        <v>17310</v>
      </c>
      <c r="G24700" s="361" t="s">
        <v>17311</v>
      </c>
      <c r="H24700" s="362"/>
      <c r="I24700" s="361" t="s">
        <v>17311</v>
      </c>
      <c r="J24700" s="366"/>
      <c r="K24700" s="366"/>
      <c r="L24700" s="368"/>
    </row>
    <row r="24701" spans="2:12">
      <c r="B24701" s="358" t="s">
        <v>12165</v>
      </c>
      <c r="C24701" s="358" t="s">
        <v>28271</v>
      </c>
      <c r="D24701" s="358" t="s">
        <v>12166</v>
      </c>
      <c r="E24701" s="358" t="s">
        <v>12167</v>
      </c>
      <c r="F24701" s="358" t="s">
        <v>14376</v>
      </c>
      <c r="G24701" s="358" t="s">
        <v>14669</v>
      </c>
      <c r="H24701" s="358" t="s">
        <v>14381</v>
      </c>
      <c r="I24701" s="358" t="s">
        <v>14669</v>
      </c>
      <c r="J24701" s="358"/>
      <c r="K24701" s="358"/>
      <c r="L24701" s="358" t="s">
        <v>643</v>
      </c>
    </row>
    <row r="24702" spans="2:12">
      <c r="B24702" s="367"/>
      <c r="C24702" s="360"/>
      <c r="D24702" s="367"/>
      <c r="E24702" s="367"/>
      <c r="F24702" s="360"/>
      <c r="G24702" s="360"/>
      <c r="H24702" s="360"/>
      <c r="I24702" s="360"/>
      <c r="J24702" s="365"/>
      <c r="K24702" s="365"/>
      <c r="L24702" s="367"/>
    </row>
    <row r="24703" spans="2:12">
      <c r="B24703" s="367"/>
      <c r="C24703" s="359" t="s">
        <v>29936</v>
      </c>
      <c r="D24703" s="367"/>
      <c r="E24703" s="367"/>
      <c r="F24703" s="359" t="s">
        <v>14889</v>
      </c>
      <c r="G24703" s="359" t="s">
        <v>14890</v>
      </c>
      <c r="H24703" s="359" t="s">
        <v>14332</v>
      </c>
      <c r="I24703" s="359" t="s">
        <v>14890</v>
      </c>
      <c r="J24703" s="365"/>
      <c r="K24703" s="365"/>
      <c r="L24703" s="367"/>
    </row>
    <row r="24704" spans="2:12">
      <c r="B24704" s="367"/>
      <c r="C24704" s="360"/>
      <c r="D24704" s="367"/>
      <c r="E24704" s="367"/>
      <c r="F24704" s="360"/>
      <c r="G24704" s="360"/>
      <c r="H24704" s="360"/>
      <c r="I24704" s="360"/>
      <c r="J24704" s="365"/>
      <c r="K24704" s="365"/>
      <c r="L24704" s="367"/>
    </row>
    <row r="24705" spans="2:12" ht="57">
      <c r="B24705" s="368"/>
      <c r="C24705" s="361" t="s">
        <v>28272</v>
      </c>
      <c r="D24705" s="368"/>
      <c r="E24705" s="368"/>
      <c r="F24705" s="361" t="s">
        <v>17310</v>
      </c>
      <c r="G24705" s="361" t="s">
        <v>17311</v>
      </c>
      <c r="H24705" s="362"/>
      <c r="I24705" s="361" t="s">
        <v>17311</v>
      </c>
      <c r="J24705" s="366"/>
      <c r="K24705" s="366"/>
      <c r="L24705" s="368"/>
    </row>
    <row r="24706" spans="2:12">
      <c r="B24706" s="358" t="s">
        <v>12168</v>
      </c>
      <c r="C24706" s="358" t="s">
        <v>28273</v>
      </c>
      <c r="D24706" s="358" t="s">
        <v>12169</v>
      </c>
      <c r="E24706" s="358" t="s">
        <v>12170</v>
      </c>
      <c r="F24706" s="358" t="s">
        <v>14376</v>
      </c>
      <c r="G24706" s="358" t="s">
        <v>14669</v>
      </c>
      <c r="H24706" s="358" t="s">
        <v>14381</v>
      </c>
      <c r="I24706" s="358" t="s">
        <v>14669</v>
      </c>
      <c r="J24706" s="358"/>
      <c r="K24706" s="358"/>
      <c r="L24706" s="358" t="s">
        <v>643</v>
      </c>
    </row>
    <row r="24707" spans="2:12">
      <c r="B24707" s="367"/>
      <c r="C24707" s="360"/>
      <c r="D24707" s="367"/>
      <c r="E24707" s="367"/>
      <c r="F24707" s="360"/>
      <c r="G24707" s="360"/>
      <c r="H24707" s="360"/>
      <c r="I24707" s="360"/>
      <c r="J24707" s="365"/>
      <c r="K24707" s="365"/>
      <c r="L24707" s="367"/>
    </row>
    <row r="24708" spans="2:12">
      <c r="B24708" s="367"/>
      <c r="C24708" s="359" t="s">
        <v>29936</v>
      </c>
      <c r="D24708" s="367"/>
      <c r="E24708" s="367"/>
      <c r="F24708" s="359" t="s">
        <v>14889</v>
      </c>
      <c r="G24708" s="359" t="s">
        <v>14890</v>
      </c>
      <c r="H24708" s="359" t="s">
        <v>14332</v>
      </c>
      <c r="I24708" s="359" t="s">
        <v>14890</v>
      </c>
      <c r="J24708" s="365"/>
      <c r="K24708" s="365"/>
      <c r="L24708" s="367"/>
    </row>
    <row r="24709" spans="2:12">
      <c r="B24709" s="367"/>
      <c r="C24709" s="360"/>
      <c r="D24709" s="367"/>
      <c r="E24709" s="367"/>
      <c r="F24709" s="360"/>
      <c r="G24709" s="360"/>
      <c r="H24709" s="360"/>
      <c r="I24709" s="360"/>
      <c r="J24709" s="365"/>
      <c r="K24709" s="365"/>
      <c r="L24709" s="367"/>
    </row>
    <row r="24710" spans="2:12" ht="85.5">
      <c r="B24710" s="368"/>
      <c r="C24710" s="361" t="s">
        <v>30865</v>
      </c>
      <c r="D24710" s="368"/>
      <c r="E24710" s="368"/>
      <c r="F24710" s="361" t="s">
        <v>17310</v>
      </c>
      <c r="G24710" s="361" t="s">
        <v>17311</v>
      </c>
      <c r="H24710" s="362"/>
      <c r="I24710" s="361" t="s">
        <v>17311</v>
      </c>
      <c r="J24710" s="366"/>
      <c r="K24710" s="366"/>
      <c r="L24710" s="368"/>
    </row>
    <row r="24711" spans="2:12">
      <c r="B24711" s="358" t="s">
        <v>12172</v>
      </c>
      <c r="C24711" s="358" t="s">
        <v>12918</v>
      </c>
      <c r="D24711" s="358" t="s">
        <v>12173</v>
      </c>
      <c r="E24711" s="358" t="s">
        <v>12174</v>
      </c>
      <c r="F24711" s="358" t="s">
        <v>14376</v>
      </c>
      <c r="G24711" s="358" t="s">
        <v>14669</v>
      </c>
      <c r="H24711" s="358" t="s">
        <v>14381</v>
      </c>
      <c r="I24711" s="358" t="s">
        <v>14669</v>
      </c>
      <c r="J24711" s="358"/>
      <c r="K24711" s="358"/>
      <c r="L24711" s="358" t="s">
        <v>643</v>
      </c>
    </row>
    <row r="24712" spans="2:12">
      <c r="B24712" s="367"/>
      <c r="C24712" s="360"/>
      <c r="D24712" s="367"/>
      <c r="E24712" s="367"/>
      <c r="F24712" s="360"/>
      <c r="G24712" s="360"/>
      <c r="H24712" s="360"/>
      <c r="I24712" s="360"/>
      <c r="J24712" s="365"/>
      <c r="K24712" s="365"/>
      <c r="L24712" s="367"/>
    </row>
    <row r="24713" spans="2:12">
      <c r="B24713" s="367"/>
      <c r="C24713" s="359" t="s">
        <v>29936</v>
      </c>
      <c r="D24713" s="367"/>
      <c r="E24713" s="367"/>
      <c r="F24713" s="359" t="s">
        <v>14889</v>
      </c>
      <c r="G24713" s="359" t="s">
        <v>14890</v>
      </c>
      <c r="H24713" s="359" t="s">
        <v>14332</v>
      </c>
      <c r="I24713" s="359" t="s">
        <v>14890</v>
      </c>
      <c r="J24713" s="365"/>
      <c r="K24713" s="365"/>
      <c r="L24713" s="367"/>
    </row>
    <row r="24714" spans="2:12">
      <c r="B24714" s="367"/>
      <c r="C24714" s="360"/>
      <c r="D24714" s="367"/>
      <c r="E24714" s="367"/>
      <c r="F24714" s="360"/>
      <c r="G24714" s="360"/>
      <c r="H24714" s="360"/>
      <c r="I24714" s="360"/>
      <c r="J24714" s="365"/>
      <c r="K24714" s="365"/>
      <c r="L24714" s="367"/>
    </row>
    <row r="24715" spans="2:12" ht="114">
      <c r="B24715" s="368"/>
      <c r="C24715" s="361" t="s">
        <v>30866</v>
      </c>
      <c r="D24715" s="368"/>
      <c r="E24715" s="368"/>
      <c r="F24715" s="361" t="s">
        <v>17310</v>
      </c>
      <c r="G24715" s="361" t="s">
        <v>17311</v>
      </c>
      <c r="H24715" s="362"/>
      <c r="I24715" s="361" t="s">
        <v>17311</v>
      </c>
      <c r="J24715" s="366"/>
      <c r="K24715" s="366"/>
      <c r="L24715" s="368"/>
    </row>
    <row r="24716" spans="2:12" ht="28.5">
      <c r="B24716" s="358" t="s">
        <v>12175</v>
      </c>
      <c r="C24716" s="358" t="s">
        <v>30867</v>
      </c>
      <c r="D24716" s="358" t="s">
        <v>12176</v>
      </c>
      <c r="E24716" s="358" t="s">
        <v>12177</v>
      </c>
      <c r="F24716" s="358" t="s">
        <v>14376</v>
      </c>
      <c r="G24716" s="358" t="s">
        <v>14669</v>
      </c>
      <c r="H24716" s="358" t="s">
        <v>14381</v>
      </c>
      <c r="I24716" s="358" t="s">
        <v>14669</v>
      </c>
      <c r="J24716" s="358"/>
      <c r="K24716" s="358"/>
      <c r="L24716" s="358" t="s">
        <v>643</v>
      </c>
    </row>
    <row r="24717" spans="2:12">
      <c r="B24717" s="367"/>
      <c r="C24717" s="367"/>
      <c r="D24717" s="367"/>
      <c r="E24717" s="367"/>
      <c r="F24717" s="360"/>
      <c r="G24717" s="360"/>
      <c r="H24717" s="360"/>
      <c r="I24717" s="360"/>
      <c r="J24717" s="365"/>
      <c r="K24717" s="365"/>
      <c r="L24717" s="367"/>
    </row>
    <row r="24718" spans="2:12">
      <c r="B24718" s="367"/>
      <c r="C24718" s="367"/>
      <c r="D24718" s="367"/>
      <c r="E24718" s="367"/>
      <c r="F24718" s="359" t="s">
        <v>14889</v>
      </c>
      <c r="G24718" s="359" t="s">
        <v>14890</v>
      </c>
      <c r="H24718" s="359" t="s">
        <v>14332</v>
      </c>
      <c r="I24718" s="359" t="s">
        <v>14890</v>
      </c>
      <c r="J24718" s="365"/>
      <c r="K24718" s="365"/>
      <c r="L24718" s="367"/>
    </row>
    <row r="24719" spans="2:12">
      <c r="B24719" s="367"/>
      <c r="C24719" s="367"/>
      <c r="D24719" s="367"/>
      <c r="E24719" s="367"/>
      <c r="F24719" s="360"/>
      <c r="G24719" s="360"/>
      <c r="H24719" s="360"/>
      <c r="I24719" s="360"/>
      <c r="J24719" s="365"/>
      <c r="K24719" s="365"/>
      <c r="L24719" s="367"/>
    </row>
    <row r="24720" spans="2:12">
      <c r="B24720" s="368"/>
      <c r="C24720" s="368"/>
      <c r="D24720" s="368"/>
      <c r="E24720" s="368"/>
      <c r="F24720" s="361" t="s">
        <v>17310</v>
      </c>
      <c r="G24720" s="361" t="s">
        <v>17311</v>
      </c>
      <c r="H24720" s="362"/>
      <c r="I24720" s="361" t="s">
        <v>17311</v>
      </c>
      <c r="J24720" s="366"/>
      <c r="K24720" s="366"/>
      <c r="L24720" s="368"/>
    </row>
    <row r="24721" spans="2:12">
      <c r="B24721" s="358" t="s">
        <v>12178</v>
      </c>
      <c r="C24721" s="358" t="s">
        <v>28274</v>
      </c>
      <c r="D24721" s="358" t="s">
        <v>12179</v>
      </c>
      <c r="E24721" s="358" t="s">
        <v>12180</v>
      </c>
      <c r="F24721" s="358" t="s">
        <v>14376</v>
      </c>
      <c r="G24721" s="358" t="s">
        <v>14669</v>
      </c>
      <c r="H24721" s="358" t="s">
        <v>14381</v>
      </c>
      <c r="I24721" s="358" t="s">
        <v>14669</v>
      </c>
      <c r="J24721" s="358"/>
      <c r="K24721" s="358"/>
      <c r="L24721" s="358" t="s">
        <v>643</v>
      </c>
    </row>
    <row r="24722" spans="2:12">
      <c r="B24722" s="367"/>
      <c r="C24722" s="360"/>
      <c r="D24722" s="367"/>
      <c r="E24722" s="367"/>
      <c r="F24722" s="360"/>
      <c r="G24722" s="360"/>
      <c r="H24722" s="360"/>
      <c r="I24722" s="360"/>
      <c r="J24722" s="365"/>
      <c r="K24722" s="365"/>
      <c r="L24722" s="367"/>
    </row>
    <row r="24723" spans="2:12">
      <c r="B24723" s="367"/>
      <c r="C24723" s="359" t="s">
        <v>29942</v>
      </c>
      <c r="D24723" s="367"/>
      <c r="E24723" s="367"/>
      <c r="F24723" s="359" t="s">
        <v>14889</v>
      </c>
      <c r="G24723" s="359" t="s">
        <v>14890</v>
      </c>
      <c r="H24723" s="359" t="s">
        <v>14332</v>
      </c>
      <c r="I24723" s="359" t="s">
        <v>14890</v>
      </c>
      <c r="J24723" s="365"/>
      <c r="K24723" s="365"/>
      <c r="L24723" s="367"/>
    </row>
    <row r="24724" spans="2:12">
      <c r="B24724" s="367"/>
      <c r="C24724" s="360"/>
      <c r="D24724" s="367"/>
      <c r="E24724" s="367"/>
      <c r="F24724" s="360"/>
      <c r="G24724" s="360"/>
      <c r="H24724" s="360"/>
      <c r="I24724" s="360"/>
      <c r="J24724" s="365"/>
      <c r="K24724" s="365"/>
      <c r="L24724" s="367"/>
    </row>
    <row r="24725" spans="2:12">
      <c r="B24725" s="368"/>
      <c r="C24725" s="362"/>
      <c r="D24725" s="368"/>
      <c r="E24725" s="368"/>
      <c r="F24725" s="361" t="s">
        <v>17310</v>
      </c>
      <c r="G24725" s="361" t="s">
        <v>17311</v>
      </c>
      <c r="H24725" s="362"/>
      <c r="I24725" s="361" t="s">
        <v>17311</v>
      </c>
      <c r="J24725" s="366"/>
      <c r="K24725" s="366"/>
      <c r="L24725" s="368"/>
    </row>
    <row r="24726" spans="2:12" ht="28.5">
      <c r="B24726" s="358" t="s">
        <v>12181</v>
      </c>
      <c r="C24726" s="358" t="s">
        <v>30868</v>
      </c>
      <c r="D24726" s="358" t="s">
        <v>12182</v>
      </c>
      <c r="E24726" s="358" t="s">
        <v>12183</v>
      </c>
      <c r="F24726" s="358" t="s">
        <v>14376</v>
      </c>
      <c r="G24726" s="358" t="s">
        <v>14669</v>
      </c>
      <c r="H24726" s="358" t="s">
        <v>14381</v>
      </c>
      <c r="I24726" s="358" t="s">
        <v>14669</v>
      </c>
      <c r="J24726" s="358"/>
      <c r="K24726" s="358"/>
      <c r="L24726" s="358" t="s">
        <v>643</v>
      </c>
    </row>
    <row r="24727" spans="2:12">
      <c r="B24727" s="367"/>
      <c r="C24727" s="367"/>
      <c r="D24727" s="367"/>
      <c r="E24727" s="367"/>
      <c r="F24727" s="360"/>
      <c r="G24727" s="360"/>
      <c r="H24727" s="360"/>
      <c r="I24727" s="360"/>
      <c r="J24727" s="365"/>
      <c r="K24727" s="365"/>
      <c r="L24727" s="367"/>
    </row>
    <row r="24728" spans="2:12">
      <c r="B24728" s="367"/>
      <c r="C24728" s="367"/>
      <c r="D24728" s="367"/>
      <c r="E24728" s="367"/>
      <c r="F24728" s="359" t="s">
        <v>14889</v>
      </c>
      <c r="G24728" s="359" t="s">
        <v>14890</v>
      </c>
      <c r="H24728" s="359" t="s">
        <v>14332</v>
      </c>
      <c r="I24728" s="359" t="s">
        <v>14890</v>
      </c>
      <c r="J24728" s="365"/>
      <c r="K24728" s="365"/>
      <c r="L24728" s="367"/>
    </row>
    <row r="24729" spans="2:12">
      <c r="B24729" s="367"/>
      <c r="C24729" s="367"/>
      <c r="D24729" s="367"/>
      <c r="E24729" s="367"/>
      <c r="F24729" s="360"/>
      <c r="G24729" s="360"/>
      <c r="H24729" s="360"/>
      <c r="I24729" s="360"/>
      <c r="J24729" s="365"/>
      <c r="K24729" s="365"/>
      <c r="L24729" s="367"/>
    </row>
    <row r="24730" spans="2:12">
      <c r="B24730" s="368"/>
      <c r="C24730" s="368"/>
      <c r="D24730" s="368"/>
      <c r="E24730" s="368"/>
      <c r="F24730" s="361" t="s">
        <v>17310</v>
      </c>
      <c r="G24730" s="361" t="s">
        <v>17311</v>
      </c>
      <c r="H24730" s="362"/>
      <c r="I24730" s="361" t="s">
        <v>17311</v>
      </c>
      <c r="J24730" s="366"/>
      <c r="K24730" s="366"/>
      <c r="L24730" s="368"/>
    </row>
    <row r="24731" spans="2:12">
      <c r="B24731" s="358" t="s">
        <v>26244</v>
      </c>
      <c r="C24731" s="358" t="s">
        <v>29951</v>
      </c>
      <c r="D24731" s="358" t="s">
        <v>26245</v>
      </c>
      <c r="E24731" s="358" t="s">
        <v>26246</v>
      </c>
      <c r="F24731" s="358" t="s">
        <v>17310</v>
      </c>
      <c r="G24731" s="358" t="s">
        <v>17311</v>
      </c>
      <c r="H24731" s="358" t="s">
        <v>14381</v>
      </c>
      <c r="I24731" s="358" t="s">
        <v>17311</v>
      </c>
      <c r="J24731" s="358"/>
      <c r="K24731" s="358"/>
      <c r="L24731" s="358"/>
    </row>
    <row r="24732" spans="2:12">
      <c r="B24732" s="367"/>
      <c r="C24732" s="360"/>
      <c r="D24732" s="367"/>
      <c r="E24732" s="367"/>
      <c r="F24732" s="367"/>
      <c r="G24732" s="367"/>
      <c r="H24732" s="360"/>
      <c r="I24732" s="367"/>
      <c r="J24732" s="365"/>
      <c r="K24732" s="365"/>
      <c r="L24732" s="365"/>
    </row>
    <row r="24733" spans="2:12" ht="71.25">
      <c r="B24733" s="368"/>
      <c r="C24733" s="361" t="s">
        <v>30869</v>
      </c>
      <c r="D24733" s="368"/>
      <c r="E24733" s="368"/>
      <c r="F24733" s="368"/>
      <c r="G24733" s="368"/>
      <c r="H24733" s="361" t="s">
        <v>14332</v>
      </c>
      <c r="I24733" s="368"/>
      <c r="J24733" s="366"/>
      <c r="K24733" s="366"/>
      <c r="L24733" s="366"/>
    </row>
    <row r="24734" spans="2:12" ht="57">
      <c r="B24734" s="358" t="s">
        <v>26248</v>
      </c>
      <c r="C24734" s="358" t="s">
        <v>26249</v>
      </c>
      <c r="D24734" s="358" t="s">
        <v>26250</v>
      </c>
      <c r="E24734" s="358" t="s">
        <v>26251</v>
      </c>
      <c r="F24734" s="358" t="s">
        <v>14384</v>
      </c>
      <c r="G24734" s="358" t="s">
        <v>26242</v>
      </c>
      <c r="H24734" s="358" t="s">
        <v>14381</v>
      </c>
      <c r="I24734" s="358" t="s">
        <v>26242</v>
      </c>
      <c r="J24734" s="358"/>
      <c r="K24734" s="358"/>
      <c r="L24734" s="358"/>
    </row>
    <row r="24735" spans="2:12">
      <c r="B24735" s="367"/>
      <c r="C24735" s="360"/>
      <c r="D24735" s="367"/>
      <c r="E24735" s="367"/>
      <c r="F24735" s="360"/>
      <c r="G24735" s="360"/>
      <c r="H24735" s="360"/>
      <c r="I24735" s="360"/>
      <c r="J24735" s="365"/>
      <c r="K24735" s="365"/>
      <c r="L24735" s="365"/>
    </row>
    <row r="24736" spans="2:12">
      <c r="B24736" s="367"/>
      <c r="C24736" s="359" t="s">
        <v>26247</v>
      </c>
      <c r="D24736" s="367"/>
      <c r="E24736" s="367"/>
      <c r="F24736" s="359" t="s">
        <v>17310</v>
      </c>
      <c r="G24736" s="359" t="s">
        <v>17311</v>
      </c>
      <c r="H24736" s="359" t="s">
        <v>14332</v>
      </c>
      <c r="I24736" s="359" t="s">
        <v>17311</v>
      </c>
      <c r="J24736" s="365"/>
      <c r="K24736" s="365"/>
      <c r="L24736" s="365"/>
    </row>
    <row r="24737" spans="2:12">
      <c r="B24737" s="367"/>
      <c r="C24737" s="360"/>
      <c r="D24737" s="367"/>
      <c r="E24737" s="367"/>
      <c r="F24737" s="360"/>
      <c r="G24737" s="360"/>
      <c r="H24737" s="360"/>
      <c r="I24737" s="360"/>
      <c r="J24737" s="365"/>
      <c r="K24737" s="365"/>
      <c r="L24737" s="365"/>
    </row>
    <row r="24738" spans="2:12" ht="85.5">
      <c r="B24738" s="368"/>
      <c r="C24738" s="361" t="s">
        <v>30870</v>
      </c>
      <c r="D24738" s="368"/>
      <c r="E24738" s="368"/>
      <c r="F24738" s="362"/>
      <c r="G24738" s="362"/>
      <c r="H24738" s="362"/>
      <c r="I24738" s="362"/>
      <c r="J24738" s="366"/>
      <c r="K24738" s="366"/>
      <c r="L24738" s="366"/>
    </row>
    <row r="24739" spans="2:12">
      <c r="B24739" s="358" t="s">
        <v>26252</v>
      </c>
      <c r="C24739" s="358" t="s">
        <v>26253</v>
      </c>
      <c r="D24739" s="358" t="s">
        <v>26254</v>
      </c>
      <c r="E24739" s="358" t="s">
        <v>26255</v>
      </c>
      <c r="F24739" s="358" t="s">
        <v>17310</v>
      </c>
      <c r="G24739" s="358" t="s">
        <v>17311</v>
      </c>
      <c r="H24739" s="358" t="s">
        <v>14381</v>
      </c>
      <c r="I24739" s="358" t="s">
        <v>17311</v>
      </c>
      <c r="J24739" s="358"/>
      <c r="K24739" s="358"/>
      <c r="L24739" s="358"/>
    </row>
    <row r="24740" spans="2:12">
      <c r="B24740" s="367"/>
      <c r="C24740" s="360"/>
      <c r="D24740" s="367"/>
      <c r="E24740" s="367"/>
      <c r="F24740" s="367"/>
      <c r="G24740" s="367"/>
      <c r="H24740" s="360"/>
      <c r="I24740" s="367"/>
      <c r="J24740" s="365"/>
      <c r="K24740" s="365"/>
      <c r="L24740" s="365"/>
    </row>
    <row r="24741" spans="2:12">
      <c r="B24741" s="367"/>
      <c r="C24741" s="359" t="s">
        <v>26247</v>
      </c>
      <c r="D24741" s="367"/>
      <c r="E24741" s="367"/>
      <c r="F24741" s="367"/>
      <c r="G24741" s="367"/>
      <c r="H24741" s="359" t="s">
        <v>14332</v>
      </c>
      <c r="I24741" s="367"/>
      <c r="J24741" s="365"/>
      <c r="K24741" s="365"/>
      <c r="L24741" s="365"/>
    </row>
    <row r="24742" spans="2:12">
      <c r="B24742" s="367"/>
      <c r="C24742" s="360"/>
      <c r="D24742" s="367"/>
      <c r="E24742" s="367"/>
      <c r="F24742" s="367"/>
      <c r="G24742" s="367"/>
      <c r="H24742" s="360"/>
      <c r="I24742" s="367"/>
      <c r="J24742" s="365"/>
      <c r="K24742" s="365"/>
      <c r="L24742" s="365"/>
    </row>
    <row r="24743" spans="2:12" ht="85.5">
      <c r="B24743" s="368"/>
      <c r="C24743" s="361" t="s">
        <v>28275</v>
      </c>
      <c r="D24743" s="368"/>
      <c r="E24743" s="368"/>
      <c r="F24743" s="368"/>
      <c r="G24743" s="368"/>
      <c r="H24743" s="362"/>
      <c r="I24743" s="368"/>
      <c r="J24743" s="366"/>
      <c r="K24743" s="366"/>
      <c r="L24743" s="366"/>
    </row>
    <row r="24744" spans="2:12">
      <c r="B24744" s="358" t="s">
        <v>26256</v>
      </c>
      <c r="C24744" s="358" t="s">
        <v>26257</v>
      </c>
      <c r="D24744" s="358" t="s">
        <v>26258</v>
      </c>
      <c r="E24744" s="358" t="s">
        <v>26259</v>
      </c>
      <c r="F24744" s="358" t="s">
        <v>17310</v>
      </c>
      <c r="G24744" s="358" t="s">
        <v>17311</v>
      </c>
      <c r="H24744" s="358" t="s">
        <v>14381</v>
      </c>
      <c r="I24744" s="358" t="s">
        <v>17311</v>
      </c>
      <c r="J24744" s="358"/>
      <c r="K24744" s="358"/>
      <c r="L24744" s="358"/>
    </row>
    <row r="24745" spans="2:12">
      <c r="B24745" s="367"/>
      <c r="C24745" s="360"/>
      <c r="D24745" s="367"/>
      <c r="E24745" s="367"/>
      <c r="F24745" s="367"/>
      <c r="G24745" s="367"/>
      <c r="H24745" s="360"/>
      <c r="I24745" s="367"/>
      <c r="J24745" s="365"/>
      <c r="K24745" s="365"/>
      <c r="L24745" s="365"/>
    </row>
    <row r="24746" spans="2:12">
      <c r="B24746" s="367"/>
      <c r="C24746" s="359" t="s">
        <v>26247</v>
      </c>
      <c r="D24746" s="367"/>
      <c r="E24746" s="367"/>
      <c r="F24746" s="367"/>
      <c r="G24746" s="367"/>
      <c r="H24746" s="359" t="s">
        <v>14332</v>
      </c>
      <c r="I24746" s="367"/>
      <c r="J24746" s="365"/>
      <c r="K24746" s="365"/>
      <c r="L24746" s="365"/>
    </row>
    <row r="24747" spans="2:12">
      <c r="B24747" s="367"/>
      <c r="C24747" s="360"/>
      <c r="D24747" s="367"/>
      <c r="E24747" s="367"/>
      <c r="F24747" s="367"/>
      <c r="G24747" s="367"/>
      <c r="H24747" s="360"/>
      <c r="I24747" s="367"/>
      <c r="J24747" s="365"/>
      <c r="K24747" s="365"/>
      <c r="L24747" s="365"/>
    </row>
    <row r="24748" spans="2:12" ht="57">
      <c r="B24748" s="368"/>
      <c r="C24748" s="361" t="s">
        <v>28276</v>
      </c>
      <c r="D24748" s="368"/>
      <c r="E24748" s="368"/>
      <c r="F24748" s="368"/>
      <c r="G24748" s="368"/>
      <c r="H24748" s="362"/>
      <c r="I24748" s="368"/>
      <c r="J24748" s="366"/>
      <c r="K24748" s="366"/>
      <c r="L24748" s="366"/>
    </row>
    <row r="24749" spans="2:12">
      <c r="B24749" s="358" t="s">
        <v>26260</v>
      </c>
      <c r="C24749" s="358" t="s">
        <v>26261</v>
      </c>
      <c r="D24749" s="358" t="s">
        <v>26262</v>
      </c>
      <c r="E24749" s="358" t="s">
        <v>26263</v>
      </c>
      <c r="F24749" s="358" t="s">
        <v>17310</v>
      </c>
      <c r="G24749" s="358" t="s">
        <v>17311</v>
      </c>
      <c r="H24749" s="358" t="s">
        <v>14381</v>
      </c>
      <c r="I24749" s="358" t="s">
        <v>17311</v>
      </c>
      <c r="J24749" s="358"/>
      <c r="K24749" s="358"/>
      <c r="L24749" s="358"/>
    </row>
    <row r="24750" spans="2:12">
      <c r="B24750" s="367"/>
      <c r="C24750" s="360"/>
      <c r="D24750" s="367"/>
      <c r="E24750" s="367"/>
      <c r="F24750" s="367"/>
      <c r="G24750" s="367"/>
      <c r="H24750" s="360"/>
      <c r="I24750" s="367"/>
      <c r="J24750" s="365"/>
      <c r="K24750" s="365"/>
      <c r="L24750" s="365"/>
    </row>
    <row r="24751" spans="2:12">
      <c r="B24751" s="367"/>
      <c r="C24751" s="359" t="s">
        <v>26264</v>
      </c>
      <c r="D24751" s="367"/>
      <c r="E24751" s="367"/>
      <c r="F24751" s="367"/>
      <c r="G24751" s="367"/>
      <c r="H24751" s="359" t="s">
        <v>14332</v>
      </c>
      <c r="I24751" s="367"/>
      <c r="J24751" s="365"/>
      <c r="K24751" s="365"/>
      <c r="L24751" s="365"/>
    </row>
    <row r="24752" spans="2:12">
      <c r="B24752" s="367"/>
      <c r="C24752" s="360"/>
      <c r="D24752" s="367"/>
      <c r="E24752" s="367"/>
      <c r="F24752" s="367"/>
      <c r="G24752" s="367"/>
      <c r="H24752" s="360"/>
      <c r="I24752" s="367"/>
      <c r="J24752" s="365"/>
      <c r="K24752" s="365"/>
      <c r="L24752" s="365"/>
    </row>
    <row r="24753" spans="2:12" ht="85.5">
      <c r="B24753" s="368"/>
      <c r="C24753" s="361" t="s">
        <v>28277</v>
      </c>
      <c r="D24753" s="368"/>
      <c r="E24753" s="368"/>
      <c r="F24753" s="368"/>
      <c r="G24753" s="368"/>
      <c r="H24753" s="362"/>
      <c r="I24753" s="368"/>
      <c r="J24753" s="366"/>
      <c r="K24753" s="366"/>
      <c r="L24753" s="366"/>
    </row>
    <row r="24754" spans="2:12" ht="28.5">
      <c r="B24754" s="358" t="s">
        <v>26265</v>
      </c>
      <c r="C24754" s="358" t="s">
        <v>28278</v>
      </c>
      <c r="D24754" s="358" t="s">
        <v>26266</v>
      </c>
      <c r="E24754" s="358" t="s">
        <v>26267</v>
      </c>
      <c r="F24754" s="358" t="s">
        <v>17310</v>
      </c>
      <c r="G24754" s="358" t="s">
        <v>17311</v>
      </c>
      <c r="H24754" s="358" t="s">
        <v>14381</v>
      </c>
      <c r="I24754" s="358" t="s">
        <v>17311</v>
      </c>
      <c r="J24754" s="358"/>
      <c r="K24754" s="358"/>
      <c r="L24754" s="358"/>
    </row>
    <row r="24755" spans="2:12">
      <c r="B24755" s="367"/>
      <c r="C24755" s="360"/>
      <c r="D24755" s="367"/>
      <c r="E24755" s="367"/>
      <c r="F24755" s="367"/>
      <c r="G24755" s="367"/>
      <c r="H24755" s="360"/>
      <c r="I24755" s="367"/>
      <c r="J24755" s="365"/>
      <c r="K24755" s="365"/>
      <c r="L24755" s="365"/>
    </row>
    <row r="24756" spans="2:12">
      <c r="B24756" s="367"/>
      <c r="C24756" s="359" t="s">
        <v>26264</v>
      </c>
      <c r="D24756" s="367"/>
      <c r="E24756" s="367"/>
      <c r="F24756" s="367"/>
      <c r="G24756" s="367"/>
      <c r="H24756" s="359" t="s">
        <v>14332</v>
      </c>
      <c r="I24756" s="367"/>
      <c r="J24756" s="365"/>
      <c r="K24756" s="365"/>
      <c r="L24756" s="365"/>
    </row>
    <row r="24757" spans="2:12">
      <c r="B24757" s="367"/>
      <c r="C24757" s="360"/>
      <c r="D24757" s="367"/>
      <c r="E24757" s="367"/>
      <c r="F24757" s="367"/>
      <c r="G24757" s="367"/>
      <c r="H24757" s="360"/>
      <c r="I24757" s="367"/>
      <c r="J24757" s="365"/>
      <c r="K24757" s="365"/>
      <c r="L24757" s="365"/>
    </row>
    <row r="24758" spans="2:12" ht="71.25">
      <c r="B24758" s="368"/>
      <c r="C24758" s="361" t="s">
        <v>30871</v>
      </c>
      <c r="D24758" s="368"/>
      <c r="E24758" s="368"/>
      <c r="F24758" s="368"/>
      <c r="G24758" s="368"/>
      <c r="H24758" s="362"/>
      <c r="I24758" s="368"/>
      <c r="J24758" s="366"/>
      <c r="K24758" s="366"/>
      <c r="L24758" s="366"/>
    </row>
    <row r="24759" spans="2:12" ht="28.5">
      <c r="B24759" s="358" t="s">
        <v>26268</v>
      </c>
      <c r="C24759" s="358" t="s">
        <v>28279</v>
      </c>
      <c r="D24759" s="358" t="s">
        <v>26269</v>
      </c>
      <c r="E24759" s="358" t="s">
        <v>26270</v>
      </c>
      <c r="F24759" s="358" t="s">
        <v>17310</v>
      </c>
      <c r="G24759" s="358" t="s">
        <v>17311</v>
      </c>
      <c r="H24759" s="358" t="s">
        <v>14381</v>
      </c>
      <c r="I24759" s="358" t="s">
        <v>17311</v>
      </c>
      <c r="J24759" s="358"/>
      <c r="K24759" s="358"/>
      <c r="L24759" s="358"/>
    </row>
    <row r="24760" spans="2:12">
      <c r="B24760" s="367"/>
      <c r="C24760" s="360"/>
      <c r="D24760" s="367"/>
      <c r="E24760" s="367"/>
      <c r="F24760" s="367"/>
      <c r="G24760" s="367"/>
      <c r="H24760" s="360"/>
      <c r="I24760" s="367"/>
      <c r="J24760" s="365"/>
      <c r="K24760" s="365"/>
      <c r="L24760" s="365"/>
    </row>
    <row r="24761" spans="2:12">
      <c r="B24761" s="367"/>
      <c r="C24761" s="359" t="s">
        <v>26264</v>
      </c>
      <c r="D24761" s="367"/>
      <c r="E24761" s="367"/>
      <c r="F24761" s="367"/>
      <c r="G24761" s="367"/>
      <c r="H24761" s="359" t="s">
        <v>14332</v>
      </c>
      <c r="I24761" s="367"/>
      <c r="J24761" s="365"/>
      <c r="K24761" s="365"/>
      <c r="L24761" s="365"/>
    </row>
    <row r="24762" spans="2:12">
      <c r="B24762" s="367"/>
      <c r="C24762" s="360"/>
      <c r="D24762" s="367"/>
      <c r="E24762" s="367"/>
      <c r="F24762" s="367"/>
      <c r="G24762" s="367"/>
      <c r="H24762" s="360"/>
      <c r="I24762" s="367"/>
      <c r="J24762" s="365"/>
      <c r="K24762" s="365"/>
      <c r="L24762" s="365"/>
    </row>
    <row r="24763" spans="2:12" ht="57">
      <c r="B24763" s="368"/>
      <c r="C24763" s="361" t="s">
        <v>28280</v>
      </c>
      <c r="D24763" s="368"/>
      <c r="E24763" s="368"/>
      <c r="F24763" s="368"/>
      <c r="G24763" s="368"/>
      <c r="H24763" s="362"/>
      <c r="I24763" s="368"/>
      <c r="J24763" s="366"/>
      <c r="K24763" s="366"/>
      <c r="L24763" s="366"/>
    </row>
    <row r="24764" spans="2:12">
      <c r="B24764" s="358" t="s">
        <v>26271</v>
      </c>
      <c r="C24764" s="358" t="s">
        <v>28281</v>
      </c>
      <c r="D24764" s="358" t="s">
        <v>26272</v>
      </c>
      <c r="E24764" s="358" t="s">
        <v>26273</v>
      </c>
      <c r="F24764" s="358" t="s">
        <v>17310</v>
      </c>
      <c r="G24764" s="358" t="s">
        <v>17311</v>
      </c>
      <c r="H24764" s="358" t="s">
        <v>14381</v>
      </c>
      <c r="I24764" s="358" t="s">
        <v>17311</v>
      </c>
      <c r="J24764" s="358"/>
      <c r="K24764" s="358"/>
      <c r="L24764" s="358"/>
    </row>
    <row r="24765" spans="2:12">
      <c r="B24765" s="367"/>
      <c r="C24765" s="360"/>
      <c r="D24765" s="367"/>
      <c r="E24765" s="367"/>
      <c r="F24765" s="367"/>
      <c r="G24765" s="367"/>
      <c r="H24765" s="360"/>
      <c r="I24765" s="367"/>
      <c r="J24765" s="365"/>
      <c r="K24765" s="365"/>
      <c r="L24765" s="365"/>
    </row>
    <row r="24766" spans="2:12">
      <c r="B24766" s="367"/>
      <c r="C24766" s="359" t="s">
        <v>26264</v>
      </c>
      <c r="D24766" s="367"/>
      <c r="E24766" s="367"/>
      <c r="F24766" s="367"/>
      <c r="G24766" s="367"/>
      <c r="H24766" s="359" t="s">
        <v>14332</v>
      </c>
      <c r="I24766" s="367"/>
      <c r="J24766" s="365"/>
      <c r="K24766" s="365"/>
      <c r="L24766" s="365"/>
    </row>
    <row r="24767" spans="2:12">
      <c r="B24767" s="367"/>
      <c r="C24767" s="360"/>
      <c r="D24767" s="367"/>
      <c r="E24767" s="367"/>
      <c r="F24767" s="367"/>
      <c r="G24767" s="367"/>
      <c r="H24767" s="360"/>
      <c r="I24767" s="367"/>
      <c r="J24767" s="365"/>
      <c r="K24767" s="365"/>
      <c r="L24767" s="365"/>
    </row>
    <row r="24768" spans="2:12" ht="71.25">
      <c r="B24768" s="368"/>
      <c r="C24768" s="361" t="s">
        <v>28282</v>
      </c>
      <c r="D24768" s="368"/>
      <c r="E24768" s="368"/>
      <c r="F24768" s="368"/>
      <c r="G24768" s="368"/>
      <c r="H24768" s="362"/>
      <c r="I24768" s="368"/>
      <c r="J24768" s="366"/>
      <c r="K24768" s="366"/>
      <c r="L24768" s="366"/>
    </row>
    <row r="24769" spans="2:12" ht="28.5">
      <c r="B24769" s="358" t="s">
        <v>26274</v>
      </c>
      <c r="C24769" s="358" t="s">
        <v>29952</v>
      </c>
      <c r="D24769" s="358" t="s">
        <v>26275</v>
      </c>
      <c r="E24769" s="358" t="s">
        <v>26276</v>
      </c>
      <c r="F24769" s="358" t="s">
        <v>17310</v>
      </c>
      <c r="G24769" s="358" t="s">
        <v>17311</v>
      </c>
      <c r="H24769" s="358" t="s">
        <v>14381</v>
      </c>
      <c r="I24769" s="358" t="s">
        <v>17311</v>
      </c>
      <c r="J24769" s="358"/>
      <c r="K24769" s="358"/>
      <c r="L24769" s="358"/>
    </row>
    <row r="24770" spans="2:12">
      <c r="B24770" s="367"/>
      <c r="C24770" s="360"/>
      <c r="D24770" s="367"/>
      <c r="E24770" s="367"/>
      <c r="F24770" s="367"/>
      <c r="G24770" s="367"/>
      <c r="H24770" s="360"/>
      <c r="I24770" s="367"/>
      <c r="J24770" s="365"/>
      <c r="K24770" s="365"/>
      <c r="L24770" s="365"/>
    </row>
    <row r="24771" spans="2:12" ht="85.5">
      <c r="B24771" s="368"/>
      <c r="C24771" s="361" t="s">
        <v>30872</v>
      </c>
      <c r="D24771" s="368"/>
      <c r="E24771" s="368"/>
      <c r="F24771" s="368"/>
      <c r="G24771" s="368"/>
      <c r="H24771" s="361" t="s">
        <v>14332</v>
      </c>
      <c r="I24771" s="368"/>
      <c r="J24771" s="366"/>
      <c r="K24771" s="366"/>
      <c r="L24771" s="366"/>
    </row>
    <row r="24772" spans="2:12" ht="28.5">
      <c r="B24772" s="358" t="s">
        <v>26277</v>
      </c>
      <c r="C24772" s="358" t="s">
        <v>29953</v>
      </c>
      <c r="D24772" s="358" t="s">
        <v>26278</v>
      </c>
      <c r="E24772" s="358" t="s">
        <v>26279</v>
      </c>
      <c r="F24772" s="358" t="s">
        <v>17310</v>
      </c>
      <c r="G24772" s="358" t="s">
        <v>17311</v>
      </c>
      <c r="H24772" s="358" t="s">
        <v>14381</v>
      </c>
      <c r="I24772" s="358" t="s">
        <v>17311</v>
      </c>
      <c r="J24772" s="358"/>
      <c r="K24772" s="358"/>
      <c r="L24772" s="358"/>
    </row>
    <row r="24773" spans="2:12">
      <c r="B24773" s="367"/>
      <c r="C24773" s="360"/>
      <c r="D24773" s="367"/>
      <c r="E24773" s="367"/>
      <c r="F24773" s="367"/>
      <c r="G24773" s="367"/>
      <c r="H24773" s="360"/>
      <c r="I24773" s="367"/>
      <c r="J24773" s="365"/>
      <c r="K24773" s="365"/>
      <c r="L24773" s="365"/>
    </row>
    <row r="24774" spans="2:12" ht="99.75">
      <c r="B24774" s="368"/>
      <c r="C24774" s="361" t="s">
        <v>28283</v>
      </c>
      <c r="D24774" s="368"/>
      <c r="E24774" s="368"/>
      <c r="F24774" s="368"/>
      <c r="G24774" s="368"/>
      <c r="H24774" s="361" t="s">
        <v>14332</v>
      </c>
      <c r="I24774" s="368"/>
      <c r="J24774" s="366"/>
      <c r="K24774" s="366"/>
      <c r="L24774" s="366"/>
    </row>
    <row r="24775" spans="2:12" ht="28.5">
      <c r="B24775" s="358" t="s">
        <v>26280</v>
      </c>
      <c r="C24775" s="358" t="s">
        <v>30873</v>
      </c>
      <c r="D24775" s="358" t="s">
        <v>26281</v>
      </c>
      <c r="E24775" s="358" t="s">
        <v>26282</v>
      </c>
      <c r="F24775" s="358" t="s">
        <v>17310</v>
      </c>
      <c r="G24775" s="358" t="s">
        <v>17311</v>
      </c>
      <c r="H24775" s="358" t="s">
        <v>14381</v>
      </c>
      <c r="I24775" s="358" t="s">
        <v>17311</v>
      </c>
      <c r="J24775" s="358"/>
      <c r="K24775" s="358"/>
      <c r="L24775" s="358"/>
    </row>
    <row r="24776" spans="2:12">
      <c r="B24776" s="367"/>
      <c r="C24776" s="360"/>
      <c r="D24776" s="367"/>
      <c r="E24776" s="367"/>
      <c r="F24776" s="367"/>
      <c r="G24776" s="367"/>
      <c r="H24776" s="360"/>
      <c r="I24776" s="367"/>
      <c r="J24776" s="365"/>
      <c r="K24776" s="365"/>
      <c r="L24776" s="365"/>
    </row>
    <row r="24777" spans="2:12" ht="99.75">
      <c r="B24777" s="368"/>
      <c r="C24777" s="361" t="s">
        <v>30874</v>
      </c>
      <c r="D24777" s="368"/>
      <c r="E24777" s="368"/>
      <c r="F24777" s="368"/>
      <c r="G24777" s="368"/>
      <c r="H24777" s="361" t="s">
        <v>14332</v>
      </c>
      <c r="I24777" s="368"/>
      <c r="J24777" s="366"/>
      <c r="K24777" s="366"/>
      <c r="L24777" s="366"/>
    </row>
    <row r="24778" spans="2:12" ht="28.5">
      <c r="B24778" s="358" t="s">
        <v>26283</v>
      </c>
      <c r="C24778" s="358" t="s">
        <v>26284</v>
      </c>
      <c r="D24778" s="358" t="s">
        <v>26285</v>
      </c>
      <c r="E24778" s="358" t="s">
        <v>26286</v>
      </c>
      <c r="F24778" s="358" t="s">
        <v>17310</v>
      </c>
      <c r="G24778" s="358" t="s">
        <v>17311</v>
      </c>
      <c r="H24778" s="358" t="s">
        <v>14381</v>
      </c>
      <c r="I24778" s="358" t="s">
        <v>17311</v>
      </c>
      <c r="J24778" s="358"/>
      <c r="K24778" s="358"/>
      <c r="L24778" s="358"/>
    </row>
    <row r="24779" spans="2:12">
      <c r="B24779" s="367"/>
      <c r="C24779" s="360"/>
      <c r="D24779" s="367"/>
      <c r="E24779" s="367"/>
      <c r="F24779" s="367"/>
      <c r="G24779" s="367"/>
      <c r="H24779" s="360"/>
      <c r="I24779" s="367"/>
      <c r="J24779" s="365"/>
      <c r="K24779" s="365"/>
      <c r="L24779" s="365"/>
    </row>
    <row r="24780" spans="2:12">
      <c r="B24780" s="367"/>
      <c r="C24780" s="359" t="s">
        <v>26264</v>
      </c>
      <c r="D24780" s="367"/>
      <c r="E24780" s="367"/>
      <c r="F24780" s="367"/>
      <c r="G24780" s="367"/>
      <c r="H24780" s="359" t="s">
        <v>14332</v>
      </c>
      <c r="I24780" s="367"/>
      <c r="J24780" s="365"/>
      <c r="K24780" s="365"/>
      <c r="L24780" s="365"/>
    </row>
    <row r="24781" spans="2:12">
      <c r="B24781" s="367"/>
      <c r="C24781" s="360"/>
      <c r="D24781" s="367"/>
      <c r="E24781" s="367"/>
      <c r="F24781" s="367"/>
      <c r="G24781" s="367"/>
      <c r="H24781" s="360"/>
      <c r="I24781" s="367"/>
      <c r="J24781" s="365"/>
      <c r="K24781" s="365"/>
      <c r="L24781" s="365"/>
    </row>
    <row r="24782" spans="2:12" ht="71.25">
      <c r="B24782" s="368"/>
      <c r="C24782" s="361" t="s">
        <v>30875</v>
      </c>
      <c r="D24782" s="368"/>
      <c r="E24782" s="368"/>
      <c r="F24782" s="368"/>
      <c r="G24782" s="368"/>
      <c r="H24782" s="362"/>
      <c r="I24782" s="368"/>
      <c r="J24782" s="366"/>
      <c r="K24782" s="366"/>
      <c r="L24782" s="366"/>
    </row>
    <row r="24783" spans="2:12" ht="28.5">
      <c r="B24783" s="358" t="s">
        <v>26287</v>
      </c>
      <c r="C24783" s="358" t="s">
        <v>26288</v>
      </c>
      <c r="D24783" s="358" t="s">
        <v>26289</v>
      </c>
      <c r="E24783" s="358" t="s">
        <v>26290</v>
      </c>
      <c r="F24783" s="358" t="s">
        <v>17310</v>
      </c>
      <c r="G24783" s="358" t="s">
        <v>17311</v>
      </c>
      <c r="H24783" s="358" t="s">
        <v>14381</v>
      </c>
      <c r="I24783" s="358" t="s">
        <v>17311</v>
      </c>
      <c r="J24783" s="358"/>
      <c r="K24783" s="358"/>
      <c r="L24783" s="358"/>
    </row>
    <row r="24784" spans="2:12">
      <c r="B24784" s="367"/>
      <c r="C24784" s="360"/>
      <c r="D24784" s="367"/>
      <c r="E24784" s="367"/>
      <c r="F24784" s="367"/>
      <c r="G24784" s="367"/>
      <c r="H24784" s="360"/>
      <c r="I24784" s="367"/>
      <c r="J24784" s="365"/>
      <c r="K24784" s="365"/>
      <c r="L24784" s="365"/>
    </row>
    <row r="24785" spans="2:12">
      <c r="B24785" s="367"/>
      <c r="C24785" s="359" t="s">
        <v>26264</v>
      </c>
      <c r="D24785" s="367"/>
      <c r="E24785" s="367"/>
      <c r="F24785" s="367"/>
      <c r="G24785" s="367"/>
      <c r="H24785" s="359" t="s">
        <v>14332</v>
      </c>
      <c r="I24785" s="367"/>
      <c r="J24785" s="365"/>
      <c r="K24785" s="365"/>
      <c r="L24785" s="365"/>
    </row>
    <row r="24786" spans="2:12">
      <c r="B24786" s="367"/>
      <c r="C24786" s="360"/>
      <c r="D24786" s="367"/>
      <c r="E24786" s="367"/>
      <c r="F24786" s="367"/>
      <c r="G24786" s="367"/>
      <c r="H24786" s="360"/>
      <c r="I24786" s="367"/>
      <c r="J24786" s="365"/>
      <c r="K24786" s="365"/>
      <c r="L24786" s="365"/>
    </row>
    <row r="24787" spans="2:12" ht="71.25">
      <c r="B24787" s="368"/>
      <c r="C24787" s="361" t="s">
        <v>30876</v>
      </c>
      <c r="D24787" s="368"/>
      <c r="E24787" s="368"/>
      <c r="F24787" s="368"/>
      <c r="G24787" s="368"/>
      <c r="H24787" s="362"/>
      <c r="I24787" s="368"/>
      <c r="J24787" s="366"/>
      <c r="K24787" s="366"/>
      <c r="L24787" s="366"/>
    </row>
    <row r="24788" spans="2:12" ht="28.5">
      <c r="B24788" s="358" t="s">
        <v>26291</v>
      </c>
      <c r="C24788" s="358" t="s">
        <v>29954</v>
      </c>
      <c r="D24788" s="358" t="s">
        <v>26292</v>
      </c>
      <c r="E24788" s="358" t="s">
        <v>26293</v>
      </c>
      <c r="F24788" s="358" t="s">
        <v>17310</v>
      </c>
      <c r="G24788" s="358" t="s">
        <v>17311</v>
      </c>
      <c r="H24788" s="358" t="s">
        <v>14381</v>
      </c>
      <c r="I24788" s="358" t="s">
        <v>17311</v>
      </c>
      <c r="J24788" s="358"/>
      <c r="K24788" s="358"/>
      <c r="L24788" s="358"/>
    </row>
    <row r="24789" spans="2:12">
      <c r="B24789" s="367"/>
      <c r="C24789" s="360"/>
      <c r="D24789" s="367"/>
      <c r="E24789" s="367"/>
      <c r="F24789" s="367"/>
      <c r="G24789" s="367"/>
      <c r="H24789" s="360"/>
      <c r="I24789" s="367"/>
      <c r="J24789" s="365"/>
      <c r="K24789" s="365"/>
      <c r="L24789" s="365"/>
    </row>
    <row r="24790" spans="2:12" ht="85.5">
      <c r="B24790" s="368"/>
      <c r="C24790" s="361" t="s">
        <v>28284</v>
      </c>
      <c r="D24790" s="368"/>
      <c r="E24790" s="368"/>
      <c r="F24790" s="368"/>
      <c r="G24790" s="368"/>
      <c r="H24790" s="361" t="s">
        <v>14332</v>
      </c>
      <c r="I24790" s="368"/>
      <c r="J24790" s="366"/>
      <c r="K24790" s="366"/>
      <c r="L24790" s="366"/>
    </row>
    <row r="24791" spans="2:12">
      <c r="B24791" s="358" t="s">
        <v>26294</v>
      </c>
      <c r="C24791" s="358" t="s">
        <v>26295</v>
      </c>
      <c r="D24791" s="358" t="s">
        <v>26296</v>
      </c>
      <c r="E24791" s="358" t="s">
        <v>26297</v>
      </c>
      <c r="F24791" s="358" t="s">
        <v>17310</v>
      </c>
      <c r="G24791" s="358" t="s">
        <v>17311</v>
      </c>
      <c r="H24791" s="358" t="s">
        <v>14381</v>
      </c>
      <c r="I24791" s="358" t="s">
        <v>17311</v>
      </c>
      <c r="J24791" s="358"/>
      <c r="K24791" s="358"/>
      <c r="L24791" s="358"/>
    </row>
    <row r="24792" spans="2:12">
      <c r="B24792" s="367"/>
      <c r="C24792" s="360"/>
      <c r="D24792" s="367"/>
      <c r="E24792" s="367"/>
      <c r="F24792" s="367"/>
      <c r="G24792" s="367"/>
      <c r="H24792" s="360"/>
      <c r="I24792" s="367"/>
      <c r="J24792" s="365"/>
      <c r="K24792" s="365"/>
      <c r="L24792" s="365"/>
    </row>
    <row r="24793" spans="2:12">
      <c r="B24793" s="367"/>
      <c r="C24793" s="359" t="s">
        <v>26264</v>
      </c>
      <c r="D24793" s="367"/>
      <c r="E24793" s="367"/>
      <c r="F24793" s="367"/>
      <c r="G24793" s="367"/>
      <c r="H24793" s="359" t="s">
        <v>14332</v>
      </c>
      <c r="I24793" s="367"/>
      <c r="J24793" s="365"/>
      <c r="K24793" s="365"/>
      <c r="L24793" s="365"/>
    </row>
    <row r="24794" spans="2:12">
      <c r="B24794" s="367"/>
      <c r="C24794" s="360"/>
      <c r="D24794" s="367"/>
      <c r="E24794" s="367"/>
      <c r="F24794" s="367"/>
      <c r="G24794" s="367"/>
      <c r="H24794" s="360"/>
      <c r="I24794" s="367"/>
      <c r="J24794" s="365"/>
      <c r="K24794" s="365"/>
      <c r="L24794" s="365"/>
    </row>
    <row r="24795" spans="2:12" ht="71.25">
      <c r="B24795" s="368"/>
      <c r="C24795" s="361" t="s">
        <v>28285</v>
      </c>
      <c r="D24795" s="368"/>
      <c r="E24795" s="368"/>
      <c r="F24795" s="368"/>
      <c r="G24795" s="368"/>
      <c r="H24795" s="362"/>
      <c r="I24795" s="368"/>
      <c r="J24795" s="366"/>
      <c r="K24795" s="366"/>
      <c r="L24795" s="366"/>
    </row>
    <row r="24796" spans="2:12" ht="28.5">
      <c r="B24796" s="358" t="s">
        <v>26298</v>
      </c>
      <c r="C24796" s="358" t="s">
        <v>29955</v>
      </c>
      <c r="D24796" s="358" t="s">
        <v>26299</v>
      </c>
      <c r="E24796" s="358" t="s">
        <v>26300</v>
      </c>
      <c r="F24796" s="358" t="s">
        <v>17310</v>
      </c>
      <c r="G24796" s="358" t="s">
        <v>17311</v>
      </c>
      <c r="H24796" s="358" t="s">
        <v>14381</v>
      </c>
      <c r="I24796" s="358" t="s">
        <v>17311</v>
      </c>
      <c r="J24796" s="358"/>
      <c r="K24796" s="358"/>
      <c r="L24796" s="358"/>
    </row>
    <row r="24797" spans="2:12">
      <c r="B24797" s="367"/>
      <c r="C24797" s="360"/>
      <c r="D24797" s="367"/>
      <c r="E24797" s="367"/>
      <c r="F24797" s="367"/>
      <c r="G24797" s="367"/>
      <c r="H24797" s="360"/>
      <c r="I24797" s="367"/>
      <c r="J24797" s="365"/>
      <c r="K24797" s="365"/>
      <c r="L24797" s="365"/>
    </row>
    <row r="24798" spans="2:12" ht="114">
      <c r="B24798" s="368"/>
      <c r="C24798" s="361" t="s">
        <v>30877</v>
      </c>
      <c r="D24798" s="368"/>
      <c r="E24798" s="368"/>
      <c r="F24798" s="368"/>
      <c r="G24798" s="368"/>
      <c r="H24798" s="361" t="s">
        <v>14332</v>
      </c>
      <c r="I24798" s="368"/>
      <c r="J24798" s="366"/>
      <c r="K24798" s="366"/>
      <c r="L24798" s="366"/>
    </row>
    <row r="24799" spans="2:12">
      <c r="B24799" s="358" t="s">
        <v>26301</v>
      </c>
      <c r="C24799" s="358" t="s">
        <v>26302</v>
      </c>
      <c r="D24799" s="358" t="s">
        <v>26303</v>
      </c>
      <c r="E24799" s="358" t="s">
        <v>26304</v>
      </c>
      <c r="F24799" s="358" t="s">
        <v>17310</v>
      </c>
      <c r="G24799" s="358" t="s">
        <v>17311</v>
      </c>
      <c r="H24799" s="358" t="s">
        <v>14381</v>
      </c>
      <c r="I24799" s="358" t="s">
        <v>17311</v>
      </c>
      <c r="J24799" s="358"/>
      <c r="K24799" s="358"/>
      <c r="L24799" s="358"/>
    </row>
    <row r="24800" spans="2:12">
      <c r="B24800" s="367"/>
      <c r="C24800" s="360"/>
      <c r="D24800" s="367"/>
      <c r="E24800" s="367"/>
      <c r="F24800" s="367"/>
      <c r="G24800" s="367"/>
      <c r="H24800" s="360"/>
      <c r="I24800" s="367"/>
      <c r="J24800" s="365"/>
      <c r="K24800" s="365"/>
      <c r="L24800" s="365"/>
    </row>
    <row r="24801" spans="2:12">
      <c r="B24801" s="367"/>
      <c r="C24801" s="359" t="s">
        <v>29956</v>
      </c>
      <c r="D24801" s="367"/>
      <c r="E24801" s="367"/>
      <c r="F24801" s="367"/>
      <c r="G24801" s="367"/>
      <c r="H24801" s="359" t="s">
        <v>14332</v>
      </c>
      <c r="I24801" s="367"/>
      <c r="J24801" s="365"/>
      <c r="K24801" s="365"/>
      <c r="L24801" s="365"/>
    </row>
    <row r="24802" spans="2:12">
      <c r="B24802" s="367"/>
      <c r="C24802" s="360"/>
      <c r="D24802" s="367"/>
      <c r="E24802" s="367"/>
      <c r="F24802" s="367"/>
      <c r="G24802" s="367"/>
      <c r="H24802" s="360"/>
      <c r="I24802" s="367"/>
      <c r="J24802" s="365"/>
      <c r="K24802" s="365"/>
      <c r="L24802" s="365"/>
    </row>
    <row r="24803" spans="2:12" ht="85.5">
      <c r="B24803" s="368"/>
      <c r="C24803" s="361" t="s">
        <v>30878</v>
      </c>
      <c r="D24803" s="368"/>
      <c r="E24803" s="368"/>
      <c r="F24803" s="368"/>
      <c r="G24803" s="368"/>
      <c r="H24803" s="362"/>
      <c r="I24803" s="368"/>
      <c r="J24803" s="366"/>
      <c r="K24803" s="366"/>
      <c r="L24803" s="366"/>
    </row>
    <row r="24804" spans="2:12" ht="28.5">
      <c r="B24804" s="358" t="s">
        <v>26305</v>
      </c>
      <c r="C24804" s="358" t="s">
        <v>29957</v>
      </c>
      <c r="D24804" s="358" t="s">
        <v>26306</v>
      </c>
      <c r="E24804" s="358" t="s">
        <v>26307</v>
      </c>
      <c r="F24804" s="358" t="s">
        <v>17310</v>
      </c>
      <c r="G24804" s="358" t="s">
        <v>17311</v>
      </c>
      <c r="H24804" s="358" t="s">
        <v>14381</v>
      </c>
      <c r="I24804" s="358" t="s">
        <v>17311</v>
      </c>
      <c r="J24804" s="358"/>
      <c r="K24804" s="358"/>
      <c r="L24804" s="358"/>
    </row>
    <row r="24805" spans="2:12">
      <c r="B24805" s="367"/>
      <c r="C24805" s="360"/>
      <c r="D24805" s="367"/>
      <c r="E24805" s="367"/>
      <c r="F24805" s="367"/>
      <c r="G24805" s="367"/>
      <c r="H24805" s="360"/>
      <c r="I24805" s="367"/>
      <c r="J24805" s="365"/>
      <c r="K24805" s="365"/>
      <c r="L24805" s="365"/>
    </row>
    <row r="24806" spans="2:12" ht="71.25">
      <c r="B24806" s="368"/>
      <c r="C24806" s="361" t="s">
        <v>28286</v>
      </c>
      <c r="D24806" s="368"/>
      <c r="E24806" s="368"/>
      <c r="F24806" s="368"/>
      <c r="G24806" s="368"/>
      <c r="H24806" s="361" t="s">
        <v>14332</v>
      </c>
      <c r="I24806" s="368"/>
      <c r="J24806" s="366"/>
      <c r="K24806" s="366"/>
      <c r="L24806" s="366"/>
    </row>
    <row r="24807" spans="2:12">
      <c r="B24807" s="358" t="s">
        <v>26308</v>
      </c>
      <c r="C24807" s="358" t="s">
        <v>29958</v>
      </c>
      <c r="D24807" s="358" t="s">
        <v>26309</v>
      </c>
      <c r="E24807" s="358" t="s">
        <v>26310</v>
      </c>
      <c r="F24807" s="358" t="s">
        <v>17310</v>
      </c>
      <c r="G24807" s="358" t="s">
        <v>17311</v>
      </c>
      <c r="H24807" s="358" t="s">
        <v>14381</v>
      </c>
      <c r="I24807" s="358" t="s">
        <v>17311</v>
      </c>
      <c r="J24807" s="358"/>
      <c r="K24807" s="358"/>
      <c r="L24807" s="358"/>
    </row>
    <row r="24808" spans="2:12">
      <c r="B24808" s="367"/>
      <c r="C24808" s="360"/>
      <c r="D24808" s="367"/>
      <c r="E24808" s="367"/>
      <c r="F24808" s="367"/>
      <c r="G24808" s="367"/>
      <c r="H24808" s="360"/>
      <c r="I24808" s="367"/>
      <c r="J24808" s="365"/>
      <c r="K24808" s="365"/>
      <c r="L24808" s="365"/>
    </row>
    <row r="24809" spans="2:12">
      <c r="B24809" s="367"/>
      <c r="C24809" s="359" t="s">
        <v>29956</v>
      </c>
      <c r="D24809" s="367"/>
      <c r="E24809" s="367"/>
      <c r="F24809" s="367"/>
      <c r="G24809" s="367"/>
      <c r="H24809" s="359" t="s">
        <v>14332</v>
      </c>
      <c r="I24809" s="367"/>
      <c r="J24809" s="365"/>
      <c r="K24809" s="365"/>
      <c r="L24809" s="365"/>
    </row>
    <row r="24810" spans="2:12">
      <c r="B24810" s="367"/>
      <c r="C24810" s="360"/>
      <c r="D24810" s="367"/>
      <c r="E24810" s="367"/>
      <c r="F24810" s="367"/>
      <c r="G24810" s="367"/>
      <c r="H24810" s="360"/>
      <c r="I24810" s="367"/>
      <c r="J24810" s="365"/>
      <c r="K24810" s="365"/>
      <c r="L24810" s="365"/>
    </row>
    <row r="24811" spans="2:12" ht="85.5">
      <c r="B24811" s="368"/>
      <c r="C24811" s="361" t="s">
        <v>30879</v>
      </c>
      <c r="D24811" s="368"/>
      <c r="E24811" s="368"/>
      <c r="F24811" s="368"/>
      <c r="G24811" s="368"/>
      <c r="H24811" s="362"/>
      <c r="I24811" s="368"/>
      <c r="J24811" s="366"/>
      <c r="K24811" s="366"/>
      <c r="L24811" s="366"/>
    </row>
    <row r="24812" spans="2:12" ht="28.5">
      <c r="B24812" s="358" t="s">
        <v>26311</v>
      </c>
      <c r="C24812" s="358" t="s">
        <v>29959</v>
      </c>
      <c r="D24812" s="358" t="s">
        <v>26312</v>
      </c>
      <c r="E24812" s="358" t="s">
        <v>26313</v>
      </c>
      <c r="F24812" s="358" t="s">
        <v>17310</v>
      </c>
      <c r="G24812" s="358" t="s">
        <v>17311</v>
      </c>
      <c r="H24812" s="358" t="s">
        <v>14381</v>
      </c>
      <c r="I24812" s="358" t="s">
        <v>17311</v>
      </c>
      <c r="J24812" s="358"/>
      <c r="K24812" s="358"/>
      <c r="L24812" s="358"/>
    </row>
    <row r="24813" spans="2:12">
      <c r="B24813" s="367"/>
      <c r="C24813" s="360"/>
      <c r="D24813" s="367"/>
      <c r="E24813" s="367"/>
      <c r="F24813" s="367"/>
      <c r="G24813" s="367"/>
      <c r="H24813" s="360"/>
      <c r="I24813" s="367"/>
      <c r="J24813" s="365"/>
      <c r="K24813" s="365"/>
      <c r="L24813" s="365"/>
    </row>
    <row r="24814" spans="2:12" ht="99.75">
      <c r="B24814" s="368"/>
      <c r="C24814" s="361" t="s">
        <v>28287</v>
      </c>
      <c r="D24814" s="368"/>
      <c r="E24814" s="368"/>
      <c r="F24814" s="368"/>
      <c r="G24814" s="368"/>
      <c r="H24814" s="361" t="s">
        <v>14332</v>
      </c>
      <c r="I24814" s="368"/>
      <c r="J24814" s="366"/>
      <c r="K24814" s="366"/>
      <c r="L24814" s="366"/>
    </row>
    <row r="24815" spans="2:12">
      <c r="B24815" s="358" t="s">
        <v>26314</v>
      </c>
      <c r="C24815" s="358" t="s">
        <v>26315</v>
      </c>
      <c r="D24815" s="358" t="s">
        <v>26316</v>
      </c>
      <c r="E24815" s="358" t="s">
        <v>26317</v>
      </c>
      <c r="F24815" s="358" t="s">
        <v>17310</v>
      </c>
      <c r="G24815" s="358" t="s">
        <v>17311</v>
      </c>
      <c r="H24815" s="358" t="s">
        <v>14381</v>
      </c>
      <c r="I24815" s="358" t="s">
        <v>17311</v>
      </c>
      <c r="J24815" s="358"/>
      <c r="K24815" s="358"/>
      <c r="L24815" s="358"/>
    </row>
    <row r="24816" spans="2:12">
      <c r="B24816" s="367"/>
      <c r="C24816" s="360"/>
      <c r="D24816" s="367"/>
      <c r="E24816" s="367"/>
      <c r="F24816" s="367"/>
      <c r="G24816" s="367"/>
      <c r="H24816" s="360"/>
      <c r="I24816" s="367"/>
      <c r="J24816" s="365"/>
      <c r="K24816" s="365"/>
      <c r="L24816" s="365"/>
    </row>
    <row r="24817" spans="2:12">
      <c r="B24817" s="367"/>
      <c r="C24817" s="359" t="s">
        <v>29956</v>
      </c>
      <c r="D24817" s="367"/>
      <c r="E24817" s="367"/>
      <c r="F24817" s="367"/>
      <c r="G24817" s="367"/>
      <c r="H24817" s="359" t="s">
        <v>14332</v>
      </c>
      <c r="I24817" s="367"/>
      <c r="J24817" s="365"/>
      <c r="K24817" s="365"/>
      <c r="L24817" s="365"/>
    </row>
    <row r="24818" spans="2:12">
      <c r="B24818" s="367"/>
      <c r="C24818" s="360"/>
      <c r="D24818" s="367"/>
      <c r="E24818" s="367"/>
      <c r="F24818" s="367"/>
      <c r="G24818" s="367"/>
      <c r="H24818" s="360"/>
      <c r="I24818" s="367"/>
      <c r="J24818" s="365"/>
      <c r="K24818" s="365"/>
      <c r="L24818" s="365"/>
    </row>
    <row r="24819" spans="2:12" ht="85.5">
      <c r="B24819" s="368"/>
      <c r="C24819" s="361" t="s">
        <v>28288</v>
      </c>
      <c r="D24819" s="368"/>
      <c r="E24819" s="368"/>
      <c r="F24819" s="368"/>
      <c r="G24819" s="368"/>
      <c r="H24819" s="362"/>
      <c r="I24819" s="368"/>
      <c r="J24819" s="366"/>
      <c r="K24819" s="366"/>
      <c r="L24819" s="366"/>
    </row>
    <row r="24820" spans="2:12">
      <c r="B24820" s="358" t="s">
        <v>26318</v>
      </c>
      <c r="C24820" s="358" t="s">
        <v>26319</v>
      </c>
      <c r="D24820" s="358" t="s">
        <v>26320</v>
      </c>
      <c r="E24820" s="358" t="s">
        <v>26321</v>
      </c>
      <c r="F24820" s="358" t="s">
        <v>17310</v>
      </c>
      <c r="G24820" s="358" t="s">
        <v>17311</v>
      </c>
      <c r="H24820" s="358" t="s">
        <v>14381</v>
      </c>
      <c r="I24820" s="358" t="s">
        <v>17311</v>
      </c>
      <c r="J24820" s="358"/>
      <c r="K24820" s="358"/>
      <c r="L24820" s="358"/>
    </row>
    <row r="24821" spans="2:12">
      <c r="B24821" s="367"/>
      <c r="C24821" s="360"/>
      <c r="D24821" s="367"/>
      <c r="E24821" s="367"/>
      <c r="F24821" s="367"/>
      <c r="G24821" s="367"/>
      <c r="H24821" s="360"/>
      <c r="I24821" s="367"/>
      <c r="J24821" s="365"/>
      <c r="K24821" s="365"/>
      <c r="L24821" s="365"/>
    </row>
    <row r="24822" spans="2:12">
      <c r="B24822" s="367"/>
      <c r="C24822" s="359" t="s">
        <v>29956</v>
      </c>
      <c r="D24822" s="367"/>
      <c r="E24822" s="367"/>
      <c r="F24822" s="367"/>
      <c r="G24822" s="367"/>
      <c r="H24822" s="359" t="s">
        <v>14332</v>
      </c>
      <c r="I24822" s="367"/>
      <c r="J24822" s="365"/>
      <c r="K24822" s="365"/>
      <c r="L24822" s="365"/>
    </row>
    <row r="24823" spans="2:12">
      <c r="B24823" s="367"/>
      <c r="C24823" s="360"/>
      <c r="D24823" s="367"/>
      <c r="E24823" s="367"/>
      <c r="F24823" s="367"/>
      <c r="G24823" s="367"/>
      <c r="H24823" s="360"/>
      <c r="I24823" s="367"/>
      <c r="J24823" s="365"/>
      <c r="K24823" s="365"/>
      <c r="L24823" s="365"/>
    </row>
    <row r="24824" spans="2:12" ht="42.75">
      <c r="B24824" s="367"/>
      <c r="C24824" s="359" t="s">
        <v>29960</v>
      </c>
      <c r="D24824" s="367"/>
      <c r="E24824" s="367"/>
      <c r="F24824" s="367"/>
      <c r="G24824" s="367"/>
      <c r="H24824" s="360"/>
      <c r="I24824" s="367"/>
      <c r="J24824" s="365"/>
      <c r="K24824" s="365"/>
      <c r="L24824" s="365"/>
    </row>
    <row r="24825" spans="2:12">
      <c r="B24825" s="367"/>
      <c r="C24825" s="360"/>
      <c r="D24825" s="367"/>
      <c r="E24825" s="367"/>
      <c r="F24825" s="367"/>
      <c r="G24825" s="367"/>
      <c r="H24825" s="360"/>
      <c r="I24825" s="367"/>
      <c r="J24825" s="365"/>
      <c r="K24825" s="365"/>
      <c r="L24825" s="365"/>
    </row>
    <row r="24826" spans="2:12" ht="42.75">
      <c r="B24826" s="368"/>
      <c r="C24826" s="361" t="s">
        <v>30880</v>
      </c>
      <c r="D24826" s="368"/>
      <c r="E24826" s="368"/>
      <c r="F24826" s="368"/>
      <c r="G24826" s="368"/>
      <c r="H24826" s="362"/>
      <c r="I24826" s="368"/>
      <c r="J24826" s="366"/>
      <c r="K24826" s="366"/>
      <c r="L24826" s="366"/>
    </row>
    <row r="24827" spans="2:12" ht="28.5">
      <c r="B24827" s="358" t="s">
        <v>26322</v>
      </c>
      <c r="C24827" s="358" t="s">
        <v>26323</v>
      </c>
      <c r="D24827" s="358" t="s">
        <v>26324</v>
      </c>
      <c r="E24827" s="358" t="s">
        <v>26325</v>
      </c>
      <c r="F24827" s="358" t="s">
        <v>17310</v>
      </c>
      <c r="G24827" s="358" t="s">
        <v>17311</v>
      </c>
      <c r="H24827" s="358" t="s">
        <v>29961</v>
      </c>
      <c r="I24827" s="358" t="s">
        <v>17311</v>
      </c>
      <c r="J24827" s="358"/>
      <c r="K24827" s="358"/>
      <c r="L24827" s="358"/>
    </row>
    <row r="24828" spans="2:12">
      <c r="B24828" s="367"/>
      <c r="C24828" s="360"/>
      <c r="D24828" s="367"/>
      <c r="E24828" s="367"/>
      <c r="F24828" s="367"/>
      <c r="G24828" s="367"/>
      <c r="H24828" s="367"/>
      <c r="I24828" s="367"/>
      <c r="J24828" s="365"/>
      <c r="K24828" s="365"/>
      <c r="L24828" s="365"/>
    </row>
    <row r="24829" spans="2:12">
      <c r="B24829" s="367"/>
      <c r="C24829" s="359" t="s">
        <v>29956</v>
      </c>
      <c r="D24829" s="367"/>
      <c r="E24829" s="367"/>
      <c r="F24829" s="367"/>
      <c r="G24829" s="367"/>
      <c r="H24829" s="367"/>
      <c r="I24829" s="367"/>
      <c r="J24829" s="365"/>
      <c r="K24829" s="365"/>
      <c r="L24829" s="365"/>
    </row>
    <row r="24830" spans="2:12">
      <c r="B24830" s="367"/>
      <c r="C24830" s="360"/>
      <c r="D24830" s="367"/>
      <c r="E24830" s="367"/>
      <c r="F24830" s="367"/>
      <c r="G24830" s="367"/>
      <c r="H24830" s="367"/>
      <c r="I24830" s="367"/>
      <c r="J24830" s="365"/>
      <c r="K24830" s="365"/>
      <c r="L24830" s="365"/>
    </row>
    <row r="24831" spans="2:12" ht="99.75">
      <c r="B24831" s="368"/>
      <c r="C24831" s="361" t="s">
        <v>30881</v>
      </c>
      <c r="D24831" s="368"/>
      <c r="E24831" s="368"/>
      <c r="F24831" s="368"/>
      <c r="G24831" s="368"/>
      <c r="H24831" s="368"/>
      <c r="I24831" s="368"/>
      <c r="J24831" s="366"/>
      <c r="K24831" s="366"/>
      <c r="L24831" s="366"/>
    </row>
    <row r="24832" spans="2:12">
      <c r="B24832" s="358" t="s">
        <v>26326</v>
      </c>
      <c r="C24832" s="358" t="s">
        <v>26327</v>
      </c>
      <c r="D24832" s="358" t="s">
        <v>26328</v>
      </c>
      <c r="E24832" s="358" t="s">
        <v>26329</v>
      </c>
      <c r="F24832" s="358" t="s">
        <v>17310</v>
      </c>
      <c r="G24832" s="358" t="s">
        <v>17311</v>
      </c>
      <c r="H24832" s="358" t="s">
        <v>14381</v>
      </c>
      <c r="I24832" s="358" t="s">
        <v>17311</v>
      </c>
      <c r="J24832" s="358"/>
      <c r="K24832" s="358"/>
      <c r="L24832" s="358"/>
    </row>
    <row r="24833" spans="2:12">
      <c r="B24833" s="367"/>
      <c r="C24833" s="360"/>
      <c r="D24833" s="367"/>
      <c r="E24833" s="367"/>
      <c r="F24833" s="367"/>
      <c r="G24833" s="367"/>
      <c r="H24833" s="360"/>
      <c r="I24833" s="367"/>
      <c r="J24833" s="365"/>
      <c r="K24833" s="365"/>
      <c r="L24833" s="365"/>
    </row>
    <row r="24834" spans="2:12">
      <c r="B24834" s="367"/>
      <c r="C24834" s="359" t="s">
        <v>29956</v>
      </c>
      <c r="D24834" s="367"/>
      <c r="E24834" s="367"/>
      <c r="F24834" s="367"/>
      <c r="G24834" s="367"/>
      <c r="H24834" s="359" t="s">
        <v>14332</v>
      </c>
      <c r="I24834" s="367"/>
      <c r="J24834" s="365"/>
      <c r="K24834" s="365"/>
      <c r="L24834" s="365"/>
    </row>
    <row r="24835" spans="2:12">
      <c r="B24835" s="367"/>
      <c r="C24835" s="360"/>
      <c r="D24835" s="367"/>
      <c r="E24835" s="367"/>
      <c r="F24835" s="367"/>
      <c r="G24835" s="367"/>
      <c r="H24835" s="360"/>
      <c r="I24835" s="367"/>
      <c r="J24835" s="365"/>
      <c r="K24835" s="365"/>
      <c r="L24835" s="365"/>
    </row>
    <row r="24836" spans="2:12" ht="99.75">
      <c r="B24836" s="368"/>
      <c r="C24836" s="361" t="s">
        <v>28289</v>
      </c>
      <c r="D24836" s="368"/>
      <c r="E24836" s="368"/>
      <c r="F24836" s="368"/>
      <c r="G24836" s="368"/>
      <c r="H24836" s="362"/>
      <c r="I24836" s="368"/>
      <c r="J24836" s="366"/>
      <c r="K24836" s="366"/>
      <c r="L24836" s="366"/>
    </row>
    <row r="24837" spans="2:12">
      <c r="B24837" s="358" t="s">
        <v>26330</v>
      </c>
      <c r="C24837" s="358" t="s">
        <v>26331</v>
      </c>
      <c r="D24837" s="358" t="s">
        <v>26332</v>
      </c>
      <c r="E24837" s="358" t="s">
        <v>26333</v>
      </c>
      <c r="F24837" s="358" t="s">
        <v>17310</v>
      </c>
      <c r="G24837" s="358" t="s">
        <v>17311</v>
      </c>
      <c r="H24837" s="358" t="s">
        <v>14381</v>
      </c>
      <c r="I24837" s="358" t="s">
        <v>17311</v>
      </c>
      <c r="J24837" s="358"/>
      <c r="K24837" s="358"/>
      <c r="L24837" s="358"/>
    </row>
    <row r="24838" spans="2:12">
      <c r="B24838" s="367"/>
      <c r="C24838" s="360"/>
      <c r="D24838" s="367"/>
      <c r="E24838" s="367"/>
      <c r="F24838" s="367"/>
      <c r="G24838" s="367"/>
      <c r="H24838" s="360"/>
      <c r="I24838" s="367"/>
      <c r="J24838" s="365"/>
      <c r="K24838" s="365"/>
      <c r="L24838" s="365"/>
    </row>
    <row r="24839" spans="2:12">
      <c r="B24839" s="367"/>
      <c r="C24839" s="359" t="s">
        <v>29956</v>
      </c>
      <c r="D24839" s="367"/>
      <c r="E24839" s="367"/>
      <c r="F24839" s="367"/>
      <c r="G24839" s="367"/>
      <c r="H24839" s="359" t="s">
        <v>14332</v>
      </c>
      <c r="I24839" s="367"/>
      <c r="J24839" s="365"/>
      <c r="K24839" s="365"/>
      <c r="L24839" s="365"/>
    </row>
    <row r="24840" spans="2:12">
      <c r="B24840" s="367"/>
      <c r="C24840" s="360"/>
      <c r="D24840" s="367"/>
      <c r="E24840" s="367"/>
      <c r="F24840" s="367"/>
      <c r="G24840" s="367"/>
      <c r="H24840" s="360"/>
      <c r="I24840" s="367"/>
      <c r="J24840" s="365"/>
      <c r="K24840" s="365"/>
      <c r="L24840" s="365"/>
    </row>
    <row r="24841" spans="2:12" ht="57">
      <c r="B24841" s="368"/>
      <c r="C24841" s="361" t="s">
        <v>28290</v>
      </c>
      <c r="D24841" s="368"/>
      <c r="E24841" s="368"/>
      <c r="F24841" s="368"/>
      <c r="G24841" s="368"/>
      <c r="H24841" s="362"/>
      <c r="I24841" s="368"/>
      <c r="J24841" s="366"/>
      <c r="K24841" s="366"/>
      <c r="L24841" s="366"/>
    </row>
    <row r="24842" spans="2:12">
      <c r="B24842" s="358" t="s">
        <v>26334</v>
      </c>
      <c r="C24842" s="358" t="s">
        <v>28291</v>
      </c>
      <c r="D24842" s="358" t="s">
        <v>26335</v>
      </c>
      <c r="E24842" s="358" t="s">
        <v>26336</v>
      </c>
      <c r="F24842" s="358" t="s">
        <v>17310</v>
      </c>
      <c r="G24842" s="358" t="s">
        <v>17311</v>
      </c>
      <c r="H24842" s="358" t="s">
        <v>14381</v>
      </c>
      <c r="I24842" s="358" t="s">
        <v>17311</v>
      </c>
      <c r="J24842" s="358"/>
      <c r="K24842" s="358"/>
      <c r="L24842" s="358"/>
    </row>
    <row r="24843" spans="2:12">
      <c r="B24843" s="367"/>
      <c r="C24843" s="360"/>
      <c r="D24843" s="367"/>
      <c r="E24843" s="367"/>
      <c r="F24843" s="367"/>
      <c r="G24843" s="367"/>
      <c r="H24843" s="360"/>
      <c r="I24843" s="367"/>
      <c r="J24843" s="365"/>
      <c r="K24843" s="365"/>
      <c r="L24843" s="365"/>
    </row>
    <row r="24844" spans="2:12">
      <c r="B24844" s="367"/>
      <c r="C24844" s="359" t="s">
        <v>29956</v>
      </c>
      <c r="D24844" s="367"/>
      <c r="E24844" s="367"/>
      <c r="F24844" s="367"/>
      <c r="G24844" s="367"/>
      <c r="H24844" s="359" t="s">
        <v>14332</v>
      </c>
      <c r="I24844" s="367"/>
      <c r="J24844" s="365"/>
      <c r="K24844" s="365"/>
      <c r="L24844" s="365"/>
    </row>
    <row r="24845" spans="2:12">
      <c r="B24845" s="367"/>
      <c r="C24845" s="360"/>
      <c r="D24845" s="367"/>
      <c r="E24845" s="367"/>
      <c r="F24845" s="367"/>
      <c r="G24845" s="367"/>
      <c r="H24845" s="360"/>
      <c r="I24845" s="367"/>
      <c r="J24845" s="365"/>
      <c r="K24845" s="365"/>
      <c r="L24845" s="365"/>
    </row>
    <row r="24846" spans="2:12" ht="57">
      <c r="B24846" s="368"/>
      <c r="C24846" s="361" t="s">
        <v>12875</v>
      </c>
      <c r="D24846" s="368"/>
      <c r="E24846" s="368"/>
      <c r="F24846" s="368"/>
      <c r="G24846" s="368"/>
      <c r="H24846" s="362"/>
      <c r="I24846" s="368"/>
      <c r="J24846" s="366"/>
      <c r="K24846" s="366"/>
      <c r="L24846" s="366"/>
    </row>
    <row r="24847" spans="2:12" ht="28.5">
      <c r="B24847" s="358" t="s">
        <v>26337</v>
      </c>
      <c r="C24847" s="358" t="s">
        <v>29962</v>
      </c>
      <c r="D24847" s="358" t="s">
        <v>26338</v>
      </c>
      <c r="E24847" s="358" t="s">
        <v>26339</v>
      </c>
      <c r="F24847" s="358" t="s">
        <v>17310</v>
      </c>
      <c r="G24847" s="358" t="s">
        <v>17311</v>
      </c>
      <c r="H24847" s="358" t="s">
        <v>14381</v>
      </c>
      <c r="I24847" s="358" t="s">
        <v>17311</v>
      </c>
      <c r="J24847" s="358"/>
      <c r="K24847" s="358"/>
      <c r="L24847" s="358"/>
    </row>
    <row r="24848" spans="2:12">
      <c r="B24848" s="367"/>
      <c r="C24848" s="367"/>
      <c r="D24848" s="367"/>
      <c r="E24848" s="367"/>
      <c r="F24848" s="367"/>
      <c r="G24848" s="367"/>
      <c r="H24848" s="360"/>
      <c r="I24848" s="367"/>
      <c r="J24848" s="365"/>
      <c r="K24848" s="365"/>
      <c r="L24848" s="365"/>
    </row>
    <row r="24849" spans="2:12">
      <c r="B24849" s="368"/>
      <c r="C24849" s="368"/>
      <c r="D24849" s="368"/>
      <c r="E24849" s="368"/>
      <c r="F24849" s="368"/>
      <c r="G24849" s="368"/>
      <c r="H24849" s="361" t="s">
        <v>14332</v>
      </c>
      <c r="I24849" s="368"/>
      <c r="J24849" s="366"/>
      <c r="K24849" s="366"/>
      <c r="L24849" s="366"/>
    </row>
    <row r="24850" spans="2:12" ht="28.5">
      <c r="B24850" s="358" t="s">
        <v>26340</v>
      </c>
      <c r="C24850" s="358" t="s">
        <v>26341</v>
      </c>
      <c r="D24850" s="358" t="s">
        <v>26342</v>
      </c>
      <c r="E24850" s="358" t="s">
        <v>26343</v>
      </c>
      <c r="F24850" s="358" t="s">
        <v>17310</v>
      </c>
      <c r="G24850" s="358" t="s">
        <v>17311</v>
      </c>
      <c r="H24850" s="358" t="s">
        <v>14381</v>
      </c>
      <c r="I24850" s="358" t="s">
        <v>17311</v>
      </c>
      <c r="J24850" s="358"/>
      <c r="K24850" s="358"/>
      <c r="L24850" s="358"/>
    </row>
    <row r="24851" spans="2:12">
      <c r="B24851" s="367"/>
      <c r="C24851" s="360"/>
      <c r="D24851" s="367"/>
      <c r="E24851" s="367"/>
      <c r="F24851" s="367"/>
      <c r="G24851" s="367"/>
      <c r="H24851" s="360"/>
      <c r="I24851" s="367"/>
      <c r="J24851" s="365"/>
      <c r="K24851" s="365"/>
      <c r="L24851" s="365"/>
    </row>
    <row r="24852" spans="2:12">
      <c r="B24852" s="367"/>
      <c r="C24852" s="359" t="s">
        <v>29956</v>
      </c>
      <c r="D24852" s="367"/>
      <c r="E24852" s="367"/>
      <c r="F24852" s="367"/>
      <c r="G24852" s="367"/>
      <c r="H24852" s="359" t="s">
        <v>14332</v>
      </c>
      <c r="I24852" s="367"/>
      <c r="J24852" s="365"/>
      <c r="K24852" s="365"/>
      <c r="L24852" s="365"/>
    </row>
    <row r="24853" spans="2:12">
      <c r="B24853" s="367"/>
      <c r="C24853" s="360"/>
      <c r="D24853" s="367"/>
      <c r="E24853" s="367"/>
      <c r="F24853" s="367"/>
      <c r="G24853" s="367"/>
      <c r="H24853" s="360"/>
      <c r="I24853" s="367"/>
      <c r="J24853" s="365"/>
      <c r="K24853" s="365"/>
      <c r="L24853" s="365"/>
    </row>
    <row r="24854" spans="2:12" ht="42.75">
      <c r="B24854" s="367"/>
      <c r="C24854" s="359" t="s">
        <v>29963</v>
      </c>
      <c r="D24854" s="367"/>
      <c r="E24854" s="367"/>
      <c r="F24854" s="367"/>
      <c r="G24854" s="367"/>
      <c r="H24854" s="360"/>
      <c r="I24854" s="367"/>
      <c r="J24854" s="365"/>
      <c r="K24854" s="365"/>
      <c r="L24854" s="365"/>
    </row>
    <row r="24855" spans="2:12">
      <c r="B24855" s="367"/>
      <c r="C24855" s="360"/>
      <c r="D24855" s="367"/>
      <c r="E24855" s="367"/>
      <c r="F24855" s="367"/>
      <c r="G24855" s="367"/>
      <c r="H24855" s="360"/>
      <c r="I24855" s="367"/>
      <c r="J24855" s="365"/>
      <c r="K24855" s="365"/>
      <c r="L24855" s="365"/>
    </row>
    <row r="24856" spans="2:12" ht="42.75">
      <c r="B24856" s="368"/>
      <c r="C24856" s="361" t="s">
        <v>30882</v>
      </c>
      <c r="D24856" s="368"/>
      <c r="E24856" s="368"/>
      <c r="F24856" s="368"/>
      <c r="G24856" s="368"/>
      <c r="H24856" s="362"/>
      <c r="I24856" s="368"/>
      <c r="J24856" s="366"/>
      <c r="K24856" s="366"/>
      <c r="L24856" s="366"/>
    </row>
    <row r="24857" spans="2:12" ht="28.5">
      <c r="B24857" s="358" t="s">
        <v>26344</v>
      </c>
      <c r="C24857" s="358" t="s">
        <v>29964</v>
      </c>
      <c r="D24857" s="358" t="s">
        <v>26345</v>
      </c>
      <c r="E24857" s="358" t="s">
        <v>26346</v>
      </c>
      <c r="F24857" s="358" t="s">
        <v>17310</v>
      </c>
      <c r="G24857" s="358" t="s">
        <v>17311</v>
      </c>
      <c r="H24857" s="358" t="s">
        <v>14381</v>
      </c>
      <c r="I24857" s="358" t="s">
        <v>17311</v>
      </c>
      <c r="J24857" s="358"/>
      <c r="K24857" s="358"/>
      <c r="L24857" s="358"/>
    </row>
    <row r="24858" spans="2:12">
      <c r="B24858" s="367"/>
      <c r="C24858" s="360"/>
      <c r="D24858" s="367"/>
      <c r="E24858" s="367"/>
      <c r="F24858" s="367"/>
      <c r="G24858" s="367"/>
      <c r="H24858" s="360"/>
      <c r="I24858" s="367"/>
      <c r="J24858" s="365"/>
      <c r="K24858" s="365"/>
      <c r="L24858" s="365"/>
    </row>
    <row r="24859" spans="2:12" ht="85.5">
      <c r="B24859" s="368"/>
      <c r="C24859" s="361" t="s">
        <v>30883</v>
      </c>
      <c r="D24859" s="368"/>
      <c r="E24859" s="368"/>
      <c r="F24859" s="368"/>
      <c r="G24859" s="368"/>
      <c r="H24859" s="361" t="s">
        <v>14332</v>
      </c>
      <c r="I24859" s="368"/>
      <c r="J24859" s="366"/>
      <c r="K24859" s="366"/>
      <c r="L24859" s="366"/>
    </row>
    <row r="24860" spans="2:12" ht="28.5">
      <c r="B24860" s="358" t="s">
        <v>26347</v>
      </c>
      <c r="C24860" s="358" t="s">
        <v>29965</v>
      </c>
      <c r="D24860" s="358" t="s">
        <v>26348</v>
      </c>
      <c r="E24860" s="358" t="s">
        <v>26349</v>
      </c>
      <c r="F24860" s="358" t="s">
        <v>17310</v>
      </c>
      <c r="G24860" s="358" t="s">
        <v>17311</v>
      </c>
      <c r="H24860" s="358" t="s">
        <v>14381</v>
      </c>
      <c r="I24860" s="358" t="s">
        <v>17311</v>
      </c>
      <c r="J24860" s="358"/>
      <c r="K24860" s="358"/>
      <c r="L24860" s="358"/>
    </row>
    <row r="24861" spans="2:12">
      <c r="B24861" s="367"/>
      <c r="C24861" s="360"/>
      <c r="D24861" s="367"/>
      <c r="E24861" s="367"/>
      <c r="F24861" s="367"/>
      <c r="G24861" s="367"/>
      <c r="H24861" s="360"/>
      <c r="I24861" s="367"/>
      <c r="J24861" s="365"/>
      <c r="K24861" s="365"/>
      <c r="L24861" s="365"/>
    </row>
    <row r="24862" spans="2:12" ht="85.5">
      <c r="B24862" s="368"/>
      <c r="C24862" s="361" t="s">
        <v>30884</v>
      </c>
      <c r="D24862" s="368"/>
      <c r="E24862" s="368"/>
      <c r="F24862" s="368"/>
      <c r="G24862" s="368"/>
      <c r="H24862" s="361" t="s">
        <v>14332</v>
      </c>
      <c r="I24862" s="368"/>
      <c r="J24862" s="366"/>
      <c r="K24862" s="366"/>
      <c r="L24862" s="366"/>
    </row>
    <row r="24863" spans="2:12">
      <c r="B24863" s="358" t="s">
        <v>26350</v>
      </c>
      <c r="C24863" s="358" t="s">
        <v>26351</v>
      </c>
      <c r="D24863" s="358" t="s">
        <v>26352</v>
      </c>
      <c r="E24863" s="358" t="s">
        <v>26353</v>
      </c>
      <c r="F24863" s="358" t="s">
        <v>17310</v>
      </c>
      <c r="G24863" s="358" t="s">
        <v>17311</v>
      </c>
      <c r="H24863" s="358" t="s">
        <v>14381</v>
      </c>
      <c r="I24863" s="358" t="s">
        <v>17311</v>
      </c>
      <c r="J24863" s="358"/>
      <c r="K24863" s="358"/>
      <c r="L24863" s="358"/>
    </row>
    <row r="24864" spans="2:12">
      <c r="B24864" s="367"/>
      <c r="C24864" s="360"/>
      <c r="D24864" s="367"/>
      <c r="E24864" s="367"/>
      <c r="F24864" s="367"/>
      <c r="G24864" s="367"/>
      <c r="H24864" s="360"/>
      <c r="I24864" s="367"/>
      <c r="J24864" s="365"/>
      <c r="K24864" s="365"/>
      <c r="L24864" s="365"/>
    </row>
    <row r="24865" spans="2:12">
      <c r="B24865" s="367"/>
      <c r="C24865" s="359" t="s">
        <v>29956</v>
      </c>
      <c r="D24865" s="367"/>
      <c r="E24865" s="367"/>
      <c r="F24865" s="367"/>
      <c r="G24865" s="367"/>
      <c r="H24865" s="359" t="s">
        <v>14332</v>
      </c>
      <c r="I24865" s="367"/>
      <c r="J24865" s="365"/>
      <c r="K24865" s="365"/>
      <c r="L24865" s="365"/>
    </row>
    <row r="24866" spans="2:12">
      <c r="B24866" s="367"/>
      <c r="C24866" s="360"/>
      <c r="D24866" s="367"/>
      <c r="E24866" s="367"/>
      <c r="F24866" s="367"/>
      <c r="G24866" s="367"/>
      <c r="H24866" s="360"/>
      <c r="I24866" s="367"/>
      <c r="J24866" s="365"/>
      <c r="K24866" s="365"/>
      <c r="L24866" s="365"/>
    </row>
    <row r="24867" spans="2:12" ht="99.75">
      <c r="B24867" s="368"/>
      <c r="C24867" s="361" t="s">
        <v>28292</v>
      </c>
      <c r="D24867" s="368"/>
      <c r="E24867" s="368"/>
      <c r="F24867" s="368"/>
      <c r="G24867" s="368"/>
      <c r="H24867" s="362"/>
      <c r="I24867" s="368"/>
      <c r="J24867" s="366"/>
      <c r="K24867" s="366"/>
      <c r="L24867" s="366"/>
    </row>
    <row r="24868" spans="2:12">
      <c r="B24868" s="358" t="s">
        <v>12185</v>
      </c>
      <c r="C24868" s="358" t="s">
        <v>26354</v>
      </c>
      <c r="D24868" s="358" t="s">
        <v>12186</v>
      </c>
      <c r="E24868" s="358" t="s">
        <v>12187</v>
      </c>
      <c r="F24868" s="358" t="s">
        <v>14376</v>
      </c>
      <c r="G24868" s="358" t="s">
        <v>14669</v>
      </c>
      <c r="H24868" s="358" t="s">
        <v>14381</v>
      </c>
      <c r="I24868" s="358" t="s">
        <v>14669</v>
      </c>
      <c r="J24868" s="358"/>
      <c r="K24868" s="358"/>
      <c r="L24868" s="358"/>
    </row>
    <row r="24869" spans="2:12">
      <c r="B24869" s="367"/>
      <c r="C24869" s="360"/>
      <c r="D24869" s="367"/>
      <c r="E24869" s="367"/>
      <c r="F24869" s="367"/>
      <c r="G24869" s="367"/>
      <c r="H24869" s="360"/>
      <c r="I24869" s="367"/>
      <c r="J24869" s="365"/>
      <c r="K24869" s="365"/>
      <c r="L24869" s="365"/>
    </row>
    <row r="24870" spans="2:12">
      <c r="B24870" s="367"/>
      <c r="C24870" s="359" t="s">
        <v>26355</v>
      </c>
      <c r="D24870" s="367"/>
      <c r="E24870" s="367"/>
      <c r="F24870" s="367"/>
      <c r="G24870" s="367"/>
      <c r="H24870" s="359" t="s">
        <v>14332</v>
      </c>
      <c r="I24870" s="367"/>
      <c r="J24870" s="365"/>
      <c r="K24870" s="365"/>
      <c r="L24870" s="365"/>
    </row>
    <row r="24871" spans="2:12">
      <c r="B24871" s="367"/>
      <c r="C24871" s="360"/>
      <c r="D24871" s="367"/>
      <c r="E24871" s="367"/>
      <c r="F24871" s="367"/>
      <c r="G24871" s="367"/>
      <c r="H24871" s="360"/>
      <c r="I24871" s="367"/>
      <c r="J24871" s="365"/>
      <c r="K24871" s="365"/>
      <c r="L24871" s="365"/>
    </row>
    <row r="24872" spans="2:12" ht="99.75">
      <c r="B24872" s="368"/>
      <c r="C24872" s="361" t="s">
        <v>28293</v>
      </c>
      <c r="D24872" s="368"/>
      <c r="E24872" s="368"/>
      <c r="F24872" s="368"/>
      <c r="G24872" s="368"/>
      <c r="H24872" s="362"/>
      <c r="I24872" s="368"/>
      <c r="J24872" s="366"/>
      <c r="K24872" s="366"/>
      <c r="L24872" s="366"/>
    </row>
    <row r="24873" spans="2:12" ht="28.5">
      <c r="B24873" s="358" t="s">
        <v>12189</v>
      </c>
      <c r="C24873" s="358" t="s">
        <v>29966</v>
      </c>
      <c r="D24873" s="358" t="s">
        <v>12190</v>
      </c>
      <c r="E24873" s="358" t="s">
        <v>12191</v>
      </c>
      <c r="F24873" s="358" t="s">
        <v>14376</v>
      </c>
      <c r="G24873" s="358" t="s">
        <v>14669</v>
      </c>
      <c r="H24873" s="358" t="s">
        <v>14381</v>
      </c>
      <c r="I24873" s="358" t="s">
        <v>14669</v>
      </c>
      <c r="J24873" s="358"/>
      <c r="K24873" s="358"/>
      <c r="L24873" s="358"/>
    </row>
    <row r="24874" spans="2:12">
      <c r="B24874" s="367"/>
      <c r="C24874" s="360"/>
      <c r="D24874" s="367"/>
      <c r="E24874" s="367"/>
      <c r="F24874" s="367"/>
      <c r="G24874" s="367"/>
      <c r="H24874" s="360"/>
      <c r="I24874" s="367"/>
      <c r="J24874" s="365"/>
      <c r="K24874" s="365"/>
      <c r="L24874" s="365"/>
    </row>
    <row r="24875" spans="2:12" ht="99.75">
      <c r="B24875" s="368"/>
      <c r="C24875" s="361" t="s">
        <v>28294</v>
      </c>
      <c r="D24875" s="368"/>
      <c r="E24875" s="368"/>
      <c r="F24875" s="368"/>
      <c r="G24875" s="368"/>
      <c r="H24875" s="361" t="s">
        <v>14332</v>
      </c>
      <c r="I24875" s="368"/>
      <c r="J24875" s="366"/>
      <c r="K24875" s="366"/>
      <c r="L24875" s="366"/>
    </row>
    <row r="24876" spans="2:12">
      <c r="B24876" s="358" t="s">
        <v>26356</v>
      </c>
      <c r="C24876" s="358" t="s">
        <v>26357</v>
      </c>
      <c r="D24876" s="358" t="s">
        <v>26358</v>
      </c>
      <c r="E24876" s="358" t="s">
        <v>26359</v>
      </c>
      <c r="F24876" s="358" t="s">
        <v>14443</v>
      </c>
      <c r="G24876" s="358" t="s">
        <v>14444</v>
      </c>
      <c r="H24876" s="358" t="s">
        <v>14381</v>
      </c>
      <c r="I24876" s="358" t="s">
        <v>14444</v>
      </c>
      <c r="J24876" s="358"/>
      <c r="K24876" s="358"/>
      <c r="L24876" s="358"/>
    </row>
    <row r="24877" spans="2:12">
      <c r="B24877" s="367"/>
      <c r="C24877" s="360"/>
      <c r="D24877" s="367"/>
      <c r="E24877" s="367"/>
      <c r="F24877" s="367"/>
      <c r="G24877" s="367"/>
      <c r="H24877" s="360"/>
      <c r="I24877" s="367"/>
      <c r="J24877" s="365"/>
      <c r="K24877" s="365"/>
      <c r="L24877" s="365"/>
    </row>
    <row r="24878" spans="2:12">
      <c r="B24878" s="367"/>
      <c r="C24878" s="359" t="s">
        <v>26355</v>
      </c>
      <c r="D24878" s="367"/>
      <c r="E24878" s="367"/>
      <c r="F24878" s="367"/>
      <c r="G24878" s="367"/>
      <c r="H24878" s="359" t="s">
        <v>14422</v>
      </c>
      <c r="I24878" s="367"/>
      <c r="J24878" s="365"/>
      <c r="K24878" s="365"/>
      <c r="L24878" s="365"/>
    </row>
    <row r="24879" spans="2:12">
      <c r="B24879" s="367"/>
      <c r="C24879" s="360"/>
      <c r="D24879" s="367"/>
      <c r="E24879" s="367"/>
      <c r="F24879" s="367"/>
      <c r="G24879" s="367"/>
      <c r="H24879" s="360"/>
      <c r="I24879" s="367"/>
      <c r="J24879" s="365"/>
      <c r="K24879" s="365"/>
      <c r="L24879" s="365"/>
    </row>
    <row r="24880" spans="2:12" ht="85.5">
      <c r="B24880" s="368"/>
      <c r="C24880" s="361" t="s">
        <v>30885</v>
      </c>
      <c r="D24880" s="368"/>
      <c r="E24880" s="368"/>
      <c r="F24880" s="368"/>
      <c r="G24880" s="368"/>
      <c r="H24880" s="362"/>
      <c r="I24880" s="368"/>
      <c r="J24880" s="366"/>
      <c r="K24880" s="366"/>
      <c r="L24880" s="366"/>
    </row>
    <row r="24881" spans="2:12">
      <c r="B24881" s="358" t="s">
        <v>12193</v>
      </c>
      <c r="C24881" s="358" t="s">
        <v>26360</v>
      </c>
      <c r="D24881" s="358" t="s">
        <v>12194</v>
      </c>
      <c r="E24881" s="358" t="s">
        <v>12195</v>
      </c>
      <c r="F24881" s="358" t="s">
        <v>14376</v>
      </c>
      <c r="G24881" s="358" t="s">
        <v>14669</v>
      </c>
      <c r="H24881" s="358" t="s">
        <v>14381</v>
      </c>
      <c r="I24881" s="358" t="s">
        <v>14669</v>
      </c>
      <c r="J24881" s="358"/>
      <c r="K24881" s="358"/>
      <c r="L24881" s="358"/>
    </row>
    <row r="24882" spans="2:12">
      <c r="B24882" s="367"/>
      <c r="C24882" s="360"/>
      <c r="D24882" s="367"/>
      <c r="E24882" s="367"/>
      <c r="F24882" s="367"/>
      <c r="G24882" s="367"/>
      <c r="H24882" s="360"/>
      <c r="I24882" s="367"/>
      <c r="J24882" s="365"/>
      <c r="K24882" s="365"/>
      <c r="L24882" s="365"/>
    </row>
    <row r="24883" spans="2:12">
      <c r="B24883" s="367"/>
      <c r="C24883" s="359" t="s">
        <v>26355</v>
      </c>
      <c r="D24883" s="367"/>
      <c r="E24883" s="367"/>
      <c r="F24883" s="367"/>
      <c r="G24883" s="367"/>
      <c r="H24883" s="359" t="s">
        <v>14332</v>
      </c>
      <c r="I24883" s="367"/>
      <c r="J24883" s="365"/>
      <c r="K24883" s="365"/>
      <c r="L24883" s="365"/>
    </row>
    <row r="24884" spans="2:12">
      <c r="B24884" s="367"/>
      <c r="C24884" s="360"/>
      <c r="D24884" s="367"/>
      <c r="E24884" s="367"/>
      <c r="F24884" s="367"/>
      <c r="G24884" s="367"/>
      <c r="H24884" s="360"/>
      <c r="I24884" s="367"/>
      <c r="J24884" s="365"/>
      <c r="K24884" s="365"/>
      <c r="L24884" s="365"/>
    </row>
    <row r="24885" spans="2:12" ht="85.5">
      <c r="B24885" s="368"/>
      <c r="C24885" s="361" t="s">
        <v>30886</v>
      </c>
      <c r="D24885" s="368"/>
      <c r="E24885" s="368"/>
      <c r="F24885" s="368"/>
      <c r="G24885" s="368"/>
      <c r="H24885" s="362"/>
      <c r="I24885" s="368"/>
      <c r="J24885" s="366"/>
      <c r="K24885" s="366"/>
      <c r="L24885" s="366"/>
    </row>
    <row r="24886" spans="2:12" ht="28.5">
      <c r="B24886" s="358" t="s">
        <v>12197</v>
      </c>
      <c r="C24886" s="358" t="s">
        <v>26361</v>
      </c>
      <c r="D24886" s="358" t="s">
        <v>12198</v>
      </c>
      <c r="E24886" s="358" t="s">
        <v>12199</v>
      </c>
      <c r="F24886" s="358" t="s">
        <v>14376</v>
      </c>
      <c r="G24886" s="358" t="s">
        <v>14669</v>
      </c>
      <c r="H24886" s="358" t="s">
        <v>14381</v>
      </c>
      <c r="I24886" s="358" t="s">
        <v>14669</v>
      </c>
      <c r="J24886" s="358"/>
      <c r="K24886" s="358"/>
      <c r="L24886" s="358"/>
    </row>
    <row r="24887" spans="2:12">
      <c r="B24887" s="367"/>
      <c r="C24887" s="360"/>
      <c r="D24887" s="367"/>
      <c r="E24887" s="367"/>
      <c r="F24887" s="367"/>
      <c r="G24887" s="367"/>
      <c r="H24887" s="360"/>
      <c r="I24887" s="367"/>
      <c r="J24887" s="365"/>
      <c r="K24887" s="365"/>
      <c r="L24887" s="365"/>
    </row>
    <row r="24888" spans="2:12">
      <c r="B24888" s="367"/>
      <c r="C24888" s="359" t="s">
        <v>26355</v>
      </c>
      <c r="D24888" s="367"/>
      <c r="E24888" s="367"/>
      <c r="F24888" s="367"/>
      <c r="G24888" s="367"/>
      <c r="H24888" s="359" t="s">
        <v>14332</v>
      </c>
      <c r="I24888" s="367"/>
      <c r="J24888" s="365"/>
      <c r="K24888" s="365"/>
      <c r="L24888" s="365"/>
    </row>
    <row r="24889" spans="2:12">
      <c r="B24889" s="367"/>
      <c r="C24889" s="360"/>
      <c r="D24889" s="367"/>
      <c r="E24889" s="367"/>
      <c r="F24889" s="367"/>
      <c r="G24889" s="367"/>
      <c r="H24889" s="360"/>
      <c r="I24889" s="367"/>
      <c r="J24889" s="365"/>
      <c r="K24889" s="365"/>
      <c r="L24889" s="365"/>
    </row>
    <row r="24890" spans="2:12" ht="114">
      <c r="B24890" s="368"/>
      <c r="C24890" s="361" t="s">
        <v>28295</v>
      </c>
      <c r="D24890" s="368"/>
      <c r="E24890" s="368"/>
      <c r="F24890" s="368"/>
      <c r="G24890" s="368"/>
      <c r="H24890" s="362"/>
      <c r="I24890" s="368"/>
      <c r="J24890" s="366"/>
      <c r="K24890" s="366"/>
      <c r="L24890" s="366"/>
    </row>
    <row r="24891" spans="2:12">
      <c r="B24891" s="358" t="s">
        <v>12201</v>
      </c>
      <c r="C24891" s="358" t="s">
        <v>29967</v>
      </c>
      <c r="D24891" s="358" t="s">
        <v>12202</v>
      </c>
      <c r="E24891" s="358" t="s">
        <v>12203</v>
      </c>
      <c r="F24891" s="358" t="s">
        <v>14376</v>
      </c>
      <c r="G24891" s="358" t="s">
        <v>14669</v>
      </c>
      <c r="H24891" s="358" t="s">
        <v>14381</v>
      </c>
      <c r="I24891" s="358" t="s">
        <v>14669</v>
      </c>
      <c r="J24891" s="358"/>
      <c r="K24891" s="358"/>
      <c r="L24891" s="358"/>
    </row>
    <row r="24892" spans="2:12">
      <c r="B24892" s="367"/>
      <c r="C24892" s="360"/>
      <c r="D24892" s="367"/>
      <c r="E24892" s="367"/>
      <c r="F24892" s="367"/>
      <c r="G24892" s="367"/>
      <c r="H24892" s="360"/>
      <c r="I24892" s="367"/>
      <c r="J24892" s="365"/>
      <c r="K24892" s="365"/>
      <c r="L24892" s="365"/>
    </row>
    <row r="24893" spans="2:12">
      <c r="B24893" s="367"/>
      <c r="C24893" s="359" t="s">
        <v>26355</v>
      </c>
      <c r="D24893" s="367"/>
      <c r="E24893" s="367"/>
      <c r="F24893" s="367"/>
      <c r="G24893" s="367"/>
      <c r="H24893" s="359" t="s">
        <v>14332</v>
      </c>
      <c r="I24893" s="367"/>
      <c r="J24893" s="365"/>
      <c r="K24893" s="365"/>
      <c r="L24893" s="365"/>
    </row>
    <row r="24894" spans="2:12">
      <c r="B24894" s="367"/>
      <c r="C24894" s="360"/>
      <c r="D24894" s="367"/>
      <c r="E24894" s="367"/>
      <c r="F24894" s="367"/>
      <c r="G24894" s="367"/>
      <c r="H24894" s="360"/>
      <c r="I24894" s="367"/>
      <c r="J24894" s="365"/>
      <c r="K24894" s="365"/>
      <c r="L24894" s="365"/>
    </row>
    <row r="24895" spans="2:12" ht="71.25">
      <c r="B24895" s="368"/>
      <c r="C24895" s="361" t="s">
        <v>28296</v>
      </c>
      <c r="D24895" s="368"/>
      <c r="E24895" s="368"/>
      <c r="F24895" s="368"/>
      <c r="G24895" s="368"/>
      <c r="H24895" s="362"/>
      <c r="I24895" s="368"/>
      <c r="J24895" s="366"/>
      <c r="K24895" s="366"/>
      <c r="L24895" s="366"/>
    </row>
    <row r="24896" spans="2:12" ht="28.5">
      <c r="B24896" s="358" t="s">
        <v>12205</v>
      </c>
      <c r="C24896" s="358" t="s">
        <v>26362</v>
      </c>
      <c r="D24896" s="358" t="s">
        <v>12206</v>
      </c>
      <c r="E24896" s="358" t="s">
        <v>12207</v>
      </c>
      <c r="F24896" s="358" t="s">
        <v>14376</v>
      </c>
      <c r="G24896" s="358" t="s">
        <v>14669</v>
      </c>
      <c r="H24896" s="358" t="s">
        <v>14381</v>
      </c>
      <c r="I24896" s="358" t="s">
        <v>14669</v>
      </c>
      <c r="J24896" s="358"/>
      <c r="K24896" s="358"/>
      <c r="L24896" s="358"/>
    </row>
    <row r="24897" spans="2:12">
      <c r="B24897" s="367"/>
      <c r="C24897" s="360"/>
      <c r="D24897" s="367"/>
      <c r="E24897" s="367"/>
      <c r="F24897" s="367"/>
      <c r="G24897" s="367"/>
      <c r="H24897" s="360"/>
      <c r="I24897" s="367"/>
      <c r="J24897" s="365"/>
      <c r="K24897" s="365"/>
      <c r="L24897" s="365"/>
    </row>
    <row r="24898" spans="2:12">
      <c r="B24898" s="367"/>
      <c r="C24898" s="359" t="s">
        <v>26355</v>
      </c>
      <c r="D24898" s="367"/>
      <c r="E24898" s="367"/>
      <c r="F24898" s="367"/>
      <c r="G24898" s="367"/>
      <c r="H24898" s="359" t="s">
        <v>14332</v>
      </c>
      <c r="I24898" s="367"/>
      <c r="J24898" s="365"/>
      <c r="K24898" s="365"/>
      <c r="L24898" s="365"/>
    </row>
    <row r="24899" spans="2:12">
      <c r="B24899" s="367"/>
      <c r="C24899" s="360"/>
      <c r="D24899" s="367"/>
      <c r="E24899" s="367"/>
      <c r="F24899" s="367"/>
      <c r="G24899" s="367"/>
      <c r="H24899" s="360"/>
      <c r="I24899" s="367"/>
      <c r="J24899" s="365"/>
      <c r="K24899" s="365"/>
      <c r="L24899" s="365"/>
    </row>
    <row r="24900" spans="2:12" ht="71.25">
      <c r="B24900" s="368"/>
      <c r="C24900" s="361" t="s">
        <v>28297</v>
      </c>
      <c r="D24900" s="368"/>
      <c r="E24900" s="368"/>
      <c r="F24900" s="368"/>
      <c r="G24900" s="368"/>
      <c r="H24900" s="362"/>
      <c r="I24900" s="368"/>
      <c r="J24900" s="366"/>
      <c r="K24900" s="366"/>
      <c r="L24900" s="366"/>
    </row>
    <row r="24901" spans="2:12">
      <c r="B24901" s="358" t="s">
        <v>12209</v>
      </c>
      <c r="C24901" s="358" t="s">
        <v>26363</v>
      </c>
      <c r="D24901" s="358" t="s">
        <v>12210</v>
      </c>
      <c r="E24901" s="358" t="s">
        <v>12211</v>
      </c>
      <c r="F24901" s="358" t="s">
        <v>14376</v>
      </c>
      <c r="G24901" s="358" t="s">
        <v>14669</v>
      </c>
      <c r="H24901" s="358" t="s">
        <v>14381</v>
      </c>
      <c r="I24901" s="358" t="s">
        <v>14669</v>
      </c>
      <c r="J24901" s="358"/>
      <c r="K24901" s="358"/>
      <c r="L24901" s="358"/>
    </row>
    <row r="24902" spans="2:12">
      <c r="B24902" s="367"/>
      <c r="C24902" s="360"/>
      <c r="D24902" s="367"/>
      <c r="E24902" s="367"/>
      <c r="F24902" s="367"/>
      <c r="G24902" s="367"/>
      <c r="H24902" s="360"/>
      <c r="I24902" s="367"/>
      <c r="J24902" s="365"/>
      <c r="K24902" s="365"/>
      <c r="L24902" s="365"/>
    </row>
    <row r="24903" spans="2:12">
      <c r="B24903" s="367"/>
      <c r="C24903" s="359" t="s">
        <v>26355</v>
      </c>
      <c r="D24903" s="367"/>
      <c r="E24903" s="367"/>
      <c r="F24903" s="367"/>
      <c r="G24903" s="367"/>
      <c r="H24903" s="359" t="s">
        <v>14332</v>
      </c>
      <c r="I24903" s="367"/>
      <c r="J24903" s="365"/>
      <c r="K24903" s="365"/>
      <c r="L24903" s="365"/>
    </row>
    <row r="24904" spans="2:12">
      <c r="B24904" s="367"/>
      <c r="C24904" s="360"/>
      <c r="D24904" s="367"/>
      <c r="E24904" s="367"/>
      <c r="F24904" s="367"/>
      <c r="G24904" s="367"/>
      <c r="H24904" s="360"/>
      <c r="I24904" s="367"/>
      <c r="J24904" s="365"/>
      <c r="K24904" s="365"/>
      <c r="L24904" s="365"/>
    </row>
    <row r="24905" spans="2:12" ht="85.5">
      <c r="B24905" s="368"/>
      <c r="C24905" s="361" t="s">
        <v>28298</v>
      </c>
      <c r="D24905" s="368"/>
      <c r="E24905" s="368"/>
      <c r="F24905" s="368"/>
      <c r="G24905" s="368"/>
      <c r="H24905" s="362"/>
      <c r="I24905" s="368"/>
      <c r="J24905" s="366"/>
      <c r="K24905" s="366"/>
      <c r="L24905" s="366"/>
    </row>
    <row r="24906" spans="2:12" ht="28.5">
      <c r="B24906" s="358" t="s">
        <v>12213</v>
      </c>
      <c r="C24906" s="358" t="s">
        <v>26364</v>
      </c>
      <c r="D24906" s="358" t="s">
        <v>12214</v>
      </c>
      <c r="E24906" s="358" t="s">
        <v>12215</v>
      </c>
      <c r="F24906" s="358" t="s">
        <v>14376</v>
      </c>
      <c r="G24906" s="358" t="s">
        <v>14669</v>
      </c>
      <c r="H24906" s="358" t="s">
        <v>14381</v>
      </c>
      <c r="I24906" s="358" t="s">
        <v>14669</v>
      </c>
      <c r="J24906" s="358"/>
      <c r="K24906" s="358"/>
      <c r="L24906" s="358"/>
    </row>
    <row r="24907" spans="2:12">
      <c r="B24907" s="367"/>
      <c r="C24907" s="360"/>
      <c r="D24907" s="367"/>
      <c r="E24907" s="367"/>
      <c r="F24907" s="367"/>
      <c r="G24907" s="367"/>
      <c r="H24907" s="360"/>
      <c r="I24907" s="367"/>
      <c r="J24907" s="365"/>
      <c r="K24907" s="365"/>
      <c r="L24907" s="365"/>
    </row>
    <row r="24908" spans="2:12">
      <c r="B24908" s="367"/>
      <c r="C24908" s="359" t="s">
        <v>26355</v>
      </c>
      <c r="D24908" s="367"/>
      <c r="E24908" s="367"/>
      <c r="F24908" s="367"/>
      <c r="G24908" s="367"/>
      <c r="H24908" s="359" t="s">
        <v>14332</v>
      </c>
      <c r="I24908" s="367"/>
      <c r="J24908" s="365"/>
      <c r="K24908" s="365"/>
      <c r="L24908" s="365"/>
    </row>
    <row r="24909" spans="2:12">
      <c r="B24909" s="367"/>
      <c r="C24909" s="360"/>
      <c r="D24909" s="367"/>
      <c r="E24909" s="367"/>
      <c r="F24909" s="367"/>
      <c r="G24909" s="367"/>
      <c r="H24909" s="360"/>
      <c r="I24909" s="367"/>
      <c r="J24909" s="365"/>
      <c r="K24909" s="365"/>
      <c r="L24909" s="365"/>
    </row>
    <row r="24910" spans="2:12" ht="85.5">
      <c r="B24910" s="368"/>
      <c r="C24910" s="361" t="s">
        <v>30887</v>
      </c>
      <c r="D24910" s="368"/>
      <c r="E24910" s="368"/>
      <c r="F24910" s="368"/>
      <c r="G24910" s="368"/>
      <c r="H24910" s="362"/>
      <c r="I24910" s="368"/>
      <c r="J24910" s="366"/>
      <c r="K24910" s="366"/>
      <c r="L24910" s="366"/>
    </row>
    <row r="24911" spans="2:12" ht="28.5">
      <c r="B24911" s="358" t="s">
        <v>12217</v>
      </c>
      <c r="C24911" s="358" t="s">
        <v>29968</v>
      </c>
      <c r="D24911" s="358" t="s">
        <v>12218</v>
      </c>
      <c r="E24911" s="358" t="s">
        <v>12219</v>
      </c>
      <c r="F24911" s="358" t="s">
        <v>14376</v>
      </c>
      <c r="G24911" s="358" t="s">
        <v>14669</v>
      </c>
      <c r="H24911" s="358" t="s">
        <v>14381</v>
      </c>
      <c r="I24911" s="358" t="s">
        <v>14669</v>
      </c>
      <c r="J24911" s="358"/>
      <c r="K24911" s="358"/>
      <c r="L24911" s="358"/>
    </row>
    <row r="24912" spans="2:12">
      <c r="B24912" s="367"/>
      <c r="C24912" s="367"/>
      <c r="D24912" s="367"/>
      <c r="E24912" s="367"/>
      <c r="F24912" s="367"/>
      <c r="G24912" s="367"/>
      <c r="H24912" s="360"/>
      <c r="I24912" s="367"/>
      <c r="J24912" s="365"/>
      <c r="K24912" s="365"/>
      <c r="L24912" s="365"/>
    </row>
    <row r="24913" spans="2:12">
      <c r="B24913" s="368"/>
      <c r="C24913" s="368"/>
      <c r="D24913" s="368"/>
      <c r="E24913" s="368"/>
      <c r="F24913" s="368"/>
      <c r="G24913" s="368"/>
      <c r="H24913" s="361" t="s">
        <v>14332</v>
      </c>
      <c r="I24913" s="368"/>
      <c r="J24913" s="366"/>
      <c r="K24913" s="366"/>
      <c r="L24913" s="366"/>
    </row>
    <row r="24914" spans="2:12" ht="28.5">
      <c r="B24914" s="358" t="s">
        <v>12221</v>
      </c>
      <c r="C24914" s="358" t="s">
        <v>29969</v>
      </c>
      <c r="D24914" s="358" t="s">
        <v>12222</v>
      </c>
      <c r="E24914" s="358" t="s">
        <v>12223</v>
      </c>
      <c r="F24914" s="358" t="s">
        <v>14376</v>
      </c>
      <c r="G24914" s="358" t="s">
        <v>14669</v>
      </c>
      <c r="H24914" s="358" t="s">
        <v>14381</v>
      </c>
      <c r="I24914" s="358" t="s">
        <v>14669</v>
      </c>
      <c r="J24914" s="358"/>
      <c r="K24914" s="358"/>
      <c r="L24914" s="358"/>
    </row>
    <row r="24915" spans="2:12">
      <c r="B24915" s="367"/>
      <c r="C24915" s="360"/>
      <c r="D24915" s="367"/>
      <c r="E24915" s="367"/>
      <c r="F24915" s="367"/>
      <c r="G24915" s="367"/>
      <c r="H24915" s="360"/>
      <c r="I24915" s="367"/>
      <c r="J24915" s="365"/>
      <c r="K24915" s="365"/>
      <c r="L24915" s="365"/>
    </row>
    <row r="24916" spans="2:12" ht="71.25">
      <c r="B24916" s="368"/>
      <c r="C24916" s="361" t="s">
        <v>30888</v>
      </c>
      <c r="D24916" s="368"/>
      <c r="E24916" s="368"/>
      <c r="F24916" s="368"/>
      <c r="G24916" s="368"/>
      <c r="H24916" s="361" t="s">
        <v>14332</v>
      </c>
      <c r="I24916" s="368"/>
      <c r="J24916" s="366"/>
      <c r="K24916" s="366"/>
      <c r="L24916" s="366"/>
    </row>
    <row r="24917" spans="2:12">
      <c r="B24917" s="358" t="s">
        <v>12225</v>
      </c>
      <c r="C24917" s="358" t="s">
        <v>26365</v>
      </c>
      <c r="D24917" s="358" t="s">
        <v>12226</v>
      </c>
      <c r="E24917" s="358" t="s">
        <v>12227</v>
      </c>
      <c r="F24917" s="358" t="s">
        <v>14376</v>
      </c>
      <c r="G24917" s="358" t="s">
        <v>14669</v>
      </c>
      <c r="H24917" s="358" t="s">
        <v>14381</v>
      </c>
      <c r="I24917" s="358" t="s">
        <v>14669</v>
      </c>
      <c r="J24917" s="358"/>
      <c r="K24917" s="358"/>
      <c r="L24917" s="358"/>
    </row>
    <row r="24918" spans="2:12">
      <c r="B24918" s="367"/>
      <c r="C24918" s="360"/>
      <c r="D24918" s="367"/>
      <c r="E24918" s="367"/>
      <c r="F24918" s="367"/>
      <c r="G24918" s="367"/>
      <c r="H24918" s="360"/>
      <c r="I24918" s="367"/>
      <c r="J24918" s="365"/>
      <c r="K24918" s="365"/>
      <c r="L24918" s="365"/>
    </row>
    <row r="24919" spans="2:12">
      <c r="B24919" s="367"/>
      <c r="C24919" s="359" t="s">
        <v>26355</v>
      </c>
      <c r="D24919" s="367"/>
      <c r="E24919" s="367"/>
      <c r="F24919" s="367"/>
      <c r="G24919" s="367"/>
      <c r="H24919" s="359" t="s">
        <v>14332</v>
      </c>
      <c r="I24919" s="367"/>
      <c r="J24919" s="365"/>
      <c r="K24919" s="365"/>
      <c r="L24919" s="365"/>
    </row>
    <row r="24920" spans="2:12">
      <c r="B24920" s="367"/>
      <c r="C24920" s="360"/>
      <c r="D24920" s="367"/>
      <c r="E24920" s="367"/>
      <c r="F24920" s="367"/>
      <c r="G24920" s="367"/>
      <c r="H24920" s="360"/>
      <c r="I24920" s="367"/>
      <c r="J24920" s="365"/>
      <c r="K24920" s="365"/>
      <c r="L24920" s="365"/>
    </row>
    <row r="24921" spans="2:12" ht="85.5">
      <c r="B24921" s="368"/>
      <c r="C24921" s="361" t="s">
        <v>28299</v>
      </c>
      <c r="D24921" s="368"/>
      <c r="E24921" s="368"/>
      <c r="F24921" s="368"/>
      <c r="G24921" s="368"/>
      <c r="H24921" s="362"/>
      <c r="I24921" s="368"/>
      <c r="J24921" s="366"/>
      <c r="K24921" s="366"/>
      <c r="L24921" s="366"/>
    </row>
    <row r="24922" spans="2:12" ht="28.5">
      <c r="B24922" s="358" t="s">
        <v>12229</v>
      </c>
      <c r="C24922" s="358" t="s">
        <v>26366</v>
      </c>
      <c r="D24922" s="358" t="s">
        <v>12230</v>
      </c>
      <c r="E24922" s="358" t="s">
        <v>12231</v>
      </c>
      <c r="F24922" s="358" t="s">
        <v>14376</v>
      </c>
      <c r="G24922" s="358" t="s">
        <v>14669</v>
      </c>
      <c r="H24922" s="358" t="s">
        <v>14381</v>
      </c>
      <c r="I24922" s="358" t="s">
        <v>14669</v>
      </c>
      <c r="J24922" s="358"/>
      <c r="K24922" s="358"/>
      <c r="L24922" s="358"/>
    </row>
    <row r="24923" spans="2:12">
      <c r="B24923" s="367"/>
      <c r="C24923" s="360"/>
      <c r="D24923" s="367"/>
      <c r="E24923" s="367"/>
      <c r="F24923" s="367"/>
      <c r="G24923" s="367"/>
      <c r="H24923" s="360"/>
      <c r="I24923" s="367"/>
      <c r="J24923" s="365"/>
      <c r="K24923" s="365"/>
      <c r="L24923" s="365"/>
    </row>
    <row r="24924" spans="2:12">
      <c r="B24924" s="367"/>
      <c r="C24924" s="359" t="s">
        <v>26355</v>
      </c>
      <c r="D24924" s="367"/>
      <c r="E24924" s="367"/>
      <c r="F24924" s="367"/>
      <c r="G24924" s="367"/>
      <c r="H24924" s="359" t="s">
        <v>14332</v>
      </c>
      <c r="I24924" s="367"/>
      <c r="J24924" s="365"/>
      <c r="K24924" s="365"/>
      <c r="L24924" s="365"/>
    </row>
    <row r="24925" spans="2:12">
      <c r="B24925" s="367"/>
      <c r="C24925" s="360"/>
      <c r="D24925" s="367"/>
      <c r="E24925" s="367"/>
      <c r="F24925" s="367"/>
      <c r="G24925" s="367"/>
      <c r="H24925" s="360"/>
      <c r="I24925" s="367"/>
      <c r="J24925" s="365"/>
      <c r="K24925" s="365"/>
      <c r="L24925" s="365"/>
    </row>
    <row r="24926" spans="2:12" ht="99.75">
      <c r="B24926" s="368"/>
      <c r="C24926" s="361" t="s">
        <v>30889</v>
      </c>
      <c r="D24926" s="368"/>
      <c r="E24926" s="368"/>
      <c r="F24926" s="368"/>
      <c r="G24926" s="368"/>
      <c r="H24926" s="362"/>
      <c r="I24926" s="368"/>
      <c r="J24926" s="366"/>
      <c r="K24926" s="366"/>
      <c r="L24926" s="366"/>
    </row>
    <row r="24927" spans="2:12" ht="28.5">
      <c r="B24927" s="358" t="s">
        <v>12233</v>
      </c>
      <c r="C24927" s="358" t="s">
        <v>29970</v>
      </c>
      <c r="D24927" s="358" t="s">
        <v>12234</v>
      </c>
      <c r="E24927" s="358" t="s">
        <v>12235</v>
      </c>
      <c r="F24927" s="358" t="s">
        <v>14376</v>
      </c>
      <c r="G24927" s="358" t="s">
        <v>14669</v>
      </c>
      <c r="H24927" s="358" t="s">
        <v>14381</v>
      </c>
      <c r="I24927" s="358" t="s">
        <v>14669</v>
      </c>
      <c r="J24927" s="358"/>
      <c r="K24927" s="358"/>
      <c r="L24927" s="358"/>
    </row>
    <row r="24928" spans="2:12">
      <c r="B24928" s="367"/>
      <c r="C24928" s="360"/>
      <c r="D24928" s="367"/>
      <c r="E24928" s="367"/>
      <c r="F24928" s="367"/>
      <c r="G24928" s="367"/>
      <c r="H24928" s="360"/>
      <c r="I24928" s="367"/>
      <c r="J24928" s="365"/>
      <c r="K24928" s="365"/>
      <c r="L24928" s="365"/>
    </row>
    <row r="24929" spans="2:12" ht="57">
      <c r="B24929" s="368"/>
      <c r="C24929" s="361" t="s">
        <v>28300</v>
      </c>
      <c r="D24929" s="368"/>
      <c r="E24929" s="368"/>
      <c r="F24929" s="368"/>
      <c r="G24929" s="368"/>
      <c r="H24929" s="361" t="s">
        <v>14332</v>
      </c>
      <c r="I24929" s="368"/>
      <c r="J24929" s="366"/>
      <c r="K24929" s="366"/>
      <c r="L24929" s="366"/>
    </row>
    <row r="24930" spans="2:12" ht="28.5">
      <c r="B24930" s="358" t="s">
        <v>26367</v>
      </c>
      <c r="C24930" s="358" t="s">
        <v>28301</v>
      </c>
      <c r="D24930" s="358" t="s">
        <v>26368</v>
      </c>
      <c r="E24930" s="358" t="s">
        <v>26369</v>
      </c>
      <c r="F24930" s="358" t="s">
        <v>14443</v>
      </c>
      <c r="G24930" s="358" t="s">
        <v>14444</v>
      </c>
      <c r="H24930" s="358" t="s">
        <v>14381</v>
      </c>
      <c r="I24930" s="358" t="s">
        <v>14444</v>
      </c>
      <c r="J24930" s="358"/>
      <c r="K24930" s="358"/>
      <c r="L24930" s="358"/>
    </row>
    <row r="24931" spans="2:12">
      <c r="B24931" s="367"/>
      <c r="C24931" s="360"/>
      <c r="D24931" s="367"/>
      <c r="E24931" s="367"/>
      <c r="F24931" s="367"/>
      <c r="G24931" s="367"/>
      <c r="H24931" s="360"/>
      <c r="I24931" s="367"/>
      <c r="J24931" s="365"/>
      <c r="K24931" s="365"/>
      <c r="L24931" s="365"/>
    </row>
    <row r="24932" spans="2:12">
      <c r="B24932" s="367"/>
      <c r="C24932" s="359" t="s">
        <v>26355</v>
      </c>
      <c r="D24932" s="367"/>
      <c r="E24932" s="367"/>
      <c r="F24932" s="367"/>
      <c r="G24932" s="367"/>
      <c r="H24932" s="359" t="s">
        <v>14422</v>
      </c>
      <c r="I24932" s="367"/>
      <c r="J24932" s="365"/>
      <c r="K24932" s="365"/>
      <c r="L24932" s="365"/>
    </row>
    <row r="24933" spans="2:12">
      <c r="B24933" s="367"/>
      <c r="C24933" s="360"/>
      <c r="D24933" s="367"/>
      <c r="E24933" s="367"/>
      <c r="F24933" s="367"/>
      <c r="G24933" s="367"/>
      <c r="H24933" s="360"/>
      <c r="I24933" s="367"/>
      <c r="J24933" s="365"/>
      <c r="K24933" s="365"/>
      <c r="L24933" s="365"/>
    </row>
    <row r="24934" spans="2:12" ht="129" customHeight="1">
      <c r="B24934" s="368"/>
      <c r="C24934" s="361" t="s">
        <v>28302</v>
      </c>
      <c r="D24934" s="368"/>
      <c r="E24934" s="368"/>
      <c r="F24934" s="368"/>
      <c r="G24934" s="368"/>
      <c r="H24934" s="362"/>
      <c r="I24934" s="368"/>
      <c r="J24934" s="366"/>
      <c r="K24934" s="366"/>
      <c r="L24934" s="366"/>
    </row>
    <row r="24935" spans="2:12" ht="28.5">
      <c r="B24935" s="358" t="s">
        <v>12237</v>
      </c>
      <c r="C24935" s="358" t="s">
        <v>26370</v>
      </c>
      <c r="D24935" s="358" t="s">
        <v>12238</v>
      </c>
      <c r="E24935" s="358" t="s">
        <v>12239</v>
      </c>
      <c r="F24935" s="358" t="s">
        <v>14376</v>
      </c>
      <c r="G24935" s="358" t="s">
        <v>14669</v>
      </c>
      <c r="H24935" s="358" t="s">
        <v>14381</v>
      </c>
      <c r="I24935" s="358" t="s">
        <v>14669</v>
      </c>
      <c r="J24935" s="358"/>
      <c r="K24935" s="358"/>
      <c r="L24935" s="358"/>
    </row>
    <row r="24936" spans="2:12">
      <c r="B24936" s="367"/>
      <c r="C24936" s="360"/>
      <c r="D24936" s="367"/>
      <c r="E24936" s="367"/>
      <c r="F24936" s="367"/>
      <c r="G24936" s="367"/>
      <c r="H24936" s="360"/>
      <c r="I24936" s="367"/>
      <c r="J24936" s="365"/>
      <c r="K24936" s="365"/>
      <c r="L24936" s="365"/>
    </row>
    <row r="24937" spans="2:12">
      <c r="B24937" s="367"/>
      <c r="C24937" s="359" t="s">
        <v>26355</v>
      </c>
      <c r="D24937" s="367"/>
      <c r="E24937" s="367"/>
      <c r="F24937" s="367"/>
      <c r="G24937" s="367"/>
      <c r="H24937" s="359" t="s">
        <v>14332</v>
      </c>
      <c r="I24937" s="367"/>
      <c r="J24937" s="365"/>
      <c r="K24937" s="365"/>
      <c r="L24937" s="365"/>
    </row>
    <row r="24938" spans="2:12">
      <c r="B24938" s="367"/>
      <c r="C24938" s="360"/>
      <c r="D24938" s="367"/>
      <c r="E24938" s="367"/>
      <c r="F24938" s="367"/>
      <c r="G24938" s="367"/>
      <c r="H24938" s="360"/>
      <c r="I24938" s="367"/>
      <c r="J24938" s="365"/>
      <c r="K24938" s="365"/>
      <c r="L24938" s="365"/>
    </row>
    <row r="24939" spans="2:12" ht="97.5" customHeight="1">
      <c r="B24939" s="368"/>
      <c r="C24939" s="361" t="s">
        <v>28303</v>
      </c>
      <c r="D24939" s="368"/>
      <c r="E24939" s="368"/>
      <c r="F24939" s="368"/>
      <c r="G24939" s="368"/>
      <c r="H24939" s="362"/>
      <c r="I24939" s="368"/>
      <c r="J24939" s="366"/>
      <c r="K24939" s="366"/>
      <c r="L24939" s="366"/>
    </row>
    <row r="24940" spans="2:12" ht="28.5">
      <c r="B24940" s="358" t="s">
        <v>12241</v>
      </c>
      <c r="C24940" s="358" t="s">
        <v>29971</v>
      </c>
      <c r="D24940" s="358" t="s">
        <v>12242</v>
      </c>
      <c r="E24940" s="358" t="s">
        <v>12243</v>
      </c>
      <c r="F24940" s="358" t="s">
        <v>14376</v>
      </c>
      <c r="G24940" s="358" t="s">
        <v>14669</v>
      </c>
      <c r="H24940" s="358" t="s">
        <v>14381</v>
      </c>
      <c r="I24940" s="358" t="s">
        <v>14669</v>
      </c>
      <c r="J24940" s="358"/>
      <c r="K24940" s="358"/>
      <c r="L24940" s="358"/>
    </row>
    <row r="24941" spans="2:12">
      <c r="B24941" s="367"/>
      <c r="C24941" s="360"/>
      <c r="D24941" s="367"/>
      <c r="E24941" s="367"/>
      <c r="F24941" s="367"/>
      <c r="G24941" s="367"/>
      <c r="H24941" s="360"/>
      <c r="I24941" s="367"/>
      <c r="J24941" s="365"/>
      <c r="K24941" s="365"/>
      <c r="L24941" s="365"/>
    </row>
    <row r="24942" spans="2:12" ht="85.5">
      <c r="B24942" s="368"/>
      <c r="C24942" s="361" t="s">
        <v>30890</v>
      </c>
      <c r="D24942" s="368"/>
      <c r="E24942" s="368"/>
      <c r="F24942" s="368"/>
      <c r="G24942" s="368"/>
      <c r="H24942" s="361" t="s">
        <v>14332</v>
      </c>
      <c r="I24942" s="368"/>
      <c r="J24942" s="366"/>
      <c r="K24942" s="366"/>
      <c r="L24942" s="366"/>
    </row>
    <row r="24943" spans="2:12">
      <c r="B24943" s="358" t="s">
        <v>12245</v>
      </c>
      <c r="C24943" s="358" t="s">
        <v>26371</v>
      </c>
      <c r="D24943" s="358" t="s">
        <v>12246</v>
      </c>
      <c r="E24943" s="358" t="s">
        <v>12247</v>
      </c>
      <c r="F24943" s="358" t="s">
        <v>14376</v>
      </c>
      <c r="G24943" s="358" t="s">
        <v>14669</v>
      </c>
      <c r="H24943" s="358" t="s">
        <v>14381</v>
      </c>
      <c r="I24943" s="358" t="s">
        <v>14669</v>
      </c>
      <c r="J24943" s="358"/>
      <c r="K24943" s="358"/>
      <c r="L24943" s="358"/>
    </row>
    <row r="24944" spans="2:12">
      <c r="B24944" s="367"/>
      <c r="C24944" s="360"/>
      <c r="D24944" s="367"/>
      <c r="E24944" s="367"/>
      <c r="F24944" s="367"/>
      <c r="G24944" s="367"/>
      <c r="H24944" s="360"/>
      <c r="I24944" s="367"/>
      <c r="J24944" s="365"/>
      <c r="K24944" s="365"/>
      <c r="L24944" s="365"/>
    </row>
    <row r="24945" spans="2:12">
      <c r="B24945" s="367"/>
      <c r="C24945" s="359" t="s">
        <v>26355</v>
      </c>
      <c r="D24945" s="367"/>
      <c r="E24945" s="367"/>
      <c r="F24945" s="367"/>
      <c r="G24945" s="367"/>
      <c r="H24945" s="359" t="s">
        <v>14332</v>
      </c>
      <c r="I24945" s="367"/>
      <c r="J24945" s="365"/>
      <c r="K24945" s="365"/>
      <c r="L24945" s="365"/>
    </row>
    <row r="24946" spans="2:12">
      <c r="B24946" s="367"/>
      <c r="C24946" s="360"/>
      <c r="D24946" s="367"/>
      <c r="E24946" s="367"/>
      <c r="F24946" s="367"/>
      <c r="G24946" s="367"/>
      <c r="H24946" s="360"/>
      <c r="I24946" s="367"/>
      <c r="J24946" s="365"/>
      <c r="K24946" s="365"/>
      <c r="L24946" s="365"/>
    </row>
    <row r="24947" spans="2:12" ht="71.25">
      <c r="B24947" s="368"/>
      <c r="C24947" s="361" t="s">
        <v>28304</v>
      </c>
      <c r="D24947" s="368"/>
      <c r="E24947" s="368"/>
      <c r="F24947" s="368"/>
      <c r="G24947" s="368"/>
      <c r="H24947" s="362"/>
      <c r="I24947" s="368"/>
      <c r="J24947" s="366"/>
      <c r="K24947" s="366"/>
      <c r="L24947" s="366"/>
    </row>
    <row r="24948" spans="2:12">
      <c r="B24948" s="358" t="s">
        <v>12249</v>
      </c>
      <c r="C24948" s="358" t="s">
        <v>26372</v>
      </c>
      <c r="D24948" s="358" t="s">
        <v>12250</v>
      </c>
      <c r="E24948" s="358" t="s">
        <v>12251</v>
      </c>
      <c r="F24948" s="358" t="s">
        <v>14376</v>
      </c>
      <c r="G24948" s="358" t="s">
        <v>14669</v>
      </c>
      <c r="H24948" s="358" t="s">
        <v>14381</v>
      </c>
      <c r="I24948" s="358" t="s">
        <v>14669</v>
      </c>
      <c r="J24948" s="358"/>
      <c r="K24948" s="358"/>
      <c r="L24948" s="358" t="s">
        <v>11463</v>
      </c>
    </row>
    <row r="24949" spans="2:12">
      <c r="B24949" s="367"/>
      <c r="C24949" s="360"/>
      <c r="D24949" s="367"/>
      <c r="E24949" s="367"/>
      <c r="F24949" s="367"/>
      <c r="G24949" s="367"/>
      <c r="H24949" s="360"/>
      <c r="I24949" s="367"/>
      <c r="J24949" s="365"/>
      <c r="K24949" s="365"/>
      <c r="L24949" s="367"/>
    </row>
    <row r="24950" spans="2:12">
      <c r="B24950" s="367"/>
      <c r="C24950" s="359" t="s">
        <v>29972</v>
      </c>
      <c r="D24950" s="367"/>
      <c r="E24950" s="367"/>
      <c r="F24950" s="367"/>
      <c r="G24950" s="367"/>
      <c r="H24950" s="359" t="s">
        <v>14332</v>
      </c>
      <c r="I24950" s="367"/>
      <c r="J24950" s="365"/>
      <c r="K24950" s="365"/>
      <c r="L24950" s="367"/>
    </row>
    <row r="24951" spans="2:12">
      <c r="B24951" s="367"/>
      <c r="C24951" s="360"/>
      <c r="D24951" s="367"/>
      <c r="E24951" s="367"/>
      <c r="F24951" s="367"/>
      <c r="G24951" s="367"/>
      <c r="H24951" s="360"/>
      <c r="I24951" s="367"/>
      <c r="J24951" s="365"/>
      <c r="K24951" s="365"/>
      <c r="L24951" s="367"/>
    </row>
    <row r="24952" spans="2:12" ht="85.5">
      <c r="B24952" s="368"/>
      <c r="C24952" s="361" t="s">
        <v>28305</v>
      </c>
      <c r="D24952" s="368"/>
      <c r="E24952" s="368"/>
      <c r="F24952" s="368"/>
      <c r="G24952" s="368"/>
      <c r="H24952" s="362"/>
      <c r="I24952" s="368"/>
      <c r="J24952" s="366"/>
      <c r="K24952" s="366"/>
      <c r="L24952" s="368"/>
    </row>
    <row r="24953" spans="2:12" ht="25.5" customHeight="1">
      <c r="B24953" s="358" t="s">
        <v>12253</v>
      </c>
      <c r="C24953" s="358" t="s">
        <v>26373</v>
      </c>
      <c r="D24953" s="358" t="s">
        <v>12254</v>
      </c>
      <c r="E24953" s="358" t="s">
        <v>12255</v>
      </c>
      <c r="F24953" s="358" t="s">
        <v>14376</v>
      </c>
      <c r="G24953" s="358" t="s">
        <v>14669</v>
      </c>
      <c r="H24953" s="358" t="s">
        <v>14381</v>
      </c>
      <c r="I24953" s="358" t="s">
        <v>14669</v>
      </c>
      <c r="J24953" s="358"/>
      <c r="K24953" s="358"/>
      <c r="L24953" s="358" t="s">
        <v>11463</v>
      </c>
    </row>
    <row r="24954" spans="2:12">
      <c r="B24954" s="367"/>
      <c r="C24954" s="360"/>
      <c r="D24954" s="367"/>
      <c r="E24954" s="367"/>
      <c r="F24954" s="367"/>
      <c r="G24954" s="367"/>
      <c r="H24954" s="360"/>
      <c r="I24954" s="367"/>
      <c r="J24954" s="365"/>
      <c r="K24954" s="365"/>
      <c r="L24954" s="367"/>
    </row>
    <row r="24955" spans="2:12">
      <c r="B24955" s="367"/>
      <c r="C24955" s="359" t="s">
        <v>29972</v>
      </c>
      <c r="D24955" s="367"/>
      <c r="E24955" s="367"/>
      <c r="F24955" s="367"/>
      <c r="G24955" s="367"/>
      <c r="H24955" s="359" t="s">
        <v>14332</v>
      </c>
      <c r="I24955" s="367"/>
      <c r="J24955" s="365"/>
      <c r="K24955" s="365"/>
      <c r="L24955" s="367"/>
    </row>
    <row r="24956" spans="2:12">
      <c r="B24956" s="367"/>
      <c r="C24956" s="360"/>
      <c r="D24956" s="367"/>
      <c r="E24956" s="367"/>
      <c r="F24956" s="367"/>
      <c r="G24956" s="367"/>
      <c r="H24956" s="360"/>
      <c r="I24956" s="367"/>
      <c r="J24956" s="365"/>
      <c r="K24956" s="365"/>
      <c r="L24956" s="367"/>
    </row>
    <row r="24957" spans="2:12" ht="99.75">
      <c r="B24957" s="368"/>
      <c r="C24957" s="361" t="s">
        <v>30891</v>
      </c>
      <c r="D24957" s="368"/>
      <c r="E24957" s="368"/>
      <c r="F24957" s="368"/>
      <c r="G24957" s="368"/>
      <c r="H24957" s="362"/>
      <c r="I24957" s="368"/>
      <c r="J24957" s="366"/>
      <c r="K24957" s="366"/>
      <c r="L24957" s="368"/>
    </row>
    <row r="24958" spans="2:12">
      <c r="B24958" s="358" t="s">
        <v>12257</v>
      </c>
      <c r="C24958" s="358" t="s">
        <v>26374</v>
      </c>
      <c r="D24958" s="358" t="s">
        <v>12258</v>
      </c>
      <c r="E24958" s="358" t="s">
        <v>12259</v>
      </c>
      <c r="F24958" s="358" t="s">
        <v>14376</v>
      </c>
      <c r="G24958" s="358" t="s">
        <v>14669</v>
      </c>
      <c r="H24958" s="358" t="s">
        <v>14381</v>
      </c>
      <c r="I24958" s="358" t="s">
        <v>14669</v>
      </c>
      <c r="J24958" s="358"/>
      <c r="K24958" s="358"/>
      <c r="L24958" s="358" t="s">
        <v>11463</v>
      </c>
    </row>
    <row r="24959" spans="2:12">
      <c r="B24959" s="367"/>
      <c r="C24959" s="360"/>
      <c r="D24959" s="367"/>
      <c r="E24959" s="367"/>
      <c r="F24959" s="367"/>
      <c r="G24959" s="367"/>
      <c r="H24959" s="360"/>
      <c r="I24959" s="367"/>
      <c r="J24959" s="365"/>
      <c r="K24959" s="365"/>
      <c r="L24959" s="367"/>
    </row>
    <row r="24960" spans="2:12">
      <c r="B24960" s="367"/>
      <c r="C24960" s="359" t="s">
        <v>29972</v>
      </c>
      <c r="D24960" s="367"/>
      <c r="E24960" s="367"/>
      <c r="F24960" s="367"/>
      <c r="G24960" s="367"/>
      <c r="H24960" s="359" t="s">
        <v>14332</v>
      </c>
      <c r="I24960" s="367"/>
      <c r="J24960" s="365"/>
      <c r="K24960" s="365"/>
      <c r="L24960" s="367"/>
    </row>
    <row r="24961" spans="2:12">
      <c r="B24961" s="367"/>
      <c r="C24961" s="360"/>
      <c r="D24961" s="367"/>
      <c r="E24961" s="367"/>
      <c r="F24961" s="367"/>
      <c r="G24961" s="367"/>
      <c r="H24961" s="360"/>
      <c r="I24961" s="367"/>
      <c r="J24961" s="365"/>
      <c r="K24961" s="365"/>
      <c r="L24961" s="367"/>
    </row>
    <row r="24962" spans="2:12" ht="99.75">
      <c r="B24962" s="368"/>
      <c r="C24962" s="361" t="s">
        <v>30892</v>
      </c>
      <c r="D24962" s="368"/>
      <c r="E24962" s="368"/>
      <c r="F24962" s="368"/>
      <c r="G24962" s="368"/>
      <c r="H24962" s="362"/>
      <c r="I24962" s="368"/>
      <c r="J24962" s="366"/>
      <c r="K24962" s="366"/>
      <c r="L24962" s="368"/>
    </row>
    <row r="24963" spans="2:12">
      <c r="B24963" s="358" t="s">
        <v>12261</v>
      </c>
      <c r="C24963" s="358" t="s">
        <v>26375</v>
      </c>
      <c r="D24963" s="358" t="s">
        <v>12262</v>
      </c>
      <c r="E24963" s="358" t="s">
        <v>12263</v>
      </c>
      <c r="F24963" s="358" t="s">
        <v>14376</v>
      </c>
      <c r="G24963" s="358" t="s">
        <v>14669</v>
      </c>
      <c r="H24963" s="358" t="s">
        <v>14381</v>
      </c>
      <c r="I24963" s="358" t="s">
        <v>14669</v>
      </c>
      <c r="J24963" s="358"/>
      <c r="K24963" s="358"/>
      <c r="L24963" s="358" t="s">
        <v>11463</v>
      </c>
    </row>
    <row r="24964" spans="2:12">
      <c r="B24964" s="367"/>
      <c r="C24964" s="360"/>
      <c r="D24964" s="367"/>
      <c r="E24964" s="367"/>
      <c r="F24964" s="367"/>
      <c r="G24964" s="367"/>
      <c r="H24964" s="360"/>
      <c r="I24964" s="367"/>
      <c r="J24964" s="365"/>
      <c r="K24964" s="365"/>
      <c r="L24964" s="367"/>
    </row>
    <row r="24965" spans="2:12">
      <c r="B24965" s="367"/>
      <c r="C24965" s="359" t="s">
        <v>29972</v>
      </c>
      <c r="D24965" s="367"/>
      <c r="E24965" s="367"/>
      <c r="F24965" s="367"/>
      <c r="G24965" s="367"/>
      <c r="H24965" s="359" t="s">
        <v>14332</v>
      </c>
      <c r="I24965" s="367"/>
      <c r="J24965" s="365"/>
      <c r="K24965" s="365"/>
      <c r="L24965" s="367"/>
    </row>
    <row r="24966" spans="2:12">
      <c r="B24966" s="367"/>
      <c r="C24966" s="360"/>
      <c r="D24966" s="367"/>
      <c r="E24966" s="367"/>
      <c r="F24966" s="367"/>
      <c r="G24966" s="367"/>
      <c r="H24966" s="360"/>
      <c r="I24966" s="367"/>
      <c r="J24966" s="365"/>
      <c r="K24966" s="365"/>
      <c r="L24966" s="367"/>
    </row>
    <row r="24967" spans="2:12" ht="85.5" customHeight="1">
      <c r="B24967" s="368"/>
      <c r="C24967" s="361" t="s">
        <v>28306</v>
      </c>
      <c r="D24967" s="368"/>
      <c r="E24967" s="368"/>
      <c r="F24967" s="368"/>
      <c r="G24967" s="368"/>
      <c r="H24967" s="362"/>
      <c r="I24967" s="368"/>
      <c r="J24967" s="366"/>
      <c r="K24967" s="366"/>
      <c r="L24967" s="368"/>
    </row>
    <row r="24968" spans="2:12" ht="28.5">
      <c r="B24968" s="358" t="s">
        <v>12265</v>
      </c>
      <c r="C24968" s="358" t="s">
        <v>29973</v>
      </c>
      <c r="D24968" s="358" t="s">
        <v>12266</v>
      </c>
      <c r="E24968" s="358" t="s">
        <v>12267</v>
      </c>
      <c r="F24968" s="358" t="s">
        <v>14376</v>
      </c>
      <c r="G24968" s="358" t="s">
        <v>14669</v>
      </c>
      <c r="H24968" s="358" t="s">
        <v>14381</v>
      </c>
      <c r="I24968" s="358" t="s">
        <v>14669</v>
      </c>
      <c r="J24968" s="358"/>
      <c r="K24968" s="358"/>
      <c r="L24968" s="358" t="s">
        <v>11463</v>
      </c>
    </row>
    <row r="24969" spans="2:12">
      <c r="B24969" s="367"/>
      <c r="C24969" s="360"/>
      <c r="D24969" s="367"/>
      <c r="E24969" s="367"/>
      <c r="F24969" s="367"/>
      <c r="G24969" s="367"/>
      <c r="H24969" s="360"/>
      <c r="I24969" s="367"/>
      <c r="J24969" s="365"/>
      <c r="K24969" s="365"/>
      <c r="L24969" s="367"/>
    </row>
    <row r="24970" spans="2:12" ht="99.75">
      <c r="B24970" s="368"/>
      <c r="C24970" s="361" t="s">
        <v>28307</v>
      </c>
      <c r="D24970" s="368"/>
      <c r="E24970" s="368"/>
      <c r="F24970" s="368"/>
      <c r="G24970" s="368"/>
      <c r="H24970" s="361" t="s">
        <v>14332</v>
      </c>
      <c r="I24970" s="368"/>
      <c r="J24970" s="366"/>
      <c r="K24970" s="366"/>
      <c r="L24970" s="368"/>
    </row>
    <row r="24971" spans="2:12" ht="28.5">
      <c r="B24971" s="358" t="s">
        <v>12269</v>
      </c>
      <c r="C24971" s="358" t="s">
        <v>26376</v>
      </c>
      <c r="D24971" s="358" t="s">
        <v>12270</v>
      </c>
      <c r="E24971" s="358" t="s">
        <v>12271</v>
      </c>
      <c r="F24971" s="358" t="s">
        <v>14376</v>
      </c>
      <c r="G24971" s="358" t="s">
        <v>14669</v>
      </c>
      <c r="H24971" s="358" t="s">
        <v>14381</v>
      </c>
      <c r="I24971" s="358" t="s">
        <v>14669</v>
      </c>
      <c r="J24971" s="358"/>
      <c r="K24971" s="358"/>
      <c r="L24971" s="358" t="s">
        <v>11463</v>
      </c>
    </row>
    <row r="24972" spans="2:12">
      <c r="B24972" s="367"/>
      <c r="C24972" s="360"/>
      <c r="D24972" s="367"/>
      <c r="E24972" s="367"/>
      <c r="F24972" s="367"/>
      <c r="G24972" s="367"/>
      <c r="H24972" s="360"/>
      <c r="I24972" s="367"/>
      <c r="J24972" s="365"/>
      <c r="K24972" s="365"/>
      <c r="L24972" s="367"/>
    </row>
    <row r="24973" spans="2:12">
      <c r="B24973" s="367"/>
      <c r="C24973" s="359" t="s">
        <v>29972</v>
      </c>
      <c r="D24973" s="367"/>
      <c r="E24973" s="367"/>
      <c r="F24973" s="367"/>
      <c r="G24973" s="367"/>
      <c r="H24973" s="359" t="s">
        <v>14332</v>
      </c>
      <c r="I24973" s="367"/>
      <c r="J24973" s="365"/>
      <c r="K24973" s="365"/>
      <c r="L24973" s="367"/>
    </row>
    <row r="24974" spans="2:12">
      <c r="B24974" s="367"/>
      <c r="C24974" s="360"/>
      <c r="D24974" s="367"/>
      <c r="E24974" s="367"/>
      <c r="F24974" s="367"/>
      <c r="G24974" s="367"/>
      <c r="H24974" s="360"/>
      <c r="I24974" s="367"/>
      <c r="J24974" s="365"/>
      <c r="K24974" s="365"/>
      <c r="L24974" s="367"/>
    </row>
    <row r="24975" spans="2:12" ht="99.75">
      <c r="B24975" s="368"/>
      <c r="C24975" s="361" t="s">
        <v>28308</v>
      </c>
      <c r="D24975" s="368"/>
      <c r="E24975" s="368"/>
      <c r="F24975" s="368"/>
      <c r="G24975" s="368"/>
      <c r="H24975" s="362"/>
      <c r="I24975" s="368"/>
      <c r="J24975" s="366"/>
      <c r="K24975" s="366"/>
      <c r="L24975" s="368"/>
    </row>
    <row r="24976" spans="2:12">
      <c r="B24976" s="358" t="s">
        <v>12273</v>
      </c>
      <c r="C24976" s="358" t="s">
        <v>26377</v>
      </c>
      <c r="D24976" s="358" t="s">
        <v>12274</v>
      </c>
      <c r="E24976" s="358" t="s">
        <v>12275</v>
      </c>
      <c r="F24976" s="358" t="s">
        <v>14376</v>
      </c>
      <c r="G24976" s="358" t="s">
        <v>14669</v>
      </c>
      <c r="H24976" s="358" t="s">
        <v>14381</v>
      </c>
      <c r="I24976" s="358" t="s">
        <v>14669</v>
      </c>
      <c r="J24976" s="358"/>
      <c r="K24976" s="358"/>
      <c r="L24976" s="358" t="s">
        <v>11463</v>
      </c>
    </row>
    <row r="24977" spans="2:12">
      <c r="B24977" s="367"/>
      <c r="C24977" s="360"/>
      <c r="D24977" s="367"/>
      <c r="E24977" s="367"/>
      <c r="F24977" s="367"/>
      <c r="G24977" s="367"/>
      <c r="H24977" s="360"/>
      <c r="I24977" s="367"/>
      <c r="J24977" s="365"/>
      <c r="K24977" s="365"/>
      <c r="L24977" s="367"/>
    </row>
    <row r="24978" spans="2:12">
      <c r="B24978" s="367"/>
      <c r="C24978" s="359" t="s">
        <v>29972</v>
      </c>
      <c r="D24978" s="367"/>
      <c r="E24978" s="367"/>
      <c r="F24978" s="367"/>
      <c r="G24978" s="367"/>
      <c r="H24978" s="359" t="s">
        <v>14332</v>
      </c>
      <c r="I24978" s="367"/>
      <c r="J24978" s="365"/>
      <c r="K24978" s="365"/>
      <c r="L24978" s="367"/>
    </row>
    <row r="24979" spans="2:12">
      <c r="B24979" s="367"/>
      <c r="C24979" s="360"/>
      <c r="D24979" s="367"/>
      <c r="E24979" s="367"/>
      <c r="F24979" s="367"/>
      <c r="G24979" s="367"/>
      <c r="H24979" s="360"/>
      <c r="I24979" s="367"/>
      <c r="J24979" s="365"/>
      <c r="K24979" s="365"/>
      <c r="L24979" s="367"/>
    </row>
    <row r="24980" spans="2:12" ht="85.5">
      <c r="B24980" s="368"/>
      <c r="C24980" s="361" t="s">
        <v>30893</v>
      </c>
      <c r="D24980" s="368"/>
      <c r="E24980" s="368"/>
      <c r="F24980" s="368"/>
      <c r="G24980" s="368"/>
      <c r="H24980" s="362"/>
      <c r="I24980" s="368"/>
      <c r="J24980" s="366"/>
      <c r="K24980" s="366"/>
      <c r="L24980" s="368"/>
    </row>
    <row r="24981" spans="2:12">
      <c r="B24981" s="358" t="s">
        <v>12277</v>
      </c>
      <c r="C24981" s="358" t="s">
        <v>26378</v>
      </c>
      <c r="D24981" s="358" t="s">
        <v>12278</v>
      </c>
      <c r="E24981" s="358" t="s">
        <v>12279</v>
      </c>
      <c r="F24981" s="358" t="s">
        <v>14376</v>
      </c>
      <c r="G24981" s="358" t="s">
        <v>14669</v>
      </c>
      <c r="H24981" s="358" t="s">
        <v>14381</v>
      </c>
      <c r="I24981" s="358" t="s">
        <v>14669</v>
      </c>
      <c r="J24981" s="358"/>
      <c r="K24981" s="358"/>
      <c r="L24981" s="358" t="s">
        <v>11463</v>
      </c>
    </row>
    <row r="24982" spans="2:12">
      <c r="B24982" s="367"/>
      <c r="C24982" s="360"/>
      <c r="D24982" s="367"/>
      <c r="E24982" s="367"/>
      <c r="F24982" s="367"/>
      <c r="G24982" s="367"/>
      <c r="H24982" s="360"/>
      <c r="I24982" s="367"/>
      <c r="J24982" s="365"/>
      <c r="K24982" s="365"/>
      <c r="L24982" s="367"/>
    </row>
    <row r="24983" spans="2:12">
      <c r="B24983" s="367"/>
      <c r="C24983" s="359" t="s">
        <v>29972</v>
      </c>
      <c r="D24983" s="367"/>
      <c r="E24983" s="367"/>
      <c r="F24983" s="367"/>
      <c r="G24983" s="367"/>
      <c r="H24983" s="359" t="s">
        <v>14332</v>
      </c>
      <c r="I24983" s="367"/>
      <c r="J24983" s="365"/>
      <c r="K24983" s="365"/>
      <c r="L24983" s="367"/>
    </row>
    <row r="24984" spans="2:12">
      <c r="B24984" s="367"/>
      <c r="C24984" s="360"/>
      <c r="D24984" s="367"/>
      <c r="E24984" s="367"/>
      <c r="F24984" s="367"/>
      <c r="G24984" s="367"/>
      <c r="H24984" s="360"/>
      <c r="I24984" s="367"/>
      <c r="J24984" s="365"/>
      <c r="K24984" s="365"/>
      <c r="L24984" s="367"/>
    </row>
    <row r="24985" spans="2:12" ht="142.5">
      <c r="B24985" s="368"/>
      <c r="C24985" s="361" t="s">
        <v>28309</v>
      </c>
      <c r="D24985" s="368"/>
      <c r="E24985" s="368"/>
      <c r="F24985" s="368"/>
      <c r="G24985" s="368"/>
      <c r="H24985" s="362"/>
      <c r="I24985" s="368"/>
      <c r="J24985" s="366"/>
      <c r="K24985" s="366"/>
      <c r="L24985" s="368"/>
    </row>
    <row r="24986" spans="2:12">
      <c r="B24986" s="358" t="s">
        <v>12281</v>
      </c>
      <c r="C24986" s="358" t="s">
        <v>26379</v>
      </c>
      <c r="D24986" s="358" t="s">
        <v>12282</v>
      </c>
      <c r="E24986" s="358" t="s">
        <v>12283</v>
      </c>
      <c r="F24986" s="358" t="s">
        <v>14376</v>
      </c>
      <c r="G24986" s="358" t="s">
        <v>14669</v>
      </c>
      <c r="H24986" s="358" t="s">
        <v>14381</v>
      </c>
      <c r="I24986" s="358" t="s">
        <v>14669</v>
      </c>
      <c r="J24986" s="358"/>
      <c r="K24986" s="358"/>
      <c r="L24986" s="358" t="s">
        <v>11463</v>
      </c>
    </row>
    <row r="24987" spans="2:12">
      <c r="B24987" s="367"/>
      <c r="C24987" s="360"/>
      <c r="D24987" s="367"/>
      <c r="E24987" s="367"/>
      <c r="F24987" s="367"/>
      <c r="G24987" s="367"/>
      <c r="H24987" s="360"/>
      <c r="I24987" s="367"/>
      <c r="J24987" s="365"/>
      <c r="K24987" s="365"/>
      <c r="L24987" s="367"/>
    </row>
    <row r="24988" spans="2:12">
      <c r="B24988" s="367"/>
      <c r="C24988" s="359" t="s">
        <v>29972</v>
      </c>
      <c r="D24988" s="367"/>
      <c r="E24988" s="367"/>
      <c r="F24988" s="367"/>
      <c r="G24988" s="367"/>
      <c r="H24988" s="359" t="s">
        <v>14332</v>
      </c>
      <c r="I24988" s="367"/>
      <c r="J24988" s="365"/>
      <c r="K24988" s="365"/>
      <c r="L24988" s="367"/>
    </row>
    <row r="24989" spans="2:12">
      <c r="B24989" s="367"/>
      <c r="C24989" s="360"/>
      <c r="D24989" s="367"/>
      <c r="E24989" s="367"/>
      <c r="F24989" s="367"/>
      <c r="G24989" s="367"/>
      <c r="H24989" s="360"/>
      <c r="I24989" s="367"/>
      <c r="J24989" s="365"/>
      <c r="K24989" s="365"/>
      <c r="L24989" s="367"/>
    </row>
    <row r="24990" spans="2:12" ht="142.5">
      <c r="B24990" s="368"/>
      <c r="C24990" s="361" t="s">
        <v>28310</v>
      </c>
      <c r="D24990" s="368"/>
      <c r="E24990" s="368"/>
      <c r="F24990" s="368"/>
      <c r="G24990" s="368"/>
      <c r="H24990" s="362"/>
      <c r="I24990" s="368"/>
      <c r="J24990" s="366"/>
      <c r="K24990" s="366"/>
      <c r="L24990" s="368"/>
    </row>
    <row r="24991" spans="2:12">
      <c r="B24991" s="358" t="s">
        <v>12285</v>
      </c>
      <c r="C24991" s="358" t="s">
        <v>26380</v>
      </c>
      <c r="D24991" s="358" t="s">
        <v>12286</v>
      </c>
      <c r="E24991" s="358" t="s">
        <v>12287</v>
      </c>
      <c r="F24991" s="358" t="s">
        <v>14376</v>
      </c>
      <c r="G24991" s="358" t="s">
        <v>14669</v>
      </c>
      <c r="H24991" s="358" t="s">
        <v>14381</v>
      </c>
      <c r="I24991" s="358" t="s">
        <v>14669</v>
      </c>
      <c r="J24991" s="358"/>
      <c r="K24991" s="358"/>
      <c r="L24991" s="358" t="s">
        <v>11463</v>
      </c>
    </row>
    <row r="24992" spans="2:12">
      <c r="B24992" s="367"/>
      <c r="C24992" s="360"/>
      <c r="D24992" s="367"/>
      <c r="E24992" s="367"/>
      <c r="F24992" s="367"/>
      <c r="G24992" s="367"/>
      <c r="H24992" s="360"/>
      <c r="I24992" s="367"/>
      <c r="J24992" s="365"/>
      <c r="K24992" s="365"/>
      <c r="L24992" s="367"/>
    </row>
    <row r="24993" spans="2:12">
      <c r="B24993" s="367"/>
      <c r="C24993" s="359" t="s">
        <v>29972</v>
      </c>
      <c r="D24993" s="367"/>
      <c r="E24993" s="367"/>
      <c r="F24993" s="367"/>
      <c r="G24993" s="367"/>
      <c r="H24993" s="359" t="s">
        <v>14332</v>
      </c>
      <c r="I24993" s="367"/>
      <c r="J24993" s="365"/>
      <c r="K24993" s="365"/>
      <c r="L24993" s="367"/>
    </row>
    <row r="24994" spans="2:12">
      <c r="B24994" s="367"/>
      <c r="C24994" s="360"/>
      <c r="D24994" s="367"/>
      <c r="E24994" s="367"/>
      <c r="F24994" s="367"/>
      <c r="G24994" s="367"/>
      <c r="H24994" s="360"/>
      <c r="I24994" s="367"/>
      <c r="J24994" s="365"/>
      <c r="K24994" s="365"/>
      <c r="L24994" s="367"/>
    </row>
    <row r="24995" spans="2:12" ht="99.75">
      <c r="B24995" s="368"/>
      <c r="C24995" s="361" t="s">
        <v>30894</v>
      </c>
      <c r="D24995" s="368"/>
      <c r="E24995" s="368"/>
      <c r="F24995" s="368"/>
      <c r="G24995" s="368"/>
      <c r="H24995" s="362"/>
      <c r="I24995" s="368"/>
      <c r="J24995" s="366"/>
      <c r="K24995" s="366"/>
      <c r="L24995" s="368"/>
    </row>
    <row r="24996" spans="2:12" ht="156.75">
      <c r="B24996" s="358" t="s">
        <v>12289</v>
      </c>
      <c r="C24996" s="358" t="s">
        <v>30895</v>
      </c>
      <c r="D24996" s="358" t="s">
        <v>12290</v>
      </c>
      <c r="E24996" s="358" t="s">
        <v>12291</v>
      </c>
      <c r="F24996" s="358" t="s">
        <v>14376</v>
      </c>
      <c r="G24996" s="358" t="s">
        <v>14669</v>
      </c>
      <c r="H24996" s="358" t="s">
        <v>14381</v>
      </c>
      <c r="I24996" s="358" t="s">
        <v>14669</v>
      </c>
      <c r="J24996" s="358"/>
      <c r="K24996" s="358"/>
      <c r="L24996" s="358" t="s">
        <v>11463</v>
      </c>
    </row>
    <row r="24997" spans="2:12">
      <c r="B24997" s="367"/>
      <c r="C24997" s="367"/>
      <c r="D24997" s="367"/>
      <c r="E24997" s="367"/>
      <c r="F24997" s="367"/>
      <c r="G24997" s="367"/>
      <c r="H24997" s="360"/>
      <c r="I24997" s="367"/>
      <c r="J24997" s="365"/>
      <c r="K24997" s="365"/>
      <c r="L24997" s="367"/>
    </row>
    <row r="24998" spans="2:12">
      <c r="B24998" s="368"/>
      <c r="C24998" s="368"/>
      <c r="D24998" s="368"/>
      <c r="E24998" s="368"/>
      <c r="F24998" s="368"/>
      <c r="G24998" s="368"/>
      <c r="H24998" s="361" t="s">
        <v>14332</v>
      </c>
      <c r="I24998" s="368"/>
      <c r="J24998" s="366"/>
      <c r="K24998" s="366"/>
      <c r="L24998" s="368"/>
    </row>
    <row r="24999" spans="2:12">
      <c r="B24999" s="358" t="s">
        <v>12293</v>
      </c>
      <c r="C24999" s="358" t="s">
        <v>26381</v>
      </c>
      <c r="D24999" s="358" t="s">
        <v>12294</v>
      </c>
      <c r="E24999" s="358" t="s">
        <v>12295</v>
      </c>
      <c r="F24999" s="358" t="s">
        <v>14376</v>
      </c>
      <c r="G24999" s="358" t="s">
        <v>14669</v>
      </c>
      <c r="H24999" s="358" t="s">
        <v>14381</v>
      </c>
      <c r="I24999" s="358" t="s">
        <v>14669</v>
      </c>
      <c r="J24999" s="358"/>
      <c r="K24999" s="358"/>
      <c r="L24999" s="358" t="s">
        <v>11463</v>
      </c>
    </row>
    <row r="25000" spans="2:12">
      <c r="B25000" s="367"/>
      <c r="C25000" s="360"/>
      <c r="D25000" s="367"/>
      <c r="E25000" s="367"/>
      <c r="F25000" s="367"/>
      <c r="G25000" s="367"/>
      <c r="H25000" s="360"/>
      <c r="I25000" s="367"/>
      <c r="J25000" s="365"/>
      <c r="K25000" s="365"/>
      <c r="L25000" s="367"/>
    </row>
    <row r="25001" spans="2:12">
      <c r="B25001" s="367"/>
      <c r="C25001" s="359" t="s">
        <v>29972</v>
      </c>
      <c r="D25001" s="367"/>
      <c r="E25001" s="367"/>
      <c r="F25001" s="367"/>
      <c r="G25001" s="367"/>
      <c r="H25001" s="359" t="s">
        <v>14332</v>
      </c>
      <c r="I25001" s="367"/>
      <c r="J25001" s="365"/>
      <c r="K25001" s="365"/>
      <c r="L25001" s="367"/>
    </row>
    <row r="25002" spans="2:12">
      <c r="B25002" s="367"/>
      <c r="C25002" s="360"/>
      <c r="D25002" s="367"/>
      <c r="E25002" s="367"/>
      <c r="F25002" s="367"/>
      <c r="G25002" s="367"/>
      <c r="H25002" s="360"/>
      <c r="I25002" s="367"/>
      <c r="J25002" s="365"/>
      <c r="K25002" s="365"/>
      <c r="L25002" s="367"/>
    </row>
    <row r="25003" spans="2:12" ht="140.25" customHeight="1">
      <c r="B25003" s="368"/>
      <c r="C25003" s="361" t="s">
        <v>30896</v>
      </c>
      <c r="D25003" s="368"/>
      <c r="E25003" s="368"/>
      <c r="F25003" s="368"/>
      <c r="G25003" s="368"/>
      <c r="H25003" s="362"/>
      <c r="I25003" s="368"/>
      <c r="J25003" s="366"/>
      <c r="K25003" s="366"/>
      <c r="L25003" s="368"/>
    </row>
    <row r="25004" spans="2:12" ht="28.5">
      <c r="B25004" s="358" t="s">
        <v>12297</v>
      </c>
      <c r="C25004" s="358" t="s">
        <v>29974</v>
      </c>
      <c r="D25004" s="358" t="s">
        <v>12298</v>
      </c>
      <c r="E25004" s="358" t="s">
        <v>12299</v>
      </c>
      <c r="F25004" s="358" t="s">
        <v>14376</v>
      </c>
      <c r="G25004" s="358" t="s">
        <v>14669</v>
      </c>
      <c r="H25004" s="358" t="s">
        <v>14381</v>
      </c>
      <c r="I25004" s="358" t="s">
        <v>14669</v>
      </c>
      <c r="J25004" s="358"/>
      <c r="K25004" s="358"/>
      <c r="L25004" s="358" t="s">
        <v>11463</v>
      </c>
    </row>
    <row r="25005" spans="2:12">
      <c r="B25005" s="367"/>
      <c r="C25005" s="360"/>
      <c r="D25005" s="367"/>
      <c r="E25005" s="367"/>
      <c r="F25005" s="367"/>
      <c r="G25005" s="367"/>
      <c r="H25005" s="360"/>
      <c r="I25005" s="367"/>
      <c r="J25005" s="365"/>
      <c r="K25005" s="365"/>
      <c r="L25005" s="367"/>
    </row>
    <row r="25006" spans="2:12" ht="99.75">
      <c r="B25006" s="368"/>
      <c r="C25006" s="361" t="s">
        <v>30897</v>
      </c>
      <c r="D25006" s="368"/>
      <c r="E25006" s="368"/>
      <c r="F25006" s="368"/>
      <c r="G25006" s="368"/>
      <c r="H25006" s="361" t="s">
        <v>14332</v>
      </c>
      <c r="I25006" s="368"/>
      <c r="J25006" s="366"/>
      <c r="K25006" s="366"/>
      <c r="L25006" s="368"/>
    </row>
    <row r="25007" spans="2:12" ht="28.5">
      <c r="B25007" s="358" t="s">
        <v>12301</v>
      </c>
      <c r="C25007" s="358" t="s">
        <v>29975</v>
      </c>
      <c r="D25007" s="358" t="s">
        <v>12302</v>
      </c>
      <c r="E25007" s="358" t="s">
        <v>12303</v>
      </c>
      <c r="F25007" s="358" t="s">
        <v>14376</v>
      </c>
      <c r="G25007" s="358" t="s">
        <v>14669</v>
      </c>
      <c r="H25007" s="358" t="s">
        <v>14381</v>
      </c>
      <c r="I25007" s="358" t="s">
        <v>14669</v>
      </c>
      <c r="J25007" s="358"/>
      <c r="K25007" s="358"/>
      <c r="L25007" s="358" t="s">
        <v>11463</v>
      </c>
    </row>
    <row r="25008" spans="2:12">
      <c r="B25008" s="367"/>
      <c r="C25008" s="360"/>
      <c r="D25008" s="367"/>
      <c r="E25008" s="367"/>
      <c r="F25008" s="367"/>
      <c r="G25008" s="367"/>
      <c r="H25008" s="360"/>
      <c r="I25008" s="367"/>
      <c r="J25008" s="365"/>
      <c r="K25008" s="365"/>
      <c r="L25008" s="367"/>
    </row>
    <row r="25009" spans="2:12" ht="99.75">
      <c r="B25009" s="368"/>
      <c r="C25009" s="361" t="s">
        <v>30898</v>
      </c>
      <c r="D25009" s="368"/>
      <c r="E25009" s="368"/>
      <c r="F25009" s="368"/>
      <c r="G25009" s="368"/>
      <c r="H25009" s="361" t="s">
        <v>14332</v>
      </c>
      <c r="I25009" s="368"/>
      <c r="J25009" s="366"/>
      <c r="K25009" s="366"/>
      <c r="L25009" s="368"/>
    </row>
    <row r="25010" spans="2:12" ht="28.5">
      <c r="B25010" s="358" t="s">
        <v>12305</v>
      </c>
      <c r="C25010" s="358" t="s">
        <v>29976</v>
      </c>
      <c r="D25010" s="358" t="s">
        <v>12306</v>
      </c>
      <c r="E25010" s="358" t="s">
        <v>12307</v>
      </c>
      <c r="F25010" s="358" t="s">
        <v>14376</v>
      </c>
      <c r="G25010" s="358" t="s">
        <v>14669</v>
      </c>
      <c r="H25010" s="358" t="s">
        <v>14381</v>
      </c>
      <c r="I25010" s="358" t="s">
        <v>14669</v>
      </c>
      <c r="J25010" s="358"/>
      <c r="K25010" s="358"/>
      <c r="L25010" s="358" t="s">
        <v>11463</v>
      </c>
    </row>
    <row r="25011" spans="2:12">
      <c r="B25011" s="367"/>
      <c r="C25011" s="360"/>
      <c r="D25011" s="367"/>
      <c r="E25011" s="367"/>
      <c r="F25011" s="367"/>
      <c r="G25011" s="367"/>
      <c r="H25011" s="360"/>
      <c r="I25011" s="367"/>
      <c r="J25011" s="365"/>
      <c r="K25011" s="365"/>
      <c r="L25011" s="367"/>
    </row>
    <row r="25012" spans="2:12" ht="99.75">
      <c r="B25012" s="368"/>
      <c r="C25012" s="361" t="s">
        <v>30899</v>
      </c>
      <c r="D25012" s="368"/>
      <c r="E25012" s="368"/>
      <c r="F25012" s="368"/>
      <c r="G25012" s="368"/>
      <c r="H25012" s="361" t="s">
        <v>14332</v>
      </c>
      <c r="I25012" s="368"/>
      <c r="J25012" s="366"/>
      <c r="K25012" s="366"/>
      <c r="L25012" s="368"/>
    </row>
    <row r="25013" spans="2:12" ht="28.5">
      <c r="B25013" s="358" t="s">
        <v>12309</v>
      </c>
      <c r="C25013" s="358" t="s">
        <v>29977</v>
      </c>
      <c r="D25013" s="358" t="s">
        <v>12310</v>
      </c>
      <c r="E25013" s="358" t="s">
        <v>12311</v>
      </c>
      <c r="F25013" s="358" t="s">
        <v>14376</v>
      </c>
      <c r="G25013" s="358" t="s">
        <v>14669</v>
      </c>
      <c r="H25013" s="358" t="s">
        <v>14381</v>
      </c>
      <c r="I25013" s="358" t="s">
        <v>14669</v>
      </c>
      <c r="J25013" s="358"/>
      <c r="K25013" s="358"/>
      <c r="L25013" s="358" t="s">
        <v>11463</v>
      </c>
    </row>
    <row r="25014" spans="2:12">
      <c r="B25014" s="367"/>
      <c r="C25014" s="360"/>
      <c r="D25014" s="367"/>
      <c r="E25014" s="367"/>
      <c r="F25014" s="367"/>
      <c r="G25014" s="367"/>
      <c r="H25014" s="360"/>
      <c r="I25014" s="367"/>
      <c r="J25014" s="365"/>
      <c r="K25014" s="365"/>
      <c r="L25014" s="367"/>
    </row>
    <row r="25015" spans="2:12" ht="114">
      <c r="B25015" s="368"/>
      <c r="C25015" s="361" t="s">
        <v>30900</v>
      </c>
      <c r="D25015" s="368"/>
      <c r="E25015" s="368"/>
      <c r="F25015" s="368"/>
      <c r="G25015" s="368"/>
      <c r="H25015" s="361" t="s">
        <v>14332</v>
      </c>
      <c r="I25015" s="368"/>
      <c r="J25015" s="366"/>
      <c r="K25015" s="366"/>
      <c r="L25015" s="368"/>
    </row>
    <row r="25016" spans="2:12" ht="28.5">
      <c r="B25016" s="358" t="s">
        <v>12313</v>
      </c>
      <c r="C25016" s="358" t="s">
        <v>26382</v>
      </c>
      <c r="D25016" s="358" t="s">
        <v>12314</v>
      </c>
      <c r="E25016" s="358" t="s">
        <v>12315</v>
      </c>
      <c r="F25016" s="358" t="s">
        <v>14376</v>
      </c>
      <c r="G25016" s="358" t="s">
        <v>14669</v>
      </c>
      <c r="H25016" s="358" t="s">
        <v>14381</v>
      </c>
      <c r="I25016" s="358" t="s">
        <v>14669</v>
      </c>
      <c r="J25016" s="358"/>
      <c r="K25016" s="358"/>
      <c r="L25016" s="358" t="s">
        <v>11463</v>
      </c>
    </row>
    <row r="25017" spans="2:12">
      <c r="B25017" s="367"/>
      <c r="C25017" s="360"/>
      <c r="D25017" s="367"/>
      <c r="E25017" s="367"/>
      <c r="F25017" s="367"/>
      <c r="G25017" s="367"/>
      <c r="H25017" s="360"/>
      <c r="I25017" s="367"/>
      <c r="J25017" s="365"/>
      <c r="K25017" s="365"/>
      <c r="L25017" s="367"/>
    </row>
    <row r="25018" spans="2:12">
      <c r="B25018" s="367"/>
      <c r="C25018" s="359" t="s">
        <v>29972</v>
      </c>
      <c r="D25018" s="367"/>
      <c r="E25018" s="367"/>
      <c r="F25018" s="367"/>
      <c r="G25018" s="367"/>
      <c r="H25018" s="359" t="s">
        <v>14332</v>
      </c>
      <c r="I25018" s="367"/>
      <c r="J25018" s="365"/>
      <c r="K25018" s="365"/>
      <c r="L25018" s="367"/>
    </row>
    <row r="25019" spans="2:12">
      <c r="B25019" s="367"/>
      <c r="C25019" s="360"/>
      <c r="D25019" s="367"/>
      <c r="E25019" s="367"/>
      <c r="F25019" s="367"/>
      <c r="G25019" s="367"/>
      <c r="H25019" s="360"/>
      <c r="I25019" s="367"/>
      <c r="J25019" s="365"/>
      <c r="K25019" s="365"/>
      <c r="L25019" s="367"/>
    </row>
    <row r="25020" spans="2:12" ht="99.75">
      <c r="B25020" s="368"/>
      <c r="C25020" s="361" t="s">
        <v>28311</v>
      </c>
      <c r="D25020" s="368"/>
      <c r="E25020" s="368"/>
      <c r="F25020" s="368"/>
      <c r="G25020" s="368"/>
      <c r="H25020" s="362"/>
      <c r="I25020" s="368"/>
      <c r="J25020" s="366"/>
      <c r="K25020" s="366"/>
      <c r="L25020" s="368"/>
    </row>
    <row r="25021" spans="2:12">
      <c r="B25021" s="358" t="s">
        <v>12317</v>
      </c>
      <c r="C25021" s="358" t="s">
        <v>26383</v>
      </c>
      <c r="D25021" s="358" t="s">
        <v>12318</v>
      </c>
      <c r="E25021" s="358" t="s">
        <v>12319</v>
      </c>
      <c r="F25021" s="358" t="s">
        <v>14376</v>
      </c>
      <c r="G25021" s="358" t="s">
        <v>14669</v>
      </c>
      <c r="H25021" s="358" t="s">
        <v>14381</v>
      </c>
      <c r="I25021" s="358" t="s">
        <v>14669</v>
      </c>
      <c r="J25021" s="358"/>
      <c r="K25021" s="358"/>
      <c r="L25021" s="358" t="s">
        <v>11463</v>
      </c>
    </row>
    <row r="25022" spans="2:12">
      <c r="B25022" s="367"/>
      <c r="C25022" s="360"/>
      <c r="D25022" s="367"/>
      <c r="E25022" s="367"/>
      <c r="F25022" s="367"/>
      <c r="G25022" s="367"/>
      <c r="H25022" s="360"/>
      <c r="I25022" s="367"/>
      <c r="J25022" s="365"/>
      <c r="K25022" s="365"/>
      <c r="L25022" s="367"/>
    </row>
    <row r="25023" spans="2:12">
      <c r="B25023" s="367"/>
      <c r="C25023" s="359" t="s">
        <v>29972</v>
      </c>
      <c r="D25023" s="367"/>
      <c r="E25023" s="367"/>
      <c r="F25023" s="367"/>
      <c r="G25023" s="367"/>
      <c r="H25023" s="359" t="s">
        <v>14332</v>
      </c>
      <c r="I25023" s="367"/>
      <c r="J25023" s="365"/>
      <c r="K25023" s="365"/>
      <c r="L25023" s="367"/>
    </row>
    <row r="25024" spans="2:12">
      <c r="B25024" s="367"/>
      <c r="C25024" s="360"/>
      <c r="D25024" s="367"/>
      <c r="E25024" s="367"/>
      <c r="F25024" s="367"/>
      <c r="G25024" s="367"/>
      <c r="H25024" s="360"/>
      <c r="I25024" s="367"/>
      <c r="J25024" s="365"/>
      <c r="K25024" s="365"/>
      <c r="L25024" s="367"/>
    </row>
    <row r="25025" spans="2:12" ht="83.25" customHeight="1">
      <c r="B25025" s="368"/>
      <c r="C25025" s="361" t="s">
        <v>28312</v>
      </c>
      <c r="D25025" s="368"/>
      <c r="E25025" s="368"/>
      <c r="F25025" s="368"/>
      <c r="G25025" s="368"/>
      <c r="H25025" s="362"/>
      <c r="I25025" s="368"/>
      <c r="J25025" s="366"/>
      <c r="K25025" s="366"/>
      <c r="L25025" s="368"/>
    </row>
    <row r="25026" spans="2:12">
      <c r="B25026" s="358" t="s">
        <v>12321</v>
      </c>
      <c r="C25026" s="358" t="s">
        <v>26384</v>
      </c>
      <c r="D25026" s="358" t="s">
        <v>12322</v>
      </c>
      <c r="E25026" s="358" t="s">
        <v>12323</v>
      </c>
      <c r="F25026" s="358" t="s">
        <v>14376</v>
      </c>
      <c r="G25026" s="358" t="s">
        <v>14669</v>
      </c>
      <c r="H25026" s="358" t="s">
        <v>14381</v>
      </c>
      <c r="I25026" s="358" t="s">
        <v>14669</v>
      </c>
      <c r="J25026" s="358"/>
      <c r="K25026" s="358"/>
      <c r="L25026" s="358" t="s">
        <v>11463</v>
      </c>
    </row>
    <row r="25027" spans="2:12">
      <c r="B25027" s="367"/>
      <c r="C25027" s="360"/>
      <c r="D25027" s="367"/>
      <c r="E25027" s="367"/>
      <c r="F25027" s="367"/>
      <c r="G25027" s="367"/>
      <c r="H25027" s="360"/>
      <c r="I25027" s="367"/>
      <c r="J25027" s="365"/>
      <c r="K25027" s="365"/>
      <c r="L25027" s="367"/>
    </row>
    <row r="25028" spans="2:12">
      <c r="B25028" s="367"/>
      <c r="C25028" s="359" t="s">
        <v>29972</v>
      </c>
      <c r="D25028" s="367"/>
      <c r="E25028" s="367"/>
      <c r="F25028" s="367"/>
      <c r="G25028" s="367"/>
      <c r="H25028" s="359" t="s">
        <v>14332</v>
      </c>
      <c r="I25028" s="367"/>
      <c r="J25028" s="365"/>
      <c r="K25028" s="365"/>
      <c r="L25028" s="367"/>
    </row>
    <row r="25029" spans="2:12">
      <c r="B25029" s="367"/>
      <c r="C25029" s="360"/>
      <c r="D25029" s="367"/>
      <c r="E25029" s="367"/>
      <c r="F25029" s="367"/>
      <c r="G25029" s="367"/>
      <c r="H25029" s="360"/>
      <c r="I25029" s="367"/>
      <c r="J25029" s="365"/>
      <c r="K25029" s="365"/>
      <c r="L25029" s="367"/>
    </row>
    <row r="25030" spans="2:12" ht="85.5">
      <c r="B25030" s="368"/>
      <c r="C25030" s="361" t="s">
        <v>30901</v>
      </c>
      <c r="D25030" s="368"/>
      <c r="E25030" s="368"/>
      <c r="F25030" s="368"/>
      <c r="G25030" s="368"/>
      <c r="H25030" s="362"/>
      <c r="I25030" s="368"/>
      <c r="J25030" s="366"/>
      <c r="K25030" s="366"/>
      <c r="L25030" s="368"/>
    </row>
    <row r="25031" spans="2:12" ht="28.5">
      <c r="B25031" s="358" t="s">
        <v>12325</v>
      </c>
      <c r="C25031" s="358" t="s">
        <v>29978</v>
      </c>
      <c r="D25031" s="358" t="s">
        <v>12326</v>
      </c>
      <c r="E25031" s="358" t="s">
        <v>12327</v>
      </c>
      <c r="F25031" s="358" t="s">
        <v>14376</v>
      </c>
      <c r="G25031" s="358" t="s">
        <v>14669</v>
      </c>
      <c r="H25031" s="358" t="s">
        <v>14381</v>
      </c>
      <c r="I25031" s="358" t="s">
        <v>14669</v>
      </c>
      <c r="J25031" s="358"/>
      <c r="K25031" s="358"/>
      <c r="L25031" s="358" t="s">
        <v>11463</v>
      </c>
    </row>
    <row r="25032" spans="2:12">
      <c r="B25032" s="367"/>
      <c r="C25032" s="360"/>
      <c r="D25032" s="367"/>
      <c r="E25032" s="367"/>
      <c r="F25032" s="367"/>
      <c r="G25032" s="367"/>
      <c r="H25032" s="360"/>
      <c r="I25032" s="367"/>
      <c r="J25032" s="365"/>
      <c r="K25032" s="365"/>
      <c r="L25032" s="367"/>
    </row>
    <row r="25033" spans="2:12" ht="99.75">
      <c r="B25033" s="368"/>
      <c r="C25033" s="361" t="s">
        <v>30902</v>
      </c>
      <c r="D25033" s="368"/>
      <c r="E25033" s="368"/>
      <c r="F25033" s="368"/>
      <c r="G25033" s="368"/>
      <c r="H25033" s="361" t="s">
        <v>14332</v>
      </c>
      <c r="I25033" s="368"/>
      <c r="J25033" s="366"/>
      <c r="K25033" s="366"/>
      <c r="L25033" s="368"/>
    </row>
    <row r="25034" spans="2:12" ht="28.5">
      <c r="B25034" s="358" t="s">
        <v>12329</v>
      </c>
      <c r="C25034" s="358" t="s">
        <v>29979</v>
      </c>
      <c r="D25034" s="358" t="s">
        <v>12330</v>
      </c>
      <c r="E25034" s="358" t="s">
        <v>12331</v>
      </c>
      <c r="F25034" s="358" t="s">
        <v>14376</v>
      </c>
      <c r="G25034" s="358" t="s">
        <v>14669</v>
      </c>
      <c r="H25034" s="358" t="s">
        <v>14381</v>
      </c>
      <c r="I25034" s="358" t="s">
        <v>14669</v>
      </c>
      <c r="J25034" s="358"/>
      <c r="K25034" s="358"/>
      <c r="L25034" s="358" t="s">
        <v>11463</v>
      </c>
    </row>
    <row r="25035" spans="2:12">
      <c r="B25035" s="367"/>
      <c r="C25035" s="360"/>
      <c r="D25035" s="367"/>
      <c r="E25035" s="367"/>
      <c r="F25035" s="367"/>
      <c r="G25035" s="367"/>
      <c r="H25035" s="360"/>
      <c r="I25035" s="367"/>
      <c r="J25035" s="365"/>
      <c r="K25035" s="365"/>
      <c r="L25035" s="367"/>
    </row>
    <row r="25036" spans="2:12" ht="99.75">
      <c r="B25036" s="368"/>
      <c r="C25036" s="361" t="s">
        <v>28313</v>
      </c>
      <c r="D25036" s="368"/>
      <c r="E25036" s="368"/>
      <c r="F25036" s="368"/>
      <c r="G25036" s="368"/>
      <c r="H25036" s="361" t="s">
        <v>14332</v>
      </c>
      <c r="I25036" s="368"/>
      <c r="J25036" s="366"/>
      <c r="K25036" s="366"/>
      <c r="L25036" s="368"/>
    </row>
    <row r="25037" spans="2:12" ht="28.5">
      <c r="B25037" s="358" t="s">
        <v>12333</v>
      </c>
      <c r="C25037" s="358" t="s">
        <v>29980</v>
      </c>
      <c r="D25037" s="358" t="s">
        <v>12334</v>
      </c>
      <c r="E25037" s="358" t="s">
        <v>12335</v>
      </c>
      <c r="F25037" s="358" t="s">
        <v>14376</v>
      </c>
      <c r="G25037" s="358" t="s">
        <v>14669</v>
      </c>
      <c r="H25037" s="358" t="s">
        <v>14381</v>
      </c>
      <c r="I25037" s="358" t="s">
        <v>14669</v>
      </c>
      <c r="J25037" s="358"/>
      <c r="K25037" s="358"/>
      <c r="L25037" s="358" t="s">
        <v>11463</v>
      </c>
    </row>
    <row r="25038" spans="2:12">
      <c r="B25038" s="367"/>
      <c r="C25038" s="360"/>
      <c r="D25038" s="367"/>
      <c r="E25038" s="367"/>
      <c r="F25038" s="367"/>
      <c r="G25038" s="367"/>
      <c r="H25038" s="360"/>
      <c r="I25038" s="367"/>
      <c r="J25038" s="365"/>
      <c r="K25038" s="365"/>
      <c r="L25038" s="367"/>
    </row>
    <row r="25039" spans="2:12" ht="99.75">
      <c r="B25039" s="368"/>
      <c r="C25039" s="361" t="s">
        <v>28314</v>
      </c>
      <c r="D25039" s="368"/>
      <c r="E25039" s="368"/>
      <c r="F25039" s="368"/>
      <c r="G25039" s="368"/>
      <c r="H25039" s="361" t="s">
        <v>14332</v>
      </c>
      <c r="I25039" s="368"/>
      <c r="J25039" s="366"/>
      <c r="K25039" s="366"/>
      <c r="L25039" s="368"/>
    </row>
    <row r="25040" spans="2:12">
      <c r="B25040" s="358" t="s">
        <v>12337</v>
      </c>
      <c r="C25040" s="358" t="s">
        <v>26385</v>
      </c>
      <c r="D25040" s="358" t="s">
        <v>12338</v>
      </c>
      <c r="E25040" s="358" t="s">
        <v>12339</v>
      </c>
      <c r="F25040" s="358" t="s">
        <v>14376</v>
      </c>
      <c r="G25040" s="358" t="s">
        <v>14669</v>
      </c>
      <c r="H25040" s="358" t="s">
        <v>14381</v>
      </c>
      <c r="I25040" s="358" t="s">
        <v>14669</v>
      </c>
      <c r="J25040" s="358"/>
      <c r="K25040" s="358"/>
      <c r="L25040" s="358" t="s">
        <v>11463</v>
      </c>
    </row>
    <row r="25041" spans="2:12">
      <c r="B25041" s="367"/>
      <c r="C25041" s="360"/>
      <c r="D25041" s="367"/>
      <c r="E25041" s="367"/>
      <c r="F25041" s="367"/>
      <c r="G25041" s="367"/>
      <c r="H25041" s="360"/>
      <c r="I25041" s="367"/>
      <c r="J25041" s="365"/>
      <c r="K25041" s="365"/>
      <c r="L25041" s="367"/>
    </row>
    <row r="25042" spans="2:12">
      <c r="B25042" s="367"/>
      <c r="C25042" s="359" t="s">
        <v>29972</v>
      </c>
      <c r="D25042" s="367"/>
      <c r="E25042" s="367"/>
      <c r="F25042" s="367"/>
      <c r="G25042" s="367"/>
      <c r="H25042" s="359" t="s">
        <v>14332</v>
      </c>
      <c r="I25042" s="367"/>
      <c r="J25042" s="365"/>
      <c r="K25042" s="365"/>
      <c r="L25042" s="367"/>
    </row>
    <row r="25043" spans="2:12">
      <c r="B25043" s="367"/>
      <c r="C25043" s="360"/>
      <c r="D25043" s="367"/>
      <c r="E25043" s="367"/>
      <c r="F25043" s="367"/>
      <c r="G25043" s="367"/>
      <c r="H25043" s="360"/>
      <c r="I25043" s="367"/>
      <c r="J25043" s="365"/>
      <c r="K25043" s="365"/>
      <c r="L25043" s="367"/>
    </row>
    <row r="25044" spans="2:12" ht="99.75">
      <c r="B25044" s="368"/>
      <c r="C25044" s="361" t="s">
        <v>28315</v>
      </c>
      <c r="D25044" s="368"/>
      <c r="E25044" s="368"/>
      <c r="F25044" s="368"/>
      <c r="G25044" s="368"/>
      <c r="H25044" s="362"/>
      <c r="I25044" s="368"/>
      <c r="J25044" s="366"/>
      <c r="K25044" s="366"/>
      <c r="L25044" s="368"/>
    </row>
    <row r="25045" spans="2:12">
      <c r="B25045" s="358" t="s">
        <v>12341</v>
      </c>
      <c r="C25045" s="358" t="s">
        <v>26386</v>
      </c>
      <c r="D25045" s="358" t="s">
        <v>12342</v>
      </c>
      <c r="E25045" s="358" t="s">
        <v>12343</v>
      </c>
      <c r="F25045" s="358" t="s">
        <v>14376</v>
      </c>
      <c r="G25045" s="358" t="s">
        <v>14669</v>
      </c>
      <c r="H25045" s="358" t="s">
        <v>14381</v>
      </c>
      <c r="I25045" s="358" t="s">
        <v>14669</v>
      </c>
      <c r="J25045" s="358"/>
      <c r="K25045" s="358"/>
      <c r="L25045" s="358" t="s">
        <v>11463</v>
      </c>
    </row>
    <row r="25046" spans="2:12">
      <c r="B25046" s="367"/>
      <c r="C25046" s="360"/>
      <c r="D25046" s="367"/>
      <c r="E25046" s="367"/>
      <c r="F25046" s="367"/>
      <c r="G25046" s="367"/>
      <c r="H25046" s="360"/>
      <c r="I25046" s="367"/>
      <c r="J25046" s="365"/>
      <c r="K25046" s="365"/>
      <c r="L25046" s="367"/>
    </row>
    <row r="25047" spans="2:12">
      <c r="B25047" s="367"/>
      <c r="C25047" s="359" t="s">
        <v>29972</v>
      </c>
      <c r="D25047" s="367"/>
      <c r="E25047" s="367"/>
      <c r="F25047" s="367"/>
      <c r="G25047" s="367"/>
      <c r="H25047" s="359" t="s">
        <v>14332</v>
      </c>
      <c r="I25047" s="367"/>
      <c r="J25047" s="365"/>
      <c r="K25047" s="365"/>
      <c r="L25047" s="367"/>
    </row>
    <row r="25048" spans="2:12">
      <c r="B25048" s="367"/>
      <c r="C25048" s="360"/>
      <c r="D25048" s="367"/>
      <c r="E25048" s="367"/>
      <c r="F25048" s="367"/>
      <c r="G25048" s="367"/>
      <c r="H25048" s="360"/>
      <c r="I25048" s="367"/>
      <c r="J25048" s="365"/>
      <c r="K25048" s="365"/>
      <c r="L25048" s="367"/>
    </row>
    <row r="25049" spans="2:12" ht="85.5">
      <c r="B25049" s="368"/>
      <c r="C25049" s="361" t="s">
        <v>28316</v>
      </c>
      <c r="D25049" s="368"/>
      <c r="E25049" s="368"/>
      <c r="F25049" s="368"/>
      <c r="G25049" s="368"/>
      <c r="H25049" s="362"/>
      <c r="I25049" s="368"/>
      <c r="J25049" s="366"/>
      <c r="K25049" s="366"/>
      <c r="L25049" s="368"/>
    </row>
    <row r="25050" spans="2:12">
      <c r="B25050" s="358" t="s">
        <v>12345</v>
      </c>
      <c r="C25050" s="358" t="s">
        <v>26387</v>
      </c>
      <c r="D25050" s="358" t="s">
        <v>12346</v>
      </c>
      <c r="E25050" s="358" t="s">
        <v>12347</v>
      </c>
      <c r="F25050" s="358" t="s">
        <v>14376</v>
      </c>
      <c r="G25050" s="358" t="s">
        <v>14669</v>
      </c>
      <c r="H25050" s="358" t="s">
        <v>14381</v>
      </c>
      <c r="I25050" s="358" t="s">
        <v>14669</v>
      </c>
      <c r="J25050" s="358"/>
      <c r="K25050" s="358"/>
      <c r="L25050" s="358" t="s">
        <v>11463</v>
      </c>
    </row>
    <row r="25051" spans="2:12">
      <c r="B25051" s="367"/>
      <c r="C25051" s="360"/>
      <c r="D25051" s="367"/>
      <c r="E25051" s="367"/>
      <c r="F25051" s="367"/>
      <c r="G25051" s="367"/>
      <c r="H25051" s="360"/>
      <c r="I25051" s="367"/>
      <c r="J25051" s="365"/>
      <c r="K25051" s="365"/>
      <c r="L25051" s="367"/>
    </row>
    <row r="25052" spans="2:12">
      <c r="B25052" s="367"/>
      <c r="C25052" s="359" t="s">
        <v>29972</v>
      </c>
      <c r="D25052" s="367"/>
      <c r="E25052" s="367"/>
      <c r="F25052" s="367"/>
      <c r="G25052" s="367"/>
      <c r="H25052" s="359" t="s">
        <v>14332</v>
      </c>
      <c r="I25052" s="367"/>
      <c r="J25052" s="365"/>
      <c r="K25052" s="365"/>
      <c r="L25052" s="367"/>
    </row>
    <row r="25053" spans="2:12">
      <c r="B25053" s="367"/>
      <c r="C25053" s="360"/>
      <c r="D25053" s="367"/>
      <c r="E25053" s="367"/>
      <c r="F25053" s="367"/>
      <c r="G25053" s="367"/>
      <c r="H25053" s="360"/>
      <c r="I25053" s="367"/>
      <c r="J25053" s="365"/>
      <c r="K25053" s="365"/>
      <c r="L25053" s="367"/>
    </row>
    <row r="25054" spans="2:12" ht="85.5">
      <c r="B25054" s="368"/>
      <c r="C25054" s="361" t="s">
        <v>28317</v>
      </c>
      <c r="D25054" s="368"/>
      <c r="E25054" s="368"/>
      <c r="F25054" s="368"/>
      <c r="G25054" s="368"/>
      <c r="H25054" s="362"/>
      <c r="I25054" s="368"/>
      <c r="J25054" s="366"/>
      <c r="K25054" s="366"/>
      <c r="L25054" s="368"/>
    </row>
    <row r="25055" spans="2:12">
      <c r="B25055" s="358" t="s">
        <v>12349</v>
      </c>
      <c r="C25055" s="358" t="s">
        <v>26388</v>
      </c>
      <c r="D25055" s="358" t="s">
        <v>12350</v>
      </c>
      <c r="E25055" s="358" t="s">
        <v>12351</v>
      </c>
      <c r="F25055" s="358" t="s">
        <v>14376</v>
      </c>
      <c r="G25055" s="358" t="s">
        <v>14669</v>
      </c>
      <c r="H25055" s="358" t="s">
        <v>14381</v>
      </c>
      <c r="I25055" s="358" t="s">
        <v>14669</v>
      </c>
      <c r="J25055" s="358"/>
      <c r="K25055" s="358"/>
      <c r="L25055" s="358" t="s">
        <v>11463</v>
      </c>
    </row>
    <row r="25056" spans="2:12">
      <c r="B25056" s="367"/>
      <c r="C25056" s="360"/>
      <c r="D25056" s="367"/>
      <c r="E25056" s="367"/>
      <c r="F25056" s="367"/>
      <c r="G25056" s="367"/>
      <c r="H25056" s="360"/>
      <c r="I25056" s="367"/>
      <c r="J25056" s="365"/>
      <c r="K25056" s="365"/>
      <c r="L25056" s="367"/>
    </row>
    <row r="25057" spans="2:12">
      <c r="B25057" s="367"/>
      <c r="C25057" s="359" t="s">
        <v>29972</v>
      </c>
      <c r="D25057" s="367"/>
      <c r="E25057" s="367"/>
      <c r="F25057" s="367"/>
      <c r="G25057" s="367"/>
      <c r="H25057" s="359" t="s">
        <v>14332</v>
      </c>
      <c r="I25057" s="367"/>
      <c r="J25057" s="365"/>
      <c r="K25057" s="365"/>
      <c r="L25057" s="367"/>
    </row>
    <row r="25058" spans="2:12">
      <c r="B25058" s="367"/>
      <c r="C25058" s="360"/>
      <c r="D25058" s="367"/>
      <c r="E25058" s="367"/>
      <c r="F25058" s="367"/>
      <c r="G25058" s="367"/>
      <c r="H25058" s="360"/>
      <c r="I25058" s="367"/>
      <c r="J25058" s="365"/>
      <c r="K25058" s="365"/>
      <c r="L25058" s="367"/>
    </row>
    <row r="25059" spans="2:12" ht="85.5">
      <c r="B25059" s="368"/>
      <c r="C25059" s="361" t="s">
        <v>28318</v>
      </c>
      <c r="D25059" s="368"/>
      <c r="E25059" s="368"/>
      <c r="F25059" s="368"/>
      <c r="G25059" s="368"/>
      <c r="H25059" s="362"/>
      <c r="I25059" s="368"/>
      <c r="J25059" s="366"/>
      <c r="K25059" s="366"/>
      <c r="L25059" s="368"/>
    </row>
    <row r="25060" spans="2:12">
      <c r="B25060" s="358" t="s">
        <v>12353</v>
      </c>
      <c r="C25060" s="358" t="s">
        <v>26389</v>
      </c>
      <c r="D25060" s="358" t="s">
        <v>12354</v>
      </c>
      <c r="E25060" s="358" t="s">
        <v>12355</v>
      </c>
      <c r="F25060" s="358" t="s">
        <v>14376</v>
      </c>
      <c r="G25060" s="358" t="s">
        <v>14669</v>
      </c>
      <c r="H25060" s="358" t="s">
        <v>14381</v>
      </c>
      <c r="I25060" s="358" t="s">
        <v>14669</v>
      </c>
      <c r="J25060" s="358"/>
      <c r="K25060" s="358"/>
      <c r="L25060" s="358" t="s">
        <v>11463</v>
      </c>
    </row>
    <row r="25061" spans="2:12">
      <c r="B25061" s="367"/>
      <c r="C25061" s="360"/>
      <c r="D25061" s="367"/>
      <c r="E25061" s="367"/>
      <c r="F25061" s="367"/>
      <c r="G25061" s="367"/>
      <c r="H25061" s="360"/>
      <c r="I25061" s="367"/>
      <c r="J25061" s="365"/>
      <c r="K25061" s="365"/>
      <c r="L25061" s="367"/>
    </row>
    <row r="25062" spans="2:12">
      <c r="B25062" s="367"/>
      <c r="C25062" s="359" t="s">
        <v>29972</v>
      </c>
      <c r="D25062" s="367"/>
      <c r="E25062" s="367"/>
      <c r="F25062" s="367"/>
      <c r="G25062" s="367"/>
      <c r="H25062" s="359" t="s">
        <v>14332</v>
      </c>
      <c r="I25062" s="367"/>
      <c r="J25062" s="365"/>
      <c r="K25062" s="365"/>
      <c r="L25062" s="367"/>
    </row>
    <row r="25063" spans="2:12">
      <c r="B25063" s="367"/>
      <c r="C25063" s="360"/>
      <c r="D25063" s="367"/>
      <c r="E25063" s="367"/>
      <c r="F25063" s="367"/>
      <c r="G25063" s="367"/>
      <c r="H25063" s="360"/>
      <c r="I25063" s="367"/>
      <c r="J25063" s="365"/>
      <c r="K25063" s="365"/>
      <c r="L25063" s="367"/>
    </row>
    <row r="25064" spans="2:12" ht="28.5">
      <c r="B25064" s="367"/>
      <c r="C25064" s="359" t="s">
        <v>29981</v>
      </c>
      <c r="D25064" s="367"/>
      <c r="E25064" s="367"/>
      <c r="F25064" s="367"/>
      <c r="G25064" s="367"/>
      <c r="H25064" s="360"/>
      <c r="I25064" s="367"/>
      <c r="J25064" s="365"/>
      <c r="K25064" s="365"/>
      <c r="L25064" s="367"/>
    </row>
    <row r="25065" spans="2:12">
      <c r="B25065" s="367"/>
      <c r="C25065" s="360"/>
      <c r="D25065" s="367"/>
      <c r="E25065" s="367"/>
      <c r="F25065" s="367"/>
      <c r="G25065" s="367"/>
      <c r="H25065" s="360"/>
      <c r="I25065" s="367"/>
      <c r="J25065" s="365"/>
      <c r="K25065" s="365"/>
      <c r="L25065" s="367"/>
    </row>
    <row r="25066" spans="2:12" ht="85.5">
      <c r="B25066" s="368"/>
      <c r="C25066" s="361" t="s">
        <v>30903</v>
      </c>
      <c r="D25066" s="368"/>
      <c r="E25066" s="368"/>
      <c r="F25066" s="368"/>
      <c r="G25066" s="368"/>
      <c r="H25066" s="362"/>
      <c r="I25066" s="368"/>
      <c r="J25066" s="366"/>
      <c r="K25066" s="366"/>
      <c r="L25066" s="368"/>
    </row>
    <row r="25067" spans="2:12">
      <c r="B25067" s="358" t="s">
        <v>12357</v>
      </c>
      <c r="C25067" s="358" t="s">
        <v>26390</v>
      </c>
      <c r="D25067" s="358" t="s">
        <v>12358</v>
      </c>
      <c r="E25067" s="358" t="s">
        <v>12359</v>
      </c>
      <c r="F25067" s="358" t="s">
        <v>14376</v>
      </c>
      <c r="G25067" s="358" t="s">
        <v>14669</v>
      </c>
      <c r="H25067" s="358" t="s">
        <v>14381</v>
      </c>
      <c r="I25067" s="358" t="s">
        <v>14669</v>
      </c>
      <c r="J25067" s="358"/>
      <c r="K25067" s="358"/>
      <c r="L25067" s="358" t="s">
        <v>11463</v>
      </c>
    </row>
    <row r="25068" spans="2:12">
      <c r="B25068" s="367"/>
      <c r="C25068" s="360"/>
      <c r="D25068" s="367"/>
      <c r="E25068" s="367"/>
      <c r="F25068" s="367"/>
      <c r="G25068" s="367"/>
      <c r="H25068" s="360"/>
      <c r="I25068" s="367"/>
      <c r="J25068" s="365"/>
      <c r="K25068" s="365"/>
      <c r="L25068" s="367"/>
    </row>
    <row r="25069" spans="2:12">
      <c r="B25069" s="367"/>
      <c r="C25069" s="359" t="s">
        <v>29972</v>
      </c>
      <c r="D25069" s="367"/>
      <c r="E25069" s="367"/>
      <c r="F25069" s="367"/>
      <c r="G25069" s="367"/>
      <c r="H25069" s="359" t="s">
        <v>14332</v>
      </c>
      <c r="I25069" s="367"/>
      <c r="J25069" s="365"/>
      <c r="K25069" s="365"/>
      <c r="L25069" s="367"/>
    </row>
    <row r="25070" spans="2:12">
      <c r="B25070" s="367"/>
      <c r="C25070" s="360"/>
      <c r="D25070" s="367"/>
      <c r="E25070" s="367"/>
      <c r="F25070" s="367"/>
      <c r="G25070" s="367"/>
      <c r="H25070" s="360"/>
      <c r="I25070" s="367"/>
      <c r="J25070" s="365"/>
      <c r="K25070" s="365"/>
      <c r="L25070" s="367"/>
    </row>
    <row r="25071" spans="2:12" ht="99" customHeight="1">
      <c r="B25071" s="368"/>
      <c r="C25071" s="361" t="s">
        <v>28319</v>
      </c>
      <c r="D25071" s="368"/>
      <c r="E25071" s="368"/>
      <c r="F25071" s="368"/>
      <c r="G25071" s="368"/>
      <c r="H25071" s="362"/>
      <c r="I25071" s="368"/>
      <c r="J25071" s="366"/>
      <c r="K25071" s="366"/>
      <c r="L25071" s="368"/>
    </row>
    <row r="25072" spans="2:12" ht="28.5">
      <c r="B25072" s="358" t="s">
        <v>12360</v>
      </c>
      <c r="C25072" s="358" t="s">
        <v>28320</v>
      </c>
      <c r="D25072" s="358" t="s">
        <v>12361</v>
      </c>
      <c r="E25072" s="358" t="s">
        <v>12362</v>
      </c>
      <c r="F25072" s="358" t="s">
        <v>14376</v>
      </c>
      <c r="G25072" s="358" t="s">
        <v>14669</v>
      </c>
      <c r="H25072" s="358" t="s">
        <v>14381</v>
      </c>
      <c r="I25072" s="358" t="s">
        <v>14669</v>
      </c>
      <c r="J25072" s="358"/>
      <c r="K25072" s="358"/>
      <c r="L25072" s="358" t="s">
        <v>11463</v>
      </c>
    </row>
    <row r="25073" spans="2:12">
      <c r="B25073" s="367"/>
      <c r="C25073" s="360"/>
      <c r="D25073" s="367"/>
      <c r="E25073" s="367"/>
      <c r="F25073" s="367"/>
      <c r="G25073" s="367"/>
      <c r="H25073" s="360"/>
      <c r="I25073" s="367"/>
      <c r="J25073" s="365"/>
      <c r="K25073" s="365"/>
      <c r="L25073" s="367"/>
    </row>
    <row r="25074" spans="2:12">
      <c r="B25074" s="367"/>
      <c r="C25074" s="359" t="s">
        <v>29972</v>
      </c>
      <c r="D25074" s="367"/>
      <c r="E25074" s="367"/>
      <c r="F25074" s="367"/>
      <c r="G25074" s="367"/>
      <c r="H25074" s="359" t="s">
        <v>14332</v>
      </c>
      <c r="I25074" s="367"/>
      <c r="J25074" s="365"/>
      <c r="K25074" s="365"/>
      <c r="L25074" s="367"/>
    </row>
    <row r="25075" spans="2:12">
      <c r="B25075" s="367"/>
      <c r="C25075" s="360"/>
      <c r="D25075" s="367"/>
      <c r="E25075" s="367"/>
      <c r="F25075" s="367"/>
      <c r="G25075" s="367"/>
      <c r="H25075" s="360"/>
      <c r="I25075" s="367"/>
      <c r="J25075" s="365"/>
      <c r="K25075" s="365"/>
      <c r="L25075" s="367"/>
    </row>
    <row r="25076" spans="2:12" ht="42.75">
      <c r="B25076" s="367"/>
      <c r="C25076" s="359" t="s">
        <v>29982</v>
      </c>
      <c r="D25076" s="367"/>
      <c r="E25076" s="367"/>
      <c r="F25076" s="367"/>
      <c r="G25076" s="367"/>
      <c r="H25076" s="360"/>
      <c r="I25076" s="367"/>
      <c r="J25076" s="365"/>
      <c r="K25076" s="365"/>
      <c r="L25076" s="367"/>
    </row>
    <row r="25077" spans="2:12">
      <c r="B25077" s="367"/>
      <c r="C25077" s="360"/>
      <c r="D25077" s="367"/>
      <c r="E25077" s="367"/>
      <c r="F25077" s="367"/>
      <c r="G25077" s="367"/>
      <c r="H25077" s="360"/>
      <c r="I25077" s="367"/>
      <c r="J25077" s="365"/>
      <c r="K25077" s="365"/>
      <c r="L25077" s="367"/>
    </row>
    <row r="25078" spans="2:12" ht="114">
      <c r="B25078" s="368"/>
      <c r="C25078" s="361" t="s">
        <v>30904</v>
      </c>
      <c r="D25078" s="368"/>
      <c r="E25078" s="368"/>
      <c r="F25078" s="368"/>
      <c r="G25078" s="368"/>
      <c r="H25078" s="362"/>
      <c r="I25078" s="368"/>
      <c r="J25078" s="366"/>
      <c r="K25078" s="366"/>
      <c r="L25078" s="368"/>
    </row>
    <row r="25079" spans="2:12" ht="28.5">
      <c r="B25079" s="358" t="s">
        <v>12363</v>
      </c>
      <c r="C25079" s="358" t="s">
        <v>28321</v>
      </c>
      <c r="D25079" s="358" t="s">
        <v>12364</v>
      </c>
      <c r="E25079" s="358" t="s">
        <v>12365</v>
      </c>
      <c r="F25079" s="358" t="s">
        <v>14376</v>
      </c>
      <c r="G25079" s="358" t="s">
        <v>14669</v>
      </c>
      <c r="H25079" s="358" t="s">
        <v>14381</v>
      </c>
      <c r="I25079" s="358" t="s">
        <v>14669</v>
      </c>
      <c r="J25079" s="358"/>
      <c r="K25079" s="358"/>
      <c r="L25079" s="358" t="s">
        <v>11463</v>
      </c>
    </row>
    <row r="25080" spans="2:12">
      <c r="B25080" s="367"/>
      <c r="C25080" s="360"/>
      <c r="D25080" s="367"/>
      <c r="E25080" s="367"/>
      <c r="F25080" s="367"/>
      <c r="G25080" s="367"/>
      <c r="H25080" s="360"/>
      <c r="I25080" s="367"/>
      <c r="J25080" s="365"/>
      <c r="K25080" s="365"/>
      <c r="L25080" s="367"/>
    </row>
    <row r="25081" spans="2:12">
      <c r="B25081" s="367"/>
      <c r="C25081" s="359" t="s">
        <v>29972</v>
      </c>
      <c r="D25081" s="367"/>
      <c r="E25081" s="367"/>
      <c r="F25081" s="367"/>
      <c r="G25081" s="367"/>
      <c r="H25081" s="359" t="s">
        <v>14332</v>
      </c>
      <c r="I25081" s="367"/>
      <c r="J25081" s="365"/>
      <c r="K25081" s="365"/>
      <c r="L25081" s="367"/>
    </row>
    <row r="25082" spans="2:12">
      <c r="B25082" s="367"/>
      <c r="C25082" s="360"/>
      <c r="D25082" s="367"/>
      <c r="E25082" s="367"/>
      <c r="F25082" s="367"/>
      <c r="G25082" s="367"/>
      <c r="H25082" s="360"/>
      <c r="I25082" s="367"/>
      <c r="J25082" s="365"/>
      <c r="K25082" s="365"/>
      <c r="L25082" s="367"/>
    </row>
    <row r="25083" spans="2:12" ht="142.5">
      <c r="B25083" s="368"/>
      <c r="C25083" s="361" t="s">
        <v>28322</v>
      </c>
      <c r="D25083" s="368"/>
      <c r="E25083" s="368"/>
      <c r="F25083" s="368"/>
      <c r="G25083" s="368"/>
      <c r="H25083" s="362"/>
      <c r="I25083" s="368"/>
      <c r="J25083" s="366"/>
      <c r="K25083" s="366"/>
      <c r="L25083" s="368"/>
    </row>
    <row r="25084" spans="2:12" ht="28.5">
      <c r="B25084" s="358" t="s">
        <v>12366</v>
      </c>
      <c r="C25084" s="358" t="s">
        <v>28323</v>
      </c>
      <c r="D25084" s="358" t="s">
        <v>12367</v>
      </c>
      <c r="E25084" s="358" t="s">
        <v>12368</v>
      </c>
      <c r="F25084" s="358" t="s">
        <v>14376</v>
      </c>
      <c r="G25084" s="358" t="s">
        <v>14669</v>
      </c>
      <c r="H25084" s="358" t="s">
        <v>14381</v>
      </c>
      <c r="I25084" s="358" t="s">
        <v>14669</v>
      </c>
      <c r="J25084" s="358"/>
      <c r="K25084" s="358"/>
      <c r="L25084" s="358" t="s">
        <v>11463</v>
      </c>
    </row>
    <row r="25085" spans="2:12">
      <c r="B25085" s="367"/>
      <c r="C25085" s="360"/>
      <c r="D25085" s="367"/>
      <c r="E25085" s="367"/>
      <c r="F25085" s="367"/>
      <c r="G25085" s="367"/>
      <c r="H25085" s="360"/>
      <c r="I25085" s="367"/>
      <c r="J25085" s="365"/>
      <c r="K25085" s="365"/>
      <c r="L25085" s="367"/>
    </row>
    <row r="25086" spans="2:12">
      <c r="B25086" s="367"/>
      <c r="C25086" s="359" t="s">
        <v>29972</v>
      </c>
      <c r="D25086" s="367"/>
      <c r="E25086" s="367"/>
      <c r="F25086" s="367"/>
      <c r="G25086" s="367"/>
      <c r="H25086" s="359" t="s">
        <v>14332</v>
      </c>
      <c r="I25086" s="367"/>
      <c r="J25086" s="365"/>
      <c r="K25086" s="365"/>
      <c r="L25086" s="367"/>
    </row>
    <row r="25087" spans="2:12">
      <c r="B25087" s="367"/>
      <c r="C25087" s="360"/>
      <c r="D25087" s="367"/>
      <c r="E25087" s="367"/>
      <c r="F25087" s="367"/>
      <c r="G25087" s="367"/>
      <c r="H25087" s="360"/>
      <c r="I25087" s="367"/>
      <c r="J25087" s="365"/>
      <c r="K25087" s="365"/>
      <c r="L25087" s="367"/>
    </row>
    <row r="25088" spans="2:12" ht="142.5">
      <c r="B25088" s="368"/>
      <c r="C25088" s="361" t="s">
        <v>30905</v>
      </c>
      <c r="D25088" s="368"/>
      <c r="E25088" s="368"/>
      <c r="F25088" s="368"/>
      <c r="G25088" s="368"/>
      <c r="H25088" s="362"/>
      <c r="I25088" s="368"/>
      <c r="J25088" s="366"/>
      <c r="K25088" s="366"/>
      <c r="L25088" s="368"/>
    </row>
    <row r="25089" spans="2:12">
      <c r="B25089" s="358" t="s">
        <v>12370</v>
      </c>
      <c r="C25089" s="358" t="s">
        <v>26391</v>
      </c>
      <c r="D25089" s="358" t="s">
        <v>12371</v>
      </c>
      <c r="E25089" s="358" t="s">
        <v>12372</v>
      </c>
      <c r="F25089" s="358" t="s">
        <v>14376</v>
      </c>
      <c r="G25089" s="358" t="s">
        <v>14669</v>
      </c>
      <c r="H25089" s="358" t="s">
        <v>14381</v>
      </c>
      <c r="I25089" s="358" t="s">
        <v>14669</v>
      </c>
      <c r="J25089" s="358"/>
      <c r="K25089" s="358"/>
      <c r="L25089" s="358" t="s">
        <v>11463</v>
      </c>
    </row>
    <row r="25090" spans="2:12">
      <c r="B25090" s="367"/>
      <c r="C25090" s="360"/>
      <c r="D25090" s="367"/>
      <c r="E25090" s="367"/>
      <c r="F25090" s="367"/>
      <c r="G25090" s="367"/>
      <c r="H25090" s="360"/>
      <c r="I25090" s="367"/>
      <c r="J25090" s="365"/>
      <c r="K25090" s="365"/>
      <c r="L25090" s="367"/>
    </row>
    <row r="25091" spans="2:12">
      <c r="B25091" s="367"/>
      <c r="C25091" s="359" t="s">
        <v>29972</v>
      </c>
      <c r="D25091" s="367"/>
      <c r="E25091" s="367"/>
      <c r="F25091" s="367"/>
      <c r="G25091" s="367"/>
      <c r="H25091" s="359" t="s">
        <v>14332</v>
      </c>
      <c r="I25091" s="367"/>
      <c r="J25091" s="365"/>
      <c r="K25091" s="365"/>
      <c r="L25091" s="367"/>
    </row>
    <row r="25092" spans="2:12">
      <c r="B25092" s="367"/>
      <c r="C25092" s="360"/>
      <c r="D25092" s="367"/>
      <c r="E25092" s="367"/>
      <c r="F25092" s="367"/>
      <c r="G25092" s="367"/>
      <c r="H25092" s="360"/>
      <c r="I25092" s="367"/>
      <c r="J25092" s="365"/>
      <c r="K25092" s="365"/>
      <c r="L25092" s="367"/>
    </row>
    <row r="25093" spans="2:12" ht="57">
      <c r="B25093" s="368"/>
      <c r="C25093" s="361" t="s">
        <v>28324</v>
      </c>
      <c r="D25093" s="368"/>
      <c r="E25093" s="368"/>
      <c r="F25093" s="368"/>
      <c r="G25093" s="368"/>
      <c r="H25093" s="362"/>
      <c r="I25093" s="368"/>
      <c r="J25093" s="366"/>
      <c r="K25093" s="366"/>
      <c r="L25093" s="368"/>
    </row>
    <row r="25094" spans="2:12" ht="28.5">
      <c r="B25094" s="358" t="s">
        <v>12374</v>
      </c>
      <c r="C25094" s="358" t="s">
        <v>29983</v>
      </c>
      <c r="D25094" s="358" t="s">
        <v>12375</v>
      </c>
      <c r="E25094" s="358" t="s">
        <v>12376</v>
      </c>
      <c r="F25094" s="358" t="s">
        <v>14376</v>
      </c>
      <c r="G25094" s="358" t="s">
        <v>14669</v>
      </c>
      <c r="H25094" s="358" t="s">
        <v>14381</v>
      </c>
      <c r="I25094" s="358" t="s">
        <v>14669</v>
      </c>
      <c r="J25094" s="358"/>
      <c r="K25094" s="358"/>
      <c r="L25094" s="358" t="s">
        <v>11463</v>
      </c>
    </row>
    <row r="25095" spans="2:12">
      <c r="B25095" s="367"/>
      <c r="C25095" s="360"/>
      <c r="D25095" s="367"/>
      <c r="E25095" s="367"/>
      <c r="F25095" s="367"/>
      <c r="G25095" s="367"/>
      <c r="H25095" s="360"/>
      <c r="I25095" s="367"/>
      <c r="J25095" s="365"/>
      <c r="K25095" s="365"/>
      <c r="L25095" s="367"/>
    </row>
    <row r="25096" spans="2:12" ht="99.75">
      <c r="B25096" s="368"/>
      <c r="C25096" s="361" t="s">
        <v>28325</v>
      </c>
      <c r="D25096" s="368"/>
      <c r="E25096" s="368"/>
      <c r="F25096" s="368"/>
      <c r="G25096" s="368"/>
      <c r="H25096" s="361" t="s">
        <v>14332</v>
      </c>
      <c r="I25096" s="368"/>
      <c r="J25096" s="366"/>
      <c r="K25096" s="366"/>
      <c r="L25096" s="368"/>
    </row>
    <row r="25097" spans="2:12" ht="28.5">
      <c r="B25097" s="358" t="s">
        <v>12378</v>
      </c>
      <c r="C25097" s="358" t="s">
        <v>26392</v>
      </c>
      <c r="D25097" s="358" t="s">
        <v>12379</v>
      </c>
      <c r="E25097" s="358" t="s">
        <v>12380</v>
      </c>
      <c r="F25097" s="358" t="s">
        <v>14376</v>
      </c>
      <c r="G25097" s="358" t="s">
        <v>14669</v>
      </c>
      <c r="H25097" s="358" t="s">
        <v>14381</v>
      </c>
      <c r="I25097" s="358" t="s">
        <v>14669</v>
      </c>
      <c r="J25097" s="358"/>
      <c r="K25097" s="358"/>
      <c r="L25097" s="358" t="s">
        <v>11463</v>
      </c>
    </row>
    <row r="25098" spans="2:12">
      <c r="B25098" s="367"/>
      <c r="C25098" s="360"/>
      <c r="D25098" s="367"/>
      <c r="E25098" s="367"/>
      <c r="F25098" s="367"/>
      <c r="G25098" s="367"/>
      <c r="H25098" s="360"/>
      <c r="I25098" s="367"/>
      <c r="J25098" s="365"/>
      <c r="K25098" s="365"/>
      <c r="L25098" s="367"/>
    </row>
    <row r="25099" spans="2:12">
      <c r="B25099" s="367"/>
      <c r="C25099" s="359" t="s">
        <v>29972</v>
      </c>
      <c r="D25099" s="367"/>
      <c r="E25099" s="367"/>
      <c r="F25099" s="367"/>
      <c r="G25099" s="367"/>
      <c r="H25099" s="359" t="s">
        <v>14332</v>
      </c>
      <c r="I25099" s="367"/>
      <c r="J25099" s="365"/>
      <c r="K25099" s="365"/>
      <c r="L25099" s="367"/>
    </row>
    <row r="25100" spans="2:12">
      <c r="B25100" s="367"/>
      <c r="C25100" s="360"/>
      <c r="D25100" s="367"/>
      <c r="E25100" s="367"/>
      <c r="F25100" s="367"/>
      <c r="G25100" s="367"/>
      <c r="H25100" s="360"/>
      <c r="I25100" s="367"/>
      <c r="J25100" s="365"/>
      <c r="K25100" s="365"/>
      <c r="L25100" s="367"/>
    </row>
    <row r="25101" spans="2:12" ht="99.75">
      <c r="B25101" s="368"/>
      <c r="C25101" s="361" t="s">
        <v>28326</v>
      </c>
      <c r="D25101" s="368"/>
      <c r="E25101" s="368"/>
      <c r="F25101" s="368"/>
      <c r="G25101" s="368"/>
      <c r="H25101" s="362"/>
      <c r="I25101" s="368"/>
      <c r="J25101" s="366"/>
      <c r="K25101" s="366"/>
      <c r="L25101" s="368"/>
    </row>
    <row r="25102" spans="2:12" ht="28.5">
      <c r="B25102" s="358" t="s">
        <v>12382</v>
      </c>
      <c r="C25102" s="358" t="s">
        <v>29984</v>
      </c>
      <c r="D25102" s="358" t="s">
        <v>12383</v>
      </c>
      <c r="E25102" s="358" t="s">
        <v>12384</v>
      </c>
      <c r="F25102" s="358" t="s">
        <v>14376</v>
      </c>
      <c r="G25102" s="358" t="s">
        <v>14669</v>
      </c>
      <c r="H25102" s="358" t="s">
        <v>14381</v>
      </c>
      <c r="I25102" s="358" t="s">
        <v>14669</v>
      </c>
      <c r="J25102" s="358"/>
      <c r="K25102" s="358"/>
      <c r="L25102" s="358" t="s">
        <v>11463</v>
      </c>
    </row>
    <row r="25103" spans="2:12">
      <c r="B25103" s="367"/>
      <c r="C25103" s="360"/>
      <c r="D25103" s="367"/>
      <c r="E25103" s="367"/>
      <c r="F25103" s="367"/>
      <c r="G25103" s="367"/>
      <c r="H25103" s="360"/>
      <c r="I25103" s="367"/>
      <c r="J25103" s="365"/>
      <c r="K25103" s="365"/>
      <c r="L25103" s="367"/>
    </row>
    <row r="25104" spans="2:12" ht="85.5">
      <c r="B25104" s="368"/>
      <c r="C25104" s="361" t="s">
        <v>28327</v>
      </c>
      <c r="D25104" s="368"/>
      <c r="E25104" s="368"/>
      <c r="F25104" s="368"/>
      <c r="G25104" s="368"/>
      <c r="H25104" s="361" t="s">
        <v>14332</v>
      </c>
      <c r="I25104" s="368"/>
      <c r="J25104" s="366"/>
      <c r="K25104" s="366"/>
      <c r="L25104" s="368"/>
    </row>
    <row r="25105" spans="2:12" ht="28.5">
      <c r="B25105" s="358" t="s">
        <v>12385</v>
      </c>
      <c r="C25105" s="358" t="s">
        <v>28328</v>
      </c>
      <c r="D25105" s="358" t="s">
        <v>12386</v>
      </c>
      <c r="E25105" s="358" t="s">
        <v>12387</v>
      </c>
      <c r="F25105" s="358" t="s">
        <v>14376</v>
      </c>
      <c r="G25105" s="358" t="s">
        <v>14669</v>
      </c>
      <c r="H25105" s="358" t="s">
        <v>14381</v>
      </c>
      <c r="I25105" s="358" t="s">
        <v>14669</v>
      </c>
      <c r="J25105" s="358"/>
      <c r="K25105" s="358"/>
      <c r="L25105" s="358" t="s">
        <v>11463</v>
      </c>
    </row>
    <row r="25106" spans="2:12">
      <c r="B25106" s="367"/>
      <c r="C25106" s="360"/>
      <c r="D25106" s="367"/>
      <c r="E25106" s="367"/>
      <c r="F25106" s="367"/>
      <c r="G25106" s="367"/>
      <c r="H25106" s="360"/>
      <c r="I25106" s="367"/>
      <c r="J25106" s="365"/>
      <c r="K25106" s="365"/>
      <c r="L25106" s="367"/>
    </row>
    <row r="25107" spans="2:12">
      <c r="B25107" s="367"/>
      <c r="C25107" s="359" t="s">
        <v>29972</v>
      </c>
      <c r="D25107" s="367"/>
      <c r="E25107" s="367"/>
      <c r="F25107" s="367"/>
      <c r="G25107" s="367"/>
      <c r="H25107" s="359" t="s">
        <v>14332</v>
      </c>
      <c r="I25107" s="367"/>
      <c r="J25107" s="365"/>
      <c r="K25107" s="365"/>
      <c r="L25107" s="367"/>
    </row>
    <row r="25108" spans="2:12">
      <c r="B25108" s="367"/>
      <c r="C25108" s="360"/>
      <c r="D25108" s="367"/>
      <c r="E25108" s="367"/>
      <c r="F25108" s="367"/>
      <c r="G25108" s="367"/>
      <c r="H25108" s="360"/>
      <c r="I25108" s="367"/>
      <c r="J25108" s="365"/>
      <c r="K25108" s="365"/>
      <c r="L25108" s="367"/>
    </row>
    <row r="25109" spans="2:12" ht="84.75" customHeight="1">
      <c r="B25109" s="368"/>
      <c r="C25109" s="361" t="s">
        <v>28329</v>
      </c>
      <c r="D25109" s="368"/>
      <c r="E25109" s="368"/>
      <c r="F25109" s="368"/>
      <c r="G25109" s="368"/>
      <c r="H25109" s="362"/>
      <c r="I25109" s="368"/>
      <c r="J25109" s="366"/>
      <c r="K25109" s="366"/>
      <c r="L25109" s="368"/>
    </row>
    <row r="25110" spans="2:12" ht="28.5">
      <c r="B25110" s="358" t="s">
        <v>12389</v>
      </c>
      <c r="C25110" s="358" t="s">
        <v>26393</v>
      </c>
      <c r="D25110" s="358" t="s">
        <v>12390</v>
      </c>
      <c r="E25110" s="358" t="s">
        <v>12391</v>
      </c>
      <c r="F25110" s="358" t="s">
        <v>14376</v>
      </c>
      <c r="G25110" s="358" t="s">
        <v>14669</v>
      </c>
      <c r="H25110" s="358" t="s">
        <v>14381</v>
      </c>
      <c r="I25110" s="358" t="s">
        <v>14669</v>
      </c>
      <c r="J25110" s="358"/>
      <c r="K25110" s="358"/>
      <c r="L25110" s="358" t="s">
        <v>11463</v>
      </c>
    </row>
    <row r="25111" spans="2:12">
      <c r="B25111" s="367"/>
      <c r="C25111" s="360"/>
      <c r="D25111" s="367"/>
      <c r="E25111" s="367"/>
      <c r="F25111" s="367"/>
      <c r="G25111" s="367"/>
      <c r="H25111" s="360"/>
      <c r="I25111" s="367"/>
      <c r="J25111" s="365"/>
      <c r="K25111" s="365"/>
      <c r="L25111" s="367"/>
    </row>
    <row r="25112" spans="2:12">
      <c r="B25112" s="367"/>
      <c r="C25112" s="359" t="s">
        <v>29972</v>
      </c>
      <c r="D25112" s="367"/>
      <c r="E25112" s="367"/>
      <c r="F25112" s="367"/>
      <c r="G25112" s="367"/>
      <c r="H25112" s="359" t="s">
        <v>14332</v>
      </c>
      <c r="I25112" s="367"/>
      <c r="J25112" s="365"/>
      <c r="K25112" s="365"/>
      <c r="L25112" s="367"/>
    </row>
    <row r="25113" spans="2:12">
      <c r="B25113" s="367"/>
      <c r="C25113" s="360"/>
      <c r="D25113" s="367"/>
      <c r="E25113" s="367"/>
      <c r="F25113" s="367"/>
      <c r="G25113" s="367"/>
      <c r="H25113" s="360"/>
      <c r="I25113" s="367"/>
      <c r="J25113" s="365"/>
      <c r="K25113" s="365"/>
      <c r="L25113" s="367"/>
    </row>
    <row r="25114" spans="2:12" ht="85.5">
      <c r="B25114" s="368"/>
      <c r="C25114" s="361" t="s">
        <v>28330</v>
      </c>
      <c r="D25114" s="368"/>
      <c r="E25114" s="368"/>
      <c r="F25114" s="368"/>
      <c r="G25114" s="368"/>
      <c r="H25114" s="362"/>
      <c r="I25114" s="368"/>
      <c r="J25114" s="366"/>
      <c r="K25114" s="366"/>
      <c r="L25114" s="368"/>
    </row>
    <row r="25115" spans="2:12" ht="28.5">
      <c r="B25115" s="358" t="s">
        <v>12393</v>
      </c>
      <c r="C25115" s="358" t="s">
        <v>26394</v>
      </c>
      <c r="D25115" s="358" t="s">
        <v>12394</v>
      </c>
      <c r="E25115" s="358" t="s">
        <v>12395</v>
      </c>
      <c r="F25115" s="358" t="s">
        <v>14376</v>
      </c>
      <c r="G25115" s="358" t="s">
        <v>14669</v>
      </c>
      <c r="H25115" s="358" t="s">
        <v>14381</v>
      </c>
      <c r="I25115" s="358" t="s">
        <v>14669</v>
      </c>
      <c r="J25115" s="358"/>
      <c r="K25115" s="358"/>
      <c r="L25115" s="358" t="s">
        <v>11463</v>
      </c>
    </row>
    <row r="25116" spans="2:12">
      <c r="B25116" s="367"/>
      <c r="C25116" s="360"/>
      <c r="D25116" s="367"/>
      <c r="E25116" s="367"/>
      <c r="F25116" s="367"/>
      <c r="G25116" s="367"/>
      <c r="H25116" s="360"/>
      <c r="I25116" s="367"/>
      <c r="J25116" s="365"/>
      <c r="K25116" s="365"/>
      <c r="L25116" s="367"/>
    </row>
    <row r="25117" spans="2:12">
      <c r="B25117" s="367"/>
      <c r="C25117" s="359" t="s">
        <v>29972</v>
      </c>
      <c r="D25117" s="367"/>
      <c r="E25117" s="367"/>
      <c r="F25117" s="367"/>
      <c r="G25117" s="367"/>
      <c r="H25117" s="359" t="s">
        <v>14332</v>
      </c>
      <c r="I25117" s="367"/>
      <c r="J25117" s="365"/>
      <c r="K25117" s="365"/>
      <c r="L25117" s="367"/>
    </row>
    <row r="25118" spans="2:12">
      <c r="B25118" s="367"/>
      <c r="C25118" s="360"/>
      <c r="D25118" s="367"/>
      <c r="E25118" s="367"/>
      <c r="F25118" s="367"/>
      <c r="G25118" s="367"/>
      <c r="H25118" s="360"/>
      <c r="I25118" s="367"/>
      <c r="J25118" s="365"/>
      <c r="K25118" s="365"/>
      <c r="L25118" s="367"/>
    </row>
    <row r="25119" spans="2:12" ht="84" customHeight="1">
      <c r="B25119" s="368"/>
      <c r="C25119" s="361" t="s">
        <v>30906</v>
      </c>
      <c r="D25119" s="368"/>
      <c r="E25119" s="368"/>
      <c r="F25119" s="368"/>
      <c r="G25119" s="368"/>
      <c r="H25119" s="362"/>
      <c r="I25119" s="368"/>
      <c r="J25119" s="366"/>
      <c r="K25119" s="366"/>
      <c r="L25119" s="368"/>
    </row>
    <row r="25120" spans="2:12" ht="28.5">
      <c r="B25120" s="358" t="s">
        <v>12397</v>
      </c>
      <c r="C25120" s="358" t="s">
        <v>29985</v>
      </c>
      <c r="D25120" s="358" t="s">
        <v>12398</v>
      </c>
      <c r="E25120" s="358" t="s">
        <v>12399</v>
      </c>
      <c r="F25120" s="358" t="s">
        <v>14376</v>
      </c>
      <c r="G25120" s="358" t="s">
        <v>14669</v>
      </c>
      <c r="H25120" s="358" t="s">
        <v>14381</v>
      </c>
      <c r="I25120" s="358" t="s">
        <v>14669</v>
      </c>
      <c r="J25120" s="358"/>
      <c r="K25120" s="358"/>
      <c r="L25120" s="358" t="s">
        <v>11463</v>
      </c>
    </row>
    <row r="25121" spans="2:12">
      <c r="B25121" s="367"/>
      <c r="C25121" s="367"/>
      <c r="D25121" s="367"/>
      <c r="E25121" s="367"/>
      <c r="F25121" s="367"/>
      <c r="G25121" s="367"/>
      <c r="H25121" s="360"/>
      <c r="I25121" s="367"/>
      <c r="J25121" s="365"/>
      <c r="K25121" s="365"/>
      <c r="L25121" s="367"/>
    </row>
    <row r="25122" spans="2:12">
      <c r="B25122" s="368"/>
      <c r="C25122" s="368"/>
      <c r="D25122" s="368"/>
      <c r="E25122" s="368"/>
      <c r="F25122" s="368"/>
      <c r="G25122" s="368"/>
      <c r="H25122" s="361" t="s">
        <v>14332</v>
      </c>
      <c r="I25122" s="368"/>
      <c r="J25122" s="366"/>
      <c r="K25122" s="366"/>
      <c r="L25122" s="368"/>
    </row>
    <row r="25123" spans="2:12">
      <c r="B25123" s="358" t="s">
        <v>12401</v>
      </c>
      <c r="C25123" s="358" t="s">
        <v>26395</v>
      </c>
      <c r="D25123" s="358" t="s">
        <v>12402</v>
      </c>
      <c r="E25123" s="358" t="s">
        <v>12403</v>
      </c>
      <c r="F25123" s="358" t="s">
        <v>14376</v>
      </c>
      <c r="G25123" s="358" t="s">
        <v>14669</v>
      </c>
      <c r="H25123" s="358" t="s">
        <v>14381</v>
      </c>
      <c r="I25123" s="358" t="s">
        <v>14669</v>
      </c>
      <c r="J25123" s="358"/>
      <c r="K25123" s="358"/>
      <c r="L25123" s="358" t="s">
        <v>11463</v>
      </c>
    </row>
    <row r="25124" spans="2:12">
      <c r="B25124" s="367"/>
      <c r="C25124" s="360"/>
      <c r="D25124" s="367"/>
      <c r="E25124" s="367"/>
      <c r="F25124" s="367"/>
      <c r="G25124" s="367"/>
      <c r="H25124" s="360"/>
      <c r="I25124" s="367"/>
      <c r="J25124" s="365"/>
      <c r="K25124" s="365"/>
      <c r="L25124" s="367"/>
    </row>
    <row r="25125" spans="2:12">
      <c r="B25125" s="368"/>
      <c r="C25125" s="361" t="s">
        <v>29986</v>
      </c>
      <c r="D25125" s="368"/>
      <c r="E25125" s="368"/>
      <c r="F25125" s="368"/>
      <c r="G25125" s="368"/>
      <c r="H25125" s="361" t="s">
        <v>14332</v>
      </c>
      <c r="I25125" s="368"/>
      <c r="J25125" s="366"/>
      <c r="K25125" s="366"/>
      <c r="L25125" s="368"/>
    </row>
    <row r="25126" spans="2:12" ht="28.5">
      <c r="B25126" s="358" t="s">
        <v>12405</v>
      </c>
      <c r="C25126" s="358" t="s">
        <v>29987</v>
      </c>
      <c r="D25126" s="358" t="s">
        <v>12406</v>
      </c>
      <c r="E25126" s="358" t="s">
        <v>12407</v>
      </c>
      <c r="F25126" s="358" t="s">
        <v>14376</v>
      </c>
      <c r="G25126" s="358" t="s">
        <v>14669</v>
      </c>
      <c r="H25126" s="358" t="s">
        <v>14381</v>
      </c>
      <c r="I25126" s="358" t="s">
        <v>14669</v>
      </c>
      <c r="J25126" s="358"/>
      <c r="K25126" s="358"/>
      <c r="L25126" s="358" t="s">
        <v>11463</v>
      </c>
    </row>
    <row r="25127" spans="2:12">
      <c r="B25127" s="367"/>
      <c r="C25127" s="360"/>
      <c r="D25127" s="367"/>
      <c r="E25127" s="367"/>
      <c r="F25127" s="367"/>
      <c r="G25127" s="367"/>
      <c r="H25127" s="360"/>
      <c r="I25127" s="367"/>
      <c r="J25127" s="365"/>
      <c r="K25127" s="365"/>
      <c r="L25127" s="367"/>
    </row>
    <row r="25128" spans="2:12" ht="99.75">
      <c r="B25128" s="368"/>
      <c r="C25128" s="361" t="s">
        <v>28331</v>
      </c>
      <c r="D25128" s="368"/>
      <c r="E25128" s="368"/>
      <c r="F25128" s="368"/>
      <c r="G25128" s="368"/>
      <c r="H25128" s="361" t="s">
        <v>14332</v>
      </c>
      <c r="I25128" s="368"/>
      <c r="J25128" s="366"/>
      <c r="K25128" s="366"/>
      <c r="L25128" s="368"/>
    </row>
    <row r="25129" spans="2:12" ht="28.5">
      <c r="B25129" s="358" t="s">
        <v>12409</v>
      </c>
      <c r="C25129" s="358" t="s">
        <v>29988</v>
      </c>
      <c r="D25129" s="358" t="s">
        <v>12410</v>
      </c>
      <c r="E25129" s="358" t="s">
        <v>12411</v>
      </c>
      <c r="F25129" s="358" t="s">
        <v>14376</v>
      </c>
      <c r="G25129" s="358" t="s">
        <v>14669</v>
      </c>
      <c r="H25129" s="358" t="s">
        <v>14381</v>
      </c>
      <c r="I25129" s="358" t="s">
        <v>14669</v>
      </c>
      <c r="J25129" s="358"/>
      <c r="K25129" s="358"/>
      <c r="L25129" s="358" t="s">
        <v>11463</v>
      </c>
    </row>
    <row r="25130" spans="2:12">
      <c r="B25130" s="367"/>
      <c r="C25130" s="360"/>
      <c r="D25130" s="367"/>
      <c r="E25130" s="367"/>
      <c r="F25130" s="367"/>
      <c r="G25130" s="367"/>
      <c r="H25130" s="360"/>
      <c r="I25130" s="367"/>
      <c r="J25130" s="365"/>
      <c r="K25130" s="365"/>
      <c r="L25130" s="367"/>
    </row>
    <row r="25131" spans="2:12" ht="99.75">
      <c r="B25131" s="368"/>
      <c r="C25131" s="361" t="s">
        <v>28332</v>
      </c>
      <c r="D25131" s="368"/>
      <c r="E25131" s="368"/>
      <c r="F25131" s="368"/>
      <c r="G25131" s="368"/>
      <c r="H25131" s="361" t="s">
        <v>14332</v>
      </c>
      <c r="I25131" s="368"/>
      <c r="J25131" s="366"/>
      <c r="K25131" s="366"/>
      <c r="L25131" s="368"/>
    </row>
    <row r="25132" spans="2:12" ht="28.5">
      <c r="B25132" s="358" t="s">
        <v>12414</v>
      </c>
      <c r="C25132" s="358" t="s">
        <v>26396</v>
      </c>
      <c r="D25132" s="358" t="s">
        <v>12415</v>
      </c>
      <c r="E25132" s="358" t="s">
        <v>12416</v>
      </c>
      <c r="F25132" s="358" t="s">
        <v>14376</v>
      </c>
      <c r="G25132" s="358" t="s">
        <v>14669</v>
      </c>
      <c r="H25132" s="358" t="s">
        <v>14381</v>
      </c>
      <c r="I25132" s="358" t="s">
        <v>14669</v>
      </c>
      <c r="J25132" s="358"/>
      <c r="K25132" s="358"/>
      <c r="L25132" s="358" t="s">
        <v>11463</v>
      </c>
    </row>
    <row r="25133" spans="2:12">
      <c r="B25133" s="367"/>
      <c r="C25133" s="360"/>
      <c r="D25133" s="367"/>
      <c r="E25133" s="367"/>
      <c r="F25133" s="367"/>
      <c r="G25133" s="367"/>
      <c r="H25133" s="360"/>
      <c r="I25133" s="367"/>
      <c r="J25133" s="365"/>
      <c r="K25133" s="365"/>
      <c r="L25133" s="367"/>
    </row>
    <row r="25134" spans="2:12" ht="42.75">
      <c r="B25134" s="368"/>
      <c r="C25134" s="361" t="s">
        <v>29989</v>
      </c>
      <c r="D25134" s="368"/>
      <c r="E25134" s="368"/>
      <c r="F25134" s="368"/>
      <c r="G25134" s="368"/>
      <c r="H25134" s="361" t="s">
        <v>14332</v>
      </c>
      <c r="I25134" s="368"/>
      <c r="J25134" s="366"/>
      <c r="K25134" s="366"/>
      <c r="L25134" s="368"/>
    </row>
    <row r="25135" spans="2:12" ht="28.5">
      <c r="B25135" s="358" t="s">
        <v>12418</v>
      </c>
      <c r="C25135" s="358" t="s">
        <v>26397</v>
      </c>
      <c r="D25135" s="358" t="s">
        <v>12419</v>
      </c>
      <c r="E25135" s="358" t="s">
        <v>12420</v>
      </c>
      <c r="F25135" s="358" t="s">
        <v>14376</v>
      </c>
      <c r="G25135" s="358" t="s">
        <v>14669</v>
      </c>
      <c r="H25135" s="358" t="s">
        <v>14381</v>
      </c>
      <c r="I25135" s="358" t="s">
        <v>14669</v>
      </c>
      <c r="J25135" s="358"/>
      <c r="K25135" s="358"/>
      <c r="L25135" s="358" t="s">
        <v>11463</v>
      </c>
    </row>
    <row r="25136" spans="2:12">
      <c r="B25136" s="367"/>
      <c r="C25136" s="360"/>
      <c r="D25136" s="367"/>
      <c r="E25136" s="367"/>
      <c r="F25136" s="367"/>
      <c r="G25136" s="367"/>
      <c r="H25136" s="360"/>
      <c r="I25136" s="367"/>
      <c r="J25136" s="365"/>
      <c r="K25136" s="365"/>
      <c r="L25136" s="367"/>
    </row>
    <row r="25137" spans="2:12">
      <c r="B25137" s="367"/>
      <c r="C25137" s="359" t="s">
        <v>29972</v>
      </c>
      <c r="D25137" s="367"/>
      <c r="E25137" s="367"/>
      <c r="F25137" s="367"/>
      <c r="G25137" s="367"/>
      <c r="H25137" s="359" t="s">
        <v>14332</v>
      </c>
      <c r="I25137" s="367"/>
      <c r="J25137" s="365"/>
      <c r="K25137" s="365"/>
      <c r="L25137" s="367"/>
    </row>
    <row r="25138" spans="2:12">
      <c r="B25138" s="367"/>
      <c r="C25138" s="360"/>
      <c r="D25138" s="367"/>
      <c r="E25138" s="367"/>
      <c r="F25138" s="367"/>
      <c r="G25138" s="367"/>
      <c r="H25138" s="360"/>
      <c r="I25138" s="367"/>
      <c r="J25138" s="365"/>
      <c r="K25138" s="365"/>
      <c r="L25138" s="367"/>
    </row>
    <row r="25139" spans="2:12" ht="114">
      <c r="B25139" s="368"/>
      <c r="C25139" s="361" t="s">
        <v>30907</v>
      </c>
      <c r="D25139" s="368"/>
      <c r="E25139" s="368"/>
      <c r="F25139" s="368"/>
      <c r="G25139" s="368"/>
      <c r="H25139" s="362"/>
      <c r="I25139" s="368"/>
      <c r="J25139" s="366"/>
      <c r="K25139" s="366"/>
      <c r="L25139" s="368"/>
    </row>
    <row r="25140" spans="2:12" ht="28.5">
      <c r="B25140" s="358" t="s">
        <v>12421</v>
      </c>
      <c r="C25140" s="358" t="s">
        <v>28333</v>
      </c>
      <c r="D25140" s="358" t="s">
        <v>12422</v>
      </c>
      <c r="E25140" s="358" t="s">
        <v>12423</v>
      </c>
      <c r="F25140" s="358" t="s">
        <v>14376</v>
      </c>
      <c r="G25140" s="358" t="s">
        <v>14669</v>
      </c>
      <c r="H25140" s="358" t="s">
        <v>14381</v>
      </c>
      <c r="I25140" s="358" t="s">
        <v>14669</v>
      </c>
      <c r="J25140" s="358"/>
      <c r="K25140" s="358"/>
      <c r="L25140" s="358" t="s">
        <v>11463</v>
      </c>
    </row>
    <row r="25141" spans="2:12">
      <c r="B25141" s="367"/>
      <c r="C25141" s="360"/>
      <c r="D25141" s="367"/>
      <c r="E25141" s="367"/>
      <c r="F25141" s="367"/>
      <c r="G25141" s="367"/>
      <c r="H25141" s="360"/>
      <c r="I25141" s="367"/>
      <c r="J25141" s="365"/>
      <c r="K25141" s="365"/>
      <c r="L25141" s="367"/>
    </row>
    <row r="25142" spans="2:12">
      <c r="B25142" s="368"/>
      <c r="C25142" s="361" t="s">
        <v>29986</v>
      </c>
      <c r="D25142" s="368"/>
      <c r="E25142" s="368"/>
      <c r="F25142" s="368"/>
      <c r="G25142" s="368"/>
      <c r="H25142" s="361" t="s">
        <v>14332</v>
      </c>
      <c r="I25142" s="368"/>
      <c r="J25142" s="366"/>
      <c r="K25142" s="366"/>
      <c r="L25142" s="368"/>
    </row>
    <row r="25143" spans="2:12" ht="28.5">
      <c r="B25143" s="358" t="s">
        <v>12425</v>
      </c>
      <c r="C25143" s="358" t="s">
        <v>26398</v>
      </c>
      <c r="D25143" s="358" t="s">
        <v>12426</v>
      </c>
      <c r="E25143" s="358" t="s">
        <v>12427</v>
      </c>
      <c r="F25143" s="358" t="s">
        <v>14376</v>
      </c>
      <c r="G25143" s="358" t="s">
        <v>14669</v>
      </c>
      <c r="H25143" s="358" t="s">
        <v>14381</v>
      </c>
      <c r="I25143" s="358" t="s">
        <v>14669</v>
      </c>
      <c r="J25143" s="358"/>
      <c r="K25143" s="358"/>
      <c r="L25143" s="358" t="s">
        <v>11463</v>
      </c>
    </row>
    <row r="25144" spans="2:12">
      <c r="B25144" s="367"/>
      <c r="C25144" s="360"/>
      <c r="D25144" s="367"/>
      <c r="E25144" s="367"/>
      <c r="F25144" s="367"/>
      <c r="G25144" s="367"/>
      <c r="H25144" s="360"/>
      <c r="I25144" s="367"/>
      <c r="J25144" s="365"/>
      <c r="K25144" s="365"/>
      <c r="L25144" s="367"/>
    </row>
    <row r="25145" spans="2:12">
      <c r="B25145" s="368"/>
      <c r="C25145" s="361" t="s">
        <v>29986</v>
      </c>
      <c r="D25145" s="368"/>
      <c r="E25145" s="368"/>
      <c r="F25145" s="368"/>
      <c r="G25145" s="368"/>
      <c r="H25145" s="361" t="s">
        <v>14332</v>
      </c>
      <c r="I25145" s="368"/>
      <c r="J25145" s="366"/>
      <c r="K25145" s="366"/>
      <c r="L25145" s="368"/>
    </row>
    <row r="25146" spans="2:12" ht="28.5">
      <c r="B25146" s="358" t="s">
        <v>12429</v>
      </c>
      <c r="C25146" s="358" t="s">
        <v>26399</v>
      </c>
      <c r="D25146" s="358" t="s">
        <v>12430</v>
      </c>
      <c r="E25146" s="358" t="s">
        <v>12431</v>
      </c>
      <c r="F25146" s="358" t="s">
        <v>14376</v>
      </c>
      <c r="G25146" s="358" t="s">
        <v>14669</v>
      </c>
      <c r="H25146" s="358" t="s">
        <v>14381</v>
      </c>
      <c r="I25146" s="358" t="s">
        <v>14669</v>
      </c>
      <c r="J25146" s="358"/>
      <c r="K25146" s="358"/>
      <c r="L25146" s="358" t="s">
        <v>11463</v>
      </c>
    </row>
    <row r="25147" spans="2:12">
      <c r="B25147" s="367"/>
      <c r="C25147" s="360"/>
      <c r="D25147" s="367"/>
      <c r="E25147" s="367"/>
      <c r="F25147" s="367"/>
      <c r="G25147" s="367"/>
      <c r="H25147" s="360"/>
      <c r="I25147" s="367"/>
      <c r="J25147" s="365"/>
      <c r="K25147" s="365"/>
      <c r="L25147" s="367"/>
    </row>
    <row r="25148" spans="2:12">
      <c r="B25148" s="367"/>
      <c r="C25148" s="359" t="s">
        <v>29972</v>
      </c>
      <c r="D25148" s="367"/>
      <c r="E25148" s="367"/>
      <c r="F25148" s="367"/>
      <c r="G25148" s="367"/>
      <c r="H25148" s="359" t="s">
        <v>14332</v>
      </c>
      <c r="I25148" s="367"/>
      <c r="J25148" s="365"/>
      <c r="K25148" s="365"/>
      <c r="L25148" s="367"/>
    </row>
    <row r="25149" spans="2:12">
      <c r="B25149" s="367"/>
      <c r="C25149" s="360"/>
      <c r="D25149" s="367"/>
      <c r="E25149" s="367"/>
      <c r="F25149" s="367"/>
      <c r="G25149" s="367"/>
      <c r="H25149" s="360"/>
      <c r="I25149" s="367"/>
      <c r="J25149" s="365"/>
      <c r="K25149" s="365"/>
      <c r="L25149" s="367"/>
    </row>
    <row r="25150" spans="2:12" ht="57">
      <c r="B25150" s="368"/>
      <c r="C25150" s="361" t="s">
        <v>30908</v>
      </c>
      <c r="D25150" s="368"/>
      <c r="E25150" s="368"/>
      <c r="F25150" s="368"/>
      <c r="G25150" s="368"/>
      <c r="H25150" s="362"/>
      <c r="I25150" s="368"/>
      <c r="J25150" s="366"/>
      <c r="K25150" s="366"/>
      <c r="L25150" s="368"/>
    </row>
    <row r="25151" spans="2:12" ht="28.5">
      <c r="B25151" s="358" t="s">
        <v>12433</v>
      </c>
      <c r="C25151" s="358" t="s">
        <v>29990</v>
      </c>
      <c r="D25151" s="358" t="s">
        <v>12434</v>
      </c>
      <c r="E25151" s="358" t="s">
        <v>12435</v>
      </c>
      <c r="F25151" s="358" t="s">
        <v>14376</v>
      </c>
      <c r="G25151" s="358" t="s">
        <v>14669</v>
      </c>
      <c r="H25151" s="358" t="s">
        <v>14381</v>
      </c>
      <c r="I25151" s="358" t="s">
        <v>14669</v>
      </c>
      <c r="J25151" s="358"/>
      <c r="K25151" s="358"/>
      <c r="L25151" s="358" t="s">
        <v>11463</v>
      </c>
    </row>
    <row r="25152" spans="2:12">
      <c r="B25152" s="367"/>
      <c r="C25152" s="360"/>
      <c r="D25152" s="367"/>
      <c r="E25152" s="367"/>
      <c r="F25152" s="367"/>
      <c r="G25152" s="367"/>
      <c r="H25152" s="360"/>
      <c r="I25152" s="367"/>
      <c r="J25152" s="365"/>
      <c r="K25152" s="365"/>
      <c r="L25152" s="367"/>
    </row>
    <row r="25153" spans="2:12" ht="57">
      <c r="B25153" s="368"/>
      <c r="C25153" s="361" t="s">
        <v>28334</v>
      </c>
      <c r="D25153" s="368"/>
      <c r="E25153" s="368"/>
      <c r="F25153" s="368"/>
      <c r="G25153" s="368"/>
      <c r="H25153" s="361" t="s">
        <v>14332</v>
      </c>
      <c r="I25153" s="368"/>
      <c r="J25153" s="366"/>
      <c r="K25153" s="366"/>
      <c r="L25153" s="368"/>
    </row>
    <row r="25154" spans="2:12">
      <c r="B25154" s="358" t="s">
        <v>12437</v>
      </c>
      <c r="C25154" s="358" t="s">
        <v>26400</v>
      </c>
      <c r="D25154" s="358" t="s">
        <v>12438</v>
      </c>
      <c r="E25154" s="358" t="s">
        <v>12439</v>
      </c>
      <c r="F25154" s="358" t="s">
        <v>14376</v>
      </c>
      <c r="G25154" s="358" t="s">
        <v>14669</v>
      </c>
      <c r="H25154" s="358" t="s">
        <v>14381</v>
      </c>
      <c r="I25154" s="358" t="s">
        <v>14669</v>
      </c>
      <c r="J25154" s="358"/>
      <c r="K25154" s="358"/>
      <c r="L25154" s="358" t="s">
        <v>11463</v>
      </c>
    </row>
    <row r="25155" spans="2:12">
      <c r="B25155" s="367"/>
      <c r="C25155" s="360"/>
      <c r="D25155" s="367"/>
      <c r="E25155" s="367"/>
      <c r="F25155" s="367"/>
      <c r="G25155" s="367"/>
      <c r="H25155" s="360"/>
      <c r="I25155" s="367"/>
      <c r="J25155" s="365"/>
      <c r="K25155" s="365"/>
      <c r="L25155" s="367"/>
    </row>
    <row r="25156" spans="2:12">
      <c r="B25156" s="367"/>
      <c r="C25156" s="359" t="s">
        <v>29972</v>
      </c>
      <c r="D25156" s="367"/>
      <c r="E25156" s="367"/>
      <c r="F25156" s="367"/>
      <c r="G25156" s="367"/>
      <c r="H25156" s="359" t="s">
        <v>14332</v>
      </c>
      <c r="I25156" s="367"/>
      <c r="J25156" s="365"/>
      <c r="K25156" s="365"/>
      <c r="L25156" s="367"/>
    </row>
    <row r="25157" spans="2:12">
      <c r="B25157" s="367"/>
      <c r="C25157" s="360"/>
      <c r="D25157" s="367"/>
      <c r="E25157" s="367"/>
      <c r="F25157" s="367"/>
      <c r="G25157" s="367"/>
      <c r="H25157" s="360"/>
      <c r="I25157" s="367"/>
      <c r="J25157" s="365"/>
      <c r="K25157" s="365"/>
      <c r="L25157" s="367"/>
    </row>
    <row r="25158" spans="2:12" ht="71.25">
      <c r="B25158" s="368"/>
      <c r="C25158" s="361" t="s">
        <v>28335</v>
      </c>
      <c r="D25158" s="368"/>
      <c r="E25158" s="368"/>
      <c r="F25158" s="368"/>
      <c r="G25158" s="368"/>
      <c r="H25158" s="362"/>
      <c r="I25158" s="368"/>
      <c r="J25158" s="366"/>
      <c r="K25158" s="366"/>
      <c r="L25158" s="368"/>
    </row>
    <row r="25159" spans="2:12" ht="28.5">
      <c r="B25159" s="358" t="s">
        <v>12441</v>
      </c>
      <c r="C25159" s="358" t="s">
        <v>26401</v>
      </c>
      <c r="D25159" s="358" t="s">
        <v>12442</v>
      </c>
      <c r="E25159" s="358" t="s">
        <v>12443</v>
      </c>
      <c r="F25159" s="358" t="s">
        <v>14376</v>
      </c>
      <c r="G25159" s="358" t="s">
        <v>14669</v>
      </c>
      <c r="H25159" s="358" t="s">
        <v>14381</v>
      </c>
      <c r="I25159" s="358" t="s">
        <v>14669</v>
      </c>
      <c r="J25159" s="358"/>
      <c r="K25159" s="358"/>
      <c r="L25159" s="358" t="s">
        <v>11463</v>
      </c>
    </row>
    <row r="25160" spans="2:12">
      <c r="B25160" s="367"/>
      <c r="C25160" s="360"/>
      <c r="D25160" s="367"/>
      <c r="E25160" s="367"/>
      <c r="F25160" s="367"/>
      <c r="G25160" s="367"/>
      <c r="H25160" s="360"/>
      <c r="I25160" s="367"/>
      <c r="J25160" s="365"/>
      <c r="K25160" s="365"/>
      <c r="L25160" s="367"/>
    </row>
    <row r="25161" spans="2:12">
      <c r="B25161" s="368"/>
      <c r="C25161" s="361" t="s">
        <v>29986</v>
      </c>
      <c r="D25161" s="368"/>
      <c r="E25161" s="368"/>
      <c r="F25161" s="368"/>
      <c r="G25161" s="368"/>
      <c r="H25161" s="361" t="s">
        <v>14332</v>
      </c>
      <c r="I25161" s="368"/>
      <c r="J25161" s="366"/>
      <c r="K25161" s="366"/>
      <c r="L25161" s="368"/>
    </row>
    <row r="25162" spans="2:12" ht="28.5">
      <c r="B25162" s="358" t="s">
        <v>12444</v>
      </c>
      <c r="C25162" s="358" t="s">
        <v>28336</v>
      </c>
      <c r="D25162" s="358" t="s">
        <v>12445</v>
      </c>
      <c r="E25162" s="358" t="s">
        <v>12446</v>
      </c>
      <c r="F25162" s="358" t="s">
        <v>14376</v>
      </c>
      <c r="G25162" s="358" t="s">
        <v>14669</v>
      </c>
      <c r="H25162" s="358" t="s">
        <v>14381</v>
      </c>
      <c r="I25162" s="358" t="s">
        <v>14669</v>
      </c>
      <c r="J25162" s="358"/>
      <c r="K25162" s="358"/>
      <c r="L25162" s="358" t="s">
        <v>11463</v>
      </c>
    </row>
    <row r="25163" spans="2:12">
      <c r="B25163" s="367"/>
      <c r="C25163" s="360"/>
      <c r="D25163" s="367"/>
      <c r="E25163" s="367"/>
      <c r="F25163" s="367"/>
      <c r="G25163" s="367"/>
      <c r="H25163" s="360"/>
      <c r="I25163" s="367"/>
      <c r="J25163" s="365"/>
      <c r="K25163" s="365"/>
      <c r="L25163" s="367"/>
    </row>
    <row r="25164" spans="2:12">
      <c r="B25164" s="368"/>
      <c r="C25164" s="361" t="s">
        <v>29986</v>
      </c>
      <c r="D25164" s="368"/>
      <c r="E25164" s="368"/>
      <c r="F25164" s="368"/>
      <c r="G25164" s="368"/>
      <c r="H25164" s="361" t="s">
        <v>14332</v>
      </c>
      <c r="I25164" s="368"/>
      <c r="J25164" s="366"/>
      <c r="K25164" s="366"/>
      <c r="L25164" s="368"/>
    </row>
    <row r="25165" spans="2:12" ht="28.5">
      <c r="B25165" s="358" t="s">
        <v>12448</v>
      </c>
      <c r="C25165" s="358" t="s">
        <v>29991</v>
      </c>
      <c r="D25165" s="358" t="s">
        <v>12449</v>
      </c>
      <c r="E25165" s="358" t="s">
        <v>12450</v>
      </c>
      <c r="F25165" s="358" t="s">
        <v>14376</v>
      </c>
      <c r="G25165" s="358" t="s">
        <v>14669</v>
      </c>
      <c r="H25165" s="358" t="s">
        <v>14381</v>
      </c>
      <c r="I25165" s="358" t="s">
        <v>14669</v>
      </c>
      <c r="J25165" s="358"/>
      <c r="K25165" s="358"/>
      <c r="L25165" s="358" t="s">
        <v>11463</v>
      </c>
    </row>
    <row r="25166" spans="2:12">
      <c r="B25166" s="367"/>
      <c r="C25166" s="360"/>
      <c r="D25166" s="367"/>
      <c r="E25166" s="367"/>
      <c r="F25166" s="367"/>
      <c r="G25166" s="367"/>
      <c r="H25166" s="360"/>
      <c r="I25166" s="367"/>
      <c r="J25166" s="365"/>
      <c r="K25166" s="365"/>
      <c r="L25166" s="367"/>
    </row>
    <row r="25167" spans="2:12">
      <c r="B25167" s="368"/>
      <c r="C25167" s="361" t="s">
        <v>29986</v>
      </c>
      <c r="D25167" s="368"/>
      <c r="E25167" s="368"/>
      <c r="F25167" s="368"/>
      <c r="G25167" s="368"/>
      <c r="H25167" s="361" t="s">
        <v>14332</v>
      </c>
      <c r="I25167" s="368"/>
      <c r="J25167" s="366"/>
      <c r="K25167" s="366"/>
      <c r="L25167" s="368"/>
    </row>
    <row r="25168" spans="2:12" ht="28.5">
      <c r="B25168" s="358" t="s">
        <v>12452</v>
      </c>
      <c r="C25168" s="358" t="s">
        <v>29992</v>
      </c>
      <c r="D25168" s="358" t="s">
        <v>12453</v>
      </c>
      <c r="E25168" s="358" t="s">
        <v>12454</v>
      </c>
      <c r="F25168" s="358" t="s">
        <v>14376</v>
      </c>
      <c r="G25168" s="358" t="s">
        <v>14669</v>
      </c>
      <c r="H25168" s="358" t="s">
        <v>14381</v>
      </c>
      <c r="I25168" s="358" t="s">
        <v>14669</v>
      </c>
      <c r="J25168" s="358"/>
      <c r="K25168" s="358"/>
      <c r="L25168" s="358" t="s">
        <v>11463</v>
      </c>
    </row>
    <row r="25169" spans="2:12">
      <c r="B25169" s="367"/>
      <c r="C25169" s="360"/>
      <c r="D25169" s="367"/>
      <c r="E25169" s="367"/>
      <c r="F25169" s="367"/>
      <c r="G25169" s="367"/>
      <c r="H25169" s="360"/>
      <c r="I25169" s="367"/>
      <c r="J25169" s="365"/>
      <c r="K25169" s="365"/>
      <c r="L25169" s="367"/>
    </row>
    <row r="25170" spans="2:12" ht="85.5">
      <c r="B25170" s="368"/>
      <c r="C25170" s="361" t="s">
        <v>30909</v>
      </c>
      <c r="D25170" s="368"/>
      <c r="E25170" s="368"/>
      <c r="F25170" s="368"/>
      <c r="G25170" s="368"/>
      <c r="H25170" s="361" t="s">
        <v>14332</v>
      </c>
      <c r="I25170" s="368"/>
      <c r="J25170" s="366"/>
      <c r="K25170" s="366"/>
      <c r="L25170" s="368"/>
    </row>
    <row r="25171" spans="2:12" ht="28.5">
      <c r="B25171" s="358" t="s">
        <v>12455</v>
      </c>
      <c r="C25171" s="358" t="s">
        <v>28337</v>
      </c>
      <c r="D25171" s="358" t="s">
        <v>12456</v>
      </c>
      <c r="E25171" s="358" t="s">
        <v>12457</v>
      </c>
      <c r="F25171" s="358" t="s">
        <v>14376</v>
      </c>
      <c r="G25171" s="358" t="s">
        <v>14669</v>
      </c>
      <c r="H25171" s="358" t="s">
        <v>14381</v>
      </c>
      <c r="I25171" s="358" t="s">
        <v>14669</v>
      </c>
      <c r="J25171" s="358"/>
      <c r="K25171" s="358"/>
      <c r="L25171" s="358" t="s">
        <v>11463</v>
      </c>
    </row>
    <row r="25172" spans="2:12">
      <c r="B25172" s="367"/>
      <c r="C25172" s="360"/>
      <c r="D25172" s="367"/>
      <c r="E25172" s="367"/>
      <c r="F25172" s="367"/>
      <c r="G25172" s="367"/>
      <c r="H25172" s="360"/>
      <c r="I25172" s="367"/>
      <c r="J25172" s="365"/>
      <c r="K25172" s="365"/>
      <c r="L25172" s="367"/>
    </row>
    <row r="25173" spans="2:12" ht="99.75">
      <c r="B25173" s="368"/>
      <c r="C25173" s="361" t="s">
        <v>30910</v>
      </c>
      <c r="D25173" s="368"/>
      <c r="E25173" s="368"/>
      <c r="F25173" s="368"/>
      <c r="G25173" s="368"/>
      <c r="H25173" s="361" t="s">
        <v>14332</v>
      </c>
      <c r="I25173" s="368"/>
      <c r="J25173" s="366"/>
      <c r="K25173" s="366"/>
      <c r="L25173" s="368"/>
    </row>
    <row r="25174" spans="2:12" ht="28.5">
      <c r="B25174" s="358" t="s">
        <v>12458</v>
      </c>
      <c r="C25174" s="358" t="s">
        <v>28338</v>
      </c>
      <c r="D25174" s="358" t="s">
        <v>12459</v>
      </c>
      <c r="E25174" s="358" t="s">
        <v>12460</v>
      </c>
      <c r="F25174" s="358" t="s">
        <v>14376</v>
      </c>
      <c r="G25174" s="358" t="s">
        <v>14669</v>
      </c>
      <c r="H25174" s="358" t="s">
        <v>14381</v>
      </c>
      <c r="I25174" s="358" t="s">
        <v>14669</v>
      </c>
      <c r="J25174" s="358"/>
      <c r="K25174" s="358"/>
      <c r="L25174" s="358" t="s">
        <v>11463</v>
      </c>
    </row>
    <row r="25175" spans="2:12">
      <c r="B25175" s="367"/>
      <c r="C25175" s="360"/>
      <c r="D25175" s="367"/>
      <c r="E25175" s="367"/>
      <c r="F25175" s="367"/>
      <c r="G25175" s="367"/>
      <c r="H25175" s="360"/>
      <c r="I25175" s="367"/>
      <c r="J25175" s="365"/>
      <c r="K25175" s="365"/>
      <c r="L25175" s="367"/>
    </row>
    <row r="25176" spans="2:12">
      <c r="B25176" s="367"/>
      <c r="C25176" s="359" t="s">
        <v>29972</v>
      </c>
      <c r="D25176" s="367"/>
      <c r="E25176" s="367"/>
      <c r="F25176" s="367"/>
      <c r="G25176" s="367"/>
      <c r="H25176" s="359" t="s">
        <v>14332</v>
      </c>
      <c r="I25176" s="367"/>
      <c r="J25176" s="365"/>
      <c r="K25176" s="365"/>
      <c r="L25176" s="367"/>
    </row>
    <row r="25177" spans="2:12">
      <c r="B25177" s="367"/>
      <c r="C25177" s="360"/>
      <c r="D25177" s="367"/>
      <c r="E25177" s="367"/>
      <c r="F25177" s="367"/>
      <c r="G25177" s="367"/>
      <c r="H25177" s="360"/>
      <c r="I25177" s="367"/>
      <c r="J25177" s="365"/>
      <c r="K25177" s="365"/>
      <c r="L25177" s="367"/>
    </row>
    <row r="25178" spans="2:12" ht="114">
      <c r="B25178" s="368"/>
      <c r="C25178" s="361" t="s">
        <v>28339</v>
      </c>
      <c r="D25178" s="368"/>
      <c r="E25178" s="368"/>
      <c r="F25178" s="368"/>
      <c r="G25178" s="368"/>
      <c r="H25178" s="362"/>
      <c r="I25178" s="368"/>
      <c r="J25178" s="366"/>
      <c r="K25178" s="366"/>
      <c r="L25178" s="368"/>
    </row>
    <row r="25179" spans="2:12" ht="28.5">
      <c r="B25179" s="358" t="s">
        <v>12461</v>
      </c>
      <c r="C25179" s="358" t="s">
        <v>28340</v>
      </c>
      <c r="D25179" s="358" t="s">
        <v>12462</v>
      </c>
      <c r="E25179" s="358" t="s">
        <v>12463</v>
      </c>
      <c r="F25179" s="358" t="s">
        <v>14376</v>
      </c>
      <c r="G25179" s="358" t="s">
        <v>14669</v>
      </c>
      <c r="H25179" s="358" t="s">
        <v>14381</v>
      </c>
      <c r="I25179" s="358" t="s">
        <v>14669</v>
      </c>
      <c r="J25179" s="358"/>
      <c r="K25179" s="358"/>
      <c r="L25179" s="358" t="s">
        <v>11463</v>
      </c>
    </row>
    <row r="25180" spans="2:12">
      <c r="B25180" s="367"/>
      <c r="C25180" s="360"/>
      <c r="D25180" s="367"/>
      <c r="E25180" s="367"/>
      <c r="F25180" s="367"/>
      <c r="G25180" s="367"/>
      <c r="H25180" s="360"/>
      <c r="I25180" s="367"/>
      <c r="J25180" s="365"/>
      <c r="K25180" s="365"/>
      <c r="L25180" s="367"/>
    </row>
    <row r="25181" spans="2:12">
      <c r="B25181" s="368"/>
      <c r="C25181" s="361" t="s">
        <v>29986</v>
      </c>
      <c r="D25181" s="368"/>
      <c r="E25181" s="368"/>
      <c r="F25181" s="368"/>
      <c r="G25181" s="368"/>
      <c r="H25181" s="361" t="s">
        <v>14332</v>
      </c>
      <c r="I25181" s="368"/>
      <c r="J25181" s="366"/>
      <c r="K25181" s="366"/>
      <c r="L25181" s="368"/>
    </row>
    <row r="25182" spans="2:12" ht="28.5">
      <c r="B25182" s="358" t="s">
        <v>12464</v>
      </c>
      <c r="C25182" s="358" t="s">
        <v>28341</v>
      </c>
      <c r="D25182" s="358" t="s">
        <v>12465</v>
      </c>
      <c r="E25182" s="358" t="s">
        <v>12466</v>
      </c>
      <c r="F25182" s="358" t="s">
        <v>14376</v>
      </c>
      <c r="G25182" s="358" t="s">
        <v>14669</v>
      </c>
      <c r="H25182" s="358" t="s">
        <v>14381</v>
      </c>
      <c r="I25182" s="358" t="s">
        <v>14669</v>
      </c>
      <c r="J25182" s="358"/>
      <c r="K25182" s="358"/>
      <c r="L25182" s="358" t="s">
        <v>11463</v>
      </c>
    </row>
    <row r="25183" spans="2:12">
      <c r="B25183" s="367"/>
      <c r="C25183" s="360"/>
      <c r="D25183" s="367"/>
      <c r="E25183" s="367"/>
      <c r="F25183" s="367"/>
      <c r="G25183" s="367"/>
      <c r="H25183" s="360"/>
      <c r="I25183" s="367"/>
      <c r="J25183" s="365"/>
      <c r="K25183" s="365"/>
      <c r="L25183" s="367"/>
    </row>
    <row r="25184" spans="2:12">
      <c r="B25184" s="368"/>
      <c r="C25184" s="361" t="s">
        <v>29986</v>
      </c>
      <c r="D25184" s="368"/>
      <c r="E25184" s="368"/>
      <c r="F25184" s="368"/>
      <c r="G25184" s="368"/>
      <c r="H25184" s="361" t="s">
        <v>14332</v>
      </c>
      <c r="I25184" s="368"/>
      <c r="J25184" s="366"/>
      <c r="K25184" s="366"/>
      <c r="L25184" s="368"/>
    </row>
    <row r="25185" spans="2:12" ht="28.5">
      <c r="B25185" s="358" t="s">
        <v>12467</v>
      </c>
      <c r="C25185" s="358" t="s">
        <v>28342</v>
      </c>
      <c r="D25185" s="358" t="s">
        <v>12468</v>
      </c>
      <c r="E25185" s="358" t="s">
        <v>12469</v>
      </c>
      <c r="F25185" s="358" t="s">
        <v>14376</v>
      </c>
      <c r="G25185" s="358" t="s">
        <v>14669</v>
      </c>
      <c r="H25185" s="358" t="s">
        <v>14381</v>
      </c>
      <c r="I25185" s="358" t="s">
        <v>14669</v>
      </c>
      <c r="J25185" s="358"/>
      <c r="K25185" s="358"/>
      <c r="L25185" s="358" t="s">
        <v>11463</v>
      </c>
    </row>
    <row r="25186" spans="2:12">
      <c r="B25186" s="367"/>
      <c r="C25186" s="360"/>
      <c r="D25186" s="367"/>
      <c r="E25186" s="367"/>
      <c r="F25186" s="367"/>
      <c r="G25186" s="367"/>
      <c r="H25186" s="360"/>
      <c r="I25186" s="367"/>
      <c r="J25186" s="365"/>
      <c r="K25186" s="365"/>
      <c r="L25186" s="367"/>
    </row>
    <row r="25187" spans="2:12">
      <c r="B25187" s="368"/>
      <c r="C25187" s="361" t="s">
        <v>29986</v>
      </c>
      <c r="D25187" s="368"/>
      <c r="E25187" s="368"/>
      <c r="F25187" s="368"/>
      <c r="G25187" s="368"/>
      <c r="H25187" s="361" t="s">
        <v>14332</v>
      </c>
      <c r="I25187" s="368"/>
      <c r="J25187" s="366"/>
      <c r="K25187" s="366"/>
      <c r="L25187" s="368"/>
    </row>
    <row r="25188" spans="2:12" ht="28.5">
      <c r="B25188" s="358" t="s">
        <v>12470</v>
      </c>
      <c r="C25188" s="358" t="s">
        <v>28343</v>
      </c>
      <c r="D25188" s="358" t="s">
        <v>12471</v>
      </c>
      <c r="E25188" s="358" t="s">
        <v>12472</v>
      </c>
      <c r="F25188" s="358" t="s">
        <v>14376</v>
      </c>
      <c r="G25188" s="358" t="s">
        <v>14669</v>
      </c>
      <c r="H25188" s="358" t="s">
        <v>14381</v>
      </c>
      <c r="I25188" s="358" t="s">
        <v>14669</v>
      </c>
      <c r="J25188" s="358"/>
      <c r="K25188" s="358"/>
      <c r="L25188" s="358" t="s">
        <v>11463</v>
      </c>
    </row>
    <row r="25189" spans="2:12">
      <c r="B25189" s="367"/>
      <c r="C25189" s="360"/>
      <c r="D25189" s="367"/>
      <c r="E25189" s="367"/>
      <c r="F25189" s="367"/>
      <c r="G25189" s="367"/>
      <c r="H25189" s="360"/>
      <c r="I25189" s="367"/>
      <c r="J25189" s="365"/>
      <c r="K25189" s="365"/>
      <c r="L25189" s="367"/>
    </row>
    <row r="25190" spans="2:12">
      <c r="B25190" s="368"/>
      <c r="C25190" s="361" t="s">
        <v>29986</v>
      </c>
      <c r="D25190" s="368"/>
      <c r="E25190" s="368"/>
      <c r="F25190" s="368"/>
      <c r="G25190" s="368"/>
      <c r="H25190" s="361" t="s">
        <v>14332</v>
      </c>
      <c r="I25190" s="368"/>
      <c r="J25190" s="366"/>
      <c r="K25190" s="366"/>
      <c r="L25190" s="368"/>
    </row>
    <row r="25191" spans="2:12" ht="28.5">
      <c r="B25191" s="358" t="s">
        <v>12474</v>
      </c>
      <c r="C25191" s="358" t="s">
        <v>29993</v>
      </c>
      <c r="D25191" s="358" t="s">
        <v>12475</v>
      </c>
      <c r="E25191" s="358" t="s">
        <v>12476</v>
      </c>
      <c r="F25191" s="358" t="s">
        <v>14376</v>
      </c>
      <c r="G25191" s="358" t="s">
        <v>14669</v>
      </c>
      <c r="H25191" s="358" t="s">
        <v>14381</v>
      </c>
      <c r="I25191" s="358" t="s">
        <v>14669</v>
      </c>
      <c r="J25191" s="358"/>
      <c r="K25191" s="358"/>
      <c r="L25191" s="358" t="s">
        <v>11463</v>
      </c>
    </row>
    <row r="25192" spans="2:12">
      <c r="B25192" s="367"/>
      <c r="C25192" s="360"/>
      <c r="D25192" s="367"/>
      <c r="E25192" s="367"/>
      <c r="F25192" s="367"/>
      <c r="G25192" s="367"/>
      <c r="H25192" s="360"/>
      <c r="I25192" s="367"/>
      <c r="J25192" s="365"/>
      <c r="K25192" s="365"/>
      <c r="L25192" s="367"/>
    </row>
    <row r="25193" spans="2:12" ht="95.25" customHeight="1">
      <c r="B25193" s="368"/>
      <c r="C25193" s="361" t="s">
        <v>30911</v>
      </c>
      <c r="D25193" s="368"/>
      <c r="E25193" s="368"/>
      <c r="F25193" s="368"/>
      <c r="G25193" s="368"/>
      <c r="H25193" s="361" t="s">
        <v>14332</v>
      </c>
      <c r="I25193" s="368"/>
      <c r="J25193" s="366"/>
      <c r="K25193" s="366"/>
      <c r="L25193" s="368"/>
    </row>
    <row r="25194" spans="2:12" ht="114">
      <c r="B25194" s="358" t="s">
        <v>12478</v>
      </c>
      <c r="C25194" s="358" t="s">
        <v>30912</v>
      </c>
      <c r="D25194" s="358" t="s">
        <v>12479</v>
      </c>
      <c r="E25194" s="358" t="s">
        <v>12480</v>
      </c>
      <c r="F25194" s="358" t="s">
        <v>14376</v>
      </c>
      <c r="G25194" s="358" t="s">
        <v>14669</v>
      </c>
      <c r="H25194" s="358" t="s">
        <v>14381</v>
      </c>
      <c r="I25194" s="358" t="s">
        <v>14669</v>
      </c>
      <c r="J25194" s="358"/>
      <c r="K25194" s="358"/>
      <c r="L25194" s="358" t="s">
        <v>11463</v>
      </c>
    </row>
    <row r="25195" spans="2:12">
      <c r="B25195" s="367"/>
      <c r="C25195" s="367"/>
      <c r="D25195" s="367"/>
      <c r="E25195" s="367"/>
      <c r="F25195" s="367"/>
      <c r="G25195" s="367"/>
      <c r="H25195" s="360"/>
      <c r="I25195" s="367"/>
      <c r="J25195" s="365"/>
      <c r="K25195" s="365"/>
      <c r="L25195" s="367"/>
    </row>
    <row r="25196" spans="2:12">
      <c r="B25196" s="368"/>
      <c r="C25196" s="368"/>
      <c r="D25196" s="368"/>
      <c r="E25196" s="368"/>
      <c r="F25196" s="368"/>
      <c r="G25196" s="368"/>
      <c r="H25196" s="361" t="s">
        <v>14332</v>
      </c>
      <c r="I25196" s="368"/>
      <c r="J25196" s="366"/>
      <c r="K25196" s="366"/>
      <c r="L25196" s="368"/>
    </row>
    <row r="25197" spans="2:12" ht="28.5">
      <c r="B25197" s="358" t="s">
        <v>12481</v>
      </c>
      <c r="C25197" s="358" t="s">
        <v>28344</v>
      </c>
      <c r="D25197" s="358" t="s">
        <v>12482</v>
      </c>
      <c r="E25197" s="358" t="s">
        <v>12483</v>
      </c>
      <c r="F25197" s="358" t="s">
        <v>14376</v>
      </c>
      <c r="G25197" s="358" t="s">
        <v>14669</v>
      </c>
      <c r="H25197" s="358" t="s">
        <v>14381</v>
      </c>
      <c r="I25197" s="358" t="s">
        <v>14669</v>
      </c>
      <c r="J25197" s="358"/>
      <c r="K25197" s="358"/>
      <c r="L25197" s="358" t="s">
        <v>11463</v>
      </c>
    </row>
    <row r="25198" spans="2:12">
      <c r="B25198" s="367"/>
      <c r="C25198" s="360"/>
      <c r="D25198" s="367"/>
      <c r="E25198" s="367"/>
      <c r="F25198" s="367"/>
      <c r="G25198" s="367"/>
      <c r="H25198" s="360"/>
      <c r="I25198" s="367"/>
      <c r="J25198" s="365"/>
      <c r="K25198" s="365"/>
      <c r="L25198" s="367"/>
    </row>
    <row r="25199" spans="2:12">
      <c r="B25199" s="368"/>
      <c r="C25199" s="361" t="s">
        <v>29986</v>
      </c>
      <c r="D25199" s="368"/>
      <c r="E25199" s="368"/>
      <c r="F25199" s="368"/>
      <c r="G25199" s="368"/>
      <c r="H25199" s="361" t="s">
        <v>14332</v>
      </c>
      <c r="I25199" s="368"/>
      <c r="J25199" s="366"/>
      <c r="K25199" s="366"/>
      <c r="L25199" s="368"/>
    </row>
    <row r="25200" spans="2:12" ht="42.75">
      <c r="B25200" s="358" t="s">
        <v>12484</v>
      </c>
      <c r="C25200" s="358" t="s">
        <v>30913</v>
      </c>
      <c r="D25200" s="358" t="s">
        <v>12485</v>
      </c>
      <c r="E25200" s="358" t="s">
        <v>12486</v>
      </c>
      <c r="F25200" s="358" t="s">
        <v>14376</v>
      </c>
      <c r="G25200" s="358" t="s">
        <v>14669</v>
      </c>
      <c r="H25200" s="358" t="s">
        <v>14381</v>
      </c>
      <c r="I25200" s="358" t="s">
        <v>14669</v>
      </c>
      <c r="J25200" s="358"/>
      <c r="K25200" s="358"/>
      <c r="L25200" s="358" t="s">
        <v>11463</v>
      </c>
    </row>
    <row r="25201" spans="2:12">
      <c r="B25201" s="367"/>
      <c r="C25201" s="360"/>
      <c r="D25201" s="367"/>
      <c r="E25201" s="367"/>
      <c r="F25201" s="367"/>
      <c r="G25201" s="367"/>
      <c r="H25201" s="360"/>
      <c r="I25201" s="367"/>
      <c r="J25201" s="365"/>
      <c r="K25201" s="365"/>
      <c r="L25201" s="367"/>
    </row>
    <row r="25202" spans="2:12" ht="142.5">
      <c r="B25202" s="368"/>
      <c r="C25202" s="361" t="s">
        <v>30914</v>
      </c>
      <c r="D25202" s="368"/>
      <c r="E25202" s="368"/>
      <c r="F25202" s="368"/>
      <c r="G25202" s="368"/>
      <c r="H25202" s="361" t="s">
        <v>14332</v>
      </c>
      <c r="I25202" s="368"/>
      <c r="J25202" s="366"/>
      <c r="K25202" s="366"/>
      <c r="L25202" s="368"/>
    </row>
    <row r="25203" spans="2:12" ht="28.5">
      <c r="B25203" s="358" t="s">
        <v>12487</v>
      </c>
      <c r="C25203" s="358" t="s">
        <v>28345</v>
      </c>
      <c r="D25203" s="358" t="s">
        <v>12488</v>
      </c>
      <c r="E25203" s="358" t="s">
        <v>12489</v>
      </c>
      <c r="F25203" s="358" t="s">
        <v>14376</v>
      </c>
      <c r="G25203" s="358" t="s">
        <v>14669</v>
      </c>
      <c r="H25203" s="358" t="s">
        <v>14381</v>
      </c>
      <c r="I25203" s="358" t="s">
        <v>14669</v>
      </c>
      <c r="J25203" s="358"/>
      <c r="K25203" s="358"/>
      <c r="L25203" s="358" t="s">
        <v>11463</v>
      </c>
    </row>
    <row r="25204" spans="2:12">
      <c r="B25204" s="367"/>
      <c r="C25204" s="360"/>
      <c r="D25204" s="367"/>
      <c r="E25204" s="367"/>
      <c r="F25204" s="367"/>
      <c r="G25204" s="367"/>
      <c r="H25204" s="360"/>
      <c r="I25204" s="367"/>
      <c r="J25204" s="365"/>
      <c r="K25204" s="365"/>
      <c r="L25204" s="367"/>
    </row>
    <row r="25205" spans="2:12">
      <c r="B25205" s="367"/>
      <c r="C25205" s="359" t="s">
        <v>29972</v>
      </c>
      <c r="D25205" s="367"/>
      <c r="E25205" s="367"/>
      <c r="F25205" s="367"/>
      <c r="G25205" s="367"/>
      <c r="H25205" s="359" t="s">
        <v>14332</v>
      </c>
      <c r="I25205" s="367"/>
      <c r="J25205" s="365"/>
      <c r="K25205" s="365"/>
      <c r="L25205" s="367"/>
    </row>
    <row r="25206" spans="2:12">
      <c r="B25206" s="367"/>
      <c r="C25206" s="360"/>
      <c r="D25206" s="367"/>
      <c r="E25206" s="367"/>
      <c r="F25206" s="367"/>
      <c r="G25206" s="367"/>
      <c r="H25206" s="360"/>
      <c r="I25206" s="367"/>
      <c r="J25206" s="365"/>
      <c r="K25206" s="365"/>
      <c r="L25206" s="367"/>
    </row>
    <row r="25207" spans="2:12" ht="128.25">
      <c r="B25207" s="368"/>
      <c r="C25207" s="361" t="s">
        <v>28346</v>
      </c>
      <c r="D25207" s="368"/>
      <c r="E25207" s="368"/>
      <c r="F25207" s="368"/>
      <c r="G25207" s="368"/>
      <c r="H25207" s="362"/>
      <c r="I25207" s="368"/>
      <c r="J25207" s="366"/>
      <c r="K25207" s="366"/>
      <c r="L25207" s="368"/>
    </row>
    <row r="25208" spans="2:12">
      <c r="B25208" s="358" t="s">
        <v>12490</v>
      </c>
      <c r="C25208" s="358" t="s">
        <v>28347</v>
      </c>
      <c r="D25208" s="358" t="s">
        <v>12491</v>
      </c>
      <c r="E25208" s="358" t="s">
        <v>12492</v>
      </c>
      <c r="F25208" s="358" t="s">
        <v>14376</v>
      </c>
      <c r="G25208" s="358" t="s">
        <v>14669</v>
      </c>
      <c r="H25208" s="358" t="s">
        <v>14381</v>
      </c>
      <c r="I25208" s="358" t="s">
        <v>14669</v>
      </c>
      <c r="J25208" s="358"/>
      <c r="K25208" s="358"/>
      <c r="L25208" s="358" t="s">
        <v>11463</v>
      </c>
    </row>
    <row r="25209" spans="2:12">
      <c r="B25209" s="367"/>
      <c r="C25209" s="360"/>
      <c r="D25209" s="367"/>
      <c r="E25209" s="367"/>
      <c r="F25209" s="367"/>
      <c r="G25209" s="367"/>
      <c r="H25209" s="360"/>
      <c r="I25209" s="367"/>
      <c r="J25209" s="365"/>
      <c r="K25209" s="365"/>
      <c r="L25209" s="367"/>
    </row>
    <row r="25210" spans="2:12">
      <c r="B25210" s="367"/>
      <c r="C25210" s="359" t="s">
        <v>29972</v>
      </c>
      <c r="D25210" s="367"/>
      <c r="E25210" s="367"/>
      <c r="F25210" s="367"/>
      <c r="G25210" s="367"/>
      <c r="H25210" s="359" t="s">
        <v>14332</v>
      </c>
      <c r="I25210" s="367"/>
      <c r="J25210" s="365"/>
      <c r="K25210" s="365"/>
      <c r="L25210" s="367"/>
    </row>
    <row r="25211" spans="2:12">
      <c r="B25211" s="367"/>
      <c r="C25211" s="360"/>
      <c r="D25211" s="367"/>
      <c r="E25211" s="367"/>
      <c r="F25211" s="367"/>
      <c r="G25211" s="367"/>
      <c r="H25211" s="360"/>
      <c r="I25211" s="367"/>
      <c r="J25211" s="365"/>
      <c r="K25211" s="365"/>
      <c r="L25211" s="367"/>
    </row>
    <row r="25212" spans="2:12" ht="99.75">
      <c r="B25212" s="368"/>
      <c r="C25212" s="361" t="s">
        <v>28348</v>
      </c>
      <c r="D25212" s="368"/>
      <c r="E25212" s="368"/>
      <c r="F25212" s="368"/>
      <c r="G25212" s="368"/>
      <c r="H25212" s="362"/>
      <c r="I25212" s="368"/>
      <c r="J25212" s="366"/>
      <c r="K25212" s="366"/>
      <c r="L25212" s="368"/>
    </row>
    <row r="25213" spans="2:12">
      <c r="B25213" s="358" t="s">
        <v>12493</v>
      </c>
      <c r="C25213" s="358" t="s">
        <v>28349</v>
      </c>
      <c r="D25213" s="358" t="s">
        <v>12494</v>
      </c>
      <c r="E25213" s="358" t="s">
        <v>12495</v>
      </c>
      <c r="F25213" s="358" t="s">
        <v>14376</v>
      </c>
      <c r="G25213" s="358" t="s">
        <v>14669</v>
      </c>
      <c r="H25213" s="358" t="s">
        <v>14381</v>
      </c>
      <c r="I25213" s="358" t="s">
        <v>14669</v>
      </c>
      <c r="J25213" s="358"/>
      <c r="K25213" s="358"/>
      <c r="L25213" s="358" t="s">
        <v>11463</v>
      </c>
    </row>
    <row r="25214" spans="2:12">
      <c r="B25214" s="367"/>
      <c r="C25214" s="360"/>
      <c r="D25214" s="367"/>
      <c r="E25214" s="367"/>
      <c r="F25214" s="367"/>
      <c r="G25214" s="367"/>
      <c r="H25214" s="360"/>
      <c r="I25214" s="367"/>
      <c r="J25214" s="365"/>
      <c r="K25214" s="365"/>
      <c r="L25214" s="367"/>
    </row>
    <row r="25215" spans="2:12">
      <c r="B25215" s="367"/>
      <c r="C25215" s="359" t="s">
        <v>29972</v>
      </c>
      <c r="D25215" s="367"/>
      <c r="E25215" s="367"/>
      <c r="F25215" s="367"/>
      <c r="G25215" s="367"/>
      <c r="H25215" s="359" t="s">
        <v>14332</v>
      </c>
      <c r="I25215" s="367"/>
      <c r="J25215" s="365"/>
      <c r="K25215" s="365"/>
      <c r="L25215" s="367"/>
    </row>
    <row r="25216" spans="2:12">
      <c r="B25216" s="367"/>
      <c r="C25216" s="360"/>
      <c r="D25216" s="367"/>
      <c r="E25216" s="367"/>
      <c r="F25216" s="367"/>
      <c r="G25216" s="367"/>
      <c r="H25216" s="360"/>
      <c r="I25216" s="367"/>
      <c r="J25216" s="365"/>
      <c r="K25216" s="365"/>
      <c r="L25216" s="367"/>
    </row>
    <row r="25217" spans="2:12" ht="99.75">
      <c r="B25217" s="368"/>
      <c r="C25217" s="361" t="s">
        <v>30915</v>
      </c>
      <c r="D25217" s="368"/>
      <c r="E25217" s="368"/>
      <c r="F25217" s="368"/>
      <c r="G25217" s="368"/>
      <c r="H25217" s="362"/>
      <c r="I25217" s="368"/>
      <c r="J25217" s="366"/>
      <c r="K25217" s="366"/>
      <c r="L25217" s="368"/>
    </row>
    <row r="25218" spans="2:12">
      <c r="B25218" s="358" t="s">
        <v>12496</v>
      </c>
      <c r="C25218" s="358" t="s">
        <v>28350</v>
      </c>
      <c r="D25218" s="358" t="s">
        <v>12497</v>
      </c>
      <c r="E25218" s="358" t="s">
        <v>12498</v>
      </c>
      <c r="F25218" s="358" t="s">
        <v>14376</v>
      </c>
      <c r="G25218" s="358" t="s">
        <v>14669</v>
      </c>
      <c r="H25218" s="358" t="s">
        <v>14381</v>
      </c>
      <c r="I25218" s="358" t="s">
        <v>14669</v>
      </c>
      <c r="J25218" s="358"/>
      <c r="K25218" s="358"/>
      <c r="L25218" s="358" t="s">
        <v>11463</v>
      </c>
    </row>
    <row r="25219" spans="2:12">
      <c r="B25219" s="367"/>
      <c r="C25219" s="360"/>
      <c r="D25219" s="367"/>
      <c r="E25219" s="367"/>
      <c r="F25219" s="367"/>
      <c r="G25219" s="367"/>
      <c r="H25219" s="360"/>
      <c r="I25219" s="367"/>
      <c r="J25219" s="365"/>
      <c r="K25219" s="365"/>
      <c r="L25219" s="367"/>
    </row>
    <row r="25220" spans="2:12">
      <c r="B25220" s="368"/>
      <c r="C25220" s="361" t="s">
        <v>29986</v>
      </c>
      <c r="D25220" s="368"/>
      <c r="E25220" s="368"/>
      <c r="F25220" s="368"/>
      <c r="G25220" s="368"/>
      <c r="H25220" s="361" t="s">
        <v>14332</v>
      </c>
      <c r="I25220" s="368"/>
      <c r="J25220" s="366"/>
      <c r="K25220" s="366"/>
      <c r="L25220" s="368"/>
    </row>
    <row r="25221" spans="2:12" ht="28.5">
      <c r="B25221" s="358" t="s">
        <v>12499</v>
      </c>
      <c r="C25221" s="358" t="s">
        <v>30916</v>
      </c>
      <c r="D25221" s="358" t="s">
        <v>12500</v>
      </c>
      <c r="E25221" s="358" t="s">
        <v>12501</v>
      </c>
      <c r="F25221" s="358" t="s">
        <v>14376</v>
      </c>
      <c r="G25221" s="358" t="s">
        <v>14669</v>
      </c>
      <c r="H25221" s="358" t="s">
        <v>14381</v>
      </c>
      <c r="I25221" s="358" t="s">
        <v>14669</v>
      </c>
      <c r="J25221" s="358"/>
      <c r="K25221" s="358"/>
      <c r="L25221" s="358" t="s">
        <v>11463</v>
      </c>
    </row>
    <row r="25222" spans="2:12">
      <c r="B25222" s="367"/>
      <c r="C25222" s="367"/>
      <c r="D25222" s="367"/>
      <c r="E25222" s="367"/>
      <c r="F25222" s="367"/>
      <c r="G25222" s="367"/>
      <c r="H25222" s="360"/>
      <c r="I25222" s="367"/>
      <c r="J25222" s="365"/>
      <c r="K25222" s="365"/>
      <c r="L25222" s="367"/>
    </row>
    <row r="25223" spans="2:12">
      <c r="B25223" s="368"/>
      <c r="C25223" s="368"/>
      <c r="D25223" s="368"/>
      <c r="E25223" s="368"/>
      <c r="F25223" s="368"/>
      <c r="G25223" s="368"/>
      <c r="H25223" s="361" t="s">
        <v>14332</v>
      </c>
      <c r="I25223" s="368"/>
      <c r="J25223" s="366"/>
      <c r="K25223" s="366"/>
      <c r="L25223" s="368"/>
    </row>
    <row r="25224" spans="2:12">
      <c r="B25224" s="358" t="s">
        <v>12502</v>
      </c>
      <c r="C25224" s="358" t="s">
        <v>28351</v>
      </c>
      <c r="D25224" s="358" t="s">
        <v>12503</v>
      </c>
      <c r="E25224" s="358" t="s">
        <v>12504</v>
      </c>
      <c r="F25224" s="358" t="s">
        <v>14376</v>
      </c>
      <c r="G25224" s="358" t="s">
        <v>14669</v>
      </c>
      <c r="H25224" s="358" t="s">
        <v>14381</v>
      </c>
      <c r="I25224" s="358" t="s">
        <v>14669</v>
      </c>
      <c r="J25224" s="358"/>
      <c r="K25224" s="358"/>
      <c r="L25224" s="358" t="s">
        <v>11463</v>
      </c>
    </row>
    <row r="25225" spans="2:12">
      <c r="B25225" s="367"/>
      <c r="C25225" s="360"/>
      <c r="D25225" s="367"/>
      <c r="E25225" s="367"/>
      <c r="F25225" s="367"/>
      <c r="G25225" s="367"/>
      <c r="H25225" s="360"/>
      <c r="I25225" s="367"/>
      <c r="J25225" s="365"/>
      <c r="K25225" s="365"/>
      <c r="L25225" s="367"/>
    </row>
    <row r="25226" spans="2:12">
      <c r="B25226" s="368"/>
      <c r="C25226" s="361" t="s">
        <v>29986</v>
      </c>
      <c r="D25226" s="368"/>
      <c r="E25226" s="368"/>
      <c r="F25226" s="368"/>
      <c r="G25226" s="368"/>
      <c r="H25226" s="361" t="s">
        <v>14332</v>
      </c>
      <c r="I25226" s="368"/>
      <c r="J25226" s="366"/>
      <c r="K25226" s="366"/>
      <c r="L25226" s="368"/>
    </row>
    <row r="25227" spans="2:12">
      <c r="B25227" s="358" t="s">
        <v>12505</v>
      </c>
      <c r="C25227" s="358" t="s">
        <v>28352</v>
      </c>
      <c r="D25227" s="358" t="s">
        <v>12506</v>
      </c>
      <c r="E25227" s="358" t="s">
        <v>12507</v>
      </c>
      <c r="F25227" s="358" t="s">
        <v>14376</v>
      </c>
      <c r="G25227" s="358" t="s">
        <v>14669</v>
      </c>
      <c r="H25227" s="358" t="s">
        <v>14381</v>
      </c>
      <c r="I25227" s="358" t="s">
        <v>14669</v>
      </c>
      <c r="J25227" s="358"/>
      <c r="K25227" s="358"/>
      <c r="L25227" s="358" t="s">
        <v>11463</v>
      </c>
    </row>
    <row r="25228" spans="2:12">
      <c r="B25228" s="367"/>
      <c r="C25228" s="360"/>
      <c r="D25228" s="367"/>
      <c r="E25228" s="367"/>
      <c r="F25228" s="367"/>
      <c r="G25228" s="367"/>
      <c r="H25228" s="360"/>
      <c r="I25228" s="367"/>
      <c r="J25228" s="365"/>
      <c r="K25228" s="365"/>
      <c r="L25228" s="367"/>
    </row>
    <row r="25229" spans="2:12">
      <c r="B25229" s="368"/>
      <c r="C25229" s="361" t="s">
        <v>29986</v>
      </c>
      <c r="D25229" s="368"/>
      <c r="E25229" s="368"/>
      <c r="F25229" s="368"/>
      <c r="G25229" s="368"/>
      <c r="H25229" s="361" t="s">
        <v>14332</v>
      </c>
      <c r="I25229" s="368"/>
      <c r="J25229" s="366"/>
      <c r="K25229" s="366"/>
      <c r="L25229" s="368"/>
    </row>
    <row r="25230" spans="2:12">
      <c r="B25230" s="358" t="s">
        <v>12508</v>
      </c>
      <c r="C25230" s="358" t="s">
        <v>28353</v>
      </c>
      <c r="D25230" s="358" t="s">
        <v>12509</v>
      </c>
      <c r="E25230" s="358" t="s">
        <v>12510</v>
      </c>
      <c r="F25230" s="358" t="s">
        <v>14376</v>
      </c>
      <c r="G25230" s="358" t="s">
        <v>14669</v>
      </c>
      <c r="H25230" s="358" t="s">
        <v>14381</v>
      </c>
      <c r="I25230" s="358" t="s">
        <v>14669</v>
      </c>
      <c r="J25230" s="358"/>
      <c r="K25230" s="358"/>
      <c r="L25230" s="358" t="s">
        <v>11463</v>
      </c>
    </row>
    <row r="25231" spans="2:12">
      <c r="B25231" s="367"/>
      <c r="C25231" s="360"/>
      <c r="D25231" s="367"/>
      <c r="E25231" s="367"/>
      <c r="F25231" s="367"/>
      <c r="G25231" s="367"/>
      <c r="H25231" s="360"/>
      <c r="I25231" s="367"/>
      <c r="J25231" s="365"/>
      <c r="K25231" s="365"/>
      <c r="L25231" s="367"/>
    </row>
    <row r="25232" spans="2:12">
      <c r="B25232" s="368"/>
      <c r="C25232" s="361" t="s">
        <v>29986</v>
      </c>
      <c r="D25232" s="368"/>
      <c r="E25232" s="368"/>
      <c r="F25232" s="368"/>
      <c r="G25232" s="368"/>
      <c r="H25232" s="361" t="s">
        <v>14332</v>
      </c>
      <c r="I25232" s="368"/>
      <c r="J25232" s="366"/>
      <c r="K25232" s="366"/>
      <c r="L25232" s="368"/>
    </row>
    <row r="25233" spans="2:12">
      <c r="B25233" s="358" t="s">
        <v>12511</v>
      </c>
      <c r="C25233" s="358" t="s">
        <v>28354</v>
      </c>
      <c r="D25233" s="358" t="s">
        <v>12512</v>
      </c>
      <c r="E25233" s="358" t="s">
        <v>12513</v>
      </c>
      <c r="F25233" s="358" t="s">
        <v>14376</v>
      </c>
      <c r="G25233" s="358" t="s">
        <v>14669</v>
      </c>
      <c r="H25233" s="358" t="s">
        <v>14381</v>
      </c>
      <c r="I25233" s="358" t="s">
        <v>14669</v>
      </c>
      <c r="J25233" s="358"/>
      <c r="K25233" s="358"/>
      <c r="L25233" s="358" t="s">
        <v>11463</v>
      </c>
    </row>
    <row r="25234" spans="2:12">
      <c r="B25234" s="367"/>
      <c r="C25234" s="360"/>
      <c r="D25234" s="367"/>
      <c r="E25234" s="367"/>
      <c r="F25234" s="367"/>
      <c r="G25234" s="367"/>
      <c r="H25234" s="360"/>
      <c r="I25234" s="367"/>
      <c r="J25234" s="365"/>
      <c r="K25234" s="365"/>
      <c r="L25234" s="367"/>
    </row>
    <row r="25235" spans="2:12">
      <c r="B25235" s="368"/>
      <c r="C25235" s="361" t="s">
        <v>29986</v>
      </c>
      <c r="D25235" s="368"/>
      <c r="E25235" s="368"/>
      <c r="F25235" s="368"/>
      <c r="G25235" s="368"/>
      <c r="H25235" s="361" t="s">
        <v>14332</v>
      </c>
      <c r="I25235" s="368"/>
      <c r="J25235" s="366"/>
      <c r="K25235" s="366"/>
      <c r="L25235" s="368"/>
    </row>
    <row r="25236" spans="2:12" ht="28.5">
      <c r="B25236" s="358" t="s">
        <v>12516</v>
      </c>
      <c r="C25236" s="358" t="s">
        <v>29994</v>
      </c>
      <c r="D25236" s="358" t="s">
        <v>12517</v>
      </c>
      <c r="E25236" s="358" t="s">
        <v>12518</v>
      </c>
      <c r="F25236" s="358" t="s">
        <v>14376</v>
      </c>
      <c r="G25236" s="358" t="s">
        <v>14669</v>
      </c>
      <c r="H25236" s="358" t="s">
        <v>14381</v>
      </c>
      <c r="I25236" s="358" t="s">
        <v>14669</v>
      </c>
      <c r="J25236" s="358"/>
      <c r="K25236" s="358"/>
      <c r="L25236" s="358" t="s">
        <v>11463</v>
      </c>
    </row>
    <row r="25237" spans="2:12">
      <c r="B25237" s="367"/>
      <c r="C25237" s="360"/>
      <c r="D25237" s="367"/>
      <c r="E25237" s="367"/>
      <c r="F25237" s="367"/>
      <c r="G25237" s="367"/>
      <c r="H25237" s="360"/>
      <c r="I25237" s="367"/>
      <c r="J25237" s="365"/>
      <c r="K25237" s="365"/>
      <c r="L25237" s="367"/>
    </row>
    <row r="25238" spans="2:12" ht="57">
      <c r="B25238" s="368"/>
      <c r="C25238" s="361" t="s">
        <v>26402</v>
      </c>
      <c r="D25238" s="368"/>
      <c r="E25238" s="368"/>
      <c r="F25238" s="368"/>
      <c r="G25238" s="368"/>
      <c r="H25238" s="361" t="s">
        <v>14332</v>
      </c>
      <c r="I25238" s="368"/>
      <c r="J25238" s="366"/>
      <c r="K25238" s="366"/>
      <c r="L25238" s="368"/>
    </row>
    <row r="25239" spans="2:12" ht="28.5">
      <c r="B25239" s="358" t="s">
        <v>12521</v>
      </c>
      <c r="C25239" s="358" t="s">
        <v>26403</v>
      </c>
      <c r="D25239" s="358" t="s">
        <v>12522</v>
      </c>
      <c r="E25239" s="358" t="s">
        <v>12523</v>
      </c>
      <c r="F25239" s="358" t="s">
        <v>14376</v>
      </c>
      <c r="G25239" s="358" t="s">
        <v>14669</v>
      </c>
      <c r="H25239" s="358" t="s">
        <v>14381</v>
      </c>
      <c r="I25239" s="358" t="s">
        <v>14669</v>
      </c>
      <c r="J25239" s="358"/>
      <c r="K25239" s="358"/>
      <c r="L25239" s="358" t="s">
        <v>11463</v>
      </c>
    </row>
    <row r="25240" spans="2:12">
      <c r="B25240" s="367"/>
      <c r="C25240" s="360"/>
      <c r="D25240" s="367"/>
      <c r="E25240" s="367"/>
      <c r="F25240" s="367"/>
      <c r="G25240" s="367"/>
      <c r="H25240" s="360"/>
      <c r="I25240" s="367"/>
      <c r="J25240" s="365"/>
      <c r="K25240" s="365"/>
      <c r="L25240" s="367"/>
    </row>
    <row r="25241" spans="2:12">
      <c r="B25241" s="367"/>
      <c r="C25241" s="359" t="s">
        <v>29972</v>
      </c>
      <c r="D25241" s="367"/>
      <c r="E25241" s="367"/>
      <c r="F25241" s="367"/>
      <c r="G25241" s="367"/>
      <c r="H25241" s="359" t="s">
        <v>14332</v>
      </c>
      <c r="I25241" s="367"/>
      <c r="J25241" s="365"/>
      <c r="K25241" s="365"/>
      <c r="L25241" s="367"/>
    </row>
    <row r="25242" spans="2:12">
      <c r="B25242" s="367"/>
      <c r="C25242" s="360"/>
      <c r="D25242" s="367"/>
      <c r="E25242" s="367"/>
      <c r="F25242" s="367"/>
      <c r="G25242" s="367"/>
      <c r="H25242" s="360"/>
      <c r="I25242" s="367"/>
      <c r="J25242" s="365"/>
      <c r="K25242" s="365"/>
      <c r="L25242" s="367"/>
    </row>
    <row r="25243" spans="2:12" ht="57">
      <c r="B25243" s="368"/>
      <c r="C25243" s="361" t="s">
        <v>26404</v>
      </c>
      <c r="D25243" s="368"/>
      <c r="E25243" s="368"/>
      <c r="F25243" s="368"/>
      <c r="G25243" s="368"/>
      <c r="H25243" s="362"/>
      <c r="I25243" s="368"/>
      <c r="J25243" s="366"/>
      <c r="K25243" s="366"/>
      <c r="L25243" s="368"/>
    </row>
    <row r="25244" spans="2:12" ht="28.5">
      <c r="B25244" s="358" t="s">
        <v>12524</v>
      </c>
      <c r="C25244" s="358" t="s">
        <v>28355</v>
      </c>
      <c r="D25244" s="358" t="s">
        <v>12525</v>
      </c>
      <c r="E25244" s="358" t="s">
        <v>12526</v>
      </c>
      <c r="F25244" s="358" t="s">
        <v>14376</v>
      </c>
      <c r="G25244" s="358" t="s">
        <v>14669</v>
      </c>
      <c r="H25244" s="358" t="s">
        <v>14381</v>
      </c>
      <c r="I25244" s="358" t="s">
        <v>14669</v>
      </c>
      <c r="J25244" s="358"/>
      <c r="K25244" s="358"/>
      <c r="L25244" s="358" t="s">
        <v>11463</v>
      </c>
    </row>
    <row r="25245" spans="2:12">
      <c r="B25245" s="367"/>
      <c r="C25245" s="360"/>
      <c r="D25245" s="367"/>
      <c r="E25245" s="367"/>
      <c r="F25245" s="367"/>
      <c r="G25245" s="367"/>
      <c r="H25245" s="360"/>
      <c r="I25245" s="367"/>
      <c r="J25245" s="365"/>
      <c r="K25245" s="365"/>
      <c r="L25245" s="367"/>
    </row>
    <row r="25246" spans="2:12">
      <c r="B25246" s="367"/>
      <c r="C25246" s="359" t="s">
        <v>29972</v>
      </c>
      <c r="D25246" s="367"/>
      <c r="E25246" s="367"/>
      <c r="F25246" s="367"/>
      <c r="G25246" s="367"/>
      <c r="H25246" s="359" t="s">
        <v>14332</v>
      </c>
      <c r="I25246" s="367"/>
      <c r="J25246" s="365"/>
      <c r="K25246" s="365"/>
      <c r="L25246" s="367"/>
    </row>
    <row r="25247" spans="2:12">
      <c r="B25247" s="367"/>
      <c r="C25247" s="360"/>
      <c r="D25247" s="367"/>
      <c r="E25247" s="367"/>
      <c r="F25247" s="367"/>
      <c r="G25247" s="367"/>
      <c r="H25247" s="360"/>
      <c r="I25247" s="367"/>
      <c r="J25247" s="365"/>
      <c r="K25247" s="365"/>
      <c r="L25247" s="367"/>
    </row>
    <row r="25248" spans="2:12" ht="99.75">
      <c r="B25248" s="368"/>
      <c r="C25248" s="361" t="s">
        <v>28356</v>
      </c>
      <c r="D25248" s="368"/>
      <c r="E25248" s="368"/>
      <c r="F25248" s="368"/>
      <c r="G25248" s="368"/>
      <c r="H25248" s="362"/>
      <c r="I25248" s="368"/>
      <c r="J25248" s="366"/>
      <c r="K25248" s="366"/>
      <c r="L25248" s="368"/>
    </row>
    <row r="25249" spans="2:12" ht="28.5">
      <c r="B25249" s="358" t="s">
        <v>12527</v>
      </c>
      <c r="C25249" s="358" t="s">
        <v>28357</v>
      </c>
      <c r="D25249" s="358" t="s">
        <v>12528</v>
      </c>
      <c r="E25249" s="358" t="s">
        <v>12529</v>
      </c>
      <c r="F25249" s="358" t="s">
        <v>14376</v>
      </c>
      <c r="G25249" s="358" t="s">
        <v>14669</v>
      </c>
      <c r="H25249" s="358" t="s">
        <v>14381</v>
      </c>
      <c r="I25249" s="358" t="s">
        <v>14669</v>
      </c>
      <c r="J25249" s="358"/>
      <c r="K25249" s="358"/>
      <c r="L25249" s="358" t="s">
        <v>11463</v>
      </c>
    </row>
    <row r="25250" spans="2:12">
      <c r="B25250" s="367"/>
      <c r="C25250" s="360"/>
      <c r="D25250" s="367"/>
      <c r="E25250" s="367"/>
      <c r="F25250" s="367"/>
      <c r="G25250" s="367"/>
      <c r="H25250" s="360"/>
      <c r="I25250" s="367"/>
      <c r="J25250" s="365"/>
      <c r="K25250" s="365"/>
      <c r="L25250" s="367"/>
    </row>
    <row r="25251" spans="2:12">
      <c r="B25251" s="367"/>
      <c r="C25251" s="359" t="s">
        <v>29972</v>
      </c>
      <c r="D25251" s="367"/>
      <c r="E25251" s="367"/>
      <c r="F25251" s="367"/>
      <c r="G25251" s="367"/>
      <c r="H25251" s="359" t="s">
        <v>14332</v>
      </c>
      <c r="I25251" s="367"/>
      <c r="J25251" s="365"/>
      <c r="K25251" s="365"/>
      <c r="L25251" s="367"/>
    </row>
    <row r="25252" spans="2:12">
      <c r="B25252" s="367"/>
      <c r="C25252" s="360"/>
      <c r="D25252" s="367"/>
      <c r="E25252" s="367"/>
      <c r="F25252" s="367"/>
      <c r="G25252" s="367"/>
      <c r="H25252" s="360"/>
      <c r="I25252" s="367"/>
      <c r="J25252" s="365"/>
      <c r="K25252" s="365"/>
      <c r="L25252" s="367"/>
    </row>
    <row r="25253" spans="2:12" ht="99.75">
      <c r="B25253" s="368"/>
      <c r="C25253" s="361" t="s">
        <v>30917</v>
      </c>
      <c r="D25253" s="368"/>
      <c r="E25253" s="368"/>
      <c r="F25253" s="368"/>
      <c r="G25253" s="368"/>
      <c r="H25253" s="362"/>
      <c r="I25253" s="368"/>
      <c r="J25253" s="366"/>
      <c r="K25253" s="366"/>
      <c r="L25253" s="368"/>
    </row>
    <row r="25254" spans="2:12" ht="28.5">
      <c r="B25254" s="358" t="s">
        <v>12530</v>
      </c>
      <c r="C25254" s="358" t="s">
        <v>28358</v>
      </c>
      <c r="D25254" s="358" t="s">
        <v>12531</v>
      </c>
      <c r="E25254" s="358" t="s">
        <v>12532</v>
      </c>
      <c r="F25254" s="358" t="s">
        <v>14376</v>
      </c>
      <c r="G25254" s="358" t="s">
        <v>14669</v>
      </c>
      <c r="H25254" s="358" t="s">
        <v>14381</v>
      </c>
      <c r="I25254" s="358" t="s">
        <v>14669</v>
      </c>
      <c r="J25254" s="358"/>
      <c r="K25254" s="358"/>
      <c r="L25254" s="358" t="s">
        <v>11463</v>
      </c>
    </row>
    <row r="25255" spans="2:12">
      <c r="B25255" s="367"/>
      <c r="C25255" s="360"/>
      <c r="D25255" s="367"/>
      <c r="E25255" s="367"/>
      <c r="F25255" s="367"/>
      <c r="G25255" s="367"/>
      <c r="H25255" s="360"/>
      <c r="I25255" s="367"/>
      <c r="J25255" s="365"/>
      <c r="K25255" s="365"/>
      <c r="L25255" s="367"/>
    </row>
    <row r="25256" spans="2:12">
      <c r="B25256" s="367"/>
      <c r="C25256" s="359" t="s">
        <v>29972</v>
      </c>
      <c r="D25256" s="367"/>
      <c r="E25256" s="367"/>
      <c r="F25256" s="367"/>
      <c r="G25256" s="367"/>
      <c r="H25256" s="359" t="s">
        <v>14332</v>
      </c>
      <c r="I25256" s="367"/>
      <c r="J25256" s="365"/>
      <c r="K25256" s="365"/>
      <c r="L25256" s="367"/>
    </row>
    <row r="25257" spans="2:12">
      <c r="B25257" s="367"/>
      <c r="C25257" s="360"/>
      <c r="D25257" s="367"/>
      <c r="E25257" s="367"/>
      <c r="F25257" s="367"/>
      <c r="G25257" s="367"/>
      <c r="H25257" s="360"/>
      <c r="I25257" s="367"/>
      <c r="J25257" s="365"/>
      <c r="K25257" s="365"/>
      <c r="L25257" s="367"/>
    </row>
    <row r="25258" spans="2:12" ht="99.75">
      <c r="B25258" s="368"/>
      <c r="C25258" s="361" t="s">
        <v>30918</v>
      </c>
      <c r="D25258" s="368"/>
      <c r="E25258" s="368"/>
      <c r="F25258" s="368"/>
      <c r="G25258" s="368"/>
      <c r="H25258" s="362"/>
      <c r="I25258" s="368"/>
      <c r="J25258" s="366"/>
      <c r="K25258" s="366"/>
      <c r="L25258" s="368"/>
    </row>
    <row r="25259" spans="2:12" ht="28.5">
      <c r="B25259" s="358" t="s">
        <v>12533</v>
      </c>
      <c r="C25259" s="358" t="s">
        <v>28359</v>
      </c>
      <c r="D25259" s="358" t="s">
        <v>12534</v>
      </c>
      <c r="E25259" s="358" t="s">
        <v>12535</v>
      </c>
      <c r="F25259" s="358" t="s">
        <v>14376</v>
      </c>
      <c r="G25259" s="358" t="s">
        <v>14669</v>
      </c>
      <c r="H25259" s="358" t="s">
        <v>14381</v>
      </c>
      <c r="I25259" s="358" t="s">
        <v>14669</v>
      </c>
      <c r="J25259" s="358"/>
      <c r="K25259" s="358"/>
      <c r="L25259" s="358" t="s">
        <v>11463</v>
      </c>
    </row>
    <row r="25260" spans="2:12">
      <c r="B25260" s="367"/>
      <c r="C25260" s="360"/>
      <c r="D25260" s="367"/>
      <c r="E25260" s="367"/>
      <c r="F25260" s="367"/>
      <c r="G25260" s="367"/>
      <c r="H25260" s="360"/>
      <c r="I25260" s="367"/>
      <c r="J25260" s="365"/>
      <c r="K25260" s="365"/>
      <c r="L25260" s="367"/>
    </row>
    <row r="25261" spans="2:12">
      <c r="B25261" s="367"/>
      <c r="C25261" s="359" t="s">
        <v>29972</v>
      </c>
      <c r="D25261" s="367"/>
      <c r="E25261" s="367"/>
      <c r="F25261" s="367"/>
      <c r="G25261" s="367"/>
      <c r="H25261" s="359" t="s">
        <v>14332</v>
      </c>
      <c r="I25261" s="367"/>
      <c r="J25261" s="365"/>
      <c r="K25261" s="365"/>
      <c r="L25261" s="367"/>
    </row>
    <row r="25262" spans="2:12">
      <c r="B25262" s="367"/>
      <c r="C25262" s="360"/>
      <c r="D25262" s="367"/>
      <c r="E25262" s="367"/>
      <c r="F25262" s="367"/>
      <c r="G25262" s="367"/>
      <c r="H25262" s="360"/>
      <c r="I25262" s="367"/>
      <c r="J25262" s="365"/>
      <c r="K25262" s="365"/>
      <c r="L25262" s="367"/>
    </row>
    <row r="25263" spans="2:12" ht="99.75">
      <c r="B25263" s="368"/>
      <c r="C25263" s="361" t="s">
        <v>30919</v>
      </c>
      <c r="D25263" s="368"/>
      <c r="E25263" s="368"/>
      <c r="F25263" s="368"/>
      <c r="G25263" s="368"/>
      <c r="H25263" s="362"/>
      <c r="I25263" s="368"/>
      <c r="J25263" s="366"/>
      <c r="K25263" s="366"/>
      <c r="L25263" s="368"/>
    </row>
    <row r="25264" spans="2:12" ht="28.5">
      <c r="B25264" s="358" t="s">
        <v>12538</v>
      </c>
      <c r="C25264" s="358" t="s">
        <v>26405</v>
      </c>
      <c r="D25264" s="358" t="s">
        <v>12539</v>
      </c>
      <c r="E25264" s="358" t="s">
        <v>12540</v>
      </c>
      <c r="F25264" s="358" t="s">
        <v>14376</v>
      </c>
      <c r="G25264" s="358" t="s">
        <v>14669</v>
      </c>
      <c r="H25264" s="358" t="s">
        <v>14381</v>
      </c>
      <c r="I25264" s="358" t="s">
        <v>14669</v>
      </c>
      <c r="J25264" s="358"/>
      <c r="K25264" s="358"/>
      <c r="L25264" s="358" t="s">
        <v>11463</v>
      </c>
    </row>
    <row r="25265" spans="2:12">
      <c r="B25265" s="367"/>
      <c r="C25265" s="360"/>
      <c r="D25265" s="367"/>
      <c r="E25265" s="367"/>
      <c r="F25265" s="367"/>
      <c r="G25265" s="367"/>
      <c r="H25265" s="360"/>
      <c r="I25265" s="367"/>
      <c r="J25265" s="365"/>
      <c r="K25265" s="365"/>
      <c r="L25265" s="367"/>
    </row>
    <row r="25266" spans="2:12">
      <c r="B25266" s="367"/>
      <c r="C25266" s="359" t="s">
        <v>26406</v>
      </c>
      <c r="D25266" s="367"/>
      <c r="E25266" s="367"/>
      <c r="F25266" s="367"/>
      <c r="G25266" s="367"/>
      <c r="H25266" s="359" t="s">
        <v>14332</v>
      </c>
      <c r="I25266" s="367"/>
      <c r="J25266" s="365"/>
      <c r="K25266" s="365"/>
      <c r="L25266" s="367"/>
    </row>
    <row r="25267" spans="2:12">
      <c r="B25267" s="367"/>
      <c r="C25267" s="360"/>
      <c r="D25267" s="367"/>
      <c r="E25267" s="367"/>
      <c r="F25267" s="367"/>
      <c r="G25267" s="367"/>
      <c r="H25267" s="360"/>
      <c r="I25267" s="367"/>
      <c r="J25267" s="365"/>
      <c r="K25267" s="365"/>
      <c r="L25267" s="367"/>
    </row>
    <row r="25268" spans="2:12" ht="42.75">
      <c r="B25268" s="368"/>
      <c r="C25268" s="361" t="s">
        <v>26407</v>
      </c>
      <c r="D25268" s="368"/>
      <c r="E25268" s="368"/>
      <c r="F25268" s="368"/>
      <c r="G25268" s="368"/>
      <c r="H25268" s="362"/>
      <c r="I25268" s="368"/>
      <c r="J25268" s="366"/>
      <c r="K25268" s="366"/>
      <c r="L25268" s="368"/>
    </row>
    <row r="25269" spans="2:12" ht="28.5">
      <c r="B25269" s="358" t="s">
        <v>12542</v>
      </c>
      <c r="C25269" s="358" t="s">
        <v>26408</v>
      </c>
      <c r="D25269" s="358" t="s">
        <v>12543</v>
      </c>
      <c r="E25269" s="358" t="s">
        <v>12544</v>
      </c>
      <c r="F25269" s="358" t="s">
        <v>14376</v>
      </c>
      <c r="G25269" s="358" t="s">
        <v>14669</v>
      </c>
      <c r="H25269" s="358" t="s">
        <v>14381</v>
      </c>
      <c r="I25269" s="358" t="s">
        <v>14669</v>
      </c>
      <c r="J25269" s="358"/>
      <c r="K25269" s="358"/>
      <c r="L25269" s="358" t="s">
        <v>11463</v>
      </c>
    </row>
    <row r="25270" spans="2:12">
      <c r="B25270" s="367"/>
      <c r="C25270" s="360"/>
      <c r="D25270" s="367"/>
      <c r="E25270" s="367"/>
      <c r="F25270" s="367"/>
      <c r="G25270" s="367"/>
      <c r="H25270" s="360"/>
      <c r="I25270" s="367"/>
      <c r="J25270" s="365"/>
      <c r="K25270" s="365"/>
      <c r="L25270" s="367"/>
    </row>
    <row r="25271" spans="2:12" ht="85.5">
      <c r="B25271" s="368"/>
      <c r="C25271" s="361" t="s">
        <v>30920</v>
      </c>
      <c r="D25271" s="368"/>
      <c r="E25271" s="368"/>
      <c r="F25271" s="368"/>
      <c r="G25271" s="368"/>
      <c r="H25271" s="361" t="s">
        <v>14332</v>
      </c>
      <c r="I25271" s="368"/>
      <c r="J25271" s="366"/>
      <c r="K25271" s="366"/>
      <c r="L25271" s="368"/>
    </row>
    <row r="25272" spans="2:12" ht="28.5">
      <c r="B25272" s="358" t="s">
        <v>12547</v>
      </c>
      <c r="C25272" s="358" t="s">
        <v>26409</v>
      </c>
      <c r="D25272" s="358" t="s">
        <v>12548</v>
      </c>
      <c r="E25272" s="358" t="s">
        <v>12549</v>
      </c>
      <c r="F25272" s="358" t="s">
        <v>14376</v>
      </c>
      <c r="G25272" s="358" t="s">
        <v>14669</v>
      </c>
      <c r="H25272" s="358" t="s">
        <v>14381</v>
      </c>
      <c r="I25272" s="358" t="s">
        <v>14669</v>
      </c>
      <c r="J25272" s="358"/>
      <c r="K25272" s="358"/>
      <c r="L25272" s="358" t="s">
        <v>11463</v>
      </c>
    </row>
    <row r="25273" spans="2:12">
      <c r="B25273" s="367"/>
      <c r="C25273" s="360"/>
      <c r="D25273" s="367"/>
      <c r="E25273" s="367"/>
      <c r="F25273" s="367"/>
      <c r="G25273" s="367"/>
      <c r="H25273" s="360"/>
      <c r="I25273" s="367"/>
      <c r="J25273" s="365"/>
      <c r="K25273" s="365"/>
      <c r="L25273" s="367"/>
    </row>
    <row r="25274" spans="2:12">
      <c r="B25274" s="367"/>
      <c r="C25274" s="359" t="s">
        <v>26406</v>
      </c>
      <c r="D25274" s="367"/>
      <c r="E25274" s="367"/>
      <c r="F25274" s="367"/>
      <c r="G25274" s="367"/>
      <c r="H25274" s="359" t="s">
        <v>14332</v>
      </c>
      <c r="I25274" s="367"/>
      <c r="J25274" s="365"/>
      <c r="K25274" s="365"/>
      <c r="L25274" s="367"/>
    </row>
    <row r="25275" spans="2:12">
      <c r="B25275" s="367"/>
      <c r="C25275" s="360"/>
      <c r="D25275" s="367"/>
      <c r="E25275" s="367"/>
      <c r="F25275" s="367"/>
      <c r="G25275" s="367"/>
      <c r="H25275" s="360"/>
      <c r="I25275" s="367"/>
      <c r="J25275" s="365"/>
      <c r="K25275" s="365"/>
      <c r="L25275" s="367"/>
    </row>
    <row r="25276" spans="2:12" ht="42.75">
      <c r="B25276" s="368"/>
      <c r="C25276" s="361" t="s">
        <v>26410</v>
      </c>
      <c r="D25276" s="368"/>
      <c r="E25276" s="368"/>
      <c r="F25276" s="368"/>
      <c r="G25276" s="368"/>
      <c r="H25276" s="362"/>
      <c r="I25276" s="368"/>
      <c r="J25276" s="366"/>
      <c r="K25276" s="366"/>
      <c r="L25276" s="368"/>
    </row>
    <row r="25277" spans="2:12" ht="28.5">
      <c r="B25277" s="358" t="s">
        <v>12551</v>
      </c>
      <c r="C25277" s="358" t="s">
        <v>26411</v>
      </c>
      <c r="D25277" s="358" t="s">
        <v>12552</v>
      </c>
      <c r="E25277" s="358" t="s">
        <v>12553</v>
      </c>
      <c r="F25277" s="358" t="s">
        <v>14376</v>
      </c>
      <c r="G25277" s="358" t="s">
        <v>14669</v>
      </c>
      <c r="H25277" s="358" t="s">
        <v>14381</v>
      </c>
      <c r="I25277" s="358" t="s">
        <v>14669</v>
      </c>
      <c r="J25277" s="358"/>
      <c r="K25277" s="358"/>
      <c r="L25277" s="358" t="s">
        <v>11463</v>
      </c>
    </row>
    <row r="25278" spans="2:12">
      <c r="B25278" s="367"/>
      <c r="C25278" s="360"/>
      <c r="D25278" s="367"/>
      <c r="E25278" s="367"/>
      <c r="F25278" s="367"/>
      <c r="G25278" s="367"/>
      <c r="H25278" s="360"/>
      <c r="I25278" s="367"/>
      <c r="J25278" s="365"/>
      <c r="K25278" s="365"/>
      <c r="L25278" s="367"/>
    </row>
    <row r="25279" spans="2:12">
      <c r="B25279" s="367"/>
      <c r="C25279" s="359" t="s">
        <v>26406</v>
      </c>
      <c r="D25279" s="367"/>
      <c r="E25279" s="367"/>
      <c r="F25279" s="367"/>
      <c r="G25279" s="367"/>
      <c r="H25279" s="359" t="s">
        <v>14332</v>
      </c>
      <c r="I25279" s="367"/>
      <c r="J25279" s="365"/>
      <c r="K25279" s="365"/>
      <c r="L25279" s="367"/>
    </row>
    <row r="25280" spans="2:12">
      <c r="B25280" s="367"/>
      <c r="C25280" s="360"/>
      <c r="D25280" s="367"/>
      <c r="E25280" s="367"/>
      <c r="F25280" s="367"/>
      <c r="G25280" s="367"/>
      <c r="H25280" s="360"/>
      <c r="I25280" s="367"/>
      <c r="J25280" s="365"/>
      <c r="K25280" s="365"/>
      <c r="L25280" s="367"/>
    </row>
    <row r="25281" spans="2:12" ht="99.75">
      <c r="B25281" s="368"/>
      <c r="C25281" s="361" t="s">
        <v>30921</v>
      </c>
      <c r="D25281" s="368"/>
      <c r="E25281" s="368"/>
      <c r="F25281" s="368"/>
      <c r="G25281" s="368"/>
      <c r="H25281" s="362"/>
      <c r="I25281" s="368"/>
      <c r="J25281" s="366"/>
      <c r="K25281" s="366"/>
      <c r="L25281" s="368"/>
    </row>
    <row r="25282" spans="2:12" ht="28.5">
      <c r="B25282" s="358" t="s">
        <v>12555</v>
      </c>
      <c r="C25282" s="358" t="s">
        <v>26412</v>
      </c>
      <c r="D25282" s="358" t="s">
        <v>12556</v>
      </c>
      <c r="E25282" s="358" t="s">
        <v>12557</v>
      </c>
      <c r="F25282" s="358" t="s">
        <v>14376</v>
      </c>
      <c r="G25282" s="358" t="s">
        <v>14669</v>
      </c>
      <c r="H25282" s="358" t="s">
        <v>14381</v>
      </c>
      <c r="I25282" s="358" t="s">
        <v>14669</v>
      </c>
      <c r="J25282" s="358"/>
      <c r="K25282" s="358"/>
      <c r="L25282" s="358" t="s">
        <v>11463</v>
      </c>
    </row>
    <row r="25283" spans="2:12">
      <c r="B25283" s="367"/>
      <c r="C25283" s="360"/>
      <c r="D25283" s="367"/>
      <c r="E25283" s="367"/>
      <c r="F25283" s="367"/>
      <c r="G25283" s="367"/>
      <c r="H25283" s="360"/>
      <c r="I25283" s="367"/>
      <c r="J25283" s="365"/>
      <c r="K25283" s="365"/>
      <c r="L25283" s="367"/>
    </row>
    <row r="25284" spans="2:12">
      <c r="B25284" s="367"/>
      <c r="C25284" s="359" t="s">
        <v>26406</v>
      </c>
      <c r="D25284" s="367"/>
      <c r="E25284" s="367"/>
      <c r="F25284" s="367"/>
      <c r="G25284" s="367"/>
      <c r="H25284" s="359" t="s">
        <v>14332</v>
      </c>
      <c r="I25284" s="367"/>
      <c r="J25284" s="365"/>
      <c r="K25284" s="365"/>
      <c r="L25284" s="367"/>
    </row>
    <row r="25285" spans="2:12">
      <c r="B25285" s="367"/>
      <c r="C25285" s="360"/>
      <c r="D25285" s="367"/>
      <c r="E25285" s="367"/>
      <c r="F25285" s="367"/>
      <c r="G25285" s="367"/>
      <c r="H25285" s="360"/>
      <c r="I25285" s="367"/>
      <c r="J25285" s="365"/>
      <c r="K25285" s="365"/>
      <c r="L25285" s="367"/>
    </row>
    <row r="25286" spans="2:12" ht="99.75">
      <c r="B25286" s="368"/>
      <c r="C25286" s="361" t="s">
        <v>30922</v>
      </c>
      <c r="D25286" s="368"/>
      <c r="E25286" s="368"/>
      <c r="F25286" s="368"/>
      <c r="G25286" s="368"/>
      <c r="H25286" s="362"/>
      <c r="I25286" s="368"/>
      <c r="J25286" s="366"/>
      <c r="K25286" s="366"/>
      <c r="L25286" s="368"/>
    </row>
    <row r="25287" spans="2:12" ht="28.5">
      <c r="B25287" s="358" t="s">
        <v>12559</v>
      </c>
      <c r="C25287" s="358" t="s">
        <v>26413</v>
      </c>
      <c r="D25287" s="358" t="s">
        <v>12560</v>
      </c>
      <c r="E25287" s="358" t="s">
        <v>12561</v>
      </c>
      <c r="F25287" s="358" t="s">
        <v>14376</v>
      </c>
      <c r="G25287" s="358" t="s">
        <v>14669</v>
      </c>
      <c r="H25287" s="358" t="s">
        <v>14381</v>
      </c>
      <c r="I25287" s="358" t="s">
        <v>14669</v>
      </c>
      <c r="J25287" s="358"/>
      <c r="K25287" s="358"/>
      <c r="L25287" s="358" t="s">
        <v>11463</v>
      </c>
    </row>
    <row r="25288" spans="2:12">
      <c r="B25288" s="367"/>
      <c r="C25288" s="360"/>
      <c r="D25288" s="367"/>
      <c r="E25288" s="367"/>
      <c r="F25288" s="367"/>
      <c r="G25288" s="367"/>
      <c r="H25288" s="360"/>
      <c r="I25288" s="367"/>
      <c r="J25288" s="365"/>
      <c r="K25288" s="365"/>
      <c r="L25288" s="367"/>
    </row>
    <row r="25289" spans="2:12">
      <c r="B25289" s="367"/>
      <c r="C25289" s="359" t="s">
        <v>26406</v>
      </c>
      <c r="D25289" s="367"/>
      <c r="E25289" s="367"/>
      <c r="F25289" s="367"/>
      <c r="G25289" s="367"/>
      <c r="H25289" s="359" t="s">
        <v>14332</v>
      </c>
      <c r="I25289" s="367"/>
      <c r="J25289" s="365"/>
      <c r="K25289" s="365"/>
      <c r="L25289" s="367"/>
    </row>
    <row r="25290" spans="2:12">
      <c r="B25290" s="367"/>
      <c r="C25290" s="360"/>
      <c r="D25290" s="367"/>
      <c r="E25290" s="367"/>
      <c r="F25290" s="367"/>
      <c r="G25290" s="367"/>
      <c r="H25290" s="360"/>
      <c r="I25290" s="367"/>
      <c r="J25290" s="365"/>
      <c r="K25290" s="365"/>
      <c r="L25290" s="367"/>
    </row>
    <row r="25291" spans="2:12" ht="99.75">
      <c r="B25291" s="368"/>
      <c r="C25291" s="361" t="s">
        <v>30923</v>
      </c>
      <c r="D25291" s="368"/>
      <c r="E25291" s="368"/>
      <c r="F25291" s="368"/>
      <c r="G25291" s="368"/>
      <c r="H25291" s="362"/>
      <c r="I25291" s="368"/>
      <c r="J25291" s="366"/>
      <c r="K25291" s="366"/>
      <c r="L25291" s="368"/>
    </row>
    <row r="25292" spans="2:12" ht="28.5">
      <c r="B25292" s="358" t="s">
        <v>12563</v>
      </c>
      <c r="C25292" s="358" t="s">
        <v>26414</v>
      </c>
      <c r="D25292" s="358" t="s">
        <v>12564</v>
      </c>
      <c r="E25292" s="358" t="s">
        <v>12565</v>
      </c>
      <c r="F25292" s="358" t="s">
        <v>14376</v>
      </c>
      <c r="G25292" s="358" t="s">
        <v>14669</v>
      </c>
      <c r="H25292" s="358" t="s">
        <v>14381</v>
      </c>
      <c r="I25292" s="358" t="s">
        <v>14669</v>
      </c>
      <c r="J25292" s="358"/>
      <c r="K25292" s="358"/>
      <c r="L25292" s="358" t="s">
        <v>11463</v>
      </c>
    </row>
    <row r="25293" spans="2:12">
      <c r="B25293" s="367"/>
      <c r="C25293" s="360"/>
      <c r="D25293" s="367"/>
      <c r="E25293" s="367"/>
      <c r="F25293" s="367"/>
      <c r="G25293" s="367"/>
      <c r="H25293" s="360"/>
      <c r="I25293" s="367"/>
      <c r="J25293" s="365"/>
      <c r="K25293" s="365"/>
      <c r="L25293" s="367"/>
    </row>
    <row r="25294" spans="2:12">
      <c r="B25294" s="367"/>
      <c r="C25294" s="359" t="s">
        <v>26406</v>
      </c>
      <c r="D25294" s="367"/>
      <c r="E25294" s="367"/>
      <c r="F25294" s="367"/>
      <c r="G25294" s="367"/>
      <c r="H25294" s="359" t="s">
        <v>14332</v>
      </c>
      <c r="I25294" s="367"/>
      <c r="J25294" s="365"/>
      <c r="K25294" s="365"/>
      <c r="L25294" s="367"/>
    </row>
    <row r="25295" spans="2:12">
      <c r="B25295" s="367"/>
      <c r="C25295" s="360"/>
      <c r="D25295" s="367"/>
      <c r="E25295" s="367"/>
      <c r="F25295" s="367"/>
      <c r="G25295" s="367"/>
      <c r="H25295" s="360"/>
      <c r="I25295" s="367"/>
      <c r="J25295" s="365"/>
      <c r="K25295" s="365"/>
      <c r="L25295" s="367"/>
    </row>
    <row r="25296" spans="2:12" ht="99.75">
      <c r="B25296" s="368"/>
      <c r="C25296" s="361" t="s">
        <v>30924</v>
      </c>
      <c r="D25296" s="368"/>
      <c r="E25296" s="368"/>
      <c r="F25296" s="368"/>
      <c r="G25296" s="368"/>
      <c r="H25296" s="362"/>
      <c r="I25296" s="368"/>
      <c r="J25296" s="366"/>
      <c r="K25296" s="366"/>
      <c r="L25296" s="368"/>
    </row>
    <row r="25297" spans="2:12" ht="28.5">
      <c r="B25297" s="358" t="s">
        <v>12567</v>
      </c>
      <c r="C25297" s="358" t="s">
        <v>26415</v>
      </c>
      <c r="D25297" s="358" t="s">
        <v>12568</v>
      </c>
      <c r="E25297" s="358" t="s">
        <v>12569</v>
      </c>
      <c r="F25297" s="358" t="s">
        <v>14376</v>
      </c>
      <c r="G25297" s="358" t="s">
        <v>14669</v>
      </c>
      <c r="H25297" s="358" t="s">
        <v>14381</v>
      </c>
      <c r="I25297" s="358" t="s">
        <v>14669</v>
      </c>
      <c r="J25297" s="358"/>
      <c r="K25297" s="358"/>
      <c r="L25297" s="358" t="s">
        <v>11463</v>
      </c>
    </row>
    <row r="25298" spans="2:12">
      <c r="B25298" s="367"/>
      <c r="C25298" s="360"/>
      <c r="D25298" s="367"/>
      <c r="E25298" s="367"/>
      <c r="F25298" s="367"/>
      <c r="G25298" s="367"/>
      <c r="H25298" s="360"/>
      <c r="I25298" s="367"/>
      <c r="J25298" s="365"/>
      <c r="K25298" s="365"/>
      <c r="L25298" s="367"/>
    </row>
    <row r="25299" spans="2:12">
      <c r="B25299" s="367"/>
      <c r="C25299" s="359" t="s">
        <v>26406</v>
      </c>
      <c r="D25299" s="367"/>
      <c r="E25299" s="367"/>
      <c r="F25299" s="367"/>
      <c r="G25299" s="367"/>
      <c r="H25299" s="359" t="s">
        <v>14332</v>
      </c>
      <c r="I25299" s="367"/>
      <c r="J25299" s="365"/>
      <c r="K25299" s="365"/>
      <c r="L25299" s="367"/>
    </row>
    <row r="25300" spans="2:12">
      <c r="B25300" s="367"/>
      <c r="C25300" s="360"/>
      <c r="D25300" s="367"/>
      <c r="E25300" s="367"/>
      <c r="F25300" s="367"/>
      <c r="G25300" s="367"/>
      <c r="H25300" s="360"/>
      <c r="I25300" s="367"/>
      <c r="J25300" s="365"/>
      <c r="K25300" s="365"/>
      <c r="L25300" s="367"/>
    </row>
    <row r="25301" spans="2:12" ht="128.25">
      <c r="B25301" s="368"/>
      <c r="C25301" s="361" t="s">
        <v>30925</v>
      </c>
      <c r="D25301" s="368"/>
      <c r="E25301" s="368"/>
      <c r="F25301" s="368"/>
      <c r="G25301" s="368"/>
      <c r="H25301" s="362"/>
      <c r="I25301" s="368"/>
      <c r="J25301" s="366"/>
      <c r="K25301" s="366"/>
      <c r="L25301" s="368"/>
    </row>
    <row r="25302" spans="2:12" ht="28.5">
      <c r="B25302" s="358" t="s">
        <v>12571</v>
      </c>
      <c r="C25302" s="358" t="s">
        <v>29995</v>
      </c>
      <c r="D25302" s="358" t="s">
        <v>12572</v>
      </c>
      <c r="E25302" s="358" t="s">
        <v>12573</v>
      </c>
      <c r="F25302" s="358" t="s">
        <v>14376</v>
      </c>
      <c r="G25302" s="358" t="s">
        <v>14669</v>
      </c>
      <c r="H25302" s="358" t="s">
        <v>14381</v>
      </c>
      <c r="I25302" s="358" t="s">
        <v>14669</v>
      </c>
      <c r="J25302" s="358"/>
      <c r="K25302" s="358"/>
      <c r="L25302" s="358" t="s">
        <v>11463</v>
      </c>
    </row>
    <row r="25303" spans="2:12">
      <c r="B25303" s="367"/>
      <c r="C25303" s="360"/>
      <c r="D25303" s="367"/>
      <c r="E25303" s="367"/>
      <c r="F25303" s="367"/>
      <c r="G25303" s="367"/>
      <c r="H25303" s="360"/>
      <c r="I25303" s="367"/>
      <c r="J25303" s="365"/>
      <c r="K25303" s="365"/>
      <c r="L25303" s="367"/>
    </row>
    <row r="25304" spans="2:12">
      <c r="B25304" s="367"/>
      <c r="C25304" s="359" t="s">
        <v>26406</v>
      </c>
      <c r="D25304" s="367"/>
      <c r="E25304" s="367"/>
      <c r="F25304" s="367"/>
      <c r="G25304" s="367"/>
      <c r="H25304" s="359" t="s">
        <v>14332</v>
      </c>
      <c r="I25304" s="367"/>
      <c r="J25304" s="365"/>
      <c r="K25304" s="365"/>
      <c r="L25304" s="367"/>
    </row>
    <row r="25305" spans="2:12">
      <c r="B25305" s="367"/>
      <c r="C25305" s="360"/>
      <c r="D25305" s="367"/>
      <c r="E25305" s="367"/>
      <c r="F25305" s="367"/>
      <c r="G25305" s="367"/>
      <c r="H25305" s="360"/>
      <c r="I25305" s="367"/>
      <c r="J25305" s="365"/>
      <c r="K25305" s="365"/>
      <c r="L25305" s="367"/>
    </row>
    <row r="25306" spans="2:12" ht="99.75">
      <c r="B25306" s="368"/>
      <c r="C25306" s="361" t="s">
        <v>30926</v>
      </c>
      <c r="D25306" s="368"/>
      <c r="E25306" s="368"/>
      <c r="F25306" s="368"/>
      <c r="G25306" s="368"/>
      <c r="H25306" s="362"/>
      <c r="I25306" s="368"/>
      <c r="J25306" s="366"/>
      <c r="K25306" s="366"/>
      <c r="L25306" s="368"/>
    </row>
    <row r="25307" spans="2:12" ht="28.5">
      <c r="B25307" s="358" t="s">
        <v>12575</v>
      </c>
      <c r="C25307" s="358" t="s">
        <v>26416</v>
      </c>
      <c r="D25307" s="358" t="s">
        <v>12576</v>
      </c>
      <c r="E25307" s="358" t="s">
        <v>12577</v>
      </c>
      <c r="F25307" s="358" t="s">
        <v>14376</v>
      </c>
      <c r="G25307" s="358" t="s">
        <v>14669</v>
      </c>
      <c r="H25307" s="358" t="s">
        <v>14381</v>
      </c>
      <c r="I25307" s="358" t="s">
        <v>14669</v>
      </c>
      <c r="J25307" s="358"/>
      <c r="K25307" s="358"/>
      <c r="L25307" s="358" t="s">
        <v>11463</v>
      </c>
    </row>
    <row r="25308" spans="2:12">
      <c r="B25308" s="367"/>
      <c r="C25308" s="360"/>
      <c r="D25308" s="367"/>
      <c r="E25308" s="367"/>
      <c r="F25308" s="367"/>
      <c r="G25308" s="367"/>
      <c r="H25308" s="360"/>
      <c r="I25308" s="367"/>
      <c r="J25308" s="365"/>
      <c r="K25308" s="365"/>
      <c r="L25308" s="367"/>
    </row>
    <row r="25309" spans="2:12">
      <c r="B25309" s="367"/>
      <c r="C25309" s="359" t="s">
        <v>26406</v>
      </c>
      <c r="D25309" s="367"/>
      <c r="E25309" s="367"/>
      <c r="F25309" s="367"/>
      <c r="G25309" s="367"/>
      <c r="H25309" s="359" t="s">
        <v>14332</v>
      </c>
      <c r="I25309" s="367"/>
      <c r="J25309" s="365"/>
      <c r="K25309" s="365"/>
      <c r="L25309" s="367"/>
    </row>
    <row r="25310" spans="2:12">
      <c r="B25310" s="367"/>
      <c r="C25310" s="360"/>
      <c r="D25310" s="367"/>
      <c r="E25310" s="367"/>
      <c r="F25310" s="367"/>
      <c r="G25310" s="367"/>
      <c r="H25310" s="360"/>
      <c r="I25310" s="367"/>
      <c r="J25310" s="365"/>
      <c r="K25310" s="365"/>
      <c r="L25310" s="367"/>
    </row>
    <row r="25311" spans="2:12" ht="114">
      <c r="B25311" s="368"/>
      <c r="C25311" s="361" t="s">
        <v>30927</v>
      </c>
      <c r="D25311" s="368"/>
      <c r="E25311" s="368"/>
      <c r="F25311" s="368"/>
      <c r="G25311" s="368"/>
      <c r="H25311" s="362"/>
      <c r="I25311" s="368"/>
      <c r="J25311" s="366"/>
      <c r="K25311" s="366"/>
      <c r="L25311" s="368"/>
    </row>
    <row r="25312" spans="2:12" ht="28.5">
      <c r="B25312" s="358" t="s">
        <v>12579</v>
      </c>
      <c r="C25312" s="358" t="s">
        <v>26417</v>
      </c>
      <c r="D25312" s="358" t="s">
        <v>12580</v>
      </c>
      <c r="E25312" s="358" t="s">
        <v>12581</v>
      </c>
      <c r="F25312" s="358" t="s">
        <v>14376</v>
      </c>
      <c r="G25312" s="358" t="s">
        <v>14669</v>
      </c>
      <c r="H25312" s="358" t="s">
        <v>14381</v>
      </c>
      <c r="I25312" s="358" t="s">
        <v>14669</v>
      </c>
      <c r="J25312" s="358"/>
      <c r="K25312" s="358"/>
      <c r="L25312" s="358" t="s">
        <v>11463</v>
      </c>
    </row>
    <row r="25313" spans="2:12">
      <c r="B25313" s="367"/>
      <c r="C25313" s="360"/>
      <c r="D25313" s="367"/>
      <c r="E25313" s="367"/>
      <c r="F25313" s="367"/>
      <c r="G25313" s="367"/>
      <c r="H25313" s="360"/>
      <c r="I25313" s="367"/>
      <c r="J25313" s="365"/>
      <c r="K25313" s="365"/>
      <c r="L25313" s="367"/>
    </row>
    <row r="25314" spans="2:12">
      <c r="B25314" s="367"/>
      <c r="C25314" s="359" t="s">
        <v>26406</v>
      </c>
      <c r="D25314" s="367"/>
      <c r="E25314" s="367"/>
      <c r="F25314" s="367"/>
      <c r="G25314" s="367"/>
      <c r="H25314" s="359" t="s">
        <v>14332</v>
      </c>
      <c r="I25314" s="367"/>
      <c r="J25314" s="365"/>
      <c r="K25314" s="365"/>
      <c r="L25314" s="367"/>
    </row>
    <row r="25315" spans="2:12">
      <c r="B25315" s="367"/>
      <c r="C25315" s="360"/>
      <c r="D25315" s="367"/>
      <c r="E25315" s="367"/>
      <c r="F25315" s="367"/>
      <c r="G25315" s="367"/>
      <c r="H25315" s="360"/>
      <c r="I25315" s="367"/>
      <c r="J25315" s="365"/>
      <c r="K25315" s="365"/>
      <c r="L25315" s="367"/>
    </row>
    <row r="25316" spans="2:12" ht="85.5">
      <c r="B25316" s="368"/>
      <c r="C25316" s="361" t="s">
        <v>28360</v>
      </c>
      <c r="D25316" s="368"/>
      <c r="E25316" s="368"/>
      <c r="F25316" s="368"/>
      <c r="G25316" s="368"/>
      <c r="H25316" s="362"/>
      <c r="I25316" s="368"/>
      <c r="J25316" s="366"/>
      <c r="K25316" s="366"/>
      <c r="L25316" s="368"/>
    </row>
    <row r="25317" spans="2:12" ht="28.5">
      <c r="B25317" s="358" t="s">
        <v>12583</v>
      </c>
      <c r="C25317" s="358" t="s">
        <v>26418</v>
      </c>
      <c r="D25317" s="358" t="s">
        <v>12584</v>
      </c>
      <c r="E25317" s="358" t="s">
        <v>12585</v>
      </c>
      <c r="F25317" s="358" t="s">
        <v>14376</v>
      </c>
      <c r="G25317" s="358" t="s">
        <v>14669</v>
      </c>
      <c r="H25317" s="358" t="s">
        <v>14381</v>
      </c>
      <c r="I25317" s="358" t="s">
        <v>14669</v>
      </c>
      <c r="J25317" s="358"/>
      <c r="K25317" s="358"/>
      <c r="L25317" s="358" t="s">
        <v>11463</v>
      </c>
    </row>
    <row r="25318" spans="2:12">
      <c r="B25318" s="367"/>
      <c r="C25318" s="360"/>
      <c r="D25318" s="367"/>
      <c r="E25318" s="367"/>
      <c r="F25318" s="367"/>
      <c r="G25318" s="367"/>
      <c r="H25318" s="360"/>
      <c r="I25318" s="367"/>
      <c r="J25318" s="365"/>
      <c r="K25318" s="365"/>
      <c r="L25318" s="367"/>
    </row>
    <row r="25319" spans="2:12">
      <c r="B25319" s="367"/>
      <c r="C25319" s="359" t="s">
        <v>26406</v>
      </c>
      <c r="D25319" s="367"/>
      <c r="E25319" s="367"/>
      <c r="F25319" s="367"/>
      <c r="G25319" s="367"/>
      <c r="H25319" s="359" t="s">
        <v>14332</v>
      </c>
      <c r="I25319" s="367"/>
      <c r="J25319" s="365"/>
      <c r="K25319" s="365"/>
      <c r="L25319" s="367"/>
    </row>
    <row r="25320" spans="2:12">
      <c r="B25320" s="367"/>
      <c r="C25320" s="360"/>
      <c r="D25320" s="367"/>
      <c r="E25320" s="367"/>
      <c r="F25320" s="367"/>
      <c r="G25320" s="367"/>
      <c r="H25320" s="360"/>
      <c r="I25320" s="367"/>
      <c r="J25320" s="365"/>
      <c r="K25320" s="365"/>
      <c r="L25320" s="367"/>
    </row>
    <row r="25321" spans="2:12" ht="128.25">
      <c r="B25321" s="368"/>
      <c r="C25321" s="361" t="s">
        <v>28361</v>
      </c>
      <c r="D25321" s="368"/>
      <c r="E25321" s="368"/>
      <c r="F25321" s="368"/>
      <c r="G25321" s="368"/>
      <c r="H25321" s="362"/>
      <c r="I25321" s="368"/>
      <c r="J25321" s="366"/>
      <c r="K25321" s="366"/>
      <c r="L25321" s="368"/>
    </row>
    <row r="25322" spans="2:12" ht="28.5">
      <c r="B25322" s="358" t="s">
        <v>12587</v>
      </c>
      <c r="C25322" s="358" t="s">
        <v>26419</v>
      </c>
      <c r="D25322" s="358" t="s">
        <v>12588</v>
      </c>
      <c r="E25322" s="358" t="s">
        <v>12589</v>
      </c>
      <c r="F25322" s="358" t="s">
        <v>14376</v>
      </c>
      <c r="G25322" s="358" t="s">
        <v>14669</v>
      </c>
      <c r="H25322" s="358" t="s">
        <v>14381</v>
      </c>
      <c r="I25322" s="358" t="s">
        <v>14669</v>
      </c>
      <c r="J25322" s="358"/>
      <c r="K25322" s="358"/>
      <c r="L25322" s="358" t="s">
        <v>11463</v>
      </c>
    </row>
    <row r="25323" spans="2:12">
      <c r="B25323" s="367"/>
      <c r="C25323" s="360"/>
      <c r="D25323" s="367"/>
      <c r="E25323" s="367"/>
      <c r="F25323" s="367"/>
      <c r="G25323" s="367"/>
      <c r="H25323" s="360"/>
      <c r="I25323" s="367"/>
      <c r="J25323" s="365"/>
      <c r="K25323" s="365"/>
      <c r="L25323" s="367"/>
    </row>
    <row r="25324" spans="2:12">
      <c r="B25324" s="367"/>
      <c r="C25324" s="359" t="s">
        <v>26406</v>
      </c>
      <c r="D25324" s="367"/>
      <c r="E25324" s="367"/>
      <c r="F25324" s="367"/>
      <c r="G25324" s="367"/>
      <c r="H25324" s="359" t="s">
        <v>14332</v>
      </c>
      <c r="I25324" s="367"/>
      <c r="J25324" s="365"/>
      <c r="K25324" s="365"/>
      <c r="L25324" s="367"/>
    </row>
    <row r="25325" spans="2:12">
      <c r="B25325" s="367"/>
      <c r="C25325" s="360"/>
      <c r="D25325" s="367"/>
      <c r="E25325" s="367"/>
      <c r="F25325" s="367"/>
      <c r="G25325" s="367"/>
      <c r="H25325" s="360"/>
      <c r="I25325" s="367"/>
      <c r="J25325" s="365"/>
      <c r="K25325" s="365"/>
      <c r="L25325" s="367"/>
    </row>
    <row r="25326" spans="2:12" ht="99.75">
      <c r="B25326" s="368"/>
      <c r="C25326" s="361" t="s">
        <v>28362</v>
      </c>
      <c r="D25326" s="368"/>
      <c r="E25326" s="368"/>
      <c r="F25326" s="368"/>
      <c r="G25326" s="368"/>
      <c r="H25326" s="362"/>
      <c r="I25326" s="368"/>
      <c r="J25326" s="366"/>
      <c r="K25326" s="366"/>
      <c r="L25326" s="368"/>
    </row>
    <row r="25327" spans="2:12" ht="28.5">
      <c r="B25327" s="358" t="s">
        <v>12591</v>
      </c>
      <c r="C25327" s="358" t="s">
        <v>26420</v>
      </c>
      <c r="D25327" s="358" t="s">
        <v>12592</v>
      </c>
      <c r="E25327" s="358" t="s">
        <v>12593</v>
      </c>
      <c r="F25327" s="358" t="s">
        <v>14376</v>
      </c>
      <c r="G25327" s="358" t="s">
        <v>14669</v>
      </c>
      <c r="H25327" s="358" t="s">
        <v>14381</v>
      </c>
      <c r="I25327" s="358" t="s">
        <v>14669</v>
      </c>
      <c r="J25327" s="358"/>
      <c r="K25327" s="358"/>
      <c r="L25327" s="358" t="s">
        <v>11463</v>
      </c>
    </row>
    <row r="25328" spans="2:12">
      <c r="B25328" s="367"/>
      <c r="C25328" s="360"/>
      <c r="D25328" s="367"/>
      <c r="E25328" s="367"/>
      <c r="F25328" s="367"/>
      <c r="G25328" s="367"/>
      <c r="H25328" s="360"/>
      <c r="I25328" s="367"/>
      <c r="J25328" s="365"/>
      <c r="K25328" s="365"/>
      <c r="L25328" s="367"/>
    </row>
    <row r="25329" spans="2:12">
      <c r="B25329" s="367"/>
      <c r="C25329" s="359" t="s">
        <v>26406</v>
      </c>
      <c r="D25329" s="367"/>
      <c r="E25329" s="367"/>
      <c r="F25329" s="367"/>
      <c r="G25329" s="367"/>
      <c r="H25329" s="359" t="s">
        <v>14332</v>
      </c>
      <c r="I25329" s="367"/>
      <c r="J25329" s="365"/>
      <c r="K25329" s="365"/>
      <c r="L25329" s="367"/>
    </row>
    <row r="25330" spans="2:12">
      <c r="B25330" s="367"/>
      <c r="C25330" s="360"/>
      <c r="D25330" s="367"/>
      <c r="E25330" s="367"/>
      <c r="F25330" s="367"/>
      <c r="G25330" s="367"/>
      <c r="H25330" s="360"/>
      <c r="I25330" s="367"/>
      <c r="J25330" s="365"/>
      <c r="K25330" s="365"/>
      <c r="L25330" s="367"/>
    </row>
    <row r="25331" spans="2:12" ht="99.75">
      <c r="B25331" s="368"/>
      <c r="C25331" s="361" t="s">
        <v>28363</v>
      </c>
      <c r="D25331" s="368"/>
      <c r="E25331" s="368"/>
      <c r="F25331" s="368"/>
      <c r="G25331" s="368"/>
      <c r="H25331" s="362"/>
      <c r="I25331" s="368"/>
      <c r="J25331" s="366"/>
      <c r="K25331" s="366"/>
      <c r="L25331" s="368"/>
    </row>
    <row r="25332" spans="2:12" ht="28.5">
      <c r="B25332" s="358" t="s">
        <v>12595</v>
      </c>
      <c r="C25332" s="358" t="s">
        <v>26421</v>
      </c>
      <c r="D25332" s="358" t="s">
        <v>12596</v>
      </c>
      <c r="E25332" s="358" t="s">
        <v>12597</v>
      </c>
      <c r="F25332" s="358" t="s">
        <v>14376</v>
      </c>
      <c r="G25332" s="358" t="s">
        <v>14669</v>
      </c>
      <c r="H25332" s="358" t="s">
        <v>14381</v>
      </c>
      <c r="I25332" s="358" t="s">
        <v>14669</v>
      </c>
      <c r="J25332" s="358"/>
      <c r="K25332" s="358"/>
      <c r="L25332" s="358" t="s">
        <v>11463</v>
      </c>
    </row>
    <row r="25333" spans="2:12">
      <c r="B25333" s="367"/>
      <c r="C25333" s="360"/>
      <c r="D25333" s="367"/>
      <c r="E25333" s="367"/>
      <c r="F25333" s="367"/>
      <c r="G25333" s="367"/>
      <c r="H25333" s="360"/>
      <c r="I25333" s="367"/>
      <c r="J25333" s="365"/>
      <c r="K25333" s="365"/>
      <c r="L25333" s="367"/>
    </row>
    <row r="25334" spans="2:12">
      <c r="B25334" s="367"/>
      <c r="C25334" s="359" t="s">
        <v>26406</v>
      </c>
      <c r="D25334" s="367"/>
      <c r="E25334" s="367"/>
      <c r="F25334" s="367"/>
      <c r="G25334" s="367"/>
      <c r="H25334" s="359" t="s">
        <v>14332</v>
      </c>
      <c r="I25334" s="367"/>
      <c r="J25334" s="365"/>
      <c r="K25334" s="365"/>
      <c r="L25334" s="367"/>
    </row>
    <row r="25335" spans="2:12">
      <c r="B25335" s="367"/>
      <c r="C25335" s="360"/>
      <c r="D25335" s="367"/>
      <c r="E25335" s="367"/>
      <c r="F25335" s="367"/>
      <c r="G25335" s="367"/>
      <c r="H25335" s="360"/>
      <c r="I25335" s="367"/>
      <c r="J25335" s="365"/>
      <c r="K25335" s="365"/>
      <c r="L25335" s="367"/>
    </row>
    <row r="25336" spans="2:12" ht="114">
      <c r="B25336" s="368"/>
      <c r="C25336" s="361" t="s">
        <v>30928</v>
      </c>
      <c r="D25336" s="368"/>
      <c r="E25336" s="368"/>
      <c r="F25336" s="368"/>
      <c r="G25336" s="368"/>
      <c r="H25336" s="362"/>
      <c r="I25336" s="368"/>
      <c r="J25336" s="366"/>
      <c r="K25336" s="366"/>
      <c r="L25336" s="368"/>
    </row>
    <row r="25337" spans="2:12" ht="28.5">
      <c r="B25337" s="358" t="s">
        <v>12599</v>
      </c>
      <c r="C25337" s="358" t="s">
        <v>26422</v>
      </c>
      <c r="D25337" s="358" t="s">
        <v>12600</v>
      </c>
      <c r="E25337" s="358" t="s">
        <v>12601</v>
      </c>
      <c r="F25337" s="358" t="s">
        <v>14376</v>
      </c>
      <c r="G25337" s="358" t="s">
        <v>14669</v>
      </c>
      <c r="H25337" s="358" t="s">
        <v>14381</v>
      </c>
      <c r="I25337" s="358" t="s">
        <v>14669</v>
      </c>
      <c r="J25337" s="358"/>
      <c r="K25337" s="358"/>
      <c r="L25337" s="358" t="s">
        <v>11463</v>
      </c>
    </row>
    <row r="25338" spans="2:12">
      <c r="B25338" s="367"/>
      <c r="C25338" s="360"/>
      <c r="D25338" s="367"/>
      <c r="E25338" s="367"/>
      <c r="F25338" s="367"/>
      <c r="G25338" s="367"/>
      <c r="H25338" s="360"/>
      <c r="I25338" s="367"/>
      <c r="J25338" s="365"/>
      <c r="K25338" s="365"/>
      <c r="L25338" s="367"/>
    </row>
    <row r="25339" spans="2:12">
      <c r="B25339" s="367"/>
      <c r="C25339" s="359" t="s">
        <v>26406</v>
      </c>
      <c r="D25339" s="367"/>
      <c r="E25339" s="367"/>
      <c r="F25339" s="367"/>
      <c r="G25339" s="367"/>
      <c r="H25339" s="359" t="s">
        <v>14332</v>
      </c>
      <c r="I25339" s="367"/>
      <c r="J25339" s="365"/>
      <c r="K25339" s="365"/>
      <c r="L25339" s="367"/>
    </row>
    <row r="25340" spans="2:12">
      <c r="B25340" s="367"/>
      <c r="C25340" s="360"/>
      <c r="D25340" s="367"/>
      <c r="E25340" s="367"/>
      <c r="F25340" s="367"/>
      <c r="G25340" s="367"/>
      <c r="H25340" s="360"/>
      <c r="I25340" s="367"/>
      <c r="J25340" s="365"/>
      <c r="K25340" s="365"/>
      <c r="L25340" s="367"/>
    </row>
    <row r="25341" spans="2:12" ht="114">
      <c r="B25341" s="368"/>
      <c r="C25341" s="361" t="s">
        <v>30929</v>
      </c>
      <c r="D25341" s="368"/>
      <c r="E25341" s="368"/>
      <c r="F25341" s="368"/>
      <c r="G25341" s="368"/>
      <c r="H25341" s="362"/>
      <c r="I25341" s="368"/>
      <c r="J25341" s="366"/>
      <c r="K25341" s="366"/>
      <c r="L25341" s="368"/>
    </row>
    <row r="25342" spans="2:12" ht="28.5">
      <c r="B25342" s="358" t="s">
        <v>12603</v>
      </c>
      <c r="C25342" s="358" t="s">
        <v>26423</v>
      </c>
      <c r="D25342" s="358" t="s">
        <v>12604</v>
      </c>
      <c r="E25342" s="358" t="s">
        <v>12605</v>
      </c>
      <c r="F25342" s="358" t="s">
        <v>14376</v>
      </c>
      <c r="G25342" s="358" t="s">
        <v>14669</v>
      </c>
      <c r="H25342" s="358" t="s">
        <v>14381</v>
      </c>
      <c r="I25342" s="358" t="s">
        <v>14669</v>
      </c>
      <c r="J25342" s="358"/>
      <c r="K25342" s="358"/>
      <c r="L25342" s="358" t="s">
        <v>11463</v>
      </c>
    </row>
    <row r="25343" spans="2:12">
      <c r="B25343" s="367"/>
      <c r="C25343" s="360"/>
      <c r="D25343" s="367"/>
      <c r="E25343" s="367"/>
      <c r="F25343" s="367"/>
      <c r="G25343" s="367"/>
      <c r="H25343" s="360"/>
      <c r="I25343" s="367"/>
      <c r="J25343" s="365"/>
      <c r="K25343" s="365"/>
      <c r="L25343" s="367"/>
    </row>
    <row r="25344" spans="2:12">
      <c r="B25344" s="367"/>
      <c r="C25344" s="359" t="s">
        <v>26406</v>
      </c>
      <c r="D25344" s="367"/>
      <c r="E25344" s="367"/>
      <c r="F25344" s="367"/>
      <c r="G25344" s="367"/>
      <c r="H25344" s="359" t="s">
        <v>14332</v>
      </c>
      <c r="I25344" s="367"/>
      <c r="J25344" s="365"/>
      <c r="K25344" s="365"/>
      <c r="L25344" s="367"/>
    </row>
    <row r="25345" spans="2:12">
      <c r="B25345" s="367"/>
      <c r="C25345" s="360"/>
      <c r="D25345" s="367"/>
      <c r="E25345" s="367"/>
      <c r="F25345" s="367"/>
      <c r="G25345" s="367"/>
      <c r="H25345" s="360"/>
      <c r="I25345" s="367"/>
      <c r="J25345" s="365"/>
      <c r="K25345" s="365"/>
      <c r="L25345" s="367"/>
    </row>
    <row r="25346" spans="2:12" ht="99.75">
      <c r="B25346" s="368"/>
      <c r="C25346" s="361" t="s">
        <v>28364</v>
      </c>
      <c r="D25346" s="368"/>
      <c r="E25346" s="368"/>
      <c r="F25346" s="368"/>
      <c r="G25346" s="368"/>
      <c r="H25346" s="362"/>
      <c r="I25346" s="368"/>
      <c r="J25346" s="366"/>
      <c r="K25346" s="366"/>
      <c r="L25346" s="368"/>
    </row>
    <row r="25347" spans="2:12" ht="28.5">
      <c r="B25347" s="358" t="s">
        <v>12607</v>
      </c>
      <c r="C25347" s="358" t="s">
        <v>26424</v>
      </c>
      <c r="D25347" s="358" t="s">
        <v>12608</v>
      </c>
      <c r="E25347" s="358" t="s">
        <v>12609</v>
      </c>
      <c r="F25347" s="358" t="s">
        <v>14376</v>
      </c>
      <c r="G25347" s="358" t="s">
        <v>14669</v>
      </c>
      <c r="H25347" s="358" t="s">
        <v>14381</v>
      </c>
      <c r="I25347" s="358" t="s">
        <v>14669</v>
      </c>
      <c r="J25347" s="358"/>
      <c r="K25347" s="358"/>
      <c r="L25347" s="358" t="s">
        <v>11463</v>
      </c>
    </row>
    <row r="25348" spans="2:12">
      <c r="B25348" s="367"/>
      <c r="C25348" s="360"/>
      <c r="D25348" s="367"/>
      <c r="E25348" s="367"/>
      <c r="F25348" s="367"/>
      <c r="G25348" s="367"/>
      <c r="H25348" s="360"/>
      <c r="I25348" s="367"/>
      <c r="J25348" s="365"/>
      <c r="K25348" s="365"/>
      <c r="L25348" s="367"/>
    </row>
    <row r="25349" spans="2:12">
      <c r="B25349" s="367"/>
      <c r="C25349" s="359" t="s">
        <v>26406</v>
      </c>
      <c r="D25349" s="367"/>
      <c r="E25349" s="367"/>
      <c r="F25349" s="367"/>
      <c r="G25349" s="367"/>
      <c r="H25349" s="359" t="s">
        <v>14332</v>
      </c>
      <c r="I25349" s="367"/>
      <c r="J25349" s="365"/>
      <c r="K25349" s="365"/>
      <c r="L25349" s="367"/>
    </row>
    <row r="25350" spans="2:12">
      <c r="B25350" s="367"/>
      <c r="C25350" s="360"/>
      <c r="D25350" s="367"/>
      <c r="E25350" s="367"/>
      <c r="F25350" s="367"/>
      <c r="G25350" s="367"/>
      <c r="H25350" s="360"/>
      <c r="I25350" s="367"/>
      <c r="J25350" s="365"/>
      <c r="K25350" s="365"/>
      <c r="L25350" s="367"/>
    </row>
    <row r="25351" spans="2:12" ht="85.5">
      <c r="B25351" s="368"/>
      <c r="C25351" s="361" t="s">
        <v>30930</v>
      </c>
      <c r="D25351" s="368"/>
      <c r="E25351" s="368"/>
      <c r="F25351" s="368"/>
      <c r="G25351" s="368"/>
      <c r="H25351" s="362"/>
      <c r="I25351" s="368"/>
      <c r="J25351" s="366"/>
      <c r="K25351" s="366"/>
      <c r="L25351" s="368"/>
    </row>
    <row r="25352" spans="2:12">
      <c r="B25352" s="358" t="s">
        <v>12611</v>
      </c>
      <c r="C25352" s="358" t="s">
        <v>29996</v>
      </c>
      <c r="D25352" s="358" t="s">
        <v>12612</v>
      </c>
      <c r="E25352" s="358" t="s">
        <v>12613</v>
      </c>
      <c r="F25352" s="358" t="s">
        <v>14376</v>
      </c>
      <c r="G25352" s="358" t="s">
        <v>14669</v>
      </c>
      <c r="H25352" s="358" t="s">
        <v>14381</v>
      </c>
      <c r="I25352" s="358" t="s">
        <v>14669</v>
      </c>
      <c r="J25352" s="358"/>
      <c r="K25352" s="358"/>
      <c r="L25352" s="358" t="s">
        <v>11463</v>
      </c>
    </row>
    <row r="25353" spans="2:12">
      <c r="B25353" s="367"/>
      <c r="C25353" s="360"/>
      <c r="D25353" s="367"/>
      <c r="E25353" s="367"/>
      <c r="F25353" s="367"/>
      <c r="G25353" s="367"/>
      <c r="H25353" s="360"/>
      <c r="I25353" s="367"/>
      <c r="J25353" s="365"/>
      <c r="K25353" s="365"/>
      <c r="L25353" s="367"/>
    </row>
    <row r="25354" spans="2:12" ht="71.25">
      <c r="B25354" s="368"/>
      <c r="C25354" s="361" t="s">
        <v>30931</v>
      </c>
      <c r="D25354" s="368"/>
      <c r="E25354" s="368"/>
      <c r="F25354" s="368"/>
      <c r="G25354" s="368"/>
      <c r="H25354" s="361" t="s">
        <v>14332</v>
      </c>
      <c r="I25354" s="368"/>
      <c r="J25354" s="366"/>
      <c r="K25354" s="366"/>
      <c r="L25354" s="368"/>
    </row>
    <row r="25355" spans="2:12">
      <c r="B25355" s="358" t="s">
        <v>12615</v>
      </c>
      <c r="C25355" s="358" t="s">
        <v>12614</v>
      </c>
      <c r="D25355" s="358" t="s">
        <v>12616</v>
      </c>
      <c r="E25355" s="358" t="s">
        <v>12617</v>
      </c>
      <c r="F25355" s="358" t="s">
        <v>14376</v>
      </c>
      <c r="G25355" s="358" t="s">
        <v>14669</v>
      </c>
      <c r="H25355" s="358" t="s">
        <v>14381</v>
      </c>
      <c r="I25355" s="358" t="s">
        <v>14669</v>
      </c>
      <c r="J25355" s="358"/>
      <c r="K25355" s="358"/>
      <c r="L25355" s="358" t="s">
        <v>11463</v>
      </c>
    </row>
    <row r="25356" spans="2:12">
      <c r="B25356" s="367"/>
      <c r="C25356" s="367"/>
      <c r="D25356" s="367"/>
      <c r="E25356" s="367"/>
      <c r="F25356" s="367"/>
      <c r="G25356" s="367"/>
      <c r="H25356" s="360"/>
      <c r="I25356" s="367"/>
      <c r="J25356" s="365"/>
      <c r="K25356" s="365"/>
      <c r="L25356" s="367"/>
    </row>
    <row r="25357" spans="2:12">
      <c r="B25357" s="368"/>
      <c r="C25357" s="368"/>
      <c r="D25357" s="368"/>
      <c r="E25357" s="368"/>
      <c r="F25357" s="368"/>
      <c r="G25357" s="368"/>
      <c r="H25357" s="361" t="s">
        <v>14332</v>
      </c>
      <c r="I25357" s="368"/>
      <c r="J25357" s="366"/>
      <c r="K25357" s="366"/>
      <c r="L25357" s="368"/>
    </row>
    <row r="25358" spans="2:12">
      <c r="B25358" s="358" t="s">
        <v>26425</v>
      </c>
      <c r="C25358" s="358" t="s">
        <v>26426</v>
      </c>
      <c r="D25358" s="358" t="s">
        <v>26427</v>
      </c>
      <c r="E25358" s="358" t="s">
        <v>26428</v>
      </c>
      <c r="F25358" s="358" t="s">
        <v>14418</v>
      </c>
      <c r="G25358" s="358" t="s">
        <v>14419</v>
      </c>
      <c r="H25358" s="358" t="s">
        <v>14328</v>
      </c>
      <c r="I25358" s="358" t="s">
        <v>14419</v>
      </c>
      <c r="J25358" s="358"/>
      <c r="K25358" s="358"/>
      <c r="L25358" s="358"/>
    </row>
    <row r="25359" spans="2:12">
      <c r="B25359" s="367"/>
      <c r="C25359" s="367"/>
      <c r="D25359" s="367"/>
      <c r="E25359" s="367"/>
      <c r="F25359" s="360"/>
      <c r="G25359" s="360"/>
      <c r="H25359" s="360"/>
      <c r="I25359" s="360"/>
      <c r="J25359" s="365"/>
      <c r="K25359" s="365"/>
      <c r="L25359" s="365"/>
    </row>
    <row r="25360" spans="2:12" ht="28.5">
      <c r="B25360" s="367"/>
      <c r="C25360" s="367"/>
      <c r="D25360" s="367"/>
      <c r="E25360" s="367"/>
      <c r="F25360" s="359" t="s">
        <v>28938</v>
      </c>
      <c r="G25360" s="359" t="s">
        <v>14459</v>
      </c>
      <c r="H25360" s="359" t="s">
        <v>14381</v>
      </c>
      <c r="I25360" s="359" t="s">
        <v>14459</v>
      </c>
      <c r="J25360" s="365"/>
      <c r="K25360" s="365"/>
      <c r="L25360" s="365"/>
    </row>
    <row r="25361" spans="2:12">
      <c r="B25361" s="367"/>
      <c r="C25361" s="367"/>
      <c r="D25361" s="367"/>
      <c r="E25361" s="367"/>
      <c r="F25361" s="360"/>
      <c r="G25361" s="360"/>
      <c r="H25361" s="360"/>
      <c r="I25361" s="360"/>
      <c r="J25361" s="365"/>
      <c r="K25361" s="365"/>
      <c r="L25361" s="365"/>
    </row>
    <row r="25362" spans="2:12">
      <c r="B25362" s="367"/>
      <c r="C25362" s="367"/>
      <c r="D25362" s="367"/>
      <c r="E25362" s="367"/>
      <c r="F25362" s="359" t="s">
        <v>14420</v>
      </c>
      <c r="G25362" s="359" t="s">
        <v>14421</v>
      </c>
      <c r="H25362" s="359" t="s">
        <v>14367</v>
      </c>
      <c r="I25362" s="359" t="s">
        <v>14421</v>
      </c>
      <c r="J25362" s="365"/>
      <c r="K25362" s="365"/>
      <c r="L25362" s="365"/>
    </row>
    <row r="25363" spans="2:12">
      <c r="B25363" s="367"/>
      <c r="C25363" s="367"/>
      <c r="D25363" s="367"/>
      <c r="E25363" s="367"/>
      <c r="F25363" s="360"/>
      <c r="G25363" s="360"/>
      <c r="H25363" s="360"/>
      <c r="I25363" s="360"/>
      <c r="J25363" s="365"/>
      <c r="K25363" s="365"/>
      <c r="L25363" s="365"/>
    </row>
    <row r="25364" spans="2:12">
      <c r="B25364" s="367"/>
      <c r="C25364" s="367"/>
      <c r="D25364" s="367"/>
      <c r="E25364" s="367"/>
      <c r="F25364" s="359" t="s">
        <v>17310</v>
      </c>
      <c r="G25364" s="359" t="s">
        <v>14429</v>
      </c>
      <c r="H25364" s="359" t="s">
        <v>14370</v>
      </c>
      <c r="I25364" s="359" t="s">
        <v>14429</v>
      </c>
      <c r="J25364" s="365"/>
      <c r="K25364" s="365"/>
      <c r="L25364" s="365"/>
    </row>
    <row r="25365" spans="2:12">
      <c r="B25365" s="367"/>
      <c r="C25365" s="367"/>
      <c r="D25365" s="367"/>
      <c r="E25365" s="367"/>
      <c r="F25365" s="360"/>
      <c r="G25365" s="360"/>
      <c r="H25365" s="360"/>
      <c r="I25365" s="360"/>
      <c r="J25365" s="365"/>
      <c r="K25365" s="365"/>
      <c r="L25365" s="365"/>
    </row>
    <row r="25366" spans="2:12">
      <c r="B25366" s="367"/>
      <c r="C25366" s="367"/>
      <c r="D25366" s="367"/>
      <c r="E25366" s="367"/>
      <c r="F25366" s="359" t="s">
        <v>14386</v>
      </c>
      <c r="G25366" s="359" t="s">
        <v>17311</v>
      </c>
      <c r="H25366" s="359" t="s">
        <v>14332</v>
      </c>
      <c r="I25366" s="359" t="s">
        <v>17311</v>
      </c>
      <c r="J25366" s="365"/>
      <c r="K25366" s="365"/>
      <c r="L25366" s="365"/>
    </row>
    <row r="25367" spans="2:12">
      <c r="B25367" s="367"/>
      <c r="C25367" s="367"/>
      <c r="D25367" s="367"/>
      <c r="E25367" s="367"/>
      <c r="F25367" s="360"/>
      <c r="G25367" s="360"/>
      <c r="H25367" s="360"/>
      <c r="I25367" s="360"/>
      <c r="J25367" s="365"/>
      <c r="K25367" s="365"/>
      <c r="L25367" s="365"/>
    </row>
    <row r="25368" spans="2:12">
      <c r="B25368" s="367"/>
      <c r="C25368" s="367"/>
      <c r="D25368" s="367"/>
      <c r="E25368" s="367"/>
      <c r="F25368" s="359" t="s">
        <v>14389</v>
      </c>
      <c r="G25368" s="359" t="s">
        <v>14387</v>
      </c>
      <c r="H25368" s="360"/>
      <c r="I25368" s="359" t="s">
        <v>14387</v>
      </c>
      <c r="J25368" s="365"/>
      <c r="K25368" s="365"/>
      <c r="L25368" s="365"/>
    </row>
    <row r="25369" spans="2:12">
      <c r="B25369" s="367"/>
      <c r="C25369" s="367"/>
      <c r="D25369" s="367"/>
      <c r="E25369" s="367"/>
      <c r="F25369" s="360"/>
      <c r="G25369" s="360"/>
      <c r="H25369" s="360"/>
      <c r="I25369" s="360"/>
      <c r="J25369" s="365"/>
      <c r="K25369" s="365"/>
      <c r="L25369" s="365"/>
    </row>
    <row r="25370" spans="2:12">
      <c r="B25370" s="367"/>
      <c r="C25370" s="367"/>
      <c r="D25370" s="367"/>
      <c r="E25370" s="367"/>
      <c r="F25370" s="359" t="s">
        <v>14391</v>
      </c>
      <c r="G25370" s="359" t="s">
        <v>14390</v>
      </c>
      <c r="H25370" s="360"/>
      <c r="I25370" s="359" t="s">
        <v>14390</v>
      </c>
      <c r="J25370" s="365"/>
      <c r="K25370" s="365"/>
      <c r="L25370" s="365"/>
    </row>
    <row r="25371" spans="2:12">
      <c r="B25371" s="367"/>
      <c r="C25371" s="367"/>
      <c r="D25371" s="367"/>
      <c r="E25371" s="367"/>
      <c r="F25371" s="360"/>
      <c r="G25371" s="360"/>
      <c r="H25371" s="360"/>
      <c r="I25371" s="360"/>
      <c r="J25371" s="365"/>
      <c r="K25371" s="365"/>
      <c r="L25371" s="365"/>
    </row>
    <row r="25372" spans="2:12" ht="28.5">
      <c r="B25372" s="367"/>
      <c r="C25372" s="367"/>
      <c r="D25372" s="367"/>
      <c r="E25372" s="367"/>
      <c r="F25372" s="359" t="s">
        <v>14394</v>
      </c>
      <c r="G25372" s="359" t="s">
        <v>14392</v>
      </c>
      <c r="H25372" s="360"/>
      <c r="I25372" s="359" t="s">
        <v>14392</v>
      </c>
      <c r="J25372" s="365"/>
      <c r="K25372" s="365"/>
      <c r="L25372" s="365"/>
    </row>
    <row r="25373" spans="2:12">
      <c r="B25373" s="367"/>
      <c r="C25373" s="367"/>
      <c r="D25373" s="367"/>
      <c r="E25373" s="367"/>
      <c r="F25373" s="360"/>
      <c r="G25373" s="360"/>
      <c r="H25373" s="360"/>
      <c r="I25373" s="360"/>
      <c r="J25373" s="365"/>
      <c r="K25373" s="365"/>
      <c r="L25373" s="365"/>
    </row>
    <row r="25374" spans="2:12">
      <c r="B25374" s="368"/>
      <c r="C25374" s="368"/>
      <c r="D25374" s="368"/>
      <c r="E25374" s="368"/>
      <c r="F25374" s="362"/>
      <c r="G25374" s="361" t="s">
        <v>14395</v>
      </c>
      <c r="H25374" s="362"/>
      <c r="I25374" s="361" t="s">
        <v>14395</v>
      </c>
      <c r="J25374" s="366"/>
      <c r="K25374" s="366"/>
      <c r="L25374" s="366"/>
    </row>
    <row r="25375" spans="2:12">
      <c r="B25375" s="358" t="s">
        <v>26429</v>
      </c>
      <c r="C25375" s="358" t="s">
        <v>26430</v>
      </c>
      <c r="D25375" s="358" t="s">
        <v>26431</v>
      </c>
      <c r="E25375" s="358" t="s">
        <v>26432</v>
      </c>
      <c r="F25375" s="358" t="s">
        <v>14420</v>
      </c>
      <c r="G25375" s="358" t="s">
        <v>14429</v>
      </c>
      <c r="H25375" s="358" t="s">
        <v>14367</v>
      </c>
      <c r="I25375" s="358" t="s">
        <v>14429</v>
      </c>
      <c r="J25375" s="358"/>
      <c r="K25375" s="358"/>
      <c r="L25375" s="358"/>
    </row>
    <row r="25376" spans="2:12">
      <c r="B25376" s="367"/>
      <c r="C25376" s="360"/>
      <c r="D25376" s="367"/>
      <c r="E25376" s="367"/>
      <c r="F25376" s="360"/>
      <c r="G25376" s="360"/>
      <c r="H25376" s="360"/>
      <c r="I25376" s="360"/>
      <c r="J25376" s="365"/>
      <c r="K25376" s="365"/>
      <c r="L25376" s="365"/>
    </row>
    <row r="25377" spans="2:12">
      <c r="B25377" s="367"/>
      <c r="C25377" s="359" t="s">
        <v>26433</v>
      </c>
      <c r="D25377" s="367"/>
      <c r="E25377" s="367"/>
      <c r="F25377" s="359" t="s">
        <v>14386</v>
      </c>
      <c r="G25377" s="359" t="s">
        <v>14387</v>
      </c>
      <c r="H25377" s="359" t="s">
        <v>14370</v>
      </c>
      <c r="I25377" s="359" t="s">
        <v>14387</v>
      </c>
      <c r="J25377" s="365"/>
      <c r="K25377" s="365"/>
      <c r="L25377" s="365"/>
    </row>
    <row r="25378" spans="2:12">
      <c r="B25378" s="367"/>
      <c r="C25378" s="360"/>
      <c r="D25378" s="367"/>
      <c r="E25378" s="367"/>
      <c r="F25378" s="360"/>
      <c r="G25378" s="360"/>
      <c r="H25378" s="360"/>
      <c r="I25378" s="360"/>
      <c r="J25378" s="365"/>
      <c r="K25378" s="365"/>
      <c r="L25378" s="365"/>
    </row>
    <row r="25379" spans="2:12" ht="28.5">
      <c r="B25379" s="368"/>
      <c r="C25379" s="362"/>
      <c r="D25379" s="368"/>
      <c r="E25379" s="368"/>
      <c r="F25379" s="361" t="s">
        <v>14394</v>
      </c>
      <c r="G25379" s="361" t="s">
        <v>14395</v>
      </c>
      <c r="H25379" s="361" t="s">
        <v>14422</v>
      </c>
      <c r="I25379" s="361" t="s">
        <v>14395</v>
      </c>
      <c r="J25379" s="366"/>
      <c r="K25379" s="366"/>
      <c r="L25379" s="366"/>
    </row>
    <row r="25380" spans="2:12">
      <c r="B25380" s="358" t="s">
        <v>26434</v>
      </c>
      <c r="C25380" s="358" t="s">
        <v>26435</v>
      </c>
      <c r="D25380" s="358" t="s">
        <v>26436</v>
      </c>
      <c r="E25380" s="358" t="s">
        <v>26437</v>
      </c>
      <c r="F25380" s="358" t="s">
        <v>14420</v>
      </c>
      <c r="G25380" s="358" t="s">
        <v>14429</v>
      </c>
      <c r="H25380" s="358" t="s">
        <v>14367</v>
      </c>
      <c r="I25380" s="358" t="s">
        <v>14429</v>
      </c>
      <c r="J25380" s="358"/>
      <c r="K25380" s="358"/>
      <c r="L25380" s="358"/>
    </row>
    <row r="25381" spans="2:12">
      <c r="B25381" s="367"/>
      <c r="C25381" s="360"/>
      <c r="D25381" s="367"/>
      <c r="E25381" s="367"/>
      <c r="F25381" s="367"/>
      <c r="G25381" s="367"/>
      <c r="H25381" s="360"/>
      <c r="I25381" s="367"/>
      <c r="J25381" s="365"/>
      <c r="K25381" s="365"/>
      <c r="L25381" s="365"/>
    </row>
    <row r="25382" spans="2:12" ht="42.75">
      <c r="B25382" s="368"/>
      <c r="C25382" s="361" t="s">
        <v>29997</v>
      </c>
      <c r="D25382" s="368"/>
      <c r="E25382" s="368"/>
      <c r="F25382" s="368"/>
      <c r="G25382" s="368"/>
      <c r="H25382" s="361" t="s">
        <v>14422</v>
      </c>
      <c r="I25382" s="368"/>
      <c r="J25382" s="366"/>
      <c r="K25382" s="366"/>
      <c r="L25382" s="366"/>
    </row>
    <row r="25383" spans="2:12" ht="42.75">
      <c r="B25383" s="358" t="s">
        <v>26438</v>
      </c>
      <c r="C25383" s="358" t="s">
        <v>28365</v>
      </c>
      <c r="D25383" s="358" t="s">
        <v>26439</v>
      </c>
      <c r="E25383" s="358" t="s">
        <v>26440</v>
      </c>
      <c r="F25383" s="358" t="s">
        <v>14382</v>
      </c>
      <c r="G25383" s="358" t="s">
        <v>14383</v>
      </c>
      <c r="H25383" s="358" t="s">
        <v>14378</v>
      </c>
      <c r="I25383" s="358" t="s">
        <v>14383</v>
      </c>
      <c r="J25383" s="358"/>
      <c r="K25383" s="358"/>
      <c r="L25383" s="358"/>
    </row>
    <row r="25384" spans="2:12">
      <c r="B25384" s="367"/>
      <c r="C25384" s="367"/>
      <c r="D25384" s="367"/>
      <c r="E25384" s="367"/>
      <c r="F25384" s="360"/>
      <c r="G25384" s="360"/>
      <c r="H25384" s="360"/>
      <c r="I25384" s="360"/>
      <c r="J25384" s="365"/>
      <c r="K25384" s="365"/>
      <c r="L25384" s="365"/>
    </row>
    <row r="25385" spans="2:12">
      <c r="B25385" s="367"/>
      <c r="C25385" s="367"/>
      <c r="D25385" s="367"/>
      <c r="E25385" s="367"/>
      <c r="F25385" s="359" t="s">
        <v>14386</v>
      </c>
      <c r="G25385" s="359" t="s">
        <v>14387</v>
      </c>
      <c r="H25385" s="359" t="s">
        <v>14370</v>
      </c>
      <c r="I25385" s="359" t="s">
        <v>14387</v>
      </c>
      <c r="J25385" s="365"/>
      <c r="K25385" s="365"/>
      <c r="L25385" s="365"/>
    </row>
    <row r="25386" spans="2:12">
      <c r="B25386" s="367"/>
      <c r="C25386" s="367"/>
      <c r="D25386" s="367"/>
      <c r="E25386" s="367"/>
      <c r="F25386" s="360"/>
      <c r="G25386" s="360"/>
      <c r="H25386" s="360"/>
      <c r="I25386" s="360"/>
      <c r="J25386" s="365"/>
      <c r="K25386" s="365"/>
      <c r="L25386" s="365"/>
    </row>
    <row r="25387" spans="2:12">
      <c r="B25387" s="367"/>
      <c r="C25387" s="367"/>
      <c r="D25387" s="367"/>
      <c r="E25387" s="367"/>
      <c r="F25387" s="359" t="s">
        <v>14368</v>
      </c>
      <c r="G25387" s="359" t="s">
        <v>14388</v>
      </c>
      <c r="H25387" s="359" t="s">
        <v>14332</v>
      </c>
      <c r="I25387" s="359" t="s">
        <v>14388</v>
      </c>
      <c r="J25387" s="365"/>
      <c r="K25387" s="365"/>
      <c r="L25387" s="365"/>
    </row>
    <row r="25388" spans="2:12">
      <c r="B25388" s="367"/>
      <c r="C25388" s="367"/>
      <c r="D25388" s="367"/>
      <c r="E25388" s="367"/>
      <c r="F25388" s="360"/>
      <c r="G25388" s="360"/>
      <c r="H25388" s="360"/>
      <c r="I25388" s="360"/>
      <c r="J25388" s="365"/>
      <c r="K25388" s="365"/>
      <c r="L25388" s="365"/>
    </row>
    <row r="25389" spans="2:12">
      <c r="B25389" s="367"/>
      <c r="C25389" s="367"/>
      <c r="D25389" s="367"/>
      <c r="E25389" s="367"/>
      <c r="F25389" s="359" t="s">
        <v>14389</v>
      </c>
      <c r="G25389" s="359" t="s">
        <v>14390</v>
      </c>
      <c r="H25389" s="360"/>
      <c r="I25389" s="359" t="s">
        <v>14390</v>
      </c>
      <c r="J25389" s="365"/>
      <c r="K25389" s="365"/>
      <c r="L25389" s="365"/>
    </row>
    <row r="25390" spans="2:12">
      <c r="B25390" s="367"/>
      <c r="C25390" s="367"/>
      <c r="D25390" s="367"/>
      <c r="E25390" s="367"/>
      <c r="F25390" s="360"/>
      <c r="G25390" s="360"/>
      <c r="H25390" s="360"/>
      <c r="I25390" s="360"/>
      <c r="J25390" s="365"/>
      <c r="K25390" s="365"/>
      <c r="L25390" s="365"/>
    </row>
    <row r="25391" spans="2:12">
      <c r="B25391" s="367"/>
      <c r="C25391" s="367"/>
      <c r="D25391" s="367"/>
      <c r="E25391" s="367"/>
      <c r="F25391" s="359" t="s">
        <v>14371</v>
      </c>
      <c r="G25391" s="359" t="s">
        <v>14372</v>
      </c>
      <c r="H25391" s="360"/>
      <c r="I25391" s="359" t="s">
        <v>14373</v>
      </c>
      <c r="J25391" s="365"/>
      <c r="K25391" s="365"/>
      <c r="L25391" s="365"/>
    </row>
    <row r="25392" spans="2:12">
      <c r="B25392" s="367"/>
      <c r="C25392" s="367"/>
      <c r="D25392" s="367"/>
      <c r="E25392" s="367"/>
      <c r="F25392" s="360"/>
      <c r="G25392" s="360"/>
      <c r="H25392" s="360"/>
      <c r="I25392" s="360"/>
      <c r="J25392" s="365"/>
      <c r="K25392" s="365"/>
      <c r="L25392" s="365"/>
    </row>
    <row r="25393" spans="2:12" ht="28.5">
      <c r="B25393" s="368"/>
      <c r="C25393" s="368"/>
      <c r="D25393" s="368"/>
      <c r="E25393" s="368"/>
      <c r="F25393" s="361" t="s">
        <v>14374</v>
      </c>
      <c r="G25393" s="361" t="s">
        <v>14373</v>
      </c>
      <c r="H25393" s="362"/>
      <c r="I25393" s="362"/>
      <c r="J25393" s="366"/>
      <c r="K25393" s="366"/>
      <c r="L25393" s="366"/>
    </row>
    <row r="25394" spans="2:12" ht="28.5">
      <c r="B25394" s="358" t="s">
        <v>26441</v>
      </c>
      <c r="C25394" s="358" t="s">
        <v>26442</v>
      </c>
      <c r="D25394" s="358" t="s">
        <v>26443</v>
      </c>
      <c r="E25394" s="358" t="s">
        <v>26444</v>
      </c>
      <c r="F25394" s="358" t="s">
        <v>28955</v>
      </c>
      <c r="G25394" s="358" t="s">
        <v>14383</v>
      </c>
      <c r="H25394" s="358" t="s">
        <v>14378</v>
      </c>
      <c r="I25394" s="358" t="s">
        <v>14383</v>
      </c>
      <c r="J25394" s="358"/>
      <c r="K25394" s="358"/>
      <c r="L25394" s="358"/>
    </row>
    <row r="25395" spans="2:12">
      <c r="B25395" s="367"/>
      <c r="C25395" s="360"/>
      <c r="D25395" s="367"/>
      <c r="E25395" s="367"/>
      <c r="F25395" s="367"/>
      <c r="G25395" s="360"/>
      <c r="H25395" s="360"/>
      <c r="I25395" s="360"/>
      <c r="J25395" s="365"/>
      <c r="K25395" s="365"/>
      <c r="L25395" s="365"/>
    </row>
    <row r="25396" spans="2:12">
      <c r="B25396" s="368"/>
      <c r="C25396" s="361" t="s">
        <v>28366</v>
      </c>
      <c r="D25396" s="368"/>
      <c r="E25396" s="368"/>
      <c r="F25396" s="368"/>
      <c r="G25396" s="361" t="s">
        <v>14421</v>
      </c>
      <c r="H25396" s="361" t="s">
        <v>14332</v>
      </c>
      <c r="I25396" s="361" t="s">
        <v>14421</v>
      </c>
      <c r="J25396" s="366"/>
      <c r="K25396" s="366"/>
      <c r="L25396" s="366"/>
    </row>
    <row r="25397" spans="2:12">
      <c r="B25397" s="358" t="s">
        <v>26445</v>
      </c>
      <c r="C25397" s="358" t="s">
        <v>26446</v>
      </c>
      <c r="D25397" s="358" t="s">
        <v>26447</v>
      </c>
      <c r="E25397" s="358" t="s">
        <v>26448</v>
      </c>
      <c r="F25397" s="358" t="s">
        <v>14443</v>
      </c>
      <c r="G25397" s="358" t="s">
        <v>14444</v>
      </c>
      <c r="H25397" s="358" t="s">
        <v>14381</v>
      </c>
      <c r="I25397" s="358" t="s">
        <v>14444</v>
      </c>
      <c r="J25397" s="358"/>
      <c r="K25397" s="358"/>
      <c r="L25397" s="358"/>
    </row>
    <row r="25398" spans="2:12">
      <c r="B25398" s="367"/>
      <c r="C25398" s="360"/>
      <c r="D25398" s="367"/>
      <c r="E25398" s="367"/>
      <c r="F25398" s="360"/>
      <c r="G25398" s="360"/>
      <c r="H25398" s="360"/>
      <c r="I25398" s="360"/>
      <c r="J25398" s="365"/>
      <c r="K25398" s="365"/>
      <c r="L25398" s="365"/>
    </row>
    <row r="25399" spans="2:12">
      <c r="B25399" s="367"/>
      <c r="C25399" s="359" t="s">
        <v>30932</v>
      </c>
      <c r="D25399" s="367"/>
      <c r="E25399" s="367"/>
      <c r="F25399" s="359" t="s">
        <v>14420</v>
      </c>
      <c r="G25399" s="359" t="s">
        <v>14421</v>
      </c>
      <c r="H25399" s="359" t="s">
        <v>14367</v>
      </c>
      <c r="I25399" s="359" t="s">
        <v>14421</v>
      </c>
      <c r="J25399" s="365"/>
      <c r="K25399" s="365"/>
      <c r="L25399" s="365"/>
    </row>
    <row r="25400" spans="2:12">
      <c r="B25400" s="367"/>
      <c r="C25400" s="360"/>
      <c r="D25400" s="367"/>
      <c r="E25400" s="367"/>
      <c r="F25400" s="360"/>
      <c r="G25400" s="360"/>
      <c r="H25400" s="360"/>
      <c r="I25400" s="360"/>
      <c r="J25400" s="365"/>
      <c r="K25400" s="365"/>
      <c r="L25400" s="365"/>
    </row>
    <row r="25401" spans="2:12" ht="28.5">
      <c r="B25401" s="367"/>
      <c r="C25401" s="360"/>
      <c r="D25401" s="367"/>
      <c r="E25401" s="367"/>
      <c r="F25401" s="359" t="s">
        <v>29049</v>
      </c>
      <c r="G25401" s="359" t="s">
        <v>14429</v>
      </c>
      <c r="H25401" s="359" t="s">
        <v>14370</v>
      </c>
      <c r="I25401" s="359" t="s">
        <v>14429</v>
      </c>
      <c r="J25401" s="365"/>
      <c r="K25401" s="365"/>
      <c r="L25401" s="365"/>
    </row>
    <row r="25402" spans="2:12">
      <c r="B25402" s="367"/>
      <c r="C25402" s="360"/>
      <c r="D25402" s="367"/>
      <c r="E25402" s="367"/>
      <c r="F25402" s="360"/>
      <c r="G25402" s="360"/>
      <c r="H25402" s="360"/>
      <c r="I25402" s="360"/>
      <c r="J25402" s="365"/>
      <c r="K25402" s="365"/>
      <c r="L25402" s="365"/>
    </row>
    <row r="25403" spans="2:12" ht="28.5">
      <c r="B25403" s="367"/>
      <c r="C25403" s="360"/>
      <c r="D25403" s="367"/>
      <c r="E25403" s="367"/>
      <c r="F25403" s="359" t="s">
        <v>14374</v>
      </c>
      <c r="G25403" s="359" t="s">
        <v>14372</v>
      </c>
      <c r="H25403" s="359" t="s">
        <v>14422</v>
      </c>
      <c r="I25403" s="359" t="s">
        <v>14373</v>
      </c>
      <c r="J25403" s="365"/>
      <c r="K25403" s="365"/>
      <c r="L25403" s="365"/>
    </row>
    <row r="25404" spans="2:12">
      <c r="B25404" s="367"/>
      <c r="C25404" s="360"/>
      <c r="D25404" s="367"/>
      <c r="E25404" s="367"/>
      <c r="F25404" s="360"/>
      <c r="G25404" s="360"/>
      <c r="H25404" s="360"/>
      <c r="I25404" s="360"/>
      <c r="J25404" s="365"/>
      <c r="K25404" s="365"/>
      <c r="L25404" s="365"/>
    </row>
    <row r="25405" spans="2:12">
      <c r="B25405" s="368"/>
      <c r="C25405" s="362"/>
      <c r="D25405" s="368"/>
      <c r="E25405" s="368"/>
      <c r="F25405" s="362"/>
      <c r="G25405" s="361" t="s">
        <v>14373</v>
      </c>
      <c r="H25405" s="362"/>
      <c r="I25405" s="362"/>
      <c r="J25405" s="366"/>
      <c r="K25405" s="366"/>
      <c r="L25405" s="366"/>
    </row>
    <row r="25406" spans="2:12" ht="28.5">
      <c r="B25406" s="358" t="s">
        <v>26449</v>
      </c>
      <c r="C25406" s="358" t="s">
        <v>26450</v>
      </c>
      <c r="D25406" s="358" t="s">
        <v>26451</v>
      </c>
      <c r="E25406" s="358" t="s">
        <v>26452</v>
      </c>
      <c r="F25406" s="358" t="s">
        <v>28568</v>
      </c>
      <c r="G25406" s="358" t="s">
        <v>14383</v>
      </c>
      <c r="H25406" s="358" t="s">
        <v>14378</v>
      </c>
      <c r="I25406" s="358" t="s">
        <v>14383</v>
      </c>
      <c r="J25406" s="358"/>
      <c r="K25406" s="358"/>
      <c r="L25406" s="358"/>
    </row>
    <row r="25407" spans="2:12">
      <c r="B25407" s="367"/>
      <c r="C25407" s="360"/>
      <c r="D25407" s="367"/>
      <c r="E25407" s="367"/>
      <c r="F25407" s="360"/>
      <c r="G25407" s="360"/>
      <c r="H25407" s="360"/>
      <c r="I25407" s="360"/>
      <c r="J25407" s="365"/>
      <c r="K25407" s="365"/>
      <c r="L25407" s="365"/>
    </row>
    <row r="25408" spans="2:12" ht="28.5">
      <c r="B25408" s="367"/>
      <c r="C25408" s="359" t="s">
        <v>26453</v>
      </c>
      <c r="D25408" s="367"/>
      <c r="E25408" s="367"/>
      <c r="F25408" s="359" t="s">
        <v>14374</v>
      </c>
      <c r="G25408" s="359" t="s">
        <v>14372</v>
      </c>
      <c r="H25408" s="359" t="s">
        <v>14370</v>
      </c>
      <c r="I25408" s="359" t="s">
        <v>14373</v>
      </c>
      <c r="J25408" s="365"/>
      <c r="K25408" s="365"/>
      <c r="L25408" s="365"/>
    </row>
    <row r="25409" spans="2:12">
      <c r="B25409" s="367"/>
      <c r="C25409" s="360"/>
      <c r="D25409" s="367"/>
      <c r="E25409" s="367"/>
      <c r="F25409" s="360"/>
      <c r="G25409" s="360"/>
      <c r="H25409" s="360"/>
      <c r="I25409" s="360"/>
      <c r="J25409" s="365"/>
      <c r="K25409" s="365"/>
      <c r="L25409" s="365"/>
    </row>
    <row r="25410" spans="2:12">
      <c r="B25410" s="368"/>
      <c r="C25410" s="362"/>
      <c r="D25410" s="368"/>
      <c r="E25410" s="368"/>
      <c r="F25410" s="362"/>
      <c r="G25410" s="361" t="s">
        <v>14373</v>
      </c>
      <c r="H25410" s="361" t="s">
        <v>14332</v>
      </c>
      <c r="I25410" s="362"/>
      <c r="J25410" s="366"/>
      <c r="K25410" s="366"/>
      <c r="L25410" s="366"/>
    </row>
    <row r="25411" spans="2:12" ht="28.5">
      <c r="B25411" s="358" t="s">
        <v>26454</v>
      </c>
      <c r="C25411" s="358" t="s">
        <v>30933</v>
      </c>
      <c r="D25411" s="358" t="s">
        <v>26455</v>
      </c>
      <c r="E25411" s="358" t="s">
        <v>26456</v>
      </c>
      <c r="F25411" s="358" t="s">
        <v>14443</v>
      </c>
      <c r="G25411" s="358" t="s">
        <v>14444</v>
      </c>
      <c r="H25411" s="358" t="s">
        <v>14381</v>
      </c>
      <c r="I25411" s="358" t="s">
        <v>14444</v>
      </c>
      <c r="J25411" s="358"/>
      <c r="K25411" s="358"/>
      <c r="L25411" s="358"/>
    </row>
    <row r="25412" spans="2:12">
      <c r="B25412" s="367"/>
      <c r="C25412" s="360"/>
      <c r="D25412" s="367"/>
      <c r="E25412" s="367"/>
      <c r="F25412" s="360"/>
      <c r="G25412" s="360"/>
      <c r="H25412" s="360"/>
      <c r="I25412" s="360"/>
      <c r="J25412" s="365"/>
      <c r="K25412" s="365"/>
      <c r="L25412" s="365"/>
    </row>
    <row r="25413" spans="2:12" ht="28.5">
      <c r="B25413" s="367"/>
      <c r="C25413" s="359" t="s">
        <v>30934</v>
      </c>
      <c r="D25413" s="367"/>
      <c r="E25413" s="367"/>
      <c r="F25413" s="359" t="s">
        <v>29049</v>
      </c>
      <c r="G25413" s="359" t="s">
        <v>14429</v>
      </c>
      <c r="H25413" s="359" t="s">
        <v>14367</v>
      </c>
      <c r="I25413" s="359" t="s">
        <v>14429</v>
      </c>
      <c r="J25413" s="365"/>
      <c r="K25413" s="365"/>
      <c r="L25413" s="365"/>
    </row>
    <row r="25414" spans="2:12">
      <c r="B25414" s="367"/>
      <c r="C25414" s="360"/>
      <c r="D25414" s="367"/>
      <c r="E25414" s="367"/>
      <c r="F25414" s="360"/>
      <c r="G25414" s="360"/>
      <c r="H25414" s="360"/>
      <c r="I25414" s="360"/>
      <c r="J25414" s="365"/>
      <c r="K25414" s="365"/>
      <c r="L25414" s="365"/>
    </row>
    <row r="25415" spans="2:12" ht="28.5">
      <c r="B25415" s="367"/>
      <c r="C25415" s="360"/>
      <c r="D25415" s="367"/>
      <c r="E25415" s="367"/>
      <c r="F25415" s="359" t="s">
        <v>14374</v>
      </c>
      <c r="G25415" s="359" t="s">
        <v>14372</v>
      </c>
      <c r="H25415" s="359" t="s">
        <v>14370</v>
      </c>
      <c r="I25415" s="359" t="s">
        <v>14373</v>
      </c>
      <c r="J25415" s="365"/>
      <c r="K25415" s="365"/>
      <c r="L25415" s="365"/>
    </row>
    <row r="25416" spans="2:12">
      <c r="B25416" s="367"/>
      <c r="C25416" s="360"/>
      <c r="D25416" s="367"/>
      <c r="E25416" s="367"/>
      <c r="F25416" s="360"/>
      <c r="G25416" s="360"/>
      <c r="H25416" s="360"/>
      <c r="I25416" s="360"/>
      <c r="J25416" s="365"/>
      <c r="K25416" s="365"/>
      <c r="L25416" s="365"/>
    </row>
    <row r="25417" spans="2:12">
      <c r="B25417" s="368"/>
      <c r="C25417" s="362"/>
      <c r="D25417" s="368"/>
      <c r="E25417" s="368"/>
      <c r="F25417" s="362"/>
      <c r="G25417" s="361" t="s">
        <v>14373</v>
      </c>
      <c r="H25417" s="361" t="s">
        <v>14422</v>
      </c>
      <c r="I25417" s="362"/>
      <c r="J25417" s="366"/>
      <c r="K25417" s="366"/>
      <c r="L25417" s="366"/>
    </row>
    <row r="25418" spans="2:12">
      <c r="B25418" s="358" t="s">
        <v>26457</v>
      </c>
      <c r="C25418" s="358" t="s">
        <v>26458</v>
      </c>
      <c r="D25418" s="358" t="s">
        <v>26459</v>
      </c>
      <c r="E25418" s="358" t="s">
        <v>26460</v>
      </c>
      <c r="F25418" s="358" t="s">
        <v>14443</v>
      </c>
      <c r="G25418" s="358" t="s">
        <v>14444</v>
      </c>
      <c r="H25418" s="358" t="s">
        <v>14381</v>
      </c>
      <c r="I25418" s="358" t="s">
        <v>14444</v>
      </c>
      <c r="J25418" s="358"/>
      <c r="K25418" s="358"/>
      <c r="L25418" s="358"/>
    </row>
    <row r="25419" spans="2:12">
      <c r="B25419" s="367"/>
      <c r="C25419" s="360"/>
      <c r="D25419" s="367"/>
      <c r="E25419" s="367"/>
      <c r="F25419" s="367"/>
      <c r="G25419" s="367"/>
      <c r="H25419" s="360"/>
      <c r="I25419" s="367"/>
      <c r="J25419" s="365"/>
      <c r="K25419" s="365"/>
      <c r="L25419" s="365"/>
    </row>
    <row r="25420" spans="2:12" ht="42.75">
      <c r="B25420" s="368"/>
      <c r="C25420" s="361" t="s">
        <v>29998</v>
      </c>
      <c r="D25420" s="368"/>
      <c r="E25420" s="368"/>
      <c r="F25420" s="368"/>
      <c r="G25420" s="368"/>
      <c r="H25420" s="361" t="s">
        <v>14422</v>
      </c>
      <c r="I25420" s="368"/>
      <c r="J25420" s="366"/>
      <c r="K25420" s="366"/>
      <c r="L25420" s="366"/>
    </row>
    <row r="25421" spans="2:12">
      <c r="B25421" s="358" t="s">
        <v>10164</v>
      </c>
      <c r="C25421" s="358" t="s">
        <v>26461</v>
      </c>
      <c r="D25421" s="358" t="s">
        <v>8356</v>
      </c>
      <c r="E25421" s="358" t="s">
        <v>10165</v>
      </c>
      <c r="F25421" s="358" t="s">
        <v>16528</v>
      </c>
      <c r="G25421" s="358" t="s">
        <v>14669</v>
      </c>
      <c r="H25421" s="358" t="s">
        <v>14381</v>
      </c>
      <c r="I25421" s="358" t="s">
        <v>14669</v>
      </c>
      <c r="J25421" s="358"/>
      <c r="K25421" s="358"/>
      <c r="L25421" s="358"/>
    </row>
    <row r="25422" spans="2:12">
      <c r="B25422" s="367"/>
      <c r="C25422" s="367"/>
      <c r="D25422" s="367"/>
      <c r="E25422" s="367"/>
      <c r="F25422" s="367"/>
      <c r="G25422" s="367"/>
      <c r="H25422" s="360"/>
      <c r="I25422" s="367"/>
      <c r="J25422" s="365"/>
      <c r="K25422" s="365"/>
      <c r="L25422" s="365"/>
    </row>
    <row r="25423" spans="2:12">
      <c r="B25423" s="368"/>
      <c r="C25423" s="368"/>
      <c r="D25423" s="368"/>
      <c r="E25423" s="368"/>
      <c r="F25423" s="368"/>
      <c r="G25423" s="368"/>
      <c r="H25423" s="361" t="s">
        <v>14332</v>
      </c>
      <c r="I25423" s="368"/>
      <c r="J25423" s="366"/>
      <c r="K25423" s="366"/>
      <c r="L25423" s="366"/>
    </row>
    <row r="25424" spans="2:12">
      <c r="B25424" s="358" t="s">
        <v>10166</v>
      </c>
      <c r="C25424" s="358" t="s">
        <v>26462</v>
      </c>
      <c r="D25424" s="358" t="s">
        <v>8356</v>
      </c>
      <c r="E25424" s="358" t="s">
        <v>1040</v>
      </c>
      <c r="F25424" s="358" t="s">
        <v>16528</v>
      </c>
      <c r="G25424" s="358" t="s">
        <v>14669</v>
      </c>
      <c r="H25424" s="358" t="s">
        <v>14381</v>
      </c>
      <c r="I25424" s="358" t="s">
        <v>14669</v>
      </c>
      <c r="J25424" s="358"/>
      <c r="K25424" s="358"/>
      <c r="L25424" s="358"/>
    </row>
    <row r="25425" spans="2:12">
      <c r="B25425" s="367"/>
      <c r="C25425" s="367"/>
      <c r="D25425" s="360"/>
      <c r="E25425" s="360"/>
      <c r="F25425" s="360"/>
      <c r="G25425" s="360"/>
      <c r="H25425" s="360"/>
      <c r="I25425" s="360"/>
      <c r="J25425" s="365"/>
      <c r="K25425" s="365"/>
      <c r="L25425" s="365"/>
    </row>
    <row r="25426" spans="2:12">
      <c r="B25426" s="367"/>
      <c r="C25426" s="367"/>
      <c r="D25426" s="359" t="s">
        <v>8356</v>
      </c>
      <c r="E25426" s="359" t="s">
        <v>1055</v>
      </c>
      <c r="F25426" s="359" t="s">
        <v>14384</v>
      </c>
      <c r="G25426" s="359" t="s">
        <v>14385</v>
      </c>
      <c r="H25426" s="359" t="s">
        <v>14332</v>
      </c>
      <c r="I25426" s="359" t="s">
        <v>14385</v>
      </c>
      <c r="J25426" s="365"/>
      <c r="K25426" s="365"/>
      <c r="L25426" s="365"/>
    </row>
    <row r="25427" spans="2:12">
      <c r="B25427" s="367"/>
      <c r="C25427" s="367"/>
      <c r="D25427" s="360"/>
      <c r="E25427" s="360"/>
      <c r="F25427" s="360"/>
      <c r="G25427" s="360"/>
      <c r="H25427" s="360"/>
      <c r="I25427" s="360"/>
      <c r="J25427" s="365"/>
      <c r="K25427" s="365"/>
      <c r="L25427" s="365"/>
    </row>
    <row r="25428" spans="2:12">
      <c r="B25428" s="367"/>
      <c r="C25428" s="367"/>
      <c r="D25428" s="359" t="s">
        <v>8356</v>
      </c>
      <c r="E25428" s="359" t="s">
        <v>1034</v>
      </c>
      <c r="F25428" s="360"/>
      <c r="G25428" s="360"/>
      <c r="H25428" s="360"/>
      <c r="I25428" s="360"/>
      <c r="J25428" s="365"/>
      <c r="K25428" s="365"/>
      <c r="L25428" s="365"/>
    </row>
    <row r="25429" spans="2:12">
      <c r="B25429" s="367"/>
      <c r="C25429" s="367"/>
      <c r="D25429" s="360"/>
      <c r="E25429" s="360"/>
      <c r="F25429" s="360"/>
      <c r="G25429" s="360"/>
      <c r="H25429" s="360"/>
      <c r="I25429" s="360"/>
      <c r="J25429" s="365"/>
      <c r="K25429" s="365"/>
      <c r="L25429" s="365"/>
    </row>
    <row r="25430" spans="2:12">
      <c r="B25430" s="367"/>
      <c r="C25430" s="367"/>
      <c r="D25430" s="359" t="s">
        <v>8356</v>
      </c>
      <c r="E25430" s="359" t="s">
        <v>1032</v>
      </c>
      <c r="F25430" s="360"/>
      <c r="G25430" s="360"/>
      <c r="H25430" s="360"/>
      <c r="I25430" s="360"/>
      <c r="J25430" s="365"/>
      <c r="K25430" s="365"/>
      <c r="L25430" s="365"/>
    </row>
    <row r="25431" spans="2:12">
      <c r="B25431" s="367"/>
      <c r="C25431" s="367"/>
      <c r="D25431" s="360"/>
      <c r="E25431" s="360"/>
      <c r="F25431" s="360"/>
      <c r="G25431" s="360"/>
      <c r="H25431" s="360"/>
      <c r="I25431" s="360"/>
      <c r="J25431" s="365"/>
      <c r="K25431" s="365"/>
      <c r="L25431" s="365"/>
    </row>
    <row r="25432" spans="2:12">
      <c r="B25432" s="367"/>
      <c r="C25432" s="367"/>
      <c r="D25432" s="359" t="s">
        <v>8356</v>
      </c>
      <c r="E25432" s="359" t="s">
        <v>1042</v>
      </c>
      <c r="F25432" s="360"/>
      <c r="G25432" s="360"/>
      <c r="H25432" s="360"/>
      <c r="I25432" s="360"/>
      <c r="J25432" s="365"/>
      <c r="K25432" s="365"/>
      <c r="L25432" s="365"/>
    </row>
    <row r="25433" spans="2:12">
      <c r="B25433" s="367"/>
      <c r="C25433" s="367"/>
      <c r="D25433" s="360"/>
      <c r="E25433" s="360"/>
      <c r="F25433" s="360"/>
      <c r="G25433" s="360"/>
      <c r="H25433" s="360"/>
      <c r="I25433" s="360"/>
      <c r="J25433" s="365"/>
      <c r="K25433" s="365"/>
      <c r="L25433" s="365"/>
    </row>
    <row r="25434" spans="2:12">
      <c r="B25434" s="367"/>
      <c r="C25434" s="367"/>
      <c r="D25434" s="359" t="s">
        <v>8356</v>
      </c>
      <c r="E25434" s="359" t="s">
        <v>1036</v>
      </c>
      <c r="F25434" s="360"/>
      <c r="G25434" s="360"/>
      <c r="H25434" s="360"/>
      <c r="I25434" s="360"/>
      <c r="J25434" s="365"/>
      <c r="K25434" s="365"/>
      <c r="L25434" s="365"/>
    </row>
    <row r="25435" spans="2:12">
      <c r="B25435" s="367"/>
      <c r="C25435" s="367"/>
      <c r="D25435" s="360"/>
      <c r="E25435" s="360"/>
      <c r="F25435" s="360"/>
      <c r="G25435" s="360"/>
      <c r="H25435" s="360"/>
      <c r="I25435" s="360"/>
      <c r="J25435" s="365"/>
      <c r="K25435" s="365"/>
      <c r="L25435" s="365"/>
    </row>
    <row r="25436" spans="2:12">
      <c r="B25436" s="368"/>
      <c r="C25436" s="368"/>
      <c r="D25436" s="361" t="s">
        <v>8356</v>
      </c>
      <c r="E25436" s="361" t="s">
        <v>1038</v>
      </c>
      <c r="F25436" s="362"/>
      <c r="G25436" s="362"/>
      <c r="H25436" s="362"/>
      <c r="I25436" s="362"/>
      <c r="J25436" s="366"/>
      <c r="K25436" s="366"/>
      <c r="L25436" s="366"/>
    </row>
    <row r="25437" spans="2:12" ht="42.75">
      <c r="B25437" s="358" t="s">
        <v>26463</v>
      </c>
      <c r="C25437" s="358" t="s">
        <v>26464</v>
      </c>
      <c r="D25437" s="358" t="s">
        <v>26465</v>
      </c>
      <c r="E25437" s="358" t="s">
        <v>8356</v>
      </c>
      <c r="F25437" s="358" t="s">
        <v>14356</v>
      </c>
      <c r="G25437" s="358" t="s">
        <v>14340</v>
      </c>
      <c r="H25437" s="358" t="s">
        <v>14341</v>
      </c>
      <c r="I25437" s="358" t="s">
        <v>14340</v>
      </c>
      <c r="J25437" s="358"/>
      <c r="K25437" s="358"/>
      <c r="L25437" s="358"/>
    </row>
    <row r="25438" spans="2:12">
      <c r="B25438" s="367"/>
      <c r="C25438" s="367"/>
      <c r="D25438" s="367"/>
      <c r="E25438" s="367"/>
      <c r="F25438" s="360"/>
      <c r="G25438" s="360"/>
      <c r="H25438" s="360"/>
      <c r="I25438" s="360"/>
      <c r="J25438" s="365"/>
      <c r="K25438" s="365"/>
      <c r="L25438" s="365"/>
    </row>
    <row r="25439" spans="2:12">
      <c r="B25439" s="367"/>
      <c r="C25439" s="367"/>
      <c r="D25439" s="367"/>
      <c r="E25439" s="367"/>
      <c r="F25439" s="359" t="s">
        <v>14420</v>
      </c>
      <c r="G25439" s="359" t="s">
        <v>14429</v>
      </c>
      <c r="H25439" s="359" t="s">
        <v>14367</v>
      </c>
      <c r="I25439" s="359" t="s">
        <v>14429</v>
      </c>
      <c r="J25439" s="365"/>
      <c r="K25439" s="365"/>
      <c r="L25439" s="365"/>
    </row>
    <row r="25440" spans="2:12">
      <c r="B25440" s="367"/>
      <c r="C25440" s="367"/>
      <c r="D25440" s="367"/>
      <c r="E25440" s="367"/>
      <c r="F25440" s="360"/>
      <c r="G25440" s="360"/>
      <c r="H25440" s="360"/>
      <c r="I25440" s="360"/>
      <c r="J25440" s="365"/>
      <c r="K25440" s="365"/>
      <c r="L25440" s="365"/>
    </row>
    <row r="25441" spans="2:12">
      <c r="B25441" s="368"/>
      <c r="C25441" s="368"/>
      <c r="D25441" s="368"/>
      <c r="E25441" s="368"/>
      <c r="F25441" s="362"/>
      <c r="G25441" s="362"/>
      <c r="H25441" s="361" t="s">
        <v>14332</v>
      </c>
      <c r="I25441" s="362"/>
      <c r="J25441" s="366"/>
      <c r="K25441" s="366"/>
      <c r="L25441" s="366"/>
    </row>
    <row r="25442" spans="2:12">
      <c r="B25442" s="358" t="s">
        <v>26466</v>
      </c>
      <c r="C25442" s="358" t="s">
        <v>26467</v>
      </c>
      <c r="D25442" s="358" t="s">
        <v>26468</v>
      </c>
      <c r="E25442" s="358" t="s">
        <v>3299</v>
      </c>
      <c r="F25442" s="358" t="s">
        <v>14391</v>
      </c>
      <c r="G25442" s="358" t="s">
        <v>14392</v>
      </c>
      <c r="H25442" s="358" t="s">
        <v>14367</v>
      </c>
      <c r="I25442" s="358" t="s">
        <v>14392</v>
      </c>
      <c r="J25442" s="358"/>
      <c r="K25442" s="358"/>
      <c r="L25442" s="358"/>
    </row>
    <row r="25443" spans="2:12">
      <c r="B25443" s="367"/>
      <c r="C25443" s="360"/>
      <c r="D25443" s="360"/>
      <c r="E25443" s="360"/>
      <c r="F25443" s="367"/>
      <c r="G25443" s="367"/>
      <c r="H25443" s="360"/>
      <c r="I25443" s="367"/>
      <c r="J25443" s="365"/>
      <c r="K25443" s="365"/>
      <c r="L25443" s="365"/>
    </row>
    <row r="25444" spans="2:12">
      <c r="B25444" s="367"/>
      <c r="C25444" s="359" t="s">
        <v>26469</v>
      </c>
      <c r="D25444" s="359" t="s">
        <v>26470</v>
      </c>
      <c r="E25444" s="359" t="s">
        <v>26471</v>
      </c>
      <c r="F25444" s="367"/>
      <c r="G25444" s="367"/>
      <c r="H25444" s="359" t="s">
        <v>14422</v>
      </c>
      <c r="I25444" s="367"/>
      <c r="J25444" s="365"/>
      <c r="K25444" s="365"/>
      <c r="L25444" s="365"/>
    </row>
    <row r="25445" spans="2:12">
      <c r="B25445" s="367"/>
      <c r="C25445" s="360"/>
      <c r="D25445" s="360"/>
      <c r="E25445" s="360"/>
      <c r="F25445" s="367"/>
      <c r="G25445" s="367"/>
      <c r="H25445" s="360"/>
      <c r="I25445" s="367"/>
      <c r="J25445" s="365"/>
      <c r="K25445" s="365"/>
      <c r="L25445" s="365"/>
    </row>
    <row r="25446" spans="2:12">
      <c r="B25446" s="368"/>
      <c r="C25446" s="362"/>
      <c r="D25446" s="361" t="s">
        <v>26472</v>
      </c>
      <c r="E25446" s="361" t="s">
        <v>26473</v>
      </c>
      <c r="F25446" s="368"/>
      <c r="G25446" s="368"/>
      <c r="H25446" s="362"/>
      <c r="I25446" s="368"/>
      <c r="J25446" s="366"/>
      <c r="K25446" s="366"/>
      <c r="L25446" s="366"/>
    </row>
    <row r="25447" spans="2:12" ht="28.5">
      <c r="B25447" s="358" t="s">
        <v>26474</v>
      </c>
      <c r="C25447" s="358" t="s">
        <v>26475</v>
      </c>
      <c r="D25447" s="358" t="s">
        <v>8356</v>
      </c>
      <c r="E25447" s="358" t="s">
        <v>8356</v>
      </c>
      <c r="F25447" s="358" t="s">
        <v>14443</v>
      </c>
      <c r="G25447" s="358" t="s">
        <v>14444</v>
      </c>
      <c r="H25447" s="358" t="s">
        <v>14381</v>
      </c>
      <c r="I25447" s="358" t="s">
        <v>14444</v>
      </c>
      <c r="J25447" s="358"/>
      <c r="K25447" s="358"/>
      <c r="L25447" s="358" t="s">
        <v>26476</v>
      </c>
    </row>
    <row r="25448" spans="2:12">
      <c r="B25448" s="367"/>
      <c r="C25448" s="360"/>
      <c r="D25448" s="367"/>
      <c r="E25448" s="367"/>
      <c r="F25448" s="367"/>
      <c r="G25448" s="367"/>
      <c r="H25448" s="360"/>
      <c r="I25448" s="367"/>
      <c r="J25448" s="365"/>
      <c r="K25448" s="365"/>
      <c r="L25448" s="367"/>
    </row>
    <row r="25449" spans="2:12" ht="57">
      <c r="B25449" s="368"/>
      <c r="C25449" s="361" t="s">
        <v>29999</v>
      </c>
      <c r="D25449" s="368"/>
      <c r="E25449" s="368"/>
      <c r="F25449" s="368"/>
      <c r="G25449" s="368"/>
      <c r="H25449" s="361" t="s">
        <v>14422</v>
      </c>
      <c r="I25449" s="368"/>
      <c r="J25449" s="366"/>
      <c r="K25449" s="366"/>
      <c r="L25449" s="368"/>
    </row>
    <row r="25450" spans="2:12" ht="42.75">
      <c r="B25450" s="358" t="s">
        <v>12619</v>
      </c>
      <c r="C25450" s="358" t="s">
        <v>12618</v>
      </c>
      <c r="D25450" s="358" t="s">
        <v>8356</v>
      </c>
      <c r="E25450" s="358" t="s">
        <v>8356</v>
      </c>
      <c r="F25450" s="358" t="s">
        <v>14376</v>
      </c>
      <c r="G25450" s="358" t="s">
        <v>14377</v>
      </c>
      <c r="H25450" s="358" t="s">
        <v>14381</v>
      </c>
      <c r="I25450" s="358" t="s">
        <v>14377</v>
      </c>
      <c r="J25450" s="358"/>
      <c r="K25450" s="358"/>
      <c r="L25450" s="358" t="s">
        <v>26477</v>
      </c>
    </row>
    <row r="25451" spans="2:12">
      <c r="B25451" s="367"/>
      <c r="C25451" s="360"/>
      <c r="D25451" s="367"/>
      <c r="E25451" s="367"/>
      <c r="F25451" s="367"/>
      <c r="G25451" s="367"/>
      <c r="H25451" s="360"/>
      <c r="I25451" s="367"/>
      <c r="J25451" s="365"/>
      <c r="K25451" s="365"/>
      <c r="L25451" s="367"/>
    </row>
    <row r="25452" spans="2:12" ht="57">
      <c r="B25452" s="368"/>
      <c r="C25452" s="361" t="s">
        <v>30000</v>
      </c>
      <c r="D25452" s="368"/>
      <c r="E25452" s="368"/>
      <c r="F25452" s="368"/>
      <c r="G25452" s="368"/>
      <c r="H25452" s="361" t="s">
        <v>14332</v>
      </c>
      <c r="I25452" s="368"/>
      <c r="J25452" s="366"/>
      <c r="K25452" s="366"/>
      <c r="L25452" s="368"/>
    </row>
    <row r="25453" spans="2:12" ht="28.5">
      <c r="B25453" s="358" t="s">
        <v>26478</v>
      </c>
      <c r="C25453" s="358" t="s">
        <v>26479</v>
      </c>
      <c r="D25453" s="358" t="s">
        <v>26480</v>
      </c>
      <c r="E25453" s="358" t="s">
        <v>8356</v>
      </c>
      <c r="F25453" s="358" t="s">
        <v>14418</v>
      </c>
      <c r="G25453" s="358" t="s">
        <v>14419</v>
      </c>
      <c r="H25453" s="358" t="s">
        <v>14328</v>
      </c>
      <c r="I25453" s="358" t="s">
        <v>14419</v>
      </c>
      <c r="J25453" s="358"/>
      <c r="K25453" s="358"/>
      <c r="L25453" s="358"/>
    </row>
    <row r="25454" spans="2:12">
      <c r="B25454" s="367"/>
      <c r="C25454" s="367"/>
      <c r="D25454" s="367"/>
      <c r="E25454" s="367"/>
      <c r="F25454" s="360"/>
      <c r="G25454" s="360"/>
      <c r="H25454" s="360"/>
      <c r="I25454" s="360"/>
      <c r="J25454" s="365"/>
      <c r="K25454" s="365"/>
      <c r="L25454" s="365"/>
    </row>
    <row r="25455" spans="2:12">
      <c r="B25455" s="367"/>
      <c r="C25455" s="367"/>
      <c r="D25455" s="367"/>
      <c r="E25455" s="367"/>
      <c r="F25455" s="359" t="s">
        <v>14443</v>
      </c>
      <c r="G25455" s="359" t="s">
        <v>14444</v>
      </c>
      <c r="H25455" s="359" t="s">
        <v>14381</v>
      </c>
      <c r="I25455" s="359" t="s">
        <v>14444</v>
      </c>
      <c r="J25455" s="365"/>
      <c r="K25455" s="365"/>
      <c r="L25455" s="365"/>
    </row>
    <row r="25456" spans="2:12">
      <c r="B25456" s="367"/>
      <c r="C25456" s="367"/>
      <c r="D25456" s="367"/>
      <c r="E25456" s="367"/>
      <c r="F25456" s="360"/>
      <c r="G25456" s="360"/>
      <c r="H25456" s="360"/>
      <c r="I25456" s="360"/>
      <c r="J25456" s="365"/>
      <c r="K25456" s="365"/>
      <c r="L25456" s="365"/>
    </row>
    <row r="25457" spans="2:12">
      <c r="B25457" s="367"/>
      <c r="C25457" s="367"/>
      <c r="D25457" s="367"/>
      <c r="E25457" s="367"/>
      <c r="F25457" s="359" t="s">
        <v>14356</v>
      </c>
      <c r="G25457" s="359" t="s">
        <v>14340</v>
      </c>
      <c r="H25457" s="359" t="s">
        <v>14341</v>
      </c>
      <c r="I25457" s="359" t="s">
        <v>14340</v>
      </c>
      <c r="J25457" s="365"/>
      <c r="K25457" s="365"/>
      <c r="L25457" s="365"/>
    </row>
    <row r="25458" spans="2:12">
      <c r="B25458" s="367"/>
      <c r="C25458" s="367"/>
      <c r="D25458" s="367"/>
      <c r="E25458" s="367"/>
      <c r="F25458" s="360"/>
      <c r="G25458" s="360"/>
      <c r="H25458" s="360"/>
      <c r="I25458" s="360"/>
      <c r="J25458" s="365"/>
      <c r="K25458" s="365"/>
      <c r="L25458" s="365"/>
    </row>
    <row r="25459" spans="2:12">
      <c r="B25459" s="367"/>
      <c r="C25459" s="367"/>
      <c r="D25459" s="367"/>
      <c r="E25459" s="367"/>
      <c r="F25459" s="359" t="s">
        <v>14420</v>
      </c>
      <c r="G25459" s="359" t="s">
        <v>14459</v>
      </c>
      <c r="H25459" s="359" t="s">
        <v>14367</v>
      </c>
      <c r="I25459" s="359" t="s">
        <v>14459</v>
      </c>
      <c r="J25459" s="365"/>
      <c r="K25459" s="365"/>
      <c r="L25459" s="365"/>
    </row>
    <row r="25460" spans="2:12">
      <c r="B25460" s="367"/>
      <c r="C25460" s="367"/>
      <c r="D25460" s="367"/>
      <c r="E25460" s="367"/>
      <c r="F25460" s="360"/>
      <c r="G25460" s="360"/>
      <c r="H25460" s="360"/>
      <c r="I25460" s="360"/>
      <c r="J25460" s="365"/>
      <c r="K25460" s="365"/>
      <c r="L25460" s="365"/>
    </row>
    <row r="25461" spans="2:12">
      <c r="B25461" s="367"/>
      <c r="C25461" s="367"/>
      <c r="D25461" s="367"/>
      <c r="E25461" s="367"/>
      <c r="F25461" s="359" t="s">
        <v>14391</v>
      </c>
      <c r="G25461" s="359" t="s">
        <v>14392</v>
      </c>
      <c r="H25461" s="359" t="s">
        <v>14370</v>
      </c>
      <c r="I25461" s="359" t="s">
        <v>14392</v>
      </c>
      <c r="J25461" s="365"/>
      <c r="K25461" s="365"/>
      <c r="L25461" s="365"/>
    </row>
    <row r="25462" spans="2:12">
      <c r="B25462" s="367"/>
      <c r="C25462" s="367"/>
      <c r="D25462" s="367"/>
      <c r="E25462" s="367"/>
      <c r="F25462" s="360"/>
      <c r="G25462" s="360"/>
      <c r="H25462" s="360"/>
      <c r="I25462" s="360"/>
      <c r="J25462" s="365"/>
      <c r="K25462" s="365"/>
      <c r="L25462" s="365"/>
    </row>
    <row r="25463" spans="2:12">
      <c r="B25463" s="367"/>
      <c r="C25463" s="367"/>
      <c r="D25463" s="367"/>
      <c r="E25463" s="367"/>
      <c r="F25463" s="359" t="s">
        <v>14371</v>
      </c>
      <c r="G25463" s="359" t="s">
        <v>14372</v>
      </c>
      <c r="H25463" s="359" t="s">
        <v>14332</v>
      </c>
      <c r="I25463" s="359" t="s">
        <v>14373</v>
      </c>
      <c r="J25463" s="365"/>
      <c r="K25463" s="365"/>
      <c r="L25463" s="365"/>
    </row>
    <row r="25464" spans="2:12">
      <c r="B25464" s="367"/>
      <c r="C25464" s="367"/>
      <c r="D25464" s="367"/>
      <c r="E25464" s="367"/>
      <c r="F25464" s="360"/>
      <c r="G25464" s="360"/>
      <c r="H25464" s="360"/>
      <c r="I25464" s="360"/>
      <c r="J25464" s="365"/>
      <c r="K25464" s="365"/>
      <c r="L25464" s="365"/>
    </row>
    <row r="25465" spans="2:12" ht="28.5">
      <c r="B25465" s="368"/>
      <c r="C25465" s="368"/>
      <c r="D25465" s="368"/>
      <c r="E25465" s="368"/>
      <c r="F25465" s="361" t="s">
        <v>14374</v>
      </c>
      <c r="G25465" s="361" t="s">
        <v>14373</v>
      </c>
      <c r="H25465" s="362"/>
      <c r="I25465" s="362"/>
      <c r="J25465" s="366"/>
      <c r="K25465" s="366"/>
      <c r="L25465" s="366"/>
    </row>
    <row r="25466" spans="2:12" ht="28.5">
      <c r="B25466" s="358" t="s">
        <v>26481</v>
      </c>
      <c r="C25466" s="358" t="s">
        <v>28367</v>
      </c>
      <c r="D25466" s="358" t="s">
        <v>26482</v>
      </c>
      <c r="E25466" s="358" t="s">
        <v>26483</v>
      </c>
      <c r="F25466" s="358" t="s">
        <v>28964</v>
      </c>
      <c r="G25466" s="358" t="s">
        <v>14429</v>
      </c>
      <c r="H25466" s="358" t="s">
        <v>14381</v>
      </c>
      <c r="I25466" s="358" t="s">
        <v>14429</v>
      </c>
      <c r="J25466" s="358"/>
      <c r="K25466" s="358"/>
      <c r="L25466" s="358"/>
    </row>
    <row r="25467" spans="2:12">
      <c r="B25467" s="367"/>
      <c r="C25467" s="367"/>
      <c r="D25467" s="367"/>
      <c r="E25467" s="367"/>
      <c r="F25467" s="360"/>
      <c r="G25467" s="360"/>
      <c r="H25467" s="360"/>
      <c r="I25467" s="360"/>
      <c r="J25467" s="365"/>
      <c r="K25467" s="365"/>
      <c r="L25467" s="365"/>
    </row>
    <row r="25468" spans="2:12" ht="28.5">
      <c r="B25468" s="367"/>
      <c r="C25468" s="367"/>
      <c r="D25468" s="367"/>
      <c r="E25468" s="367"/>
      <c r="F25468" s="359" t="s">
        <v>14391</v>
      </c>
      <c r="G25468" s="359" t="s">
        <v>28895</v>
      </c>
      <c r="H25468" s="359" t="s">
        <v>14367</v>
      </c>
      <c r="I25468" s="359" t="s">
        <v>28895</v>
      </c>
      <c r="J25468" s="365"/>
      <c r="K25468" s="365"/>
      <c r="L25468" s="365"/>
    </row>
    <row r="25469" spans="2:12">
      <c r="B25469" s="367"/>
      <c r="C25469" s="367"/>
      <c r="D25469" s="367"/>
      <c r="E25469" s="367"/>
      <c r="F25469" s="360"/>
      <c r="G25469" s="360"/>
      <c r="H25469" s="360"/>
      <c r="I25469" s="360"/>
      <c r="J25469" s="365"/>
      <c r="K25469" s="365"/>
      <c r="L25469" s="365"/>
    </row>
    <row r="25470" spans="2:12">
      <c r="B25470" s="367"/>
      <c r="C25470" s="367"/>
      <c r="D25470" s="367"/>
      <c r="E25470" s="367"/>
      <c r="F25470" s="359" t="s">
        <v>14371</v>
      </c>
      <c r="G25470" s="359" t="s">
        <v>14372</v>
      </c>
      <c r="H25470" s="359" t="s">
        <v>14370</v>
      </c>
      <c r="I25470" s="359" t="s">
        <v>14373</v>
      </c>
      <c r="J25470" s="365"/>
      <c r="K25470" s="365"/>
      <c r="L25470" s="365"/>
    </row>
    <row r="25471" spans="2:12">
      <c r="B25471" s="367"/>
      <c r="C25471" s="367"/>
      <c r="D25471" s="367"/>
      <c r="E25471" s="367"/>
      <c r="F25471" s="360"/>
      <c r="G25471" s="360"/>
      <c r="H25471" s="360"/>
      <c r="I25471" s="360"/>
      <c r="J25471" s="365"/>
      <c r="K25471" s="365"/>
      <c r="L25471" s="365"/>
    </row>
    <row r="25472" spans="2:12" ht="28.5">
      <c r="B25472" s="368"/>
      <c r="C25472" s="368"/>
      <c r="D25472" s="368"/>
      <c r="E25472" s="368"/>
      <c r="F25472" s="361" t="s">
        <v>14374</v>
      </c>
      <c r="G25472" s="361" t="s">
        <v>14373</v>
      </c>
      <c r="H25472" s="361" t="s">
        <v>14422</v>
      </c>
      <c r="I25472" s="362"/>
      <c r="J25472" s="366"/>
      <c r="K25472" s="366"/>
      <c r="L25472" s="366"/>
    </row>
    <row r="25473" spans="2:12">
      <c r="B25473" s="354" t="s">
        <v>8444</v>
      </c>
      <c r="C25473" s="369"/>
      <c r="D25473" s="369"/>
      <c r="E25473" s="369"/>
      <c r="F25473" s="369"/>
      <c r="G25473" s="369"/>
      <c r="H25473" s="369"/>
      <c r="I25473" s="369"/>
      <c r="J25473" s="369"/>
      <c r="K25473" s="369"/>
      <c r="L25473" s="370"/>
    </row>
    <row r="25474" spans="2:12" ht="42.75">
      <c r="B25474" s="358" t="s">
        <v>13952</v>
      </c>
      <c r="C25474" s="358" t="s">
        <v>26484</v>
      </c>
      <c r="D25474" s="358" t="s">
        <v>8356</v>
      </c>
      <c r="E25474" s="358" t="s">
        <v>1727</v>
      </c>
      <c r="F25474" s="358" t="s">
        <v>14424</v>
      </c>
      <c r="G25474" s="358" t="s">
        <v>17083</v>
      </c>
      <c r="H25474" s="358" t="s">
        <v>14381</v>
      </c>
      <c r="I25474" s="358" t="s">
        <v>17083</v>
      </c>
      <c r="J25474" s="358"/>
      <c r="K25474" s="358" t="s">
        <v>14655</v>
      </c>
      <c r="L25474" s="358"/>
    </row>
    <row r="25475" spans="2:12">
      <c r="B25475" s="367"/>
      <c r="C25475" s="367"/>
      <c r="D25475" s="367"/>
      <c r="E25475" s="367"/>
      <c r="F25475" s="360"/>
      <c r="G25475" s="360"/>
      <c r="H25475" s="360"/>
      <c r="I25475" s="360"/>
      <c r="J25475" s="365"/>
      <c r="K25475" s="360"/>
      <c r="L25475" s="365"/>
    </row>
    <row r="25476" spans="2:12">
      <c r="B25476" s="367"/>
      <c r="C25476" s="367"/>
      <c r="D25476" s="367"/>
      <c r="E25476" s="367"/>
      <c r="F25476" s="359" t="s">
        <v>14656</v>
      </c>
      <c r="G25476" s="359" t="s">
        <v>14383</v>
      </c>
      <c r="H25476" s="359" t="s">
        <v>14378</v>
      </c>
      <c r="I25476" s="359" t="s">
        <v>14383</v>
      </c>
      <c r="J25476" s="365"/>
      <c r="K25476" s="359" t="s">
        <v>19144</v>
      </c>
      <c r="L25476" s="365"/>
    </row>
    <row r="25477" spans="2:12">
      <c r="B25477" s="367"/>
      <c r="C25477" s="367"/>
      <c r="D25477" s="367"/>
      <c r="E25477" s="367"/>
      <c r="F25477" s="360"/>
      <c r="G25477" s="360"/>
      <c r="H25477" s="360"/>
      <c r="I25477" s="360"/>
      <c r="J25477" s="365"/>
      <c r="K25477" s="360"/>
      <c r="L25477" s="365"/>
    </row>
    <row r="25478" spans="2:12">
      <c r="B25478" s="367"/>
      <c r="C25478" s="367"/>
      <c r="D25478" s="367"/>
      <c r="E25478" s="367"/>
      <c r="F25478" s="359" t="s">
        <v>16919</v>
      </c>
      <c r="G25478" s="359" t="s">
        <v>21974</v>
      </c>
      <c r="H25478" s="359" t="s">
        <v>14370</v>
      </c>
      <c r="I25478" s="359" t="s">
        <v>21974</v>
      </c>
      <c r="J25478" s="365"/>
      <c r="K25478" s="360"/>
      <c r="L25478" s="365"/>
    </row>
    <row r="25479" spans="2:12">
      <c r="B25479" s="367"/>
      <c r="C25479" s="367"/>
      <c r="D25479" s="367"/>
      <c r="E25479" s="367"/>
      <c r="F25479" s="360"/>
      <c r="G25479" s="360"/>
      <c r="H25479" s="360"/>
      <c r="I25479" s="360"/>
      <c r="J25479" s="365"/>
      <c r="K25479" s="360"/>
      <c r="L25479" s="365"/>
    </row>
    <row r="25480" spans="2:12">
      <c r="B25480" s="367"/>
      <c r="C25480" s="367"/>
      <c r="D25480" s="367"/>
      <c r="E25480" s="367"/>
      <c r="F25480" s="359" t="s">
        <v>14371</v>
      </c>
      <c r="G25480" s="359" t="s">
        <v>14372</v>
      </c>
      <c r="H25480" s="359" t="s">
        <v>14332</v>
      </c>
      <c r="I25480" s="359" t="s">
        <v>14373</v>
      </c>
      <c r="J25480" s="365"/>
      <c r="K25480" s="360"/>
      <c r="L25480" s="365"/>
    </row>
    <row r="25481" spans="2:12">
      <c r="B25481" s="367"/>
      <c r="C25481" s="367"/>
      <c r="D25481" s="367"/>
      <c r="E25481" s="367"/>
      <c r="F25481" s="360"/>
      <c r="G25481" s="360"/>
      <c r="H25481" s="360"/>
      <c r="I25481" s="360"/>
      <c r="J25481" s="365"/>
      <c r="K25481" s="360"/>
      <c r="L25481" s="365"/>
    </row>
    <row r="25482" spans="2:12" ht="28.5">
      <c r="B25482" s="368"/>
      <c r="C25482" s="368"/>
      <c r="D25482" s="368"/>
      <c r="E25482" s="368"/>
      <c r="F25482" s="361" t="s">
        <v>14374</v>
      </c>
      <c r="G25482" s="361" t="s">
        <v>14373</v>
      </c>
      <c r="H25482" s="362"/>
      <c r="I25482" s="362"/>
      <c r="J25482" s="366"/>
      <c r="K25482" s="362"/>
      <c r="L25482" s="366"/>
    </row>
    <row r="25483" spans="2:12">
      <c r="B25483" s="354" t="s">
        <v>14874</v>
      </c>
      <c r="C25483" s="369"/>
      <c r="D25483" s="369"/>
      <c r="E25483" s="369"/>
      <c r="F25483" s="369"/>
      <c r="G25483" s="369"/>
      <c r="H25483" s="369"/>
      <c r="I25483" s="369"/>
      <c r="J25483" s="369"/>
      <c r="K25483" s="369"/>
      <c r="L25483" s="370"/>
    </row>
    <row r="25484" spans="2:12">
      <c r="B25484" s="354" t="s">
        <v>28528</v>
      </c>
      <c r="C25484" s="369"/>
      <c r="D25484" s="369"/>
      <c r="E25484" s="369"/>
      <c r="F25484" s="369"/>
      <c r="G25484" s="369"/>
      <c r="H25484" s="369"/>
      <c r="I25484" s="369"/>
      <c r="J25484" s="369"/>
      <c r="K25484" s="369"/>
      <c r="L25484" s="370"/>
    </row>
    <row r="25485" spans="2:12">
      <c r="B25485" s="358" t="s">
        <v>26485</v>
      </c>
      <c r="C25485" s="358" t="s">
        <v>26486</v>
      </c>
      <c r="D25485" s="358" t="s">
        <v>8356</v>
      </c>
      <c r="E25485" s="358" t="s">
        <v>26487</v>
      </c>
      <c r="F25485" s="358" t="s">
        <v>14371</v>
      </c>
      <c r="G25485" s="358" t="s">
        <v>14372</v>
      </c>
      <c r="H25485" s="358" t="s">
        <v>14370</v>
      </c>
      <c r="I25485" s="358" t="s">
        <v>14373</v>
      </c>
      <c r="J25485" s="358"/>
      <c r="K25485" s="358"/>
      <c r="L25485" s="358"/>
    </row>
    <row r="25486" spans="2:12">
      <c r="B25486" s="367"/>
      <c r="C25486" s="360"/>
      <c r="D25486" s="367"/>
      <c r="E25486" s="367"/>
      <c r="F25486" s="360"/>
      <c r="G25486" s="360"/>
      <c r="H25486" s="360"/>
      <c r="I25486" s="367"/>
      <c r="J25486" s="365"/>
      <c r="K25486" s="365"/>
      <c r="L25486" s="365"/>
    </row>
    <row r="25487" spans="2:12" ht="28.5">
      <c r="B25487" s="368"/>
      <c r="C25487" s="361" t="s">
        <v>26488</v>
      </c>
      <c r="D25487" s="368"/>
      <c r="E25487" s="368"/>
      <c r="F25487" s="361" t="s">
        <v>14374</v>
      </c>
      <c r="G25487" s="361" t="s">
        <v>14373</v>
      </c>
      <c r="H25487" s="361" t="s">
        <v>14422</v>
      </c>
      <c r="I25487" s="368"/>
      <c r="J25487" s="366"/>
      <c r="K25487" s="366"/>
      <c r="L25487" s="366"/>
    </row>
    <row r="25488" spans="2:12" ht="42.75">
      <c r="B25488" s="358" t="s">
        <v>26489</v>
      </c>
      <c r="C25488" s="358" t="s">
        <v>30935</v>
      </c>
      <c r="D25488" s="358" t="s">
        <v>26490</v>
      </c>
      <c r="E25488" s="358" t="s">
        <v>8356</v>
      </c>
      <c r="F25488" s="358" t="s">
        <v>14386</v>
      </c>
      <c r="G25488" s="358" t="s">
        <v>14387</v>
      </c>
      <c r="H25488" s="358" t="s">
        <v>14367</v>
      </c>
      <c r="I25488" s="358" t="s">
        <v>14387</v>
      </c>
      <c r="J25488" s="358"/>
      <c r="K25488" s="358"/>
      <c r="L25488" s="358"/>
    </row>
    <row r="25489" spans="2:12">
      <c r="B25489" s="367"/>
      <c r="C25489" s="367"/>
      <c r="D25489" s="367"/>
      <c r="E25489" s="367"/>
      <c r="F25489" s="360"/>
      <c r="G25489" s="360"/>
      <c r="H25489" s="360"/>
      <c r="I25489" s="360"/>
      <c r="J25489" s="365"/>
      <c r="K25489" s="365"/>
      <c r="L25489" s="365"/>
    </row>
    <row r="25490" spans="2:12">
      <c r="B25490" s="367"/>
      <c r="C25490" s="367"/>
      <c r="D25490" s="367"/>
      <c r="E25490" s="367"/>
      <c r="F25490" s="359" t="s">
        <v>14389</v>
      </c>
      <c r="G25490" s="359" t="s">
        <v>14390</v>
      </c>
      <c r="H25490" s="359" t="s">
        <v>14422</v>
      </c>
      <c r="I25490" s="359" t="s">
        <v>14390</v>
      </c>
      <c r="J25490" s="365"/>
      <c r="K25490" s="365"/>
      <c r="L25490" s="365"/>
    </row>
    <row r="25491" spans="2:12">
      <c r="B25491" s="367"/>
      <c r="C25491" s="367"/>
      <c r="D25491" s="367"/>
      <c r="E25491" s="367"/>
      <c r="F25491" s="360"/>
      <c r="G25491" s="360"/>
      <c r="H25491" s="360"/>
      <c r="I25491" s="360"/>
      <c r="J25491" s="365"/>
      <c r="K25491" s="365"/>
      <c r="L25491" s="365"/>
    </row>
    <row r="25492" spans="2:12">
      <c r="B25492" s="367"/>
      <c r="C25492" s="367"/>
      <c r="D25492" s="367"/>
      <c r="E25492" s="367"/>
      <c r="F25492" s="359" t="s">
        <v>14391</v>
      </c>
      <c r="G25492" s="359" t="s">
        <v>14392</v>
      </c>
      <c r="H25492" s="360"/>
      <c r="I25492" s="359" t="s">
        <v>14392</v>
      </c>
      <c r="J25492" s="365"/>
      <c r="K25492" s="365"/>
      <c r="L25492" s="365"/>
    </row>
    <row r="25493" spans="2:12">
      <c r="B25493" s="367"/>
      <c r="C25493" s="367"/>
      <c r="D25493" s="367"/>
      <c r="E25493" s="367"/>
      <c r="F25493" s="360"/>
      <c r="G25493" s="360"/>
      <c r="H25493" s="360"/>
      <c r="I25493" s="360"/>
      <c r="J25493" s="365"/>
      <c r="K25493" s="365"/>
      <c r="L25493" s="365"/>
    </row>
    <row r="25494" spans="2:12" ht="28.5">
      <c r="B25494" s="368"/>
      <c r="C25494" s="368"/>
      <c r="D25494" s="368"/>
      <c r="E25494" s="368"/>
      <c r="F25494" s="361" t="s">
        <v>14472</v>
      </c>
      <c r="G25494" s="361" t="s">
        <v>14473</v>
      </c>
      <c r="H25494" s="362"/>
      <c r="I25494" s="361" t="s">
        <v>14473</v>
      </c>
      <c r="J25494" s="366"/>
      <c r="K25494" s="366"/>
      <c r="L25494" s="366"/>
    </row>
    <row r="25495" spans="2:12" ht="28.5">
      <c r="B25495" s="358" t="s">
        <v>26491</v>
      </c>
      <c r="C25495" s="358" t="s">
        <v>28368</v>
      </c>
      <c r="D25495" s="358" t="s">
        <v>26492</v>
      </c>
      <c r="E25495" s="358" t="s">
        <v>8356</v>
      </c>
      <c r="F25495" s="358" t="s">
        <v>29049</v>
      </c>
      <c r="G25495" s="358" t="s">
        <v>14429</v>
      </c>
      <c r="H25495" s="358" t="s">
        <v>14367</v>
      </c>
      <c r="I25495" s="358" t="s">
        <v>14429</v>
      </c>
      <c r="J25495" s="358"/>
      <c r="K25495" s="358"/>
      <c r="L25495" s="358"/>
    </row>
    <row r="25496" spans="2:12">
      <c r="B25496" s="367"/>
      <c r="C25496" s="367"/>
      <c r="D25496" s="367"/>
      <c r="E25496" s="367"/>
      <c r="F25496" s="360"/>
      <c r="G25496" s="360"/>
      <c r="H25496" s="360"/>
      <c r="I25496" s="360"/>
      <c r="J25496" s="365"/>
      <c r="K25496" s="365"/>
      <c r="L25496" s="365"/>
    </row>
    <row r="25497" spans="2:12" ht="28.5">
      <c r="B25497" s="367"/>
      <c r="C25497" s="367"/>
      <c r="D25497" s="367"/>
      <c r="E25497" s="367"/>
      <c r="F25497" s="359" t="s">
        <v>14374</v>
      </c>
      <c r="G25497" s="359" t="s">
        <v>14372</v>
      </c>
      <c r="H25497" s="359" t="s">
        <v>14370</v>
      </c>
      <c r="I25497" s="359" t="s">
        <v>14373</v>
      </c>
      <c r="J25497" s="365"/>
      <c r="K25497" s="365"/>
      <c r="L25497" s="365"/>
    </row>
    <row r="25498" spans="2:12">
      <c r="B25498" s="367"/>
      <c r="C25498" s="367"/>
      <c r="D25498" s="367"/>
      <c r="E25498" s="367"/>
      <c r="F25498" s="360"/>
      <c r="G25498" s="360"/>
      <c r="H25498" s="360"/>
      <c r="I25498" s="360"/>
      <c r="J25498" s="365"/>
      <c r="K25498" s="365"/>
      <c r="L25498" s="365"/>
    </row>
    <row r="25499" spans="2:12">
      <c r="B25499" s="368"/>
      <c r="C25499" s="368"/>
      <c r="D25499" s="368"/>
      <c r="E25499" s="368"/>
      <c r="F25499" s="362"/>
      <c r="G25499" s="361" t="s">
        <v>14373</v>
      </c>
      <c r="H25499" s="361" t="s">
        <v>14422</v>
      </c>
      <c r="I25499" s="362"/>
      <c r="J25499" s="366"/>
      <c r="K25499" s="366"/>
      <c r="L25499" s="366"/>
    </row>
    <row r="25500" spans="2:12" ht="28.5">
      <c r="B25500" s="358" t="s">
        <v>26493</v>
      </c>
      <c r="C25500" s="358" t="s">
        <v>28369</v>
      </c>
      <c r="D25500" s="358" t="s">
        <v>26494</v>
      </c>
      <c r="E25500" s="358" t="s">
        <v>26495</v>
      </c>
      <c r="F25500" s="358" t="s">
        <v>14389</v>
      </c>
      <c r="G25500" s="358" t="s">
        <v>14390</v>
      </c>
      <c r="H25500" s="358" t="s">
        <v>14367</v>
      </c>
      <c r="I25500" s="358" t="s">
        <v>14390</v>
      </c>
      <c r="J25500" s="358"/>
      <c r="K25500" s="358"/>
      <c r="L25500" s="358"/>
    </row>
    <row r="25501" spans="2:12">
      <c r="B25501" s="367"/>
      <c r="C25501" s="367"/>
      <c r="D25501" s="367"/>
      <c r="E25501" s="367"/>
      <c r="F25501" s="360"/>
      <c r="G25501" s="360"/>
      <c r="H25501" s="360"/>
      <c r="I25501" s="360"/>
      <c r="J25501" s="365"/>
      <c r="K25501" s="365"/>
      <c r="L25501" s="365"/>
    </row>
    <row r="25502" spans="2:12">
      <c r="B25502" s="367"/>
      <c r="C25502" s="367"/>
      <c r="D25502" s="367"/>
      <c r="E25502" s="367"/>
      <c r="F25502" s="359" t="s">
        <v>14391</v>
      </c>
      <c r="G25502" s="359" t="s">
        <v>14392</v>
      </c>
      <c r="H25502" s="359" t="s">
        <v>14370</v>
      </c>
      <c r="I25502" s="359" t="s">
        <v>14392</v>
      </c>
      <c r="J25502" s="365"/>
      <c r="K25502" s="365"/>
      <c r="L25502" s="365"/>
    </row>
    <row r="25503" spans="2:12">
      <c r="B25503" s="367"/>
      <c r="C25503" s="367"/>
      <c r="D25503" s="367"/>
      <c r="E25503" s="367"/>
      <c r="F25503" s="360"/>
      <c r="G25503" s="360"/>
      <c r="H25503" s="360"/>
      <c r="I25503" s="360"/>
      <c r="J25503" s="365"/>
      <c r="K25503" s="365"/>
      <c r="L25503" s="365"/>
    </row>
    <row r="25504" spans="2:12">
      <c r="B25504" s="367"/>
      <c r="C25504" s="367"/>
      <c r="D25504" s="367"/>
      <c r="E25504" s="367"/>
      <c r="F25504" s="359" t="s">
        <v>14371</v>
      </c>
      <c r="G25504" s="359" t="s">
        <v>14372</v>
      </c>
      <c r="H25504" s="359" t="s">
        <v>14422</v>
      </c>
      <c r="I25504" s="359" t="s">
        <v>14373</v>
      </c>
      <c r="J25504" s="365"/>
      <c r="K25504" s="365"/>
      <c r="L25504" s="365"/>
    </row>
    <row r="25505" spans="2:12">
      <c r="B25505" s="367"/>
      <c r="C25505" s="367"/>
      <c r="D25505" s="367"/>
      <c r="E25505" s="367"/>
      <c r="F25505" s="360"/>
      <c r="G25505" s="360"/>
      <c r="H25505" s="360"/>
      <c r="I25505" s="360"/>
      <c r="J25505" s="365"/>
      <c r="K25505" s="365"/>
      <c r="L25505" s="365"/>
    </row>
    <row r="25506" spans="2:12" ht="28.5">
      <c r="B25506" s="368"/>
      <c r="C25506" s="368"/>
      <c r="D25506" s="368"/>
      <c r="E25506" s="368"/>
      <c r="F25506" s="361" t="s">
        <v>14374</v>
      </c>
      <c r="G25506" s="361" t="s">
        <v>14373</v>
      </c>
      <c r="H25506" s="362"/>
      <c r="I25506" s="362"/>
      <c r="J25506" s="366"/>
      <c r="K25506" s="366"/>
      <c r="L25506" s="366"/>
    </row>
    <row r="25507" spans="2:12" ht="42.75">
      <c r="B25507" s="358" t="s">
        <v>26496</v>
      </c>
      <c r="C25507" s="358" t="s">
        <v>30001</v>
      </c>
      <c r="D25507" s="358" t="s">
        <v>26497</v>
      </c>
      <c r="E25507" s="358" t="s">
        <v>8356</v>
      </c>
      <c r="F25507" s="358" t="s">
        <v>14505</v>
      </c>
      <c r="G25507" s="358" t="s">
        <v>14506</v>
      </c>
      <c r="H25507" s="358" t="s">
        <v>14328</v>
      </c>
      <c r="I25507" s="358" t="s">
        <v>14506</v>
      </c>
      <c r="J25507" s="358"/>
      <c r="K25507" s="358"/>
      <c r="L25507" s="358"/>
    </row>
    <row r="25508" spans="2:12">
      <c r="B25508" s="367"/>
      <c r="C25508" s="367"/>
      <c r="D25508" s="367"/>
      <c r="E25508" s="367"/>
      <c r="F25508" s="360"/>
      <c r="G25508" s="360"/>
      <c r="H25508" s="360"/>
      <c r="I25508" s="360"/>
      <c r="J25508" s="365"/>
      <c r="K25508" s="365"/>
      <c r="L25508" s="365"/>
    </row>
    <row r="25509" spans="2:12">
      <c r="B25509" s="367"/>
      <c r="C25509" s="367"/>
      <c r="D25509" s="367"/>
      <c r="E25509" s="367"/>
      <c r="F25509" s="359" t="s">
        <v>14389</v>
      </c>
      <c r="G25509" s="359" t="s">
        <v>14390</v>
      </c>
      <c r="H25509" s="359" t="s">
        <v>14341</v>
      </c>
      <c r="I25509" s="359" t="s">
        <v>14390</v>
      </c>
      <c r="J25509" s="365"/>
      <c r="K25509" s="365"/>
      <c r="L25509" s="365"/>
    </row>
    <row r="25510" spans="2:12">
      <c r="B25510" s="367"/>
      <c r="C25510" s="367"/>
      <c r="D25510" s="367"/>
      <c r="E25510" s="367"/>
      <c r="F25510" s="360"/>
      <c r="G25510" s="360"/>
      <c r="H25510" s="360"/>
      <c r="I25510" s="360"/>
      <c r="J25510" s="365"/>
      <c r="K25510" s="365"/>
      <c r="L25510" s="365"/>
    </row>
    <row r="25511" spans="2:12">
      <c r="B25511" s="367"/>
      <c r="C25511" s="367"/>
      <c r="D25511" s="367"/>
      <c r="E25511" s="367"/>
      <c r="F25511" s="359" t="s">
        <v>14430</v>
      </c>
      <c r="G25511" s="359" t="s">
        <v>14431</v>
      </c>
      <c r="H25511" s="359" t="s">
        <v>14370</v>
      </c>
      <c r="I25511" s="359" t="s">
        <v>14431</v>
      </c>
      <c r="J25511" s="365"/>
      <c r="K25511" s="365"/>
      <c r="L25511" s="365"/>
    </row>
    <row r="25512" spans="2:12">
      <c r="B25512" s="367"/>
      <c r="C25512" s="367"/>
      <c r="D25512" s="367"/>
      <c r="E25512" s="367"/>
      <c r="F25512" s="360"/>
      <c r="G25512" s="360"/>
      <c r="H25512" s="360"/>
      <c r="I25512" s="360"/>
      <c r="J25512" s="365"/>
      <c r="K25512" s="365"/>
      <c r="L25512" s="365"/>
    </row>
    <row r="25513" spans="2:12" ht="28.5">
      <c r="B25513" s="368"/>
      <c r="C25513" s="368"/>
      <c r="D25513" s="368"/>
      <c r="E25513" s="368"/>
      <c r="F25513" s="361" t="s">
        <v>14394</v>
      </c>
      <c r="G25513" s="361" t="s">
        <v>14395</v>
      </c>
      <c r="H25513" s="361" t="s">
        <v>14332</v>
      </c>
      <c r="I25513" s="361" t="s">
        <v>14395</v>
      </c>
      <c r="J25513" s="366"/>
      <c r="K25513" s="366"/>
      <c r="L25513" s="366"/>
    </row>
    <row r="25514" spans="2:12" ht="42.75">
      <c r="B25514" s="358" t="s">
        <v>26498</v>
      </c>
      <c r="C25514" s="358" t="s">
        <v>28370</v>
      </c>
      <c r="D25514" s="358" t="s">
        <v>26499</v>
      </c>
      <c r="E25514" s="358" t="s">
        <v>26500</v>
      </c>
      <c r="F25514" s="358" t="s">
        <v>14420</v>
      </c>
      <c r="G25514" s="358" t="s">
        <v>14429</v>
      </c>
      <c r="H25514" s="358" t="s">
        <v>14381</v>
      </c>
      <c r="I25514" s="358" t="s">
        <v>14429</v>
      </c>
      <c r="J25514" s="358"/>
      <c r="K25514" s="358"/>
      <c r="L25514" s="358"/>
    </row>
    <row r="25515" spans="2:12">
      <c r="B25515" s="367"/>
      <c r="C25515" s="367"/>
      <c r="D25515" s="367"/>
      <c r="E25515" s="367"/>
      <c r="F25515" s="360"/>
      <c r="G25515" s="360"/>
      <c r="H25515" s="360"/>
      <c r="I25515" s="360"/>
      <c r="J25515" s="365"/>
      <c r="K25515" s="365"/>
      <c r="L25515" s="365"/>
    </row>
    <row r="25516" spans="2:12" ht="28.5">
      <c r="B25516" s="367"/>
      <c r="C25516" s="367"/>
      <c r="D25516" s="367"/>
      <c r="E25516" s="367"/>
      <c r="F25516" s="359" t="s">
        <v>14460</v>
      </c>
      <c r="G25516" s="359" t="s">
        <v>28724</v>
      </c>
      <c r="H25516" s="359" t="s">
        <v>14367</v>
      </c>
      <c r="I25516" s="359" t="s">
        <v>28724</v>
      </c>
      <c r="J25516" s="365"/>
      <c r="K25516" s="365"/>
      <c r="L25516" s="365"/>
    </row>
    <row r="25517" spans="2:12">
      <c r="B25517" s="367"/>
      <c r="C25517" s="367"/>
      <c r="D25517" s="367"/>
      <c r="E25517" s="367"/>
      <c r="F25517" s="360"/>
      <c r="G25517" s="360"/>
      <c r="H25517" s="360"/>
      <c r="I25517" s="360"/>
      <c r="J25517" s="365"/>
      <c r="K25517" s="365"/>
      <c r="L25517" s="365"/>
    </row>
    <row r="25518" spans="2:12" ht="28.5">
      <c r="B25518" s="367"/>
      <c r="C25518" s="367"/>
      <c r="D25518" s="367"/>
      <c r="E25518" s="367"/>
      <c r="F25518" s="359" t="s">
        <v>14394</v>
      </c>
      <c r="G25518" s="360"/>
      <c r="H25518" s="359" t="s">
        <v>14370</v>
      </c>
      <c r="I25518" s="360"/>
      <c r="J25518" s="365"/>
      <c r="K25518" s="365"/>
      <c r="L25518" s="365"/>
    </row>
    <row r="25519" spans="2:12">
      <c r="B25519" s="367"/>
      <c r="C25519" s="367"/>
      <c r="D25519" s="367"/>
      <c r="E25519" s="367"/>
      <c r="F25519" s="360"/>
      <c r="G25519" s="360"/>
      <c r="H25519" s="360"/>
      <c r="I25519" s="360"/>
      <c r="J25519" s="365"/>
      <c r="K25519" s="365"/>
      <c r="L25519" s="365"/>
    </row>
    <row r="25520" spans="2:12">
      <c r="B25520" s="368"/>
      <c r="C25520" s="368"/>
      <c r="D25520" s="368"/>
      <c r="E25520" s="368"/>
      <c r="F25520" s="362"/>
      <c r="G25520" s="362"/>
      <c r="H25520" s="361" t="s">
        <v>14422</v>
      </c>
      <c r="I25520" s="362"/>
      <c r="J25520" s="366"/>
      <c r="K25520" s="366"/>
      <c r="L25520" s="366"/>
    </row>
    <row r="25521" spans="2:12" ht="28.5">
      <c r="B25521" s="358" t="s">
        <v>26501</v>
      </c>
      <c r="C25521" s="358" t="s">
        <v>26502</v>
      </c>
      <c r="D25521" s="358" t="s">
        <v>26503</v>
      </c>
      <c r="E25521" s="358" t="s">
        <v>26504</v>
      </c>
      <c r="F25521" s="358" t="s">
        <v>14384</v>
      </c>
      <c r="G25521" s="358" t="s">
        <v>28674</v>
      </c>
      <c r="H25521" s="358" t="s">
        <v>14381</v>
      </c>
      <c r="I25521" s="358" t="s">
        <v>14385</v>
      </c>
      <c r="J25521" s="358"/>
      <c r="K25521" s="358"/>
      <c r="L25521" s="358"/>
    </row>
    <row r="25522" spans="2:12">
      <c r="B25522" s="367"/>
      <c r="C25522" s="367"/>
      <c r="D25522" s="367"/>
      <c r="E25522" s="367"/>
      <c r="F25522" s="360"/>
      <c r="G25522" s="360"/>
      <c r="H25522" s="360"/>
      <c r="I25522" s="360"/>
      <c r="J25522" s="365"/>
      <c r="K25522" s="365"/>
      <c r="L25522" s="365"/>
    </row>
    <row r="25523" spans="2:12">
      <c r="B25523" s="367"/>
      <c r="C25523" s="367"/>
      <c r="D25523" s="367"/>
      <c r="E25523" s="367"/>
      <c r="F25523" s="359" t="s">
        <v>14420</v>
      </c>
      <c r="G25523" s="359" t="s">
        <v>14431</v>
      </c>
      <c r="H25523" s="359" t="s">
        <v>14341</v>
      </c>
      <c r="I25523" s="359" t="s">
        <v>14429</v>
      </c>
      <c r="J25523" s="365"/>
      <c r="K25523" s="365"/>
      <c r="L25523" s="365"/>
    </row>
    <row r="25524" spans="2:12">
      <c r="B25524" s="367"/>
      <c r="C25524" s="367"/>
      <c r="D25524" s="367"/>
      <c r="E25524" s="367"/>
      <c r="F25524" s="360"/>
      <c r="G25524" s="360"/>
      <c r="H25524" s="360"/>
      <c r="I25524" s="360"/>
      <c r="J25524" s="365"/>
      <c r="K25524" s="365"/>
      <c r="L25524" s="365"/>
    </row>
    <row r="25525" spans="2:12">
      <c r="B25525" s="367"/>
      <c r="C25525" s="367"/>
      <c r="D25525" s="367"/>
      <c r="E25525" s="367"/>
      <c r="F25525" s="359" t="s">
        <v>14430</v>
      </c>
      <c r="G25525" s="359" t="s">
        <v>14392</v>
      </c>
      <c r="H25525" s="359" t="s">
        <v>14367</v>
      </c>
      <c r="I25525" s="359" t="s">
        <v>14431</v>
      </c>
      <c r="J25525" s="365"/>
      <c r="K25525" s="365"/>
      <c r="L25525" s="365"/>
    </row>
    <row r="25526" spans="2:12">
      <c r="B25526" s="367"/>
      <c r="C25526" s="367"/>
      <c r="D25526" s="367"/>
      <c r="E25526" s="367"/>
      <c r="F25526" s="360"/>
      <c r="G25526" s="360"/>
      <c r="H25526" s="360"/>
      <c r="I25526" s="360"/>
      <c r="J25526" s="365"/>
      <c r="K25526" s="365"/>
      <c r="L25526" s="365"/>
    </row>
    <row r="25527" spans="2:12">
      <c r="B25527" s="367"/>
      <c r="C25527" s="367"/>
      <c r="D25527" s="367"/>
      <c r="E25527" s="367"/>
      <c r="F25527" s="359" t="s">
        <v>14391</v>
      </c>
      <c r="G25527" s="359" t="s">
        <v>14395</v>
      </c>
      <c r="H25527" s="359" t="s">
        <v>14370</v>
      </c>
      <c r="I25527" s="359" t="s">
        <v>14392</v>
      </c>
      <c r="J25527" s="365"/>
      <c r="K25527" s="365"/>
      <c r="L25527" s="365"/>
    </row>
    <row r="25528" spans="2:12">
      <c r="B25528" s="367"/>
      <c r="C25528" s="367"/>
      <c r="D25528" s="367"/>
      <c r="E25528" s="367"/>
      <c r="F25528" s="360"/>
      <c r="G25528" s="360"/>
      <c r="H25528" s="360"/>
      <c r="I25528" s="360"/>
      <c r="J25528" s="365"/>
      <c r="K25528" s="365"/>
      <c r="L25528" s="365"/>
    </row>
    <row r="25529" spans="2:12" ht="28.5">
      <c r="B25529" s="368"/>
      <c r="C25529" s="368"/>
      <c r="D25529" s="368"/>
      <c r="E25529" s="368"/>
      <c r="F25529" s="361" t="s">
        <v>14394</v>
      </c>
      <c r="G25529" s="362"/>
      <c r="H25529" s="361" t="s">
        <v>14332</v>
      </c>
      <c r="I25529" s="361" t="s">
        <v>14395</v>
      </c>
      <c r="J25529" s="366"/>
      <c r="K25529" s="366"/>
      <c r="L25529" s="366"/>
    </row>
    <row r="25530" spans="2:12" ht="42.75">
      <c r="B25530" s="358" t="s">
        <v>26505</v>
      </c>
      <c r="C25530" s="358" t="s">
        <v>26506</v>
      </c>
      <c r="D25530" s="358" t="s">
        <v>26507</v>
      </c>
      <c r="E25530" s="358" t="s">
        <v>8356</v>
      </c>
      <c r="F25530" s="358" t="s">
        <v>29206</v>
      </c>
      <c r="G25530" s="358" t="s">
        <v>16363</v>
      </c>
      <c r="H25530" s="358" t="s">
        <v>14328</v>
      </c>
      <c r="I25530" s="358" t="s">
        <v>16363</v>
      </c>
      <c r="J25530" s="358"/>
      <c r="K25530" s="358"/>
      <c r="L25530" s="358"/>
    </row>
    <row r="25531" spans="2:12">
      <c r="B25531" s="367"/>
      <c r="C25531" s="367"/>
      <c r="D25531" s="367"/>
      <c r="E25531" s="367"/>
      <c r="F25531" s="360"/>
      <c r="G25531" s="360"/>
      <c r="H25531" s="360"/>
      <c r="I25531" s="360"/>
      <c r="J25531" s="365"/>
      <c r="K25531" s="365"/>
      <c r="L25531" s="365"/>
    </row>
    <row r="25532" spans="2:12">
      <c r="B25532" s="367"/>
      <c r="C25532" s="367"/>
      <c r="D25532" s="367"/>
      <c r="E25532" s="367"/>
      <c r="F25532" s="359" t="s">
        <v>14420</v>
      </c>
      <c r="G25532" s="359" t="s">
        <v>14459</v>
      </c>
      <c r="H25532" s="359" t="s">
        <v>14341</v>
      </c>
      <c r="I25532" s="359" t="s">
        <v>14459</v>
      </c>
      <c r="J25532" s="365"/>
      <c r="K25532" s="365"/>
      <c r="L25532" s="365"/>
    </row>
    <row r="25533" spans="2:12">
      <c r="B25533" s="367"/>
      <c r="C25533" s="367"/>
      <c r="D25533" s="367"/>
      <c r="E25533" s="367"/>
      <c r="F25533" s="360"/>
      <c r="G25533" s="360"/>
      <c r="H25533" s="360"/>
      <c r="I25533" s="360"/>
      <c r="J25533" s="365"/>
      <c r="K25533" s="365"/>
      <c r="L25533" s="365"/>
    </row>
    <row r="25534" spans="2:12">
      <c r="B25534" s="367"/>
      <c r="C25534" s="367"/>
      <c r="D25534" s="367"/>
      <c r="E25534" s="367"/>
      <c r="F25534" s="359" t="s">
        <v>14420</v>
      </c>
      <c r="G25534" s="359" t="s">
        <v>14421</v>
      </c>
      <c r="H25534" s="359" t="s">
        <v>14367</v>
      </c>
      <c r="I25534" s="359" t="s">
        <v>14421</v>
      </c>
      <c r="J25534" s="365"/>
      <c r="K25534" s="365"/>
      <c r="L25534" s="365"/>
    </row>
    <row r="25535" spans="2:12">
      <c r="B25535" s="367"/>
      <c r="C25535" s="367"/>
      <c r="D25535" s="367"/>
      <c r="E25535" s="367"/>
      <c r="F25535" s="360"/>
      <c r="G25535" s="360"/>
      <c r="H25535" s="360"/>
      <c r="I25535" s="360"/>
      <c r="J25535" s="365"/>
      <c r="K25535" s="365"/>
      <c r="L25535" s="365"/>
    </row>
    <row r="25536" spans="2:12" ht="28.5">
      <c r="B25536" s="367"/>
      <c r="C25536" s="367"/>
      <c r="D25536" s="367"/>
      <c r="E25536" s="367"/>
      <c r="F25536" s="359" t="s">
        <v>29053</v>
      </c>
      <c r="G25536" s="359" t="s">
        <v>14429</v>
      </c>
      <c r="H25536" s="359" t="s">
        <v>14370</v>
      </c>
      <c r="I25536" s="359" t="s">
        <v>14429</v>
      </c>
      <c r="J25536" s="365"/>
      <c r="K25536" s="365"/>
      <c r="L25536" s="365"/>
    </row>
    <row r="25537" spans="2:12">
      <c r="B25537" s="367"/>
      <c r="C25537" s="367"/>
      <c r="D25537" s="367"/>
      <c r="E25537" s="367"/>
      <c r="F25537" s="360"/>
      <c r="G25537" s="360"/>
      <c r="H25537" s="360"/>
      <c r="I25537" s="360"/>
      <c r="J25537" s="365"/>
      <c r="K25537" s="365"/>
      <c r="L25537" s="365"/>
    </row>
    <row r="25538" spans="2:12">
      <c r="B25538" s="367"/>
      <c r="C25538" s="367"/>
      <c r="D25538" s="367"/>
      <c r="E25538" s="367"/>
      <c r="F25538" s="360"/>
      <c r="G25538" s="359" t="s">
        <v>14340</v>
      </c>
      <c r="H25538" s="359" t="s">
        <v>14332</v>
      </c>
      <c r="I25538" s="359" t="s">
        <v>14340</v>
      </c>
      <c r="J25538" s="365"/>
      <c r="K25538" s="365"/>
      <c r="L25538" s="365"/>
    </row>
    <row r="25539" spans="2:12">
      <c r="B25539" s="367"/>
      <c r="C25539" s="367"/>
      <c r="D25539" s="367"/>
      <c r="E25539" s="367"/>
      <c r="F25539" s="360"/>
      <c r="G25539" s="360"/>
      <c r="H25539" s="360"/>
      <c r="I25539" s="360"/>
      <c r="J25539" s="365"/>
      <c r="K25539" s="365"/>
      <c r="L25539" s="365"/>
    </row>
    <row r="25540" spans="2:12">
      <c r="B25540" s="368"/>
      <c r="C25540" s="368"/>
      <c r="D25540" s="368"/>
      <c r="E25540" s="368"/>
      <c r="F25540" s="362"/>
      <c r="G25540" s="361" t="s">
        <v>14372</v>
      </c>
      <c r="H25540" s="362"/>
      <c r="I25540" s="361" t="s">
        <v>14372</v>
      </c>
      <c r="J25540" s="366"/>
      <c r="K25540" s="366"/>
      <c r="L25540" s="366"/>
    </row>
    <row r="25541" spans="2:12" ht="57">
      <c r="B25541" s="358" t="s">
        <v>26508</v>
      </c>
      <c r="C25541" s="358" t="s">
        <v>30002</v>
      </c>
      <c r="D25541" s="358" t="s">
        <v>26509</v>
      </c>
      <c r="E25541" s="358" t="s">
        <v>8356</v>
      </c>
      <c r="F25541" s="358" t="s">
        <v>14389</v>
      </c>
      <c r="G25541" s="358" t="s">
        <v>14390</v>
      </c>
      <c r="H25541" s="358" t="s">
        <v>14341</v>
      </c>
      <c r="I25541" s="358" t="s">
        <v>14390</v>
      </c>
      <c r="J25541" s="358"/>
      <c r="K25541" s="358"/>
      <c r="L25541" s="358"/>
    </row>
    <row r="25542" spans="2:12">
      <c r="B25542" s="367"/>
      <c r="C25542" s="367"/>
      <c r="D25542" s="367"/>
      <c r="E25542" s="367"/>
      <c r="F25542" s="360"/>
      <c r="G25542" s="360"/>
      <c r="H25542" s="360"/>
      <c r="I25542" s="360"/>
      <c r="J25542" s="365"/>
      <c r="K25542" s="365"/>
      <c r="L25542" s="365"/>
    </row>
    <row r="25543" spans="2:12">
      <c r="B25543" s="367"/>
      <c r="C25543" s="367"/>
      <c r="D25543" s="367"/>
      <c r="E25543" s="367"/>
      <c r="F25543" s="359" t="s">
        <v>14430</v>
      </c>
      <c r="G25543" s="359" t="s">
        <v>14431</v>
      </c>
      <c r="H25543" s="359" t="s">
        <v>14367</v>
      </c>
      <c r="I25543" s="359" t="s">
        <v>14431</v>
      </c>
      <c r="J25543" s="365"/>
      <c r="K25543" s="365"/>
      <c r="L25543" s="365"/>
    </row>
    <row r="25544" spans="2:12">
      <c r="B25544" s="367"/>
      <c r="C25544" s="367"/>
      <c r="D25544" s="367"/>
      <c r="E25544" s="367"/>
      <c r="F25544" s="360"/>
      <c r="G25544" s="360"/>
      <c r="H25544" s="360"/>
      <c r="I25544" s="360"/>
      <c r="J25544" s="365"/>
      <c r="K25544" s="365"/>
      <c r="L25544" s="365"/>
    </row>
    <row r="25545" spans="2:12">
      <c r="B25545" s="367"/>
      <c r="C25545" s="367"/>
      <c r="D25545" s="367"/>
      <c r="E25545" s="367"/>
      <c r="F25545" s="359" t="s">
        <v>14391</v>
      </c>
      <c r="G25545" s="359" t="s">
        <v>14392</v>
      </c>
      <c r="H25545" s="359" t="s">
        <v>14370</v>
      </c>
      <c r="I25545" s="359" t="s">
        <v>14392</v>
      </c>
      <c r="J25545" s="365"/>
      <c r="K25545" s="365"/>
      <c r="L25545" s="365"/>
    </row>
    <row r="25546" spans="2:12">
      <c r="B25546" s="367"/>
      <c r="C25546" s="367"/>
      <c r="D25546" s="367"/>
      <c r="E25546" s="367"/>
      <c r="F25546" s="360"/>
      <c r="G25546" s="360"/>
      <c r="H25546" s="360"/>
      <c r="I25546" s="360"/>
      <c r="J25546" s="365"/>
      <c r="K25546" s="365"/>
      <c r="L25546" s="365"/>
    </row>
    <row r="25547" spans="2:12">
      <c r="B25547" s="367"/>
      <c r="C25547" s="367"/>
      <c r="D25547" s="367"/>
      <c r="E25547" s="367"/>
      <c r="F25547" s="359" t="s">
        <v>14371</v>
      </c>
      <c r="G25547" s="359" t="s">
        <v>14372</v>
      </c>
      <c r="H25547" s="359" t="s">
        <v>14332</v>
      </c>
      <c r="I25547" s="359" t="s">
        <v>14373</v>
      </c>
      <c r="J25547" s="365"/>
      <c r="K25547" s="365"/>
      <c r="L25547" s="365"/>
    </row>
    <row r="25548" spans="2:12">
      <c r="B25548" s="367"/>
      <c r="C25548" s="367"/>
      <c r="D25548" s="367"/>
      <c r="E25548" s="367"/>
      <c r="F25548" s="360"/>
      <c r="G25548" s="360"/>
      <c r="H25548" s="360"/>
      <c r="I25548" s="360"/>
      <c r="J25548" s="365"/>
      <c r="K25548" s="365"/>
      <c r="L25548" s="365"/>
    </row>
    <row r="25549" spans="2:12" ht="28.5">
      <c r="B25549" s="368"/>
      <c r="C25549" s="368"/>
      <c r="D25549" s="368"/>
      <c r="E25549" s="368"/>
      <c r="F25549" s="361" t="s">
        <v>14374</v>
      </c>
      <c r="G25549" s="361" t="s">
        <v>14373</v>
      </c>
      <c r="H25549" s="362"/>
      <c r="I25549" s="362"/>
      <c r="J25549" s="366"/>
      <c r="K25549" s="366"/>
      <c r="L25549" s="366"/>
    </row>
    <row r="25550" spans="2:12" ht="57">
      <c r="B25550" s="358" t="s">
        <v>26510</v>
      </c>
      <c r="C25550" s="358" t="s">
        <v>26511</v>
      </c>
      <c r="D25550" s="358" t="s">
        <v>26512</v>
      </c>
      <c r="E25550" s="358" t="s">
        <v>8356</v>
      </c>
      <c r="F25550" s="358" t="s">
        <v>14394</v>
      </c>
      <c r="G25550" s="358" t="s">
        <v>14395</v>
      </c>
      <c r="H25550" s="358" t="s">
        <v>14370</v>
      </c>
      <c r="I25550" s="358" t="s">
        <v>14395</v>
      </c>
      <c r="J25550" s="358"/>
      <c r="K25550" s="358"/>
      <c r="L25550" s="358"/>
    </row>
    <row r="25551" spans="2:12">
      <c r="B25551" s="367"/>
      <c r="C25551" s="360"/>
      <c r="D25551" s="367"/>
      <c r="E25551" s="367"/>
      <c r="F25551" s="367"/>
      <c r="G25551" s="367"/>
      <c r="H25551" s="367"/>
      <c r="I25551" s="367"/>
      <c r="J25551" s="365"/>
      <c r="K25551" s="365"/>
      <c r="L25551" s="365"/>
    </row>
    <row r="25552" spans="2:12" ht="28.5">
      <c r="B25552" s="367"/>
      <c r="C25552" s="359" t="s">
        <v>26513</v>
      </c>
      <c r="D25552" s="367"/>
      <c r="E25552" s="367"/>
      <c r="F25552" s="367"/>
      <c r="G25552" s="367"/>
      <c r="H25552" s="367"/>
      <c r="I25552" s="367"/>
      <c r="J25552" s="365"/>
      <c r="K25552" s="365"/>
      <c r="L25552" s="365"/>
    </row>
    <row r="25553" spans="2:12">
      <c r="B25553" s="367"/>
      <c r="C25553" s="360"/>
      <c r="D25553" s="367"/>
      <c r="E25553" s="367"/>
      <c r="F25553" s="367"/>
      <c r="G25553" s="367"/>
      <c r="H25553" s="367"/>
      <c r="I25553" s="367"/>
      <c r="J25553" s="365"/>
      <c r="K25553" s="365"/>
      <c r="L25553" s="365"/>
    </row>
    <row r="25554" spans="2:12" ht="28.5">
      <c r="B25554" s="368"/>
      <c r="C25554" s="361" t="s">
        <v>26514</v>
      </c>
      <c r="D25554" s="368"/>
      <c r="E25554" s="368"/>
      <c r="F25554" s="368"/>
      <c r="G25554" s="368"/>
      <c r="H25554" s="368"/>
      <c r="I25554" s="368"/>
      <c r="J25554" s="366"/>
      <c r="K25554" s="366"/>
      <c r="L25554" s="366"/>
    </row>
    <row r="25555" spans="2:12">
      <c r="B25555" s="358" t="s">
        <v>26515</v>
      </c>
      <c r="C25555" s="358" t="s">
        <v>26516</v>
      </c>
      <c r="D25555" s="358" t="s">
        <v>26517</v>
      </c>
      <c r="E25555" s="358" t="s">
        <v>1948</v>
      </c>
      <c r="F25555" s="358" t="s">
        <v>14371</v>
      </c>
      <c r="G25555" s="358" t="s">
        <v>14372</v>
      </c>
      <c r="H25555" s="358" t="s">
        <v>14370</v>
      </c>
      <c r="I25555" s="358" t="s">
        <v>14373</v>
      </c>
      <c r="J25555" s="358"/>
      <c r="K25555" s="358"/>
      <c r="L25555" s="358"/>
    </row>
    <row r="25556" spans="2:12">
      <c r="B25556" s="367"/>
      <c r="C25556" s="367"/>
      <c r="D25556" s="367"/>
      <c r="E25556" s="367"/>
      <c r="F25556" s="360"/>
      <c r="G25556" s="360"/>
      <c r="H25556" s="360"/>
      <c r="I25556" s="367"/>
      <c r="J25556" s="365"/>
      <c r="K25556" s="365"/>
      <c r="L25556" s="365"/>
    </row>
    <row r="25557" spans="2:12" ht="28.5">
      <c r="B25557" s="368"/>
      <c r="C25557" s="368"/>
      <c r="D25557" s="368"/>
      <c r="E25557" s="368"/>
      <c r="F25557" s="361" t="s">
        <v>14374</v>
      </c>
      <c r="G25557" s="361" t="s">
        <v>14373</v>
      </c>
      <c r="H25557" s="361" t="s">
        <v>14422</v>
      </c>
      <c r="I25557" s="368"/>
      <c r="J25557" s="366"/>
      <c r="K25557" s="366"/>
      <c r="L25557" s="366"/>
    </row>
    <row r="25558" spans="2:12">
      <c r="B25558" s="374" t="s">
        <v>31919</v>
      </c>
      <c r="C25558" s="375"/>
      <c r="D25558" s="375"/>
      <c r="E25558" s="375"/>
      <c r="F25558" s="375"/>
      <c r="G25558" s="375"/>
      <c r="H25558" s="375"/>
      <c r="I25558" s="375"/>
      <c r="J25558" s="375"/>
      <c r="K25558" s="375"/>
      <c r="L25558" s="376"/>
    </row>
    <row r="25559" spans="2:12">
      <c r="B25559" s="377"/>
      <c r="C25559" s="342"/>
      <c r="D25559" s="342"/>
      <c r="E25559" s="342"/>
      <c r="F25559" s="342"/>
      <c r="G25559" s="342"/>
      <c r="H25559" s="342"/>
      <c r="I25559" s="342"/>
      <c r="J25559" s="342"/>
      <c r="K25559" s="342"/>
      <c r="L25559" s="378"/>
    </row>
    <row r="25560" spans="2:12" ht="71.25">
      <c r="B25560" s="379" t="s">
        <v>33721</v>
      </c>
      <c r="C25560" s="342"/>
      <c r="D25560" s="342"/>
      <c r="E25560" s="342"/>
      <c r="F25560" s="342"/>
      <c r="G25560" s="342"/>
      <c r="H25560" s="342"/>
      <c r="I25560" s="342"/>
      <c r="J25560" s="342"/>
      <c r="K25560" s="342"/>
      <c r="L25560" s="378"/>
    </row>
    <row r="25561" spans="2:12">
      <c r="B25561" s="377"/>
      <c r="C25561" s="342"/>
      <c r="D25561" s="342"/>
      <c r="E25561" s="342"/>
      <c r="F25561" s="342"/>
      <c r="G25561" s="342"/>
      <c r="H25561" s="342"/>
      <c r="I25561" s="342"/>
      <c r="J25561" s="342"/>
      <c r="K25561" s="342"/>
      <c r="L25561" s="378"/>
    </row>
    <row r="25562" spans="2:12">
      <c r="B25562" s="380" t="s">
        <v>14342</v>
      </c>
      <c r="C25562" s="381"/>
      <c r="D25562" s="381"/>
      <c r="E25562" s="381"/>
      <c r="F25562" s="381"/>
      <c r="G25562" s="381"/>
      <c r="H25562" s="381"/>
      <c r="I25562" s="381"/>
      <c r="J25562" s="381"/>
      <c r="K25562" s="381"/>
      <c r="L25562" s="382"/>
    </row>
    <row r="25563" spans="2:12">
      <c r="B25563" s="342"/>
      <c r="C25563" s="342"/>
      <c r="D25563" s="342"/>
      <c r="E25563" s="342"/>
      <c r="F25563" s="342"/>
      <c r="G25563" s="342"/>
      <c r="H25563" s="342"/>
      <c r="I25563" s="342"/>
      <c r="J25563" s="342"/>
      <c r="K25563" s="342"/>
      <c r="L25563" s="342"/>
    </row>
    <row r="25564" spans="2:12" s="68" customFormat="1" ht="14.25"/>
    <row r="25565" spans="2:12" s="68" customFormat="1" ht="14.25"/>
    <row r="25566" spans="2:12" s="68" customFormat="1">
      <c r="B25566" s="1207" t="s">
        <v>33726</v>
      </c>
      <c r="C25566" s="1207"/>
      <c r="D25566" s="1207"/>
    </row>
    <row r="25567" spans="2:12" s="68" customFormat="1">
      <c r="B25567" s="1207" t="s">
        <v>33727</v>
      </c>
      <c r="C25567" s="1207"/>
      <c r="D25567" s="1207"/>
    </row>
    <row r="25568" spans="2:12" s="68" customFormat="1" ht="66" customHeight="1">
      <c r="B25568" s="1207" t="s">
        <v>33728</v>
      </c>
      <c r="C25568" s="1207"/>
      <c r="D25568" s="1207"/>
    </row>
    <row r="25569" spans="2:2" s="68" customFormat="1" ht="14.25"/>
    <row r="25570" spans="2:2" s="68" customFormat="1" ht="14.25">
      <c r="B25570" s="68" t="s">
        <v>30936</v>
      </c>
    </row>
    <row r="25571" spans="2:2" s="68" customFormat="1" ht="14.25">
      <c r="B25571" s="68" t="s">
        <v>30937</v>
      </c>
    </row>
    <row r="25572" spans="2:2" s="68" customFormat="1" ht="14.25">
      <c r="B25572" s="68" t="s">
        <v>30938</v>
      </c>
    </row>
    <row r="25573" spans="2:2" s="68" customFormat="1" ht="14.25">
      <c r="B25573" s="68" t="s">
        <v>30942</v>
      </c>
    </row>
    <row r="25574" spans="2:2" s="68" customFormat="1" ht="14.25">
      <c r="B25574" s="68" t="s">
        <v>30943</v>
      </c>
    </row>
    <row r="25575" spans="2:2" s="68" customFormat="1" ht="14.25">
      <c r="B25575" s="68" t="s">
        <v>30944</v>
      </c>
    </row>
    <row r="25576" spans="2:2" s="68" customFormat="1" ht="14.25"/>
    <row r="25577" spans="2:2" s="68" customFormat="1" ht="14.25">
      <c r="B25577" s="68" t="s">
        <v>30939</v>
      </c>
    </row>
    <row r="25578" spans="2:2" s="68" customFormat="1" ht="14.25">
      <c r="B25578" s="68" t="s">
        <v>30940</v>
      </c>
    </row>
    <row r="25579" spans="2:2" s="68" customFormat="1" ht="14.25">
      <c r="B25579" s="68" t="s">
        <v>30941</v>
      </c>
    </row>
    <row r="25580" spans="2:2" s="68" customFormat="1" ht="14.25"/>
    <row r="25581" spans="2:2" s="68" customFormat="1" ht="14.25">
      <c r="B25581" s="68" t="s">
        <v>30945</v>
      </c>
    </row>
    <row r="25582" spans="2:2" s="68" customFormat="1" ht="14.25">
      <c r="B25582" s="68" t="s">
        <v>28371</v>
      </c>
    </row>
    <row r="25583" spans="2:2" s="68" customFormat="1" ht="14.25">
      <c r="B25583" s="68" t="s">
        <v>30946</v>
      </c>
    </row>
    <row r="25584" spans="2:2" s="68" customFormat="1" ht="14.25">
      <c r="B25584" s="68" t="s">
        <v>30947</v>
      </c>
    </row>
    <row r="25585" spans="2:23" s="68" customFormat="1" ht="14.25">
      <c r="B25585" s="68" t="s">
        <v>30948</v>
      </c>
    </row>
    <row r="25586" spans="2:23" s="68" customFormat="1" ht="14.25">
      <c r="B25586" s="68" t="s">
        <v>30949</v>
      </c>
    </row>
    <row r="25587" spans="2:23" s="68" customFormat="1" ht="14.25">
      <c r="B25587" s="68" t="s">
        <v>30950</v>
      </c>
    </row>
    <row r="25588" spans="2:23" s="68" customFormat="1" ht="14.25">
      <c r="B25588" s="68" t="s">
        <v>30951</v>
      </c>
    </row>
    <row r="25589" spans="2:23" s="68" customFormat="1" ht="14.25">
      <c r="B25589" s="68" t="s">
        <v>30952</v>
      </c>
    </row>
    <row r="25590" spans="2:23" s="68" customFormat="1" ht="14.25">
      <c r="B25590" s="68" t="s">
        <v>30953</v>
      </c>
    </row>
    <row r="25591" spans="2:23" s="68" customFormat="1" ht="14.25">
      <c r="B25591" s="68" t="s">
        <v>30954</v>
      </c>
    </row>
    <row r="25592" spans="2:23" s="68" customFormat="1" ht="14.25">
      <c r="B25592" s="68" t="s">
        <v>30955</v>
      </c>
    </row>
    <row r="25593" spans="2:23" s="68" customFormat="1" ht="14.25">
      <c r="B25593" s="68" t="s">
        <v>30956</v>
      </c>
    </row>
    <row r="25594" spans="2:23" s="68" customFormat="1" ht="14.25">
      <c r="B25594" s="68" t="s">
        <v>30957</v>
      </c>
    </row>
    <row r="25595" spans="2:23" s="68" customFormat="1" ht="14.25">
      <c r="B25595" s="68" t="s">
        <v>30958</v>
      </c>
    </row>
    <row r="25596" spans="2:23" s="68" customFormat="1" ht="15" thickBot="1"/>
    <row r="25597" spans="2:23" s="68" customFormat="1" ht="72" thickBot="1">
      <c r="B25597" s="81" t="s">
        <v>9045</v>
      </c>
      <c r="C25597" s="81" t="s">
        <v>28372</v>
      </c>
      <c r="D25597" s="81" t="s">
        <v>8</v>
      </c>
      <c r="E25597" s="81" t="s">
        <v>8349</v>
      </c>
      <c r="F25597" s="82" t="s">
        <v>586</v>
      </c>
      <c r="G25597" s="83"/>
      <c r="H25597" s="82" t="s">
        <v>14317</v>
      </c>
      <c r="I25597" s="84"/>
      <c r="J25597" s="83"/>
      <c r="K25597" s="81" t="s">
        <v>28373</v>
      </c>
      <c r="L25597" s="81" t="s">
        <v>9046</v>
      </c>
      <c r="M25597" s="78"/>
      <c r="N25597" s="78"/>
      <c r="O25597" s="78"/>
      <c r="P25597" s="78"/>
      <c r="Q25597" s="78"/>
      <c r="R25597" s="78"/>
      <c r="S25597" s="78"/>
      <c r="T25597" s="78"/>
      <c r="U25597" s="78"/>
      <c r="V25597" s="78"/>
      <c r="W25597" s="78"/>
    </row>
    <row r="25598" spans="2:23" s="68" customFormat="1" ht="57.75" thickBot="1">
      <c r="B25598" s="85"/>
      <c r="C25598" s="85"/>
      <c r="D25598" s="85"/>
      <c r="E25598" s="85"/>
      <c r="F25598" s="86" t="s">
        <v>14318</v>
      </c>
      <c r="G25598" s="86" t="s">
        <v>14319</v>
      </c>
      <c r="H25598" s="86" t="s">
        <v>14320</v>
      </c>
      <c r="I25598" s="86" t="s">
        <v>14319</v>
      </c>
      <c r="J25598" s="86" t="s">
        <v>14321</v>
      </c>
      <c r="K25598" s="85"/>
      <c r="L25598" s="85"/>
      <c r="M25598" s="78"/>
      <c r="N25598" s="78"/>
      <c r="O25598" s="78"/>
      <c r="P25598" s="78"/>
      <c r="Q25598" s="78"/>
      <c r="R25598" s="78"/>
      <c r="S25598" s="78"/>
      <c r="T25598" s="78"/>
      <c r="U25598" s="78"/>
      <c r="V25598" s="78"/>
      <c r="W25598" s="78"/>
    </row>
    <row r="25599" spans="2:23" s="68" customFormat="1" ht="14.25">
      <c r="B25599" s="87" t="s">
        <v>30959</v>
      </c>
      <c r="C25599" s="87" t="s">
        <v>16002</v>
      </c>
      <c r="D25599" s="87" t="s">
        <v>16003</v>
      </c>
      <c r="E25599" s="87" t="s">
        <v>16004</v>
      </c>
      <c r="F25599" s="87" t="s">
        <v>17088</v>
      </c>
      <c r="G25599" s="87" t="s">
        <v>14392</v>
      </c>
      <c r="H25599" s="87" t="s">
        <v>14367</v>
      </c>
      <c r="I25599" s="87" t="s">
        <v>14392</v>
      </c>
      <c r="J25599" s="88"/>
      <c r="K25599" s="88"/>
      <c r="L25599" s="88"/>
      <c r="M25599" s="78"/>
      <c r="N25599" s="78"/>
      <c r="O25599" s="78"/>
      <c r="P25599" s="78"/>
      <c r="Q25599" s="78"/>
      <c r="R25599" s="78"/>
      <c r="S25599" s="78"/>
      <c r="T25599" s="78"/>
      <c r="U25599" s="78"/>
      <c r="V25599" s="78"/>
      <c r="W25599" s="78"/>
    </row>
    <row r="25600" spans="2:23" s="68" customFormat="1" ht="29.25" thickBot="1">
      <c r="B25600" s="89"/>
      <c r="C25600" s="89"/>
      <c r="D25600" s="89"/>
      <c r="E25600" s="89"/>
      <c r="F25600" s="89" t="s">
        <v>14462</v>
      </c>
      <c r="G25600" s="89" t="s">
        <v>14463</v>
      </c>
      <c r="H25600" s="89" t="s">
        <v>14422</v>
      </c>
      <c r="I25600" s="89" t="s">
        <v>30960</v>
      </c>
      <c r="J25600" s="90"/>
      <c r="K25600" s="90"/>
      <c r="L25600" s="90"/>
      <c r="M25600" s="78"/>
      <c r="N25600" s="78"/>
      <c r="O25600" s="78"/>
      <c r="P25600" s="78"/>
      <c r="Q25600" s="78"/>
      <c r="R25600" s="78"/>
      <c r="S25600" s="78"/>
      <c r="T25600" s="78"/>
      <c r="U25600" s="78"/>
      <c r="V25600" s="78"/>
      <c r="W25600" s="78"/>
    </row>
    <row r="25601" spans="2:23" s="68" customFormat="1" ht="14.25">
      <c r="B25601" s="87" t="s">
        <v>30961</v>
      </c>
      <c r="C25601" s="87" t="s">
        <v>16609</v>
      </c>
      <c r="D25601" s="87" t="s">
        <v>16610</v>
      </c>
      <c r="E25601" s="87" t="s">
        <v>2731</v>
      </c>
      <c r="F25601" s="87" t="s">
        <v>14376</v>
      </c>
      <c r="G25601" s="87" t="s">
        <v>14669</v>
      </c>
      <c r="H25601" s="87" t="s">
        <v>14381</v>
      </c>
      <c r="I25601" s="87" t="s">
        <v>14669</v>
      </c>
      <c r="J25601" s="88"/>
      <c r="K25601" s="88"/>
      <c r="L25601" s="88"/>
      <c r="M25601" s="78"/>
      <c r="N25601" s="78"/>
      <c r="O25601" s="78"/>
      <c r="P25601" s="78"/>
      <c r="Q25601" s="78"/>
      <c r="R25601" s="78"/>
      <c r="S25601" s="78"/>
      <c r="T25601" s="78"/>
      <c r="U25601" s="78"/>
      <c r="V25601" s="78"/>
      <c r="W25601" s="78"/>
    </row>
    <row r="25602" spans="2:23" s="68" customFormat="1" ht="14.25">
      <c r="B25602" s="91"/>
      <c r="C25602" s="91"/>
      <c r="D25602" s="91"/>
      <c r="E25602" s="91"/>
      <c r="F25602" s="91" t="s">
        <v>14426</v>
      </c>
      <c r="G25602" s="91" t="s">
        <v>14427</v>
      </c>
      <c r="H25602" s="91" t="s">
        <v>14332</v>
      </c>
      <c r="I25602" s="91" t="s">
        <v>14427</v>
      </c>
      <c r="J25602" s="92"/>
      <c r="K25602" s="92"/>
      <c r="L25602" s="92"/>
      <c r="M25602" s="78"/>
      <c r="N25602" s="78"/>
      <c r="O25602" s="78"/>
      <c r="P25602" s="78"/>
      <c r="Q25602" s="78"/>
      <c r="R25602" s="78"/>
      <c r="S25602" s="78"/>
      <c r="T25602" s="78"/>
      <c r="U25602" s="78"/>
      <c r="V25602" s="78"/>
      <c r="W25602" s="78"/>
    </row>
    <row r="25603" spans="2:23" s="68" customFormat="1" ht="14.25">
      <c r="B25603" s="91"/>
      <c r="C25603" s="91"/>
      <c r="D25603" s="91"/>
      <c r="E25603" s="91"/>
      <c r="F25603" s="91" t="s">
        <v>14424</v>
      </c>
      <c r="G25603" s="91" t="s">
        <v>16046</v>
      </c>
      <c r="H25603" s="93"/>
      <c r="I25603" s="91" t="s">
        <v>16046</v>
      </c>
      <c r="J25603" s="92"/>
      <c r="K25603" s="92"/>
      <c r="L25603" s="92"/>
      <c r="M25603" s="78"/>
      <c r="N25603" s="78"/>
      <c r="O25603" s="78"/>
      <c r="P25603" s="78"/>
      <c r="Q25603" s="78"/>
      <c r="R25603" s="78"/>
      <c r="S25603" s="78"/>
      <c r="T25603" s="78"/>
      <c r="U25603" s="78"/>
      <c r="V25603" s="78"/>
      <c r="W25603" s="78"/>
    </row>
    <row r="25604" spans="2:23" s="68" customFormat="1" ht="14.25">
      <c r="B25604" s="91"/>
      <c r="C25604" s="91"/>
      <c r="D25604" s="91"/>
      <c r="E25604" s="91"/>
      <c r="F25604" s="91" t="s">
        <v>14814</v>
      </c>
      <c r="G25604" s="91" t="s">
        <v>14815</v>
      </c>
      <c r="H25604" s="93"/>
      <c r="I25604" s="91" t="s">
        <v>14815</v>
      </c>
      <c r="J25604" s="92"/>
      <c r="K25604" s="92"/>
      <c r="L25604" s="92"/>
      <c r="M25604" s="78"/>
      <c r="N25604" s="78"/>
      <c r="O25604" s="78"/>
      <c r="P25604" s="78"/>
      <c r="Q25604" s="78"/>
      <c r="R25604" s="78"/>
      <c r="S25604" s="78"/>
      <c r="T25604" s="78"/>
      <c r="U25604" s="78"/>
      <c r="V25604" s="78"/>
      <c r="W25604" s="78"/>
    </row>
    <row r="25605" spans="2:23" s="68" customFormat="1" ht="14.25">
      <c r="B25605" s="91"/>
      <c r="C25605" s="91"/>
      <c r="D25605" s="91"/>
      <c r="E25605" s="91"/>
      <c r="F25605" s="91" t="s">
        <v>14391</v>
      </c>
      <c r="G25605" s="91" t="s">
        <v>14392</v>
      </c>
      <c r="H25605" s="93"/>
      <c r="I25605" s="91" t="s">
        <v>14392</v>
      </c>
      <c r="J25605" s="92"/>
      <c r="K25605" s="92"/>
      <c r="L25605" s="92"/>
      <c r="M25605" s="78"/>
      <c r="N25605" s="78"/>
      <c r="O25605" s="78"/>
      <c r="P25605" s="78"/>
      <c r="Q25605" s="78"/>
      <c r="R25605" s="78"/>
      <c r="S25605" s="78"/>
      <c r="T25605" s="78"/>
      <c r="U25605" s="78"/>
      <c r="V25605" s="78"/>
      <c r="W25605" s="78"/>
    </row>
    <row r="25606" spans="2:23" s="68" customFormat="1" ht="29.25" thickBot="1">
      <c r="B25606" s="89"/>
      <c r="C25606" s="89"/>
      <c r="D25606" s="89"/>
      <c r="E25606" s="89"/>
      <c r="F25606" s="89" t="s">
        <v>14462</v>
      </c>
      <c r="G25606" s="89" t="s">
        <v>14463</v>
      </c>
      <c r="H25606" s="94"/>
      <c r="I25606" s="89" t="s">
        <v>30960</v>
      </c>
      <c r="J25606" s="90"/>
      <c r="K25606" s="90"/>
      <c r="L25606" s="90"/>
      <c r="M25606" s="78"/>
      <c r="N25606" s="78"/>
      <c r="O25606" s="78"/>
      <c r="P25606" s="78"/>
      <c r="Q25606" s="78"/>
      <c r="R25606" s="78"/>
      <c r="S25606" s="78"/>
      <c r="T25606" s="78"/>
      <c r="U25606" s="78"/>
      <c r="V25606" s="78"/>
      <c r="W25606" s="78"/>
    </row>
    <row r="25607" spans="2:23" s="68" customFormat="1" ht="57">
      <c r="B25607" s="87" t="s">
        <v>30962</v>
      </c>
      <c r="C25607" s="87" t="s">
        <v>16666</v>
      </c>
      <c r="D25607" s="87" t="s">
        <v>9142</v>
      </c>
      <c r="E25607" s="87" t="s">
        <v>5724</v>
      </c>
      <c r="F25607" s="87" t="s">
        <v>16528</v>
      </c>
      <c r="G25607" s="87" t="s">
        <v>14377</v>
      </c>
      <c r="H25607" s="95" t="s">
        <v>14381</v>
      </c>
      <c r="I25607" s="87" t="s">
        <v>14377</v>
      </c>
      <c r="J25607" s="88"/>
      <c r="K25607" s="87" t="s">
        <v>30963</v>
      </c>
      <c r="L25607" s="88"/>
      <c r="M25607" s="78"/>
      <c r="N25607" s="78"/>
      <c r="O25607" s="78"/>
      <c r="P25607" s="78"/>
      <c r="Q25607" s="78"/>
      <c r="R25607" s="78"/>
      <c r="S25607" s="78"/>
      <c r="T25607" s="78"/>
      <c r="U25607" s="78"/>
      <c r="V25607" s="78"/>
      <c r="W25607" s="78"/>
    </row>
    <row r="25608" spans="2:23" s="68" customFormat="1" ht="71.25">
      <c r="B25608" s="91"/>
      <c r="C25608" s="91" t="s">
        <v>16667</v>
      </c>
      <c r="D25608" s="91"/>
      <c r="E25608" s="91"/>
      <c r="F25608" s="91" t="s">
        <v>14426</v>
      </c>
      <c r="G25608" s="91" t="s">
        <v>14427</v>
      </c>
      <c r="H25608" s="91" t="s">
        <v>14367</v>
      </c>
      <c r="I25608" s="91" t="s">
        <v>14427</v>
      </c>
      <c r="J25608" s="92"/>
      <c r="K25608" s="91" t="s">
        <v>30964</v>
      </c>
      <c r="L25608" s="92"/>
      <c r="M25608" s="78"/>
      <c r="N25608" s="78"/>
      <c r="O25608" s="78"/>
      <c r="P25608" s="78"/>
      <c r="Q25608" s="78"/>
      <c r="R25608" s="78"/>
      <c r="S25608" s="78"/>
      <c r="T25608" s="78"/>
      <c r="U25608" s="78"/>
      <c r="V25608" s="78"/>
      <c r="W25608" s="78"/>
    </row>
    <row r="25609" spans="2:23" s="68" customFormat="1" ht="14.25">
      <c r="B25609" s="91"/>
      <c r="C25609" s="93"/>
      <c r="D25609" s="91"/>
      <c r="E25609" s="91"/>
      <c r="F25609" s="91" t="s">
        <v>14424</v>
      </c>
      <c r="G25609" s="91" t="s">
        <v>16648</v>
      </c>
      <c r="H25609" s="91" t="s">
        <v>14370</v>
      </c>
      <c r="I25609" s="91" t="s">
        <v>16648</v>
      </c>
      <c r="J25609" s="92"/>
      <c r="K25609" s="91" t="s">
        <v>16041</v>
      </c>
      <c r="L25609" s="92"/>
      <c r="M25609" s="78"/>
      <c r="N25609" s="78"/>
      <c r="O25609" s="78"/>
      <c r="P25609" s="78"/>
      <c r="Q25609" s="78"/>
      <c r="R25609" s="78"/>
      <c r="S25609" s="78"/>
      <c r="T25609" s="78"/>
      <c r="U25609" s="78"/>
      <c r="V25609" s="78"/>
      <c r="W25609" s="78"/>
    </row>
    <row r="25610" spans="2:23" s="68" customFormat="1" ht="28.5">
      <c r="B25610" s="91"/>
      <c r="C25610" s="93"/>
      <c r="D25610" s="91"/>
      <c r="E25610" s="91"/>
      <c r="F25610" s="91" t="s">
        <v>15089</v>
      </c>
      <c r="G25610" s="91" t="s">
        <v>14429</v>
      </c>
      <c r="H25610" s="91" t="s">
        <v>14332</v>
      </c>
      <c r="I25610" s="91" t="s">
        <v>14429</v>
      </c>
      <c r="J25610" s="92"/>
      <c r="K25610" s="91" t="s">
        <v>17733</v>
      </c>
      <c r="L25610" s="92"/>
      <c r="M25610" s="78"/>
      <c r="N25610" s="78"/>
      <c r="O25610" s="78"/>
      <c r="P25610" s="78"/>
      <c r="Q25610" s="78"/>
      <c r="R25610" s="78"/>
      <c r="S25610" s="78"/>
      <c r="T25610" s="78"/>
      <c r="U25610" s="78"/>
      <c r="V25610" s="78"/>
      <c r="W25610" s="78"/>
    </row>
    <row r="25611" spans="2:23" s="68" customFormat="1" ht="14.25">
      <c r="B25611" s="91"/>
      <c r="C25611" s="93"/>
      <c r="D25611" s="91"/>
      <c r="E25611" s="91"/>
      <c r="F25611" s="91" t="s">
        <v>14384</v>
      </c>
      <c r="G25611" s="91" t="s">
        <v>14428</v>
      </c>
      <c r="H25611" s="93"/>
      <c r="I25611" s="91" t="s">
        <v>14428</v>
      </c>
      <c r="J25611" s="92"/>
      <c r="K25611" s="91" t="s">
        <v>16044</v>
      </c>
      <c r="L25611" s="92"/>
      <c r="M25611" s="78"/>
      <c r="N25611" s="78"/>
      <c r="O25611" s="78"/>
      <c r="P25611" s="78"/>
      <c r="Q25611" s="78"/>
      <c r="R25611" s="78"/>
      <c r="S25611" s="78"/>
      <c r="T25611" s="78"/>
      <c r="U25611" s="78"/>
      <c r="V25611" s="78"/>
      <c r="W25611" s="78"/>
    </row>
    <row r="25612" spans="2:23" s="68" customFormat="1" ht="28.5">
      <c r="B25612" s="91"/>
      <c r="C25612" s="93"/>
      <c r="D25612" s="91"/>
      <c r="E25612" s="91"/>
      <c r="F25612" s="91" t="s">
        <v>14814</v>
      </c>
      <c r="G25612" s="91" t="s">
        <v>14815</v>
      </c>
      <c r="H25612" s="93"/>
      <c r="I25612" s="91" t="s">
        <v>14815</v>
      </c>
      <c r="J25612" s="92"/>
      <c r="K25612" s="91" t="s">
        <v>30965</v>
      </c>
      <c r="L25612" s="92"/>
      <c r="M25612" s="78"/>
      <c r="N25612" s="78"/>
      <c r="O25612" s="78"/>
      <c r="P25612" s="78"/>
      <c r="Q25612" s="78"/>
      <c r="R25612" s="78"/>
      <c r="S25612" s="78"/>
      <c r="T25612" s="78"/>
      <c r="U25612" s="78"/>
      <c r="V25612" s="78"/>
      <c r="W25612" s="78"/>
    </row>
    <row r="25613" spans="2:23" s="68" customFormat="1" ht="14.25">
      <c r="B25613" s="91"/>
      <c r="C25613" s="93"/>
      <c r="D25613" s="91"/>
      <c r="E25613" s="91"/>
      <c r="F25613" s="91" t="s">
        <v>14391</v>
      </c>
      <c r="G25613" s="91" t="s">
        <v>14392</v>
      </c>
      <c r="H25613" s="93"/>
      <c r="I25613" s="91" t="s">
        <v>14392</v>
      </c>
      <c r="J25613" s="92"/>
      <c r="K25613" s="91" t="s">
        <v>30966</v>
      </c>
      <c r="L25613" s="92"/>
      <c r="M25613" s="78"/>
      <c r="N25613" s="78"/>
      <c r="O25613" s="78"/>
      <c r="P25613" s="78"/>
      <c r="Q25613" s="78"/>
      <c r="R25613" s="78"/>
      <c r="S25613" s="78"/>
      <c r="T25613" s="78"/>
      <c r="U25613" s="78"/>
      <c r="V25613" s="78"/>
      <c r="W25613" s="78"/>
    </row>
    <row r="25614" spans="2:23" s="68" customFormat="1" ht="28.5">
      <c r="B25614" s="91"/>
      <c r="C25614" s="93"/>
      <c r="D25614" s="91"/>
      <c r="E25614" s="91"/>
      <c r="F25614" s="91" t="s">
        <v>14371</v>
      </c>
      <c r="G25614" s="91" t="s">
        <v>14372</v>
      </c>
      <c r="H25614" s="93"/>
      <c r="I25614" s="91" t="s">
        <v>14373</v>
      </c>
      <c r="J25614" s="92"/>
      <c r="K25614" s="91" t="s">
        <v>30967</v>
      </c>
      <c r="L25614" s="92"/>
      <c r="M25614" s="78"/>
      <c r="N25614" s="78"/>
      <c r="O25614" s="78"/>
      <c r="P25614" s="78"/>
      <c r="Q25614" s="78"/>
      <c r="R25614" s="78"/>
      <c r="S25614" s="78"/>
      <c r="T25614" s="78"/>
      <c r="U25614" s="78"/>
      <c r="V25614" s="78"/>
      <c r="W25614" s="78"/>
    </row>
    <row r="25615" spans="2:23" s="68" customFormat="1" ht="29.25" thickBot="1">
      <c r="B25615" s="89"/>
      <c r="C25615" s="94"/>
      <c r="D25615" s="89"/>
      <c r="E25615" s="89"/>
      <c r="F25615" s="89" t="s">
        <v>14374</v>
      </c>
      <c r="G25615" s="89" t="s">
        <v>14373</v>
      </c>
      <c r="H25615" s="94"/>
      <c r="I25615" s="94"/>
      <c r="J25615" s="90"/>
      <c r="K25615" s="89" t="s">
        <v>28388</v>
      </c>
      <c r="L25615" s="90"/>
      <c r="M25615" s="78"/>
      <c r="N25615" s="78"/>
      <c r="O25615" s="78"/>
      <c r="P25615" s="78"/>
      <c r="Q25615" s="78"/>
      <c r="R25615" s="78"/>
      <c r="S25615" s="78"/>
      <c r="T25615" s="78"/>
      <c r="U25615" s="78"/>
      <c r="V25615" s="78"/>
      <c r="W25615" s="78"/>
    </row>
    <row r="25616" spans="2:23" s="68" customFormat="1" ht="57">
      <c r="B25616" s="87" t="s">
        <v>30968</v>
      </c>
      <c r="C25616" s="87" t="s">
        <v>18180</v>
      </c>
      <c r="D25616" s="87" t="s">
        <v>10340</v>
      </c>
      <c r="E25616" s="87" t="s">
        <v>10341</v>
      </c>
      <c r="F25616" s="87" t="s">
        <v>14326</v>
      </c>
      <c r="G25616" s="87" t="s">
        <v>14327</v>
      </c>
      <c r="H25616" s="87" t="s">
        <v>14328</v>
      </c>
      <c r="I25616" s="87" t="s">
        <v>14327</v>
      </c>
      <c r="J25616" s="88"/>
      <c r="K25616" s="87" t="s">
        <v>30969</v>
      </c>
      <c r="L25616" s="87" t="s">
        <v>14329</v>
      </c>
      <c r="M25616" s="78"/>
      <c r="N25616" s="78"/>
      <c r="O25616" s="78"/>
      <c r="P25616" s="78"/>
      <c r="Q25616" s="78"/>
      <c r="R25616" s="78"/>
      <c r="S25616" s="78"/>
      <c r="T25616" s="78"/>
      <c r="U25616" s="78"/>
      <c r="V25616" s="78"/>
      <c r="W25616" s="78"/>
    </row>
    <row r="25617" spans="2:23" s="68" customFormat="1" ht="42.75">
      <c r="B25617" s="91"/>
      <c r="C25617" s="91" t="s">
        <v>18181</v>
      </c>
      <c r="D25617" s="91"/>
      <c r="E25617" s="91"/>
      <c r="F25617" s="91" t="s">
        <v>14330</v>
      </c>
      <c r="G25617" s="91" t="s">
        <v>14669</v>
      </c>
      <c r="H25617" s="91" t="s">
        <v>14381</v>
      </c>
      <c r="I25617" s="91" t="s">
        <v>14669</v>
      </c>
      <c r="J25617" s="92"/>
      <c r="K25617" s="91" t="s">
        <v>30970</v>
      </c>
      <c r="L25617" s="91"/>
      <c r="M25617" s="78"/>
      <c r="N25617" s="78"/>
      <c r="O25617" s="78"/>
      <c r="P25617" s="78"/>
      <c r="Q25617" s="78"/>
      <c r="R25617" s="78"/>
      <c r="S25617" s="78"/>
      <c r="T25617" s="78"/>
      <c r="U25617" s="78"/>
      <c r="V25617" s="78"/>
      <c r="W25617" s="78"/>
    </row>
    <row r="25618" spans="2:23" s="68" customFormat="1" ht="14.25">
      <c r="B25618" s="91"/>
      <c r="C25618" s="93"/>
      <c r="D25618" s="91"/>
      <c r="E25618" s="91"/>
      <c r="F25618" s="91" t="s">
        <v>14376</v>
      </c>
      <c r="G25618" s="91" t="s">
        <v>14890</v>
      </c>
      <c r="H25618" s="91" t="s">
        <v>14378</v>
      </c>
      <c r="I25618" s="91" t="s">
        <v>14890</v>
      </c>
      <c r="J25618" s="92"/>
      <c r="K25618" s="93"/>
      <c r="L25618" s="91"/>
      <c r="M25618" s="78"/>
      <c r="N25618" s="78"/>
      <c r="O25618" s="78"/>
      <c r="P25618" s="78"/>
      <c r="Q25618" s="78"/>
      <c r="R25618" s="78"/>
      <c r="S25618" s="78"/>
      <c r="T25618" s="78"/>
      <c r="U25618" s="78"/>
      <c r="V25618" s="78"/>
      <c r="W25618" s="78"/>
    </row>
    <row r="25619" spans="2:23" s="68" customFormat="1" ht="14.25">
      <c r="B25619" s="91"/>
      <c r="C25619" s="93"/>
      <c r="D25619" s="91"/>
      <c r="E25619" s="91"/>
      <c r="F25619" s="91" t="s">
        <v>14889</v>
      </c>
      <c r="G25619" s="91" t="s">
        <v>15893</v>
      </c>
      <c r="H25619" s="91" t="s">
        <v>14341</v>
      </c>
      <c r="I25619" s="91" t="s">
        <v>15893</v>
      </c>
      <c r="J25619" s="92"/>
      <c r="K25619" s="93"/>
      <c r="L25619" s="91"/>
      <c r="M25619" s="78"/>
      <c r="N25619" s="78"/>
      <c r="O25619" s="78"/>
      <c r="P25619" s="78"/>
      <c r="Q25619" s="78"/>
      <c r="R25619" s="78"/>
      <c r="S25619" s="78"/>
      <c r="T25619" s="78"/>
      <c r="U25619" s="78"/>
      <c r="V25619" s="78"/>
      <c r="W25619" s="78"/>
    </row>
    <row r="25620" spans="2:23" s="68" customFormat="1" ht="14.25">
      <c r="B25620" s="91"/>
      <c r="C25620" s="93"/>
      <c r="D25620" s="91"/>
      <c r="E25620" s="91"/>
      <c r="F25620" s="91" t="s">
        <v>14424</v>
      </c>
      <c r="G25620" s="91" t="s">
        <v>14483</v>
      </c>
      <c r="H25620" s="91" t="s">
        <v>14332</v>
      </c>
      <c r="I25620" s="91" t="s">
        <v>14483</v>
      </c>
      <c r="J25620" s="92"/>
      <c r="K25620" s="93"/>
      <c r="L25620" s="91"/>
      <c r="M25620" s="78"/>
      <c r="N25620" s="78"/>
      <c r="O25620" s="78"/>
      <c r="P25620" s="78"/>
      <c r="Q25620" s="78"/>
      <c r="R25620" s="78"/>
      <c r="S25620" s="78"/>
      <c r="T25620" s="78"/>
      <c r="U25620" s="78"/>
      <c r="V25620" s="78"/>
      <c r="W25620" s="78"/>
    </row>
    <row r="25621" spans="2:23" s="68" customFormat="1" ht="14.25">
      <c r="B25621" s="91"/>
      <c r="C25621" s="93"/>
      <c r="D25621" s="91"/>
      <c r="E25621" s="91"/>
      <c r="F25621" s="91" t="s">
        <v>14656</v>
      </c>
      <c r="G25621" s="91" t="s">
        <v>14383</v>
      </c>
      <c r="H25621" s="93"/>
      <c r="I25621" s="91" t="s">
        <v>14383</v>
      </c>
      <c r="J25621" s="92"/>
      <c r="K25621" s="93"/>
      <c r="L25621" s="91"/>
      <c r="M25621" s="78"/>
      <c r="N25621" s="78"/>
      <c r="O25621" s="78"/>
      <c r="P25621" s="78"/>
      <c r="Q25621" s="78"/>
      <c r="R25621" s="78"/>
      <c r="S25621" s="78"/>
      <c r="T25621" s="78"/>
      <c r="U25621" s="78"/>
      <c r="V25621" s="78"/>
      <c r="W25621" s="78"/>
    </row>
    <row r="25622" spans="2:23" s="68" customFormat="1" ht="14.25">
      <c r="B25622" s="91"/>
      <c r="C25622" s="93"/>
      <c r="D25622" s="91"/>
      <c r="E25622" s="91"/>
      <c r="F25622" s="91" t="s">
        <v>14656</v>
      </c>
      <c r="G25622" s="91" t="s">
        <v>14388</v>
      </c>
      <c r="H25622" s="93"/>
      <c r="I25622" s="91" t="s">
        <v>14388</v>
      </c>
      <c r="J25622" s="92"/>
      <c r="K25622" s="93"/>
      <c r="L25622" s="91"/>
      <c r="M25622" s="78"/>
      <c r="N25622" s="78"/>
      <c r="O25622" s="78"/>
      <c r="P25622" s="78"/>
      <c r="Q25622" s="78"/>
      <c r="R25622" s="78"/>
      <c r="S25622" s="78"/>
      <c r="T25622" s="78"/>
      <c r="U25622" s="78"/>
      <c r="V25622" s="78"/>
      <c r="W25622" s="78"/>
    </row>
    <row r="25623" spans="2:23" s="68" customFormat="1" ht="14.25">
      <c r="B25623" s="91"/>
      <c r="C25623" s="93"/>
      <c r="D25623" s="91"/>
      <c r="E25623" s="91"/>
      <c r="F25623" s="91" t="s">
        <v>14368</v>
      </c>
      <c r="G25623" s="91" t="s">
        <v>14369</v>
      </c>
      <c r="H25623" s="93"/>
      <c r="I25623" s="91" t="s">
        <v>14369</v>
      </c>
      <c r="J25623" s="92"/>
      <c r="K25623" s="93"/>
      <c r="L25623" s="91"/>
      <c r="M25623" s="78"/>
      <c r="N25623" s="78"/>
      <c r="O25623" s="78"/>
      <c r="P25623" s="78"/>
      <c r="Q25623" s="78"/>
      <c r="R25623" s="78"/>
      <c r="S25623" s="78"/>
      <c r="T25623" s="78"/>
      <c r="U25623" s="78"/>
      <c r="V25623" s="78"/>
      <c r="W25623" s="78"/>
    </row>
    <row r="25624" spans="2:23" s="68" customFormat="1" ht="42.75">
      <c r="B25624" s="91"/>
      <c r="C25624" s="93"/>
      <c r="D25624" s="91"/>
      <c r="E25624" s="91"/>
      <c r="F25624" s="91" t="s">
        <v>14368</v>
      </c>
      <c r="G25624" s="91" t="s">
        <v>19722</v>
      </c>
      <c r="H25624" s="93"/>
      <c r="I25624" s="91" t="s">
        <v>19722</v>
      </c>
      <c r="J25624" s="92"/>
      <c r="K25624" s="93"/>
      <c r="L25624" s="91"/>
      <c r="M25624" s="78"/>
      <c r="N25624" s="78"/>
      <c r="O25624" s="78"/>
      <c r="P25624" s="78"/>
      <c r="Q25624" s="78"/>
      <c r="R25624" s="78"/>
      <c r="S25624" s="78"/>
      <c r="T25624" s="78"/>
      <c r="U25624" s="78"/>
      <c r="V25624" s="78"/>
      <c r="W25624" s="78"/>
    </row>
    <row r="25625" spans="2:23" s="68" customFormat="1" ht="14.25">
      <c r="B25625" s="91"/>
      <c r="C25625" s="93"/>
      <c r="D25625" s="91"/>
      <c r="E25625" s="91"/>
      <c r="F25625" s="91" t="s">
        <v>14384</v>
      </c>
      <c r="G25625" s="91" t="s">
        <v>14340</v>
      </c>
      <c r="H25625" s="93"/>
      <c r="I25625" s="91" t="s">
        <v>14340</v>
      </c>
      <c r="J25625" s="92"/>
      <c r="K25625" s="93"/>
      <c r="L25625" s="91"/>
      <c r="M25625" s="78"/>
      <c r="N25625" s="78"/>
      <c r="O25625" s="78"/>
      <c r="P25625" s="78"/>
      <c r="Q25625" s="78"/>
      <c r="R25625" s="78"/>
      <c r="S25625" s="78"/>
      <c r="T25625" s="78"/>
      <c r="U25625" s="78"/>
      <c r="V25625" s="78"/>
      <c r="W25625" s="78"/>
    </row>
    <row r="25626" spans="2:23" s="68" customFormat="1" ht="14.25">
      <c r="B25626" s="91"/>
      <c r="C25626" s="93"/>
      <c r="D25626" s="91"/>
      <c r="E25626" s="91"/>
      <c r="F25626" s="91" t="s">
        <v>25086</v>
      </c>
      <c r="G25626" s="91" t="s">
        <v>14431</v>
      </c>
      <c r="H25626" s="93"/>
      <c r="I25626" s="93"/>
      <c r="J25626" s="92"/>
      <c r="K25626" s="93"/>
      <c r="L25626" s="91"/>
      <c r="M25626" s="78"/>
      <c r="N25626" s="78"/>
      <c r="O25626" s="78"/>
      <c r="P25626" s="78"/>
      <c r="Q25626" s="78"/>
      <c r="R25626" s="78"/>
      <c r="S25626" s="78"/>
      <c r="T25626" s="78"/>
      <c r="U25626" s="78"/>
      <c r="V25626" s="78"/>
      <c r="W25626" s="78"/>
    </row>
    <row r="25627" spans="2:23" s="68" customFormat="1" ht="15" thickBot="1">
      <c r="B25627" s="89"/>
      <c r="C25627" s="94"/>
      <c r="D25627" s="89"/>
      <c r="E25627" s="89"/>
      <c r="F25627" s="89" t="s">
        <v>14430</v>
      </c>
      <c r="G25627" s="94"/>
      <c r="H25627" s="94"/>
      <c r="I25627" s="94"/>
      <c r="J25627" s="90"/>
      <c r="K25627" s="94"/>
      <c r="L25627" s="89"/>
      <c r="M25627" s="78"/>
      <c r="N25627" s="78"/>
      <c r="O25627" s="78"/>
      <c r="P25627" s="78"/>
      <c r="Q25627" s="78"/>
      <c r="R25627" s="78"/>
      <c r="S25627" s="78"/>
      <c r="T25627" s="78"/>
      <c r="U25627" s="78"/>
      <c r="V25627" s="78"/>
      <c r="W25627" s="78"/>
    </row>
    <row r="25628" spans="2:23" s="68" customFormat="1" ht="42.75">
      <c r="B25628" s="87" t="s">
        <v>30971</v>
      </c>
      <c r="C25628" s="87" t="s">
        <v>30972</v>
      </c>
      <c r="D25628" s="87" t="s">
        <v>19162</v>
      </c>
      <c r="E25628" s="87" t="s">
        <v>19163</v>
      </c>
      <c r="F25628" s="87" t="s">
        <v>15370</v>
      </c>
      <c r="G25628" s="87" t="s">
        <v>15097</v>
      </c>
      <c r="H25628" s="87" t="s">
        <v>14328</v>
      </c>
      <c r="I25628" s="87" t="s">
        <v>15097</v>
      </c>
      <c r="J25628" s="88"/>
      <c r="K25628" s="87" t="s">
        <v>30974</v>
      </c>
      <c r="L25628" s="88"/>
      <c r="M25628" s="78"/>
      <c r="N25628" s="78"/>
      <c r="O25628" s="78"/>
      <c r="P25628" s="78"/>
      <c r="Q25628" s="78"/>
      <c r="R25628" s="78"/>
      <c r="S25628" s="78"/>
      <c r="T25628" s="78"/>
      <c r="U25628" s="78"/>
      <c r="V25628" s="78"/>
      <c r="W25628" s="78"/>
    </row>
    <row r="25629" spans="2:23" s="68" customFormat="1" ht="14.25">
      <c r="B25629" s="91"/>
      <c r="C25629" s="91" t="s">
        <v>30973</v>
      </c>
      <c r="D25629" s="91"/>
      <c r="E25629" s="91"/>
      <c r="F25629" s="91" t="s">
        <v>14507</v>
      </c>
      <c r="G25629" s="91" t="s">
        <v>16042</v>
      </c>
      <c r="H25629" s="91" t="s">
        <v>14381</v>
      </c>
      <c r="I25629" s="91" t="s">
        <v>16042</v>
      </c>
      <c r="J25629" s="92"/>
      <c r="K25629" s="91"/>
      <c r="L25629" s="92"/>
      <c r="M25629" s="78"/>
      <c r="N25629" s="78"/>
      <c r="O25629" s="78"/>
      <c r="P25629" s="78"/>
      <c r="Q25629" s="78"/>
      <c r="R25629" s="78"/>
      <c r="S25629" s="78"/>
      <c r="T25629" s="78"/>
      <c r="U25629" s="78"/>
      <c r="V25629" s="78"/>
      <c r="W25629" s="78"/>
    </row>
    <row r="25630" spans="2:23" s="68" customFormat="1" ht="14.25">
      <c r="B25630" s="91"/>
      <c r="C25630" s="93"/>
      <c r="D25630" s="91"/>
      <c r="E25630" s="91"/>
      <c r="F25630" s="91" t="s">
        <v>14656</v>
      </c>
      <c r="G25630" s="91" t="s">
        <v>14383</v>
      </c>
      <c r="H25630" s="91" t="s">
        <v>14378</v>
      </c>
      <c r="I25630" s="91" t="s">
        <v>14383</v>
      </c>
      <c r="J25630" s="92"/>
      <c r="K25630" s="91"/>
      <c r="L25630" s="92"/>
      <c r="M25630" s="78"/>
      <c r="N25630" s="78"/>
      <c r="O25630" s="78"/>
      <c r="P25630" s="78"/>
      <c r="Q25630" s="78"/>
      <c r="R25630" s="78"/>
      <c r="S25630" s="78"/>
      <c r="T25630" s="78"/>
      <c r="U25630" s="78"/>
      <c r="V25630" s="78"/>
      <c r="W25630" s="78"/>
    </row>
    <row r="25631" spans="2:23" s="68" customFormat="1" ht="29.25" thickBot="1">
      <c r="B25631" s="89"/>
      <c r="C25631" s="94"/>
      <c r="D25631" s="89"/>
      <c r="E25631" s="89"/>
      <c r="F25631" s="89" t="s">
        <v>14472</v>
      </c>
      <c r="G25631" s="89" t="s">
        <v>14473</v>
      </c>
      <c r="H25631" s="89" t="s">
        <v>14332</v>
      </c>
      <c r="I25631" s="89" t="s">
        <v>14473</v>
      </c>
      <c r="J25631" s="90"/>
      <c r="K25631" s="89"/>
      <c r="L25631" s="90"/>
      <c r="M25631" s="78"/>
      <c r="N25631" s="78"/>
      <c r="O25631" s="78"/>
      <c r="P25631" s="78"/>
      <c r="Q25631" s="78"/>
      <c r="R25631" s="78"/>
      <c r="S25631" s="78"/>
      <c r="T25631" s="78"/>
      <c r="U25631" s="78"/>
      <c r="V25631" s="78"/>
      <c r="W25631" s="78"/>
    </row>
    <row r="25632" spans="2:23" s="68" customFormat="1" ht="28.5">
      <c r="B25632" s="87" t="s">
        <v>28392</v>
      </c>
      <c r="C25632" s="87" t="s">
        <v>28453</v>
      </c>
      <c r="D25632" s="87" t="s">
        <v>19421</v>
      </c>
      <c r="E25632" s="87" t="s">
        <v>19422</v>
      </c>
      <c r="F25632" s="87" t="s">
        <v>14424</v>
      </c>
      <c r="G25632" s="87" t="s">
        <v>17083</v>
      </c>
      <c r="H25632" s="87" t="s">
        <v>14381</v>
      </c>
      <c r="I25632" s="87" t="s">
        <v>17083</v>
      </c>
      <c r="J25632" s="88"/>
      <c r="K25632" s="88"/>
      <c r="L25632" s="88"/>
      <c r="M25632" s="78"/>
      <c r="N25632" s="78"/>
      <c r="O25632" s="78"/>
      <c r="P25632" s="78"/>
      <c r="Q25632" s="78"/>
      <c r="R25632" s="78"/>
      <c r="S25632" s="78"/>
      <c r="T25632" s="78"/>
      <c r="U25632" s="78"/>
      <c r="V25632" s="78"/>
      <c r="W25632" s="78"/>
    </row>
    <row r="25633" spans="2:23" s="68" customFormat="1" ht="14.25">
      <c r="B25633" s="91"/>
      <c r="C25633" s="91"/>
      <c r="D25633" s="91"/>
      <c r="E25633" s="91"/>
      <c r="F25633" s="91" t="s">
        <v>14371</v>
      </c>
      <c r="G25633" s="91" t="s">
        <v>14372</v>
      </c>
      <c r="H25633" s="91" t="s">
        <v>14370</v>
      </c>
      <c r="I25633" s="91" t="s">
        <v>28381</v>
      </c>
      <c r="J25633" s="92"/>
      <c r="K25633" s="92"/>
      <c r="L25633" s="92"/>
      <c r="M25633" s="78"/>
      <c r="N25633" s="78"/>
      <c r="O25633" s="78"/>
      <c r="P25633" s="78"/>
      <c r="Q25633" s="78"/>
      <c r="R25633" s="78"/>
      <c r="S25633" s="78"/>
      <c r="T25633" s="78"/>
      <c r="U25633" s="78"/>
      <c r="V25633" s="78"/>
      <c r="W25633" s="78"/>
    </row>
    <row r="25634" spans="2:23" s="68" customFormat="1" ht="29.25" thickBot="1">
      <c r="B25634" s="89"/>
      <c r="C25634" s="89"/>
      <c r="D25634" s="89"/>
      <c r="E25634" s="89"/>
      <c r="F25634" s="89" t="s">
        <v>14374</v>
      </c>
      <c r="G25634" s="89" t="s">
        <v>14373</v>
      </c>
      <c r="H25634" s="89" t="s">
        <v>14332</v>
      </c>
      <c r="I25634" s="94"/>
      <c r="J25634" s="90"/>
      <c r="K25634" s="90"/>
      <c r="L25634" s="90"/>
      <c r="M25634" s="78"/>
      <c r="N25634" s="78"/>
      <c r="O25634" s="78"/>
      <c r="P25634" s="78"/>
      <c r="Q25634" s="78"/>
      <c r="R25634" s="78"/>
      <c r="S25634" s="78"/>
      <c r="T25634" s="78"/>
      <c r="U25634" s="78"/>
      <c r="V25634" s="78"/>
      <c r="W25634" s="78"/>
    </row>
    <row r="25635" spans="2:23" s="68" customFormat="1" ht="42.75">
      <c r="B25635" s="87" t="s">
        <v>30975</v>
      </c>
      <c r="C25635" s="87" t="s">
        <v>20535</v>
      </c>
      <c r="D25635" s="87" t="s">
        <v>20536</v>
      </c>
      <c r="E25635" s="87" t="s">
        <v>20537</v>
      </c>
      <c r="F25635" s="87" t="s">
        <v>15089</v>
      </c>
      <c r="G25635" s="87" t="s">
        <v>14429</v>
      </c>
      <c r="H25635" s="87" t="s">
        <v>14367</v>
      </c>
      <c r="I25635" s="87" t="s">
        <v>14429</v>
      </c>
      <c r="J25635" s="88"/>
      <c r="K25635" s="87" t="s">
        <v>30977</v>
      </c>
      <c r="L25635" s="88"/>
      <c r="M25635" s="78"/>
      <c r="N25635" s="78"/>
      <c r="O25635" s="78"/>
      <c r="P25635" s="78"/>
      <c r="Q25635" s="78"/>
      <c r="R25635" s="78"/>
      <c r="S25635" s="78"/>
      <c r="T25635" s="78"/>
      <c r="U25635" s="78"/>
      <c r="V25635" s="78"/>
      <c r="W25635" s="78"/>
    </row>
    <row r="25636" spans="2:23" s="68" customFormat="1" ht="28.5">
      <c r="B25636" s="91"/>
      <c r="C25636" s="91" t="s">
        <v>30976</v>
      </c>
      <c r="D25636" s="91"/>
      <c r="E25636" s="91"/>
      <c r="F25636" s="91" t="s">
        <v>14389</v>
      </c>
      <c r="G25636" s="91" t="s">
        <v>14390</v>
      </c>
      <c r="H25636" s="91" t="s">
        <v>14370</v>
      </c>
      <c r="I25636" s="91" t="s">
        <v>14390</v>
      </c>
      <c r="J25636" s="92"/>
      <c r="K25636" s="91" t="s">
        <v>14863</v>
      </c>
      <c r="L25636" s="92"/>
      <c r="M25636" s="78"/>
      <c r="N25636" s="78"/>
      <c r="O25636" s="78"/>
      <c r="P25636" s="78"/>
      <c r="Q25636" s="78"/>
      <c r="R25636" s="78"/>
      <c r="S25636" s="78"/>
      <c r="T25636" s="78"/>
      <c r="U25636" s="78"/>
      <c r="V25636" s="78"/>
      <c r="W25636" s="78"/>
    </row>
    <row r="25637" spans="2:23" s="68" customFormat="1" ht="14.25">
      <c r="B25637" s="91"/>
      <c r="C25637" s="93"/>
      <c r="D25637" s="91"/>
      <c r="E25637" s="91"/>
      <c r="F25637" s="91" t="s">
        <v>14391</v>
      </c>
      <c r="G25637" s="91" t="s">
        <v>14392</v>
      </c>
      <c r="H25637" s="91" t="s">
        <v>14422</v>
      </c>
      <c r="I25637" s="91" t="s">
        <v>14392</v>
      </c>
      <c r="J25637" s="92"/>
      <c r="K25637" s="91" t="s">
        <v>28375</v>
      </c>
      <c r="L25637" s="92"/>
      <c r="M25637" s="78"/>
      <c r="N25637" s="78"/>
      <c r="O25637" s="78"/>
      <c r="P25637" s="78"/>
      <c r="Q25637" s="78"/>
      <c r="R25637" s="78"/>
      <c r="S25637" s="78"/>
      <c r="T25637" s="78"/>
      <c r="U25637" s="78"/>
      <c r="V25637" s="78"/>
      <c r="W25637" s="78"/>
    </row>
    <row r="25638" spans="2:23" s="68" customFormat="1" ht="14.25">
      <c r="B25638" s="91"/>
      <c r="C25638" s="93"/>
      <c r="D25638" s="91"/>
      <c r="E25638" s="91"/>
      <c r="F25638" s="91" t="s">
        <v>14371</v>
      </c>
      <c r="G25638" s="91" t="s">
        <v>14372</v>
      </c>
      <c r="H25638" s="93"/>
      <c r="I25638" s="91" t="s">
        <v>14373</v>
      </c>
      <c r="J25638" s="92"/>
      <c r="K25638" s="93"/>
      <c r="L25638" s="92"/>
      <c r="M25638" s="78"/>
      <c r="N25638" s="78"/>
      <c r="O25638" s="78"/>
      <c r="P25638" s="78"/>
      <c r="Q25638" s="78"/>
      <c r="R25638" s="78"/>
      <c r="S25638" s="78"/>
      <c r="T25638" s="78"/>
      <c r="U25638" s="78"/>
      <c r="V25638" s="78"/>
      <c r="W25638" s="78"/>
    </row>
    <row r="25639" spans="2:23" s="68" customFormat="1" ht="29.25" thickBot="1">
      <c r="B25639" s="89"/>
      <c r="C25639" s="94"/>
      <c r="D25639" s="89"/>
      <c r="E25639" s="89"/>
      <c r="F25639" s="89" t="s">
        <v>14374</v>
      </c>
      <c r="G25639" s="89" t="s">
        <v>14373</v>
      </c>
      <c r="H25639" s="94"/>
      <c r="I25639" s="94"/>
      <c r="J25639" s="90"/>
      <c r="K25639" s="94"/>
      <c r="L25639" s="90"/>
      <c r="M25639" s="78"/>
      <c r="N25639" s="78"/>
      <c r="O25639" s="78"/>
      <c r="P25639" s="78"/>
      <c r="Q25639" s="78"/>
      <c r="R25639" s="78"/>
      <c r="S25639" s="78"/>
      <c r="T25639" s="78"/>
      <c r="U25639" s="78"/>
      <c r="V25639" s="78"/>
      <c r="W25639" s="78"/>
    </row>
    <row r="25640" spans="2:23" s="68" customFormat="1" ht="22.15" customHeight="1">
      <c r="B25640" s="87" t="s">
        <v>30978</v>
      </c>
      <c r="C25640" s="87" t="s">
        <v>20607</v>
      </c>
      <c r="D25640" s="87" t="s">
        <v>20608</v>
      </c>
      <c r="E25640" s="87" t="s">
        <v>20609</v>
      </c>
      <c r="F25640" s="87" t="s">
        <v>14368</v>
      </c>
      <c r="G25640" s="87" t="s">
        <v>14388</v>
      </c>
      <c r="H25640" s="87" t="s">
        <v>14367</v>
      </c>
      <c r="I25640" s="87" t="s">
        <v>14388</v>
      </c>
      <c r="J25640" s="88"/>
      <c r="K25640" s="87" t="s">
        <v>30979</v>
      </c>
      <c r="L25640" s="88"/>
      <c r="M25640" s="78"/>
      <c r="N25640" s="78"/>
      <c r="O25640" s="78"/>
      <c r="P25640" s="78"/>
      <c r="Q25640" s="78"/>
      <c r="R25640" s="78"/>
      <c r="S25640" s="78"/>
      <c r="T25640" s="78"/>
      <c r="U25640" s="78"/>
      <c r="V25640" s="78"/>
      <c r="W25640" s="78"/>
    </row>
    <row r="25641" spans="2:23" s="68" customFormat="1" ht="15" thickBot="1">
      <c r="B25641" s="89"/>
      <c r="C25641" s="89"/>
      <c r="D25641" s="89"/>
      <c r="E25641" s="89"/>
      <c r="F25641" s="89"/>
      <c r="G25641" s="89"/>
      <c r="H25641" s="89" t="s">
        <v>14422</v>
      </c>
      <c r="I25641" s="89"/>
      <c r="J25641" s="90"/>
      <c r="K25641" s="89"/>
      <c r="L25641" s="90"/>
      <c r="M25641" s="78"/>
      <c r="N25641" s="78"/>
      <c r="O25641" s="78"/>
      <c r="P25641" s="78"/>
      <c r="Q25641" s="78"/>
      <c r="R25641" s="78"/>
      <c r="S25641" s="78"/>
      <c r="T25641" s="78"/>
      <c r="U25641" s="78"/>
      <c r="V25641" s="78"/>
      <c r="W25641" s="78"/>
    </row>
    <row r="25642" spans="2:23" s="68" customFormat="1" ht="14.25">
      <c r="B25642" s="87" t="s">
        <v>30980</v>
      </c>
      <c r="C25642" s="87" t="s">
        <v>22128</v>
      </c>
      <c r="D25642" s="87" t="s">
        <v>22129</v>
      </c>
      <c r="E25642" s="87" t="s">
        <v>22130</v>
      </c>
      <c r="F25642" s="87" t="s">
        <v>15089</v>
      </c>
      <c r="G25642" s="87" t="s">
        <v>14429</v>
      </c>
      <c r="H25642" s="87" t="s">
        <v>14367</v>
      </c>
      <c r="I25642" s="87" t="s">
        <v>14429</v>
      </c>
      <c r="J25642" s="88"/>
      <c r="K25642" s="87" t="s">
        <v>24918</v>
      </c>
      <c r="L25642" s="88"/>
      <c r="M25642" s="78"/>
      <c r="N25642" s="78"/>
      <c r="O25642" s="78"/>
      <c r="P25642" s="78"/>
      <c r="Q25642" s="78"/>
      <c r="R25642" s="78"/>
      <c r="S25642" s="78"/>
      <c r="T25642" s="78"/>
      <c r="U25642" s="78"/>
      <c r="V25642" s="78"/>
      <c r="W25642" s="78"/>
    </row>
    <row r="25643" spans="2:23" s="68" customFormat="1" ht="28.5">
      <c r="B25643" s="91"/>
      <c r="C25643" s="91"/>
      <c r="D25643" s="91"/>
      <c r="E25643" s="91"/>
      <c r="F25643" s="91" t="s">
        <v>14394</v>
      </c>
      <c r="G25643" s="91" t="s">
        <v>14395</v>
      </c>
      <c r="H25643" s="91" t="s">
        <v>14370</v>
      </c>
      <c r="I25643" s="91" t="s">
        <v>14395</v>
      </c>
      <c r="J25643" s="92"/>
      <c r="K25643" s="91" t="s">
        <v>30981</v>
      </c>
      <c r="L25643" s="92"/>
      <c r="M25643" s="78"/>
      <c r="N25643" s="78"/>
      <c r="O25643" s="78"/>
      <c r="P25643" s="78"/>
      <c r="Q25643" s="78"/>
      <c r="R25643" s="78"/>
      <c r="S25643" s="78"/>
      <c r="T25643" s="78"/>
      <c r="U25643" s="78"/>
      <c r="V25643" s="78"/>
      <c r="W25643" s="78"/>
    </row>
    <row r="25644" spans="2:23" s="68" customFormat="1" ht="15" thickBot="1">
      <c r="B25644" s="89"/>
      <c r="C25644" s="89"/>
      <c r="D25644" s="89"/>
      <c r="E25644" s="89"/>
      <c r="F25644" s="94"/>
      <c r="G25644" s="94"/>
      <c r="H25644" s="89" t="s">
        <v>14422</v>
      </c>
      <c r="I25644" s="94"/>
      <c r="J25644" s="90"/>
      <c r="K25644" s="94"/>
      <c r="L25644" s="90"/>
      <c r="M25644" s="78"/>
      <c r="N25644" s="78"/>
      <c r="O25644" s="78"/>
      <c r="P25644" s="78"/>
      <c r="Q25644" s="78"/>
      <c r="R25644" s="78"/>
      <c r="S25644" s="78"/>
      <c r="T25644" s="78"/>
      <c r="U25644" s="78"/>
      <c r="V25644" s="78"/>
      <c r="W25644" s="78"/>
    </row>
    <row r="25645" spans="2:23" s="68" customFormat="1" ht="22.15" customHeight="1">
      <c r="B25645" s="87" t="s">
        <v>30982</v>
      </c>
      <c r="C25645" s="87" t="s">
        <v>30983</v>
      </c>
      <c r="D25645" s="87" t="s">
        <v>24070</v>
      </c>
      <c r="E25645" s="87" t="s">
        <v>1990</v>
      </c>
      <c r="F25645" s="87" t="s">
        <v>14658</v>
      </c>
      <c r="G25645" s="87" t="s">
        <v>14372</v>
      </c>
      <c r="H25645" s="87" t="s">
        <v>14370</v>
      </c>
      <c r="I25645" s="87" t="s">
        <v>14373</v>
      </c>
      <c r="J25645" s="88"/>
      <c r="K25645" s="87" t="s">
        <v>14863</v>
      </c>
      <c r="L25645" s="88"/>
      <c r="M25645" s="78"/>
      <c r="N25645" s="78"/>
      <c r="O25645" s="78"/>
      <c r="P25645" s="78"/>
      <c r="Q25645" s="78"/>
      <c r="R25645" s="78"/>
      <c r="S25645" s="78"/>
      <c r="T25645" s="78"/>
      <c r="U25645" s="78"/>
      <c r="V25645" s="78"/>
      <c r="W25645" s="78"/>
    </row>
    <row r="25646" spans="2:23" s="68" customFormat="1" ht="15" thickBot="1">
      <c r="B25646" s="89"/>
      <c r="C25646" s="89" t="s">
        <v>30984</v>
      </c>
      <c r="D25646" s="89"/>
      <c r="E25646" s="89"/>
      <c r="F25646" s="89"/>
      <c r="G25646" s="89" t="s">
        <v>14373</v>
      </c>
      <c r="H25646" s="89" t="s">
        <v>14422</v>
      </c>
      <c r="I25646" s="89"/>
      <c r="J25646" s="90"/>
      <c r="K25646" s="89" t="s">
        <v>28388</v>
      </c>
      <c r="L25646" s="90"/>
      <c r="M25646" s="78"/>
      <c r="N25646" s="78"/>
      <c r="O25646" s="78"/>
      <c r="P25646" s="78"/>
      <c r="Q25646" s="78"/>
      <c r="R25646" s="78"/>
      <c r="S25646" s="78"/>
      <c r="T25646" s="78"/>
      <c r="U25646" s="78"/>
      <c r="V25646" s="78"/>
      <c r="W25646" s="78"/>
    </row>
    <row r="25647" spans="2:23" s="68" customFormat="1" ht="28.5">
      <c r="B25647" s="87" t="s">
        <v>30985</v>
      </c>
      <c r="C25647" s="87" t="s">
        <v>30986</v>
      </c>
      <c r="D25647" s="87" t="s">
        <v>25232</v>
      </c>
      <c r="E25647" s="87" t="s">
        <v>25233</v>
      </c>
      <c r="F25647" s="87" t="s">
        <v>15089</v>
      </c>
      <c r="G25647" s="87" t="s">
        <v>14429</v>
      </c>
      <c r="H25647" s="87" t="s">
        <v>14367</v>
      </c>
      <c r="I25647" s="87" t="s">
        <v>14429</v>
      </c>
      <c r="J25647" s="88"/>
      <c r="K25647" s="87" t="s">
        <v>24918</v>
      </c>
      <c r="L25647" s="88"/>
      <c r="M25647" s="78"/>
      <c r="N25647" s="78"/>
      <c r="O25647" s="78"/>
      <c r="P25647" s="78"/>
      <c r="Q25647" s="78"/>
      <c r="R25647" s="78"/>
      <c r="S25647" s="78"/>
      <c r="T25647" s="78"/>
      <c r="U25647" s="78"/>
      <c r="V25647" s="78"/>
      <c r="W25647" s="78"/>
    </row>
    <row r="25648" spans="2:23" s="68" customFormat="1" ht="28.5">
      <c r="B25648" s="91"/>
      <c r="C25648" s="91"/>
      <c r="D25648" s="91"/>
      <c r="E25648" s="91"/>
      <c r="F25648" s="91" t="s">
        <v>14389</v>
      </c>
      <c r="G25648" s="91" t="s">
        <v>14390</v>
      </c>
      <c r="H25648" s="91" t="s">
        <v>14422</v>
      </c>
      <c r="I25648" s="91" t="s">
        <v>14390</v>
      </c>
      <c r="J25648" s="92"/>
      <c r="K25648" s="91" t="s">
        <v>30987</v>
      </c>
      <c r="L25648" s="92"/>
      <c r="M25648" s="78"/>
      <c r="N25648" s="78"/>
      <c r="O25648" s="78"/>
      <c r="P25648" s="78"/>
      <c r="Q25648" s="78"/>
      <c r="R25648" s="78"/>
      <c r="S25648" s="78"/>
      <c r="T25648" s="78"/>
      <c r="U25648" s="78"/>
      <c r="V25648" s="78"/>
      <c r="W25648" s="78"/>
    </row>
    <row r="25649" spans="2:23" s="68" customFormat="1" ht="15" thickBot="1">
      <c r="B25649" s="89"/>
      <c r="C25649" s="89"/>
      <c r="D25649" s="89"/>
      <c r="E25649" s="89"/>
      <c r="F25649" s="89" t="s">
        <v>14386</v>
      </c>
      <c r="G25649" s="89" t="s">
        <v>14387</v>
      </c>
      <c r="H25649" s="94"/>
      <c r="I25649" s="89" t="s">
        <v>14387</v>
      </c>
      <c r="J25649" s="90"/>
      <c r="K25649" s="94"/>
      <c r="L25649" s="90"/>
      <c r="M25649" s="78"/>
      <c r="N25649" s="78"/>
      <c r="O25649" s="78"/>
      <c r="P25649" s="78"/>
      <c r="Q25649" s="78"/>
      <c r="R25649" s="78"/>
      <c r="S25649" s="78"/>
      <c r="T25649" s="78"/>
      <c r="U25649" s="78"/>
      <c r="V25649" s="78"/>
      <c r="W25649" s="78"/>
    </row>
    <row r="25650" spans="2:23" s="68" customFormat="1" ht="15" thickBot="1">
      <c r="B25650" s="68" t="s">
        <v>31076</v>
      </c>
      <c r="C25650" s="96"/>
      <c r="D25650" s="96"/>
      <c r="E25650" s="96"/>
      <c r="F25650" s="96"/>
      <c r="G25650" s="96"/>
      <c r="H25650" s="96"/>
      <c r="I25650" s="96"/>
      <c r="J25650" s="96"/>
      <c r="K25650" s="96"/>
      <c r="L25650" s="96"/>
      <c r="M25650" s="78"/>
      <c r="N25650" s="78"/>
      <c r="O25650" s="78"/>
      <c r="P25650" s="78"/>
      <c r="Q25650" s="78"/>
      <c r="R25650" s="78"/>
      <c r="S25650" s="78"/>
      <c r="T25650" s="78"/>
      <c r="U25650" s="78"/>
      <c r="V25650" s="78"/>
      <c r="W25650" s="78"/>
    </row>
    <row r="25651" spans="2:23" s="68" customFormat="1" ht="72" thickBot="1">
      <c r="B25651" s="81" t="s">
        <v>9045</v>
      </c>
      <c r="C25651" s="81" t="s">
        <v>30988</v>
      </c>
      <c r="D25651" s="81" t="s">
        <v>8</v>
      </c>
      <c r="E25651" s="81" t="s">
        <v>8349</v>
      </c>
      <c r="F25651" s="82" t="s">
        <v>586</v>
      </c>
      <c r="G25651" s="83"/>
      <c r="H25651" s="82" t="s">
        <v>14317</v>
      </c>
      <c r="I25651" s="84"/>
      <c r="J25651" s="83"/>
      <c r="K25651" s="86" t="s">
        <v>28373</v>
      </c>
      <c r="L25651" s="81" t="s">
        <v>9046</v>
      </c>
    </row>
    <row r="25652" spans="2:23" s="68" customFormat="1" ht="57.75" thickBot="1">
      <c r="B25652" s="85"/>
      <c r="C25652" s="85"/>
      <c r="D25652" s="85"/>
      <c r="E25652" s="85"/>
      <c r="F25652" s="86" t="s">
        <v>14318</v>
      </c>
      <c r="G25652" s="86" t="s">
        <v>14319</v>
      </c>
      <c r="H25652" s="86" t="s">
        <v>14320</v>
      </c>
      <c r="I25652" s="86" t="s">
        <v>14319</v>
      </c>
      <c r="J25652" s="86" t="s">
        <v>14321</v>
      </c>
      <c r="K25652" s="78"/>
      <c r="L25652" s="85"/>
    </row>
    <row r="25653" spans="2:23" s="68" customFormat="1" ht="28.5">
      <c r="B25653" s="87" t="s">
        <v>30989</v>
      </c>
      <c r="C25653" s="87" t="s">
        <v>30990</v>
      </c>
      <c r="D25653" s="87" t="s">
        <v>30992</v>
      </c>
      <c r="E25653" s="87" t="s">
        <v>30993</v>
      </c>
      <c r="F25653" s="87" t="s">
        <v>14443</v>
      </c>
      <c r="G25653" s="87" t="s">
        <v>15323</v>
      </c>
      <c r="H25653" s="87" t="s">
        <v>14381</v>
      </c>
      <c r="I25653" s="87" t="s">
        <v>15323</v>
      </c>
      <c r="J25653" s="88"/>
      <c r="K25653" s="88"/>
      <c r="L25653" s="87" t="s">
        <v>30994</v>
      </c>
    </row>
    <row r="25654" spans="2:23" s="68" customFormat="1" ht="29.25" thickBot="1">
      <c r="B25654" s="89"/>
      <c r="C25654" s="89" t="s">
        <v>30991</v>
      </c>
      <c r="D25654" s="89"/>
      <c r="E25654" s="89"/>
      <c r="F25654" s="89"/>
      <c r="G25654" s="89"/>
      <c r="H25654" s="89" t="s">
        <v>14422</v>
      </c>
      <c r="I25654" s="89"/>
      <c r="J25654" s="90"/>
      <c r="K25654" s="90"/>
      <c r="L25654" s="89"/>
    </row>
    <row r="25655" spans="2:23" s="68" customFormat="1" ht="57">
      <c r="B25655" s="87" t="s">
        <v>30995</v>
      </c>
      <c r="C25655" s="87" t="s">
        <v>30996</v>
      </c>
      <c r="D25655" s="87" t="s">
        <v>30997</v>
      </c>
      <c r="E25655" s="87" t="s">
        <v>5059</v>
      </c>
      <c r="F25655" s="87" t="s">
        <v>14443</v>
      </c>
      <c r="G25655" s="87" t="s">
        <v>14444</v>
      </c>
      <c r="H25655" s="87" t="s">
        <v>14381</v>
      </c>
      <c r="I25655" s="87" t="s">
        <v>14444</v>
      </c>
      <c r="J25655" s="88"/>
      <c r="K25655" s="87" t="s">
        <v>30999</v>
      </c>
      <c r="L25655" s="87" t="s">
        <v>31002</v>
      </c>
    </row>
    <row r="25656" spans="2:23" s="68" customFormat="1" ht="42.75">
      <c r="B25656" s="91"/>
      <c r="C25656" s="91"/>
      <c r="D25656" s="91"/>
      <c r="E25656" s="91"/>
      <c r="F25656" s="91" t="s">
        <v>14497</v>
      </c>
      <c r="G25656" s="91" t="s">
        <v>14481</v>
      </c>
      <c r="H25656" s="91" t="s">
        <v>14378</v>
      </c>
      <c r="I25656" s="91" t="s">
        <v>14481</v>
      </c>
      <c r="J25656" s="92"/>
      <c r="K25656" s="91" t="s">
        <v>31000</v>
      </c>
      <c r="L25656" s="91"/>
    </row>
    <row r="25657" spans="2:23" s="68" customFormat="1" ht="28.5">
      <c r="B25657" s="91"/>
      <c r="C25657" s="91"/>
      <c r="D25657" s="91"/>
      <c r="E25657" s="91"/>
      <c r="F25657" s="91" t="s">
        <v>17277</v>
      </c>
      <c r="G25657" s="91" t="s">
        <v>17278</v>
      </c>
      <c r="H25657" s="91" t="s">
        <v>14370</v>
      </c>
      <c r="I25657" s="91" t="s">
        <v>17278</v>
      </c>
      <c r="J25657" s="92"/>
      <c r="K25657" s="91" t="s">
        <v>31001</v>
      </c>
      <c r="L25657" s="91"/>
    </row>
    <row r="25658" spans="2:23" s="68" customFormat="1" ht="14.25">
      <c r="B25658" s="91"/>
      <c r="C25658" s="91"/>
      <c r="D25658" s="91"/>
      <c r="E25658" s="91"/>
      <c r="F25658" s="91" t="s">
        <v>14700</v>
      </c>
      <c r="G25658" s="91" t="s">
        <v>14380</v>
      </c>
      <c r="H25658" s="91" t="s">
        <v>14332</v>
      </c>
      <c r="I25658" s="91" t="s">
        <v>14380</v>
      </c>
      <c r="J25658" s="92"/>
      <c r="K25658" s="93"/>
      <c r="L25658" s="91"/>
    </row>
    <row r="25659" spans="2:23" s="68" customFormat="1" ht="14.25">
      <c r="B25659" s="91"/>
      <c r="C25659" s="91"/>
      <c r="D25659" s="91"/>
      <c r="E25659" s="91"/>
      <c r="F25659" s="91" t="s">
        <v>14700</v>
      </c>
      <c r="G25659" s="91" t="s">
        <v>14531</v>
      </c>
      <c r="H25659" s="93"/>
      <c r="I25659" s="91" t="s">
        <v>14531</v>
      </c>
      <c r="J25659" s="92"/>
      <c r="K25659" s="93"/>
      <c r="L25659" s="91"/>
    </row>
    <row r="25660" spans="2:23" s="68" customFormat="1" ht="14.25">
      <c r="B25660" s="91"/>
      <c r="C25660" s="91"/>
      <c r="D25660" s="91"/>
      <c r="E25660" s="91"/>
      <c r="F25660" s="91" t="s">
        <v>14700</v>
      </c>
      <c r="G25660" s="91" t="s">
        <v>14405</v>
      </c>
      <c r="H25660" s="93"/>
      <c r="I25660" s="91" t="s">
        <v>14405</v>
      </c>
      <c r="J25660" s="92"/>
      <c r="K25660" s="93"/>
      <c r="L25660" s="91"/>
    </row>
    <row r="25661" spans="2:23" s="68" customFormat="1" ht="57">
      <c r="B25661" s="91"/>
      <c r="C25661" s="91"/>
      <c r="D25661" s="91"/>
      <c r="E25661" s="91"/>
      <c r="F25661" s="91" t="s">
        <v>14384</v>
      </c>
      <c r="G25661" s="91" t="s">
        <v>30998</v>
      </c>
      <c r="H25661" s="93"/>
      <c r="I25661" s="91" t="s">
        <v>30998</v>
      </c>
      <c r="J25661" s="92"/>
      <c r="K25661" s="93"/>
      <c r="L25661" s="91"/>
    </row>
    <row r="25662" spans="2:23" s="68" customFormat="1" ht="14.25">
      <c r="B25662" s="91"/>
      <c r="C25662" s="91"/>
      <c r="D25662" s="91"/>
      <c r="E25662" s="91"/>
      <c r="F25662" s="91" t="s">
        <v>14371</v>
      </c>
      <c r="G25662" s="91" t="s">
        <v>14372</v>
      </c>
      <c r="H25662" s="93"/>
      <c r="I25662" s="91" t="s">
        <v>14373</v>
      </c>
      <c r="J25662" s="92"/>
      <c r="K25662" s="93"/>
      <c r="L25662" s="91"/>
    </row>
    <row r="25663" spans="2:23" s="68" customFormat="1" ht="29.25" thickBot="1">
      <c r="B25663" s="89"/>
      <c r="C25663" s="89"/>
      <c r="D25663" s="89"/>
      <c r="E25663" s="89"/>
      <c r="F25663" s="89" t="s">
        <v>14374</v>
      </c>
      <c r="G25663" s="89" t="s">
        <v>14373</v>
      </c>
      <c r="H25663" s="94"/>
      <c r="I25663" s="94"/>
      <c r="J25663" s="90"/>
      <c r="K25663" s="94"/>
      <c r="L25663" s="89"/>
    </row>
    <row r="25664" spans="2:23" s="68" customFormat="1" ht="22.15" customHeight="1">
      <c r="B25664" s="87" t="s">
        <v>31003</v>
      </c>
      <c r="C25664" s="87" t="s">
        <v>31069</v>
      </c>
      <c r="D25664" s="87" t="s">
        <v>31004</v>
      </c>
      <c r="E25664" s="87" t="s">
        <v>31005</v>
      </c>
      <c r="F25664" s="87" t="s">
        <v>14376</v>
      </c>
      <c r="G25664" s="87" t="s">
        <v>14669</v>
      </c>
      <c r="H25664" s="87" t="s">
        <v>14381</v>
      </c>
      <c r="I25664" s="87" t="s">
        <v>14669</v>
      </c>
      <c r="J25664" s="88"/>
      <c r="K25664" s="88"/>
      <c r="L25664" s="88"/>
    </row>
    <row r="25665" spans="2:12" s="68" customFormat="1" ht="15" thickBot="1">
      <c r="B25665" s="89"/>
      <c r="C25665" s="89"/>
      <c r="D25665" s="89"/>
      <c r="E25665" s="89"/>
      <c r="F25665" s="89" t="s">
        <v>14426</v>
      </c>
      <c r="G25665" s="89" t="s">
        <v>14427</v>
      </c>
      <c r="H25665" s="89" t="s">
        <v>14332</v>
      </c>
      <c r="I25665" s="89" t="s">
        <v>31006</v>
      </c>
      <c r="J25665" s="90"/>
      <c r="K25665" s="90"/>
      <c r="L25665" s="90"/>
    </row>
    <row r="25666" spans="2:12" s="68" customFormat="1" ht="14.25">
      <c r="B25666" s="87" t="s">
        <v>31007</v>
      </c>
      <c r="C25666" s="87" t="s">
        <v>31070</v>
      </c>
      <c r="D25666" s="87" t="s">
        <v>31008</v>
      </c>
      <c r="E25666" s="87" t="s">
        <v>31009</v>
      </c>
      <c r="F25666" s="87" t="s">
        <v>14376</v>
      </c>
      <c r="G25666" s="87" t="s">
        <v>14669</v>
      </c>
      <c r="H25666" s="87" t="s">
        <v>14381</v>
      </c>
      <c r="I25666" s="87" t="s">
        <v>14669</v>
      </c>
      <c r="J25666" s="88"/>
      <c r="K25666" s="88"/>
      <c r="L25666" s="88"/>
    </row>
    <row r="25667" spans="2:12" s="68" customFormat="1" ht="15" thickBot="1">
      <c r="B25667" s="89"/>
      <c r="C25667" s="89" t="s">
        <v>31071</v>
      </c>
      <c r="D25667" s="89"/>
      <c r="E25667" s="89"/>
      <c r="F25667" s="89" t="s">
        <v>14426</v>
      </c>
      <c r="G25667" s="89" t="s">
        <v>14427</v>
      </c>
      <c r="H25667" s="89" t="s">
        <v>14332</v>
      </c>
      <c r="I25667" s="89" t="s">
        <v>31006</v>
      </c>
      <c r="J25667" s="90"/>
      <c r="K25667" s="90"/>
      <c r="L25667" s="90"/>
    </row>
    <row r="25668" spans="2:12" s="68" customFormat="1" ht="94.15" customHeight="1">
      <c r="B25668" s="87" t="s">
        <v>31010</v>
      </c>
      <c r="C25668" s="87" t="s">
        <v>31072</v>
      </c>
      <c r="D25668" s="87" t="s">
        <v>31011</v>
      </c>
      <c r="E25668" s="87" t="s">
        <v>31012</v>
      </c>
      <c r="F25668" s="87" t="s">
        <v>14424</v>
      </c>
      <c r="G25668" s="87" t="s">
        <v>17083</v>
      </c>
      <c r="H25668" s="87" t="s">
        <v>14381</v>
      </c>
      <c r="I25668" s="87" t="s">
        <v>31013</v>
      </c>
      <c r="J25668" s="88"/>
      <c r="K25668" s="88"/>
      <c r="L25668" s="88"/>
    </row>
    <row r="25669" spans="2:12" s="68" customFormat="1" ht="15" thickBot="1">
      <c r="B25669" s="89"/>
      <c r="C25669" s="89"/>
      <c r="D25669" s="89"/>
      <c r="E25669" s="89"/>
      <c r="F25669" s="89"/>
      <c r="G25669" s="89"/>
      <c r="H25669" s="89" t="s">
        <v>14332</v>
      </c>
      <c r="I25669" s="89"/>
      <c r="J25669" s="90"/>
      <c r="K25669" s="90"/>
      <c r="L25669" s="90"/>
    </row>
    <row r="25670" spans="2:12" s="68" customFormat="1" ht="14.25">
      <c r="B25670" s="87" t="s">
        <v>31014</v>
      </c>
      <c r="C25670" s="87" t="s">
        <v>31015</v>
      </c>
      <c r="D25670" s="87" t="s">
        <v>8356</v>
      </c>
      <c r="E25670" s="87" t="s">
        <v>31016</v>
      </c>
      <c r="F25670" s="87" t="s">
        <v>14443</v>
      </c>
      <c r="G25670" s="87" t="s">
        <v>14444</v>
      </c>
      <c r="H25670" s="87" t="s">
        <v>14381</v>
      </c>
      <c r="I25670" s="87" t="s">
        <v>14444</v>
      </c>
      <c r="J25670" s="88"/>
      <c r="K25670" s="88"/>
      <c r="L25670" s="88"/>
    </row>
    <row r="25671" spans="2:12" s="68" customFormat="1" ht="28.5">
      <c r="B25671" s="91"/>
      <c r="C25671" s="91" t="s">
        <v>31073</v>
      </c>
      <c r="D25671" s="91"/>
      <c r="E25671" s="91"/>
      <c r="F25671" s="91" t="s">
        <v>17088</v>
      </c>
      <c r="G25671" s="91" t="s">
        <v>14392</v>
      </c>
      <c r="H25671" s="91" t="s">
        <v>14367</v>
      </c>
      <c r="I25671" s="91" t="s">
        <v>31017</v>
      </c>
      <c r="J25671" s="92"/>
      <c r="K25671" s="92"/>
      <c r="L25671" s="92"/>
    </row>
    <row r="25672" spans="2:12" s="68" customFormat="1" ht="15" thickBot="1">
      <c r="B25672" s="89"/>
      <c r="C25672" s="94"/>
      <c r="D25672" s="89"/>
      <c r="E25672" s="89"/>
      <c r="F25672" s="94"/>
      <c r="G25672" s="94"/>
      <c r="H25672" s="89" t="s">
        <v>14422</v>
      </c>
      <c r="I25672" s="94"/>
      <c r="J25672" s="90"/>
      <c r="K25672" s="90"/>
      <c r="L25672" s="90"/>
    </row>
    <row r="25673" spans="2:12" s="68" customFormat="1" ht="58.15" customHeight="1">
      <c r="B25673" s="87" t="s">
        <v>31018</v>
      </c>
      <c r="C25673" s="87" t="s">
        <v>31019</v>
      </c>
      <c r="D25673" s="87" t="s">
        <v>31020</v>
      </c>
      <c r="E25673" s="87" t="s">
        <v>31021</v>
      </c>
      <c r="F25673" s="87" t="s">
        <v>31022</v>
      </c>
      <c r="G25673" s="87" t="s">
        <v>14459</v>
      </c>
      <c r="H25673" s="87" t="s">
        <v>14381</v>
      </c>
      <c r="I25673" s="87" t="s">
        <v>14459</v>
      </c>
      <c r="J25673" s="88"/>
      <c r="K25673" s="87" t="s">
        <v>24915</v>
      </c>
      <c r="L25673" s="88"/>
    </row>
    <row r="25674" spans="2:12" s="68" customFormat="1" ht="42.75">
      <c r="B25674" s="91"/>
      <c r="C25674" s="91"/>
      <c r="D25674" s="91"/>
      <c r="E25674" s="91"/>
      <c r="F25674" s="91" t="s">
        <v>14386</v>
      </c>
      <c r="G25674" s="91" t="s">
        <v>31023</v>
      </c>
      <c r="H25674" s="91" t="s">
        <v>14367</v>
      </c>
      <c r="I25674" s="91" t="s">
        <v>31023</v>
      </c>
      <c r="J25674" s="92"/>
      <c r="K25674" s="91" t="s">
        <v>31024</v>
      </c>
      <c r="L25674" s="92"/>
    </row>
    <row r="25675" spans="2:12" s="68" customFormat="1" ht="15" thickBot="1">
      <c r="B25675" s="89"/>
      <c r="C25675" s="89"/>
      <c r="D25675" s="89"/>
      <c r="E25675" s="89"/>
      <c r="F25675" s="94"/>
      <c r="G25675" s="89" t="s">
        <v>14387</v>
      </c>
      <c r="H25675" s="89" t="s">
        <v>14332</v>
      </c>
      <c r="I25675" s="89" t="s">
        <v>14387</v>
      </c>
      <c r="J25675" s="90"/>
      <c r="K25675" s="94"/>
      <c r="L25675" s="90"/>
    </row>
    <row r="25676" spans="2:12" s="68" customFormat="1" ht="28.5">
      <c r="B25676" s="87" t="s">
        <v>31025</v>
      </c>
      <c r="C25676" s="87" t="s">
        <v>31026</v>
      </c>
      <c r="D25676" s="87" t="s">
        <v>31027</v>
      </c>
      <c r="E25676" s="87" t="s">
        <v>31028</v>
      </c>
      <c r="F25676" s="87" t="s">
        <v>31022</v>
      </c>
      <c r="G25676" s="87" t="s">
        <v>14459</v>
      </c>
      <c r="H25676" s="87" t="s">
        <v>14381</v>
      </c>
      <c r="I25676" s="87" t="s">
        <v>14459</v>
      </c>
      <c r="J25676" s="88"/>
      <c r="K25676" s="87" t="s">
        <v>24915</v>
      </c>
      <c r="L25676" s="88"/>
    </row>
    <row r="25677" spans="2:12" s="68" customFormat="1" ht="42.75">
      <c r="B25677" s="91"/>
      <c r="C25677" s="91"/>
      <c r="D25677" s="91"/>
      <c r="E25677" s="91"/>
      <c r="F25677" s="91" t="s">
        <v>14386</v>
      </c>
      <c r="G25677" s="91" t="s">
        <v>31023</v>
      </c>
      <c r="H25677" s="91" t="s">
        <v>14367</v>
      </c>
      <c r="I25677" s="91" t="s">
        <v>31023</v>
      </c>
      <c r="J25677" s="92"/>
      <c r="K25677" s="91" t="s">
        <v>31024</v>
      </c>
      <c r="L25677" s="92"/>
    </row>
    <row r="25678" spans="2:12" s="68" customFormat="1" ht="15" thickBot="1">
      <c r="B25678" s="89"/>
      <c r="C25678" s="89"/>
      <c r="D25678" s="89"/>
      <c r="E25678" s="89"/>
      <c r="F25678" s="94"/>
      <c r="G25678" s="89" t="s">
        <v>14387</v>
      </c>
      <c r="H25678" s="89" t="s">
        <v>14332</v>
      </c>
      <c r="I25678" s="89" t="s">
        <v>14387</v>
      </c>
      <c r="J25678" s="90"/>
      <c r="K25678" s="94"/>
      <c r="L25678" s="90"/>
    </row>
    <row r="25679" spans="2:12" s="68" customFormat="1" ht="34.15" customHeight="1">
      <c r="B25679" s="87" t="s">
        <v>31029</v>
      </c>
      <c r="C25679" s="87" t="s">
        <v>31030</v>
      </c>
      <c r="D25679" s="87" t="s">
        <v>31031</v>
      </c>
      <c r="E25679" s="87" t="s">
        <v>31032</v>
      </c>
      <c r="F25679" s="87" t="s">
        <v>15089</v>
      </c>
      <c r="G25679" s="87" t="s">
        <v>14459</v>
      </c>
      <c r="H25679" s="87" t="s">
        <v>14381</v>
      </c>
      <c r="I25679" s="87" t="s">
        <v>14459</v>
      </c>
      <c r="J25679" s="88"/>
      <c r="K25679" s="87" t="s">
        <v>24915</v>
      </c>
      <c r="L25679" s="88"/>
    </row>
    <row r="25680" spans="2:12" s="68" customFormat="1" ht="42.75">
      <c r="B25680" s="91"/>
      <c r="C25680" s="91"/>
      <c r="D25680" s="91"/>
      <c r="E25680" s="91"/>
      <c r="F25680" s="91" t="s">
        <v>16919</v>
      </c>
      <c r="G25680" s="91" t="s">
        <v>31023</v>
      </c>
      <c r="H25680" s="91" t="s">
        <v>14367</v>
      </c>
      <c r="I25680" s="91" t="s">
        <v>31023</v>
      </c>
      <c r="J25680" s="92"/>
      <c r="K25680" s="91" t="s">
        <v>31024</v>
      </c>
      <c r="L25680" s="92"/>
    </row>
    <row r="25681" spans="2:12" s="68" customFormat="1" ht="15" thickBot="1">
      <c r="B25681" s="89"/>
      <c r="C25681" s="89"/>
      <c r="D25681" s="89"/>
      <c r="E25681" s="89"/>
      <c r="F25681" s="94"/>
      <c r="G25681" s="94"/>
      <c r="H25681" s="89" t="s">
        <v>14332</v>
      </c>
      <c r="I25681" s="94"/>
      <c r="J25681" s="90"/>
      <c r="K25681" s="94"/>
      <c r="L25681" s="90"/>
    </row>
    <row r="25682" spans="2:12" s="68" customFormat="1" ht="14.25">
      <c r="B25682" s="87" t="s">
        <v>31033</v>
      </c>
      <c r="C25682" s="87" t="s">
        <v>31034</v>
      </c>
      <c r="D25682" s="87" t="s">
        <v>28455</v>
      </c>
      <c r="E25682" s="87" t="s">
        <v>28454</v>
      </c>
      <c r="F25682" s="87" t="s">
        <v>14424</v>
      </c>
      <c r="G25682" s="87" t="s">
        <v>14425</v>
      </c>
      <c r="H25682" s="87" t="s">
        <v>14381</v>
      </c>
      <c r="I25682" s="87" t="s">
        <v>31035</v>
      </c>
      <c r="J25682" s="88"/>
      <c r="K25682" s="88"/>
      <c r="L25682" s="88"/>
    </row>
    <row r="25683" spans="2:12" s="68" customFormat="1" ht="15" thickBot="1">
      <c r="B25683" s="89"/>
      <c r="C25683" s="89"/>
      <c r="D25683" s="89"/>
      <c r="E25683" s="89"/>
      <c r="F25683" s="89"/>
      <c r="G25683" s="89"/>
      <c r="H25683" s="89" t="s">
        <v>14332</v>
      </c>
      <c r="I25683" s="89"/>
      <c r="J25683" s="90"/>
      <c r="K25683" s="90"/>
      <c r="L25683" s="90"/>
    </row>
    <row r="25684" spans="2:12" s="68" customFormat="1" ht="119.45" customHeight="1">
      <c r="B25684" s="87" t="s">
        <v>31036</v>
      </c>
      <c r="C25684" s="87" t="s">
        <v>31037</v>
      </c>
      <c r="D25684" s="87" t="s">
        <v>8356</v>
      </c>
      <c r="E25684" s="87" t="s">
        <v>1796</v>
      </c>
      <c r="F25684" s="87" t="s">
        <v>14371</v>
      </c>
      <c r="G25684" s="87" t="s">
        <v>14372</v>
      </c>
      <c r="H25684" s="87" t="s">
        <v>14370</v>
      </c>
      <c r="I25684" s="87" t="s">
        <v>14373</v>
      </c>
      <c r="J25684" s="88"/>
      <c r="K25684" s="87" t="s">
        <v>14863</v>
      </c>
      <c r="L25684" s="88"/>
    </row>
    <row r="25685" spans="2:12" s="68" customFormat="1" ht="29.25" thickBot="1">
      <c r="B25685" s="89"/>
      <c r="C25685" s="89"/>
      <c r="D25685" s="89"/>
      <c r="E25685" s="89"/>
      <c r="F25685" s="89" t="s">
        <v>14374</v>
      </c>
      <c r="G25685" s="89" t="s">
        <v>14373</v>
      </c>
      <c r="H25685" s="89" t="s">
        <v>14422</v>
      </c>
      <c r="I25685" s="89"/>
      <c r="J25685" s="90"/>
      <c r="K25685" s="89" t="s">
        <v>28375</v>
      </c>
      <c r="L25685" s="90"/>
    </row>
    <row r="25686" spans="2:12" s="68" customFormat="1" ht="14.25">
      <c r="B25686" s="87" t="s">
        <v>31038</v>
      </c>
      <c r="C25686" s="87" t="s">
        <v>31039</v>
      </c>
      <c r="D25686" s="97" t="s">
        <v>8356</v>
      </c>
      <c r="E25686" s="87" t="s">
        <v>31041</v>
      </c>
      <c r="F25686" s="87" t="s">
        <v>14424</v>
      </c>
      <c r="G25686" s="87" t="s">
        <v>17083</v>
      </c>
      <c r="H25686" s="87" t="s">
        <v>14381</v>
      </c>
      <c r="I25686" s="87" t="s">
        <v>17083</v>
      </c>
      <c r="J25686" s="88"/>
      <c r="K25686" s="87" t="s">
        <v>15400</v>
      </c>
      <c r="L25686" s="88"/>
    </row>
    <row r="25687" spans="2:12" s="68" customFormat="1" ht="42.75">
      <c r="B25687" s="91"/>
      <c r="C25687" s="91" t="s">
        <v>31040</v>
      </c>
      <c r="D25687" s="98"/>
      <c r="E25687" s="91"/>
      <c r="F25687" s="91" t="s">
        <v>14371</v>
      </c>
      <c r="G25687" s="91" t="s">
        <v>14372</v>
      </c>
      <c r="H25687" s="91" t="s">
        <v>14370</v>
      </c>
      <c r="I25687" s="91" t="s">
        <v>14373</v>
      </c>
      <c r="J25687" s="92"/>
      <c r="K25687" s="91" t="s">
        <v>31042</v>
      </c>
      <c r="L25687" s="92"/>
    </row>
    <row r="25688" spans="2:12" s="68" customFormat="1" ht="29.25" thickBot="1">
      <c r="B25688" s="89"/>
      <c r="C25688" s="94"/>
      <c r="D25688" s="99"/>
      <c r="E25688" s="89"/>
      <c r="F25688" s="89" t="s">
        <v>14374</v>
      </c>
      <c r="G25688" s="89" t="s">
        <v>14373</v>
      </c>
      <c r="H25688" s="89" t="s">
        <v>14332</v>
      </c>
      <c r="I25688" s="94"/>
      <c r="J25688" s="90"/>
      <c r="K25688" s="94"/>
      <c r="L25688" s="90"/>
    </row>
    <row r="25689" spans="2:12" s="68" customFormat="1" ht="22.15" customHeight="1">
      <c r="B25689" s="87" t="s">
        <v>31043</v>
      </c>
      <c r="C25689" s="87" t="s">
        <v>31044</v>
      </c>
      <c r="D25689" s="87" t="s">
        <v>31045</v>
      </c>
      <c r="E25689" s="87" t="s">
        <v>31046</v>
      </c>
      <c r="F25689" s="87" t="s">
        <v>14424</v>
      </c>
      <c r="G25689" s="87" t="s">
        <v>14481</v>
      </c>
      <c r="H25689" s="87" t="s">
        <v>14381</v>
      </c>
      <c r="I25689" s="87" t="s">
        <v>14481</v>
      </c>
      <c r="J25689" s="88"/>
      <c r="K25689" s="88"/>
      <c r="L25689" s="88"/>
    </row>
    <row r="25690" spans="2:12" s="68" customFormat="1" ht="15" thickBot="1">
      <c r="B25690" s="89"/>
      <c r="C25690" s="89"/>
      <c r="D25690" s="89"/>
      <c r="E25690" s="89"/>
      <c r="F25690" s="89"/>
      <c r="G25690" s="89"/>
      <c r="H25690" s="89" t="s">
        <v>14332</v>
      </c>
      <c r="I25690" s="89"/>
      <c r="J25690" s="90"/>
      <c r="K25690" s="90"/>
      <c r="L25690" s="90"/>
    </row>
    <row r="25691" spans="2:12" s="68" customFormat="1" ht="130.15" customHeight="1">
      <c r="B25691" s="87" t="s">
        <v>31047</v>
      </c>
      <c r="C25691" s="87" t="s">
        <v>31048</v>
      </c>
      <c r="D25691" s="87" t="s">
        <v>8356</v>
      </c>
      <c r="E25691" s="87" t="s">
        <v>31049</v>
      </c>
      <c r="F25691" s="87" t="s">
        <v>14658</v>
      </c>
      <c r="G25691" s="87" t="s">
        <v>14372</v>
      </c>
      <c r="H25691" s="87" t="s">
        <v>14370</v>
      </c>
      <c r="I25691" s="87" t="s">
        <v>14373</v>
      </c>
      <c r="J25691" s="88"/>
      <c r="K25691" s="87" t="s">
        <v>14863</v>
      </c>
      <c r="L25691" s="88"/>
    </row>
    <row r="25692" spans="2:12" s="68" customFormat="1" ht="15" thickBot="1">
      <c r="B25692" s="89"/>
      <c r="C25692" s="89"/>
      <c r="D25692" s="89"/>
      <c r="E25692" s="89"/>
      <c r="F25692" s="89"/>
      <c r="G25692" s="89" t="s">
        <v>14373</v>
      </c>
      <c r="H25692" s="89" t="s">
        <v>14422</v>
      </c>
      <c r="I25692" s="89"/>
      <c r="J25692" s="90"/>
      <c r="K25692" s="89" t="s">
        <v>28375</v>
      </c>
      <c r="L25692" s="90"/>
    </row>
    <row r="25693" spans="2:12" s="68" customFormat="1" ht="28.5">
      <c r="B25693" s="87" t="s">
        <v>31050</v>
      </c>
      <c r="C25693" s="87" t="s">
        <v>31051</v>
      </c>
      <c r="D25693" s="87" t="s">
        <v>31053</v>
      </c>
      <c r="E25693" s="87" t="s">
        <v>31054</v>
      </c>
      <c r="F25693" s="87" t="s">
        <v>16919</v>
      </c>
      <c r="G25693" s="87" t="s">
        <v>19729</v>
      </c>
      <c r="H25693" s="87" t="s">
        <v>14381</v>
      </c>
      <c r="I25693" s="87" t="s">
        <v>19729</v>
      </c>
      <c r="J25693" s="88"/>
      <c r="K25693" s="87" t="s">
        <v>14863</v>
      </c>
      <c r="L25693" s="88"/>
    </row>
    <row r="25694" spans="2:12" s="68" customFormat="1" ht="42.75">
      <c r="B25694" s="91"/>
      <c r="C25694" s="91" t="s">
        <v>31052</v>
      </c>
      <c r="D25694" s="91"/>
      <c r="E25694" s="91"/>
      <c r="F25694" s="91" t="s">
        <v>14391</v>
      </c>
      <c r="G25694" s="91" t="s">
        <v>14392</v>
      </c>
      <c r="H25694" s="91" t="s">
        <v>14367</v>
      </c>
      <c r="I25694" s="91" t="s">
        <v>14392</v>
      </c>
      <c r="J25694" s="92"/>
      <c r="K25694" s="91" t="s">
        <v>28388</v>
      </c>
      <c r="L25694" s="92"/>
    </row>
    <row r="25695" spans="2:12" s="68" customFormat="1" ht="14.25">
      <c r="B25695" s="91"/>
      <c r="C25695" s="93"/>
      <c r="D25695" s="91"/>
      <c r="E25695" s="91"/>
      <c r="F25695" s="91" t="s">
        <v>14371</v>
      </c>
      <c r="G25695" s="91" t="s">
        <v>14372</v>
      </c>
      <c r="H25695" s="91" t="s">
        <v>14370</v>
      </c>
      <c r="I25695" s="91" t="s">
        <v>14373</v>
      </c>
      <c r="J25695" s="92"/>
      <c r="K25695" s="93"/>
      <c r="L25695" s="92"/>
    </row>
    <row r="25696" spans="2:12" s="68" customFormat="1" ht="29.25" thickBot="1">
      <c r="B25696" s="89"/>
      <c r="C25696" s="94"/>
      <c r="D25696" s="89"/>
      <c r="E25696" s="89"/>
      <c r="F25696" s="89" t="s">
        <v>14374</v>
      </c>
      <c r="G25696" s="89" t="s">
        <v>14373</v>
      </c>
      <c r="H25696" s="89" t="s">
        <v>14422</v>
      </c>
      <c r="I25696" s="94"/>
      <c r="J25696" s="90"/>
      <c r="K25696" s="94"/>
      <c r="L25696" s="90"/>
    </row>
    <row r="25697" spans="1:23" s="68" customFormat="1" ht="57">
      <c r="B25697" s="87" t="s">
        <v>31055</v>
      </c>
      <c r="C25697" s="87" t="s">
        <v>31074</v>
      </c>
      <c r="D25697" s="87" t="s">
        <v>8356</v>
      </c>
      <c r="E25697" s="87" t="s">
        <v>31056</v>
      </c>
      <c r="F25697" s="87" t="s">
        <v>14507</v>
      </c>
      <c r="G25697" s="87" t="s">
        <v>14508</v>
      </c>
      <c r="H25697" s="87" t="s">
        <v>14381</v>
      </c>
      <c r="I25697" s="87" t="s">
        <v>14508</v>
      </c>
      <c r="J25697" s="88"/>
      <c r="K25697" s="88"/>
      <c r="L25697" s="88"/>
    </row>
    <row r="25698" spans="1:23" s="68" customFormat="1" ht="42.75">
      <c r="B25698" s="91"/>
      <c r="C25698" s="91" t="s">
        <v>31075</v>
      </c>
      <c r="D25698" s="91"/>
      <c r="E25698" s="91" t="s">
        <v>31057</v>
      </c>
      <c r="F25698" s="91" t="s">
        <v>17277</v>
      </c>
      <c r="G25698" s="91" t="s">
        <v>17278</v>
      </c>
      <c r="H25698" s="91" t="s">
        <v>14422</v>
      </c>
      <c r="I25698" s="91" t="s">
        <v>17278</v>
      </c>
      <c r="J25698" s="92"/>
      <c r="K25698" s="92"/>
      <c r="L25698" s="92"/>
    </row>
    <row r="25699" spans="1:23" s="68" customFormat="1" ht="15" thickBot="1">
      <c r="B25699" s="89"/>
      <c r="C25699" s="94"/>
      <c r="D25699" s="89"/>
      <c r="E25699" s="94"/>
      <c r="F25699" s="89" t="s">
        <v>16919</v>
      </c>
      <c r="G25699" s="89" t="s">
        <v>17203</v>
      </c>
      <c r="H25699" s="94"/>
      <c r="I25699" s="89" t="s">
        <v>31058</v>
      </c>
      <c r="J25699" s="90"/>
      <c r="K25699" s="90"/>
      <c r="L25699" s="90"/>
    </row>
    <row r="25700" spans="1:23" s="68" customFormat="1" ht="23.45" customHeight="1">
      <c r="B25700" s="87" t="s">
        <v>31059</v>
      </c>
      <c r="C25700" s="87" t="s">
        <v>31060</v>
      </c>
      <c r="D25700" s="87" t="s">
        <v>31061</v>
      </c>
      <c r="E25700" s="87" t="s">
        <v>3439</v>
      </c>
      <c r="F25700" s="87" t="s">
        <v>14424</v>
      </c>
      <c r="G25700" s="87" t="s">
        <v>14425</v>
      </c>
      <c r="H25700" s="87" t="s">
        <v>14381</v>
      </c>
      <c r="I25700" s="87" t="s">
        <v>14425</v>
      </c>
      <c r="J25700" s="88"/>
      <c r="K25700" s="88"/>
      <c r="L25700" s="88"/>
    </row>
    <row r="25701" spans="1:23" s="68" customFormat="1" ht="43.5" thickBot="1">
      <c r="B25701" s="89"/>
      <c r="C25701" s="89"/>
      <c r="D25701" s="89"/>
      <c r="E25701" s="89"/>
      <c r="F25701" s="89" t="s">
        <v>14384</v>
      </c>
      <c r="G25701" s="89" t="s">
        <v>17093</v>
      </c>
      <c r="H25701" s="89" t="s">
        <v>14332</v>
      </c>
      <c r="I25701" s="89" t="s">
        <v>31062</v>
      </c>
      <c r="J25701" s="90"/>
      <c r="K25701" s="90"/>
      <c r="L25701" s="90"/>
    </row>
    <row r="25702" spans="1:23" s="68" customFormat="1" ht="14.25">
      <c r="B25702" s="78"/>
      <c r="C25702" s="78"/>
      <c r="D25702" s="78"/>
      <c r="E25702" s="78"/>
      <c r="F25702" s="78"/>
      <c r="G25702" s="78"/>
      <c r="H25702" s="78"/>
      <c r="I25702" s="78"/>
      <c r="J25702" s="78"/>
      <c r="K25702" s="78"/>
      <c r="L25702" s="78"/>
      <c r="M25702" s="78"/>
      <c r="N25702" s="78"/>
      <c r="O25702" s="78"/>
      <c r="P25702" s="78"/>
      <c r="Q25702" s="78"/>
      <c r="R25702" s="78"/>
      <c r="S25702" s="78"/>
      <c r="T25702" s="78"/>
      <c r="U25702" s="78"/>
      <c r="V25702" s="78"/>
      <c r="W25702" s="78"/>
    </row>
    <row r="25703" spans="1:23" s="68" customFormat="1" ht="14.25">
      <c r="B25703" s="68" t="s">
        <v>31063</v>
      </c>
      <c r="C25703" s="78"/>
      <c r="D25703" s="78"/>
      <c r="E25703" s="78"/>
      <c r="F25703" s="78"/>
      <c r="G25703" s="78"/>
      <c r="H25703" s="78"/>
      <c r="I25703" s="78"/>
      <c r="J25703" s="78"/>
      <c r="K25703" s="78"/>
      <c r="L25703" s="78"/>
      <c r="M25703" s="78"/>
      <c r="N25703" s="78"/>
      <c r="O25703" s="78"/>
      <c r="P25703" s="78"/>
      <c r="Q25703" s="78"/>
      <c r="R25703" s="78"/>
      <c r="S25703" s="78"/>
      <c r="T25703" s="78"/>
      <c r="U25703" s="78"/>
      <c r="V25703" s="78"/>
      <c r="W25703" s="78"/>
    </row>
    <row r="25704" spans="1:23" s="68" customFormat="1" ht="15" thickBot="1">
      <c r="B25704" s="68" t="s">
        <v>31064</v>
      </c>
      <c r="C25704" s="78"/>
      <c r="D25704" s="78"/>
      <c r="E25704" s="78"/>
      <c r="F25704" s="78"/>
      <c r="G25704" s="78"/>
      <c r="H25704" s="78"/>
      <c r="I25704" s="78"/>
      <c r="J25704" s="78"/>
      <c r="K25704" s="78"/>
      <c r="L25704" s="78"/>
      <c r="M25704" s="78"/>
      <c r="N25704" s="78"/>
      <c r="O25704" s="78"/>
      <c r="P25704" s="78"/>
      <c r="Q25704" s="78"/>
      <c r="R25704" s="78"/>
      <c r="S25704" s="78"/>
      <c r="T25704" s="78"/>
      <c r="U25704" s="78"/>
      <c r="V25704" s="78"/>
      <c r="W25704" s="78"/>
    </row>
    <row r="25705" spans="1:23" s="68" customFormat="1" ht="72" thickBot="1">
      <c r="B25705" s="81" t="s">
        <v>9045</v>
      </c>
      <c r="C25705" s="81" t="s">
        <v>28372</v>
      </c>
      <c r="D25705" s="81" t="s">
        <v>8</v>
      </c>
      <c r="E25705" s="81" t="s">
        <v>31065</v>
      </c>
      <c r="F25705" s="82" t="s">
        <v>586</v>
      </c>
      <c r="G25705" s="83"/>
      <c r="H25705" s="82" t="s">
        <v>14317</v>
      </c>
      <c r="I25705" s="84"/>
      <c r="J25705" s="83"/>
      <c r="K25705" s="81" t="s">
        <v>28373</v>
      </c>
      <c r="L25705" s="81" t="s">
        <v>9046</v>
      </c>
      <c r="M25705" s="78"/>
      <c r="N25705" s="78"/>
      <c r="O25705" s="78"/>
      <c r="P25705" s="78"/>
      <c r="Q25705" s="78"/>
      <c r="R25705" s="78"/>
      <c r="S25705" s="78"/>
      <c r="T25705" s="78"/>
      <c r="U25705" s="78"/>
      <c r="V25705" s="78"/>
      <c r="W25705" s="78"/>
    </row>
    <row r="25706" spans="1:23" s="68" customFormat="1" ht="57.75" thickBot="1">
      <c r="B25706" s="85"/>
      <c r="C25706" s="85"/>
      <c r="D25706" s="85"/>
      <c r="E25706" s="85"/>
      <c r="F25706" s="86" t="s">
        <v>14318</v>
      </c>
      <c r="G25706" s="86" t="s">
        <v>14319</v>
      </c>
      <c r="H25706" s="86" t="s">
        <v>14320</v>
      </c>
      <c r="I25706" s="86" t="s">
        <v>14319</v>
      </c>
      <c r="J25706" s="86" t="s">
        <v>14321</v>
      </c>
      <c r="K25706" s="85"/>
      <c r="L25706" s="85"/>
      <c r="M25706" s="78"/>
      <c r="N25706" s="78"/>
      <c r="O25706" s="78"/>
      <c r="P25706" s="78"/>
      <c r="Q25706" s="78"/>
      <c r="R25706" s="78"/>
      <c r="S25706" s="78"/>
      <c r="T25706" s="78"/>
      <c r="U25706" s="78"/>
      <c r="V25706" s="78"/>
      <c r="W25706" s="78"/>
    </row>
    <row r="25707" spans="1:23" s="68" customFormat="1" ht="85.5">
      <c r="B25707" s="87" t="s">
        <v>31066</v>
      </c>
      <c r="C25707" s="87" t="s">
        <v>31067</v>
      </c>
      <c r="D25707" s="87" t="s">
        <v>522</v>
      </c>
      <c r="E25707" s="87" t="s">
        <v>523</v>
      </c>
      <c r="F25707" s="87" t="s">
        <v>16528</v>
      </c>
      <c r="G25707" s="87" t="s">
        <v>14669</v>
      </c>
      <c r="H25707" s="87" t="s">
        <v>14381</v>
      </c>
      <c r="I25707" s="87" t="s">
        <v>14669</v>
      </c>
      <c r="J25707" s="88"/>
      <c r="K25707" s="88"/>
      <c r="L25707" s="88"/>
      <c r="M25707" s="78"/>
      <c r="N25707" s="78"/>
      <c r="O25707" s="78"/>
      <c r="P25707" s="78"/>
      <c r="Q25707" s="78"/>
      <c r="R25707" s="78"/>
      <c r="S25707" s="78"/>
      <c r="T25707" s="78"/>
      <c r="U25707" s="78"/>
      <c r="V25707" s="78"/>
      <c r="W25707" s="78"/>
    </row>
    <row r="25708" spans="1:23" s="68" customFormat="1" ht="13.15" customHeight="1">
      <c r="B25708" s="91"/>
      <c r="C25708" s="91"/>
      <c r="D25708" s="91"/>
      <c r="E25708" s="91"/>
      <c r="F25708" s="91" t="s">
        <v>14889</v>
      </c>
      <c r="G25708" s="91" t="s">
        <v>14890</v>
      </c>
      <c r="H25708" s="91" t="s">
        <v>14332</v>
      </c>
      <c r="I25708" s="91" t="s">
        <v>14890</v>
      </c>
      <c r="J25708" s="92"/>
      <c r="K25708" s="92"/>
      <c r="L25708" s="92"/>
      <c r="M25708" s="78"/>
      <c r="N25708" s="78"/>
      <c r="O25708" s="78"/>
      <c r="P25708" s="78"/>
      <c r="Q25708" s="78"/>
      <c r="R25708" s="78"/>
      <c r="S25708" s="78"/>
      <c r="T25708" s="78"/>
      <c r="U25708" s="78"/>
      <c r="V25708" s="78"/>
      <c r="W25708" s="78"/>
    </row>
    <row r="25709" spans="1:23" s="68" customFormat="1" ht="13.9" customHeight="1" thickBot="1">
      <c r="B25709" s="89"/>
      <c r="C25709" s="89"/>
      <c r="D25709" s="89"/>
      <c r="E25709" s="89"/>
      <c r="F25709" s="89" t="s">
        <v>14424</v>
      </c>
      <c r="G25709" s="89" t="s">
        <v>14425</v>
      </c>
      <c r="H25709" s="94"/>
      <c r="I25709" s="89" t="s">
        <v>31068</v>
      </c>
      <c r="J25709" s="90"/>
      <c r="K25709" s="90"/>
      <c r="L25709" s="90"/>
      <c r="M25709" s="78"/>
      <c r="N25709" s="78"/>
      <c r="O25709" s="78"/>
      <c r="P25709" s="78"/>
      <c r="Q25709" s="78"/>
      <c r="R25709" s="78"/>
      <c r="S25709" s="78"/>
      <c r="T25709" s="78"/>
      <c r="U25709" s="78"/>
      <c r="V25709" s="78"/>
      <c r="W25709" s="78"/>
    </row>
    <row r="25710" spans="1:23" s="68" customFormat="1" ht="14.25"/>
    <row r="25711" spans="1:23" s="68" customFormat="1" ht="14.25"/>
    <row r="25712" spans="1:23" s="100" customFormat="1">
      <c r="A25712" s="78"/>
      <c r="B25712" s="1207" t="s">
        <v>31154</v>
      </c>
      <c r="C25712" s="1207"/>
      <c r="D25712" s="1207"/>
      <c r="E25712" s="78"/>
      <c r="F25712" s="78"/>
      <c r="G25712" s="78"/>
      <c r="H25712" s="78"/>
      <c r="I25712" s="78"/>
      <c r="J25712" s="78"/>
      <c r="K25712" s="78"/>
      <c r="L25712" s="78"/>
    </row>
    <row r="25713" spans="1:12" s="100" customFormat="1">
      <c r="A25713" s="78"/>
      <c r="B25713" s="1207" t="s">
        <v>31155</v>
      </c>
      <c r="C25713" s="1207"/>
      <c r="D25713" s="1207"/>
      <c r="E25713" s="78"/>
      <c r="F25713" s="78"/>
      <c r="G25713" s="78"/>
      <c r="H25713" s="78"/>
      <c r="I25713" s="78"/>
      <c r="J25713" s="78"/>
      <c r="K25713" s="78"/>
      <c r="L25713" s="78"/>
    </row>
    <row r="25714" spans="1:12" s="100" customFormat="1" ht="66" customHeight="1">
      <c r="A25714" s="78"/>
      <c r="B25714" s="1207" t="s">
        <v>31156</v>
      </c>
      <c r="C25714" s="1207"/>
      <c r="D25714" s="1207"/>
      <c r="E25714" s="78"/>
      <c r="F25714" s="78"/>
      <c r="G25714" s="78"/>
      <c r="H25714" s="78"/>
      <c r="I25714" s="78"/>
      <c r="J25714" s="78"/>
      <c r="K25714" s="78"/>
      <c r="L25714" s="78"/>
    </row>
    <row r="25715" spans="1:12" s="100" customFormat="1" ht="14.25">
      <c r="A25715" s="78"/>
      <c r="B25715" s="78"/>
      <c r="C25715" s="78"/>
      <c r="D25715" s="78"/>
      <c r="E25715" s="78"/>
      <c r="F25715" s="78"/>
      <c r="G25715" s="78"/>
      <c r="H25715" s="78"/>
      <c r="I25715" s="78"/>
      <c r="J25715" s="78"/>
      <c r="K25715" s="78"/>
      <c r="L25715" s="78"/>
    </row>
    <row r="25716" spans="1:12" s="100" customFormat="1" ht="14.25">
      <c r="A25716" s="78"/>
      <c r="B25716" s="384" t="s">
        <v>31157</v>
      </c>
      <c r="C25716" s="78"/>
      <c r="D25716" s="78"/>
      <c r="E25716" s="78"/>
      <c r="F25716" s="78"/>
      <c r="G25716" s="78"/>
      <c r="H25716" s="78"/>
      <c r="I25716" s="78"/>
      <c r="J25716" s="78"/>
      <c r="K25716" s="78"/>
      <c r="L25716" s="78"/>
    </row>
    <row r="25717" spans="1:12" s="100" customFormat="1" ht="14.25">
      <c r="A25717" s="78"/>
      <c r="B25717" s="100" t="s">
        <v>31158</v>
      </c>
      <c r="C25717" s="78"/>
      <c r="D25717" s="78"/>
      <c r="E25717" s="78"/>
      <c r="F25717" s="78"/>
      <c r="G25717" s="78"/>
      <c r="H25717" s="78"/>
      <c r="I25717" s="78"/>
      <c r="J25717" s="78"/>
      <c r="K25717" s="78"/>
      <c r="L25717" s="78"/>
    </row>
    <row r="25718" spans="1:12" s="100" customFormat="1" ht="14.25">
      <c r="A25718" s="78"/>
      <c r="B25718" s="100" t="s">
        <v>31159</v>
      </c>
      <c r="C25718" s="78"/>
      <c r="D25718" s="78"/>
      <c r="E25718" s="78"/>
      <c r="F25718" s="78"/>
      <c r="G25718" s="78"/>
      <c r="H25718" s="78"/>
      <c r="I25718" s="78"/>
      <c r="J25718" s="78"/>
      <c r="K25718" s="78"/>
      <c r="L25718" s="78"/>
    </row>
    <row r="25719" spans="1:12" s="100" customFormat="1" ht="14.25">
      <c r="A25719" s="78"/>
      <c r="C25719" s="78"/>
      <c r="D25719" s="78"/>
      <c r="E25719" s="78"/>
      <c r="F25719" s="78"/>
      <c r="G25719" s="78"/>
      <c r="H25719" s="78"/>
      <c r="I25719" s="78"/>
      <c r="J25719" s="78"/>
      <c r="K25719" s="78"/>
      <c r="L25719" s="78"/>
    </row>
    <row r="25720" spans="1:12" s="139" customFormat="1">
      <c r="B25720" s="385" t="s">
        <v>30939</v>
      </c>
    </row>
    <row r="25721" spans="1:12" s="139" customFormat="1">
      <c r="B25721" s="139" t="s">
        <v>33722</v>
      </c>
    </row>
    <row r="25722" spans="1:12" s="139" customFormat="1">
      <c r="B25722" s="139" t="s">
        <v>33725</v>
      </c>
    </row>
    <row r="25723" spans="1:12" s="139" customFormat="1">
      <c r="B25723" s="139" t="s">
        <v>33723</v>
      </c>
    </row>
    <row r="25724" spans="1:12" s="139" customFormat="1">
      <c r="B25724" s="139" t="s">
        <v>33724</v>
      </c>
    </row>
    <row r="25725" spans="1:12" s="100" customFormat="1" ht="14.25">
      <c r="A25725" s="78"/>
      <c r="B25725" s="78"/>
      <c r="C25725" s="78"/>
      <c r="D25725" s="78"/>
      <c r="E25725" s="78"/>
      <c r="F25725" s="78"/>
      <c r="G25725" s="78"/>
      <c r="H25725" s="78"/>
      <c r="I25725" s="78"/>
      <c r="J25725" s="78"/>
      <c r="K25725" s="78"/>
      <c r="L25725" s="78"/>
    </row>
    <row r="25726" spans="1:12" s="100" customFormat="1" ht="14.25">
      <c r="A25726" s="78"/>
      <c r="B25726" s="384" t="s">
        <v>31079</v>
      </c>
      <c r="C25726" s="78"/>
      <c r="D25726" s="78"/>
      <c r="E25726" s="78"/>
      <c r="F25726" s="78"/>
      <c r="G25726" s="78"/>
      <c r="H25726" s="78"/>
      <c r="I25726" s="78"/>
      <c r="J25726" s="78"/>
      <c r="K25726" s="78"/>
      <c r="L25726" s="78"/>
    </row>
    <row r="25727" spans="1:12" s="100" customFormat="1" ht="12.75" customHeight="1">
      <c r="A25727" s="78"/>
      <c r="B25727" s="100" t="s">
        <v>31160</v>
      </c>
      <c r="C25727" s="78"/>
      <c r="D25727" s="78"/>
      <c r="E25727" s="78"/>
      <c r="F25727" s="78"/>
      <c r="G25727" s="78"/>
      <c r="H25727" s="78"/>
      <c r="I25727" s="78"/>
      <c r="J25727" s="78"/>
      <c r="K25727" s="78"/>
      <c r="L25727" s="78"/>
    </row>
    <row r="25728" spans="1:12" s="100" customFormat="1" ht="12.75" customHeight="1" thickBot="1">
      <c r="A25728" s="78"/>
      <c r="B25728" s="1206" t="s">
        <v>31161</v>
      </c>
      <c r="C25728" s="1206"/>
      <c r="D25728" s="1206"/>
      <c r="E25728" s="1206"/>
      <c r="F25728" s="1206"/>
      <c r="G25728" s="1206"/>
      <c r="H25728" s="1206"/>
      <c r="I25728" s="1206"/>
      <c r="J25728" s="1206"/>
      <c r="K25728" s="1206"/>
      <c r="L25728" s="1206"/>
    </row>
    <row r="25729" spans="1:12" s="100" customFormat="1" ht="12.75" customHeight="1" thickBot="1">
      <c r="A25729" s="78"/>
      <c r="B25729" s="1185" t="s">
        <v>9045</v>
      </c>
      <c r="C25729" s="1185" t="s">
        <v>28372</v>
      </c>
      <c r="D25729" s="1185" t="s">
        <v>8</v>
      </c>
      <c r="E25729" s="1185" t="s">
        <v>8349</v>
      </c>
      <c r="F25729" s="1187" t="s">
        <v>586</v>
      </c>
      <c r="G25729" s="1188"/>
      <c r="H25729" s="1187" t="s">
        <v>14317</v>
      </c>
      <c r="I25729" s="1189"/>
      <c r="J25729" s="1188"/>
      <c r="K25729" s="1185" t="s">
        <v>31162</v>
      </c>
      <c r="L25729" s="1185" t="s">
        <v>9046</v>
      </c>
    </row>
    <row r="25730" spans="1:12" s="100" customFormat="1" ht="57.75" thickBot="1">
      <c r="A25730" s="78"/>
      <c r="B25730" s="1186"/>
      <c r="C25730" s="1186"/>
      <c r="D25730" s="1186"/>
      <c r="E25730" s="1186"/>
      <c r="F25730" s="101" t="s">
        <v>14318</v>
      </c>
      <c r="G25730" s="101" t="s">
        <v>14319</v>
      </c>
      <c r="H25730" s="101" t="s">
        <v>14320</v>
      </c>
      <c r="I25730" s="101" t="s">
        <v>14319</v>
      </c>
      <c r="J25730" s="101" t="s">
        <v>14321</v>
      </c>
      <c r="K25730" s="1186"/>
      <c r="L25730" s="1186"/>
    </row>
    <row r="25731" spans="1:12" s="100" customFormat="1" ht="42.75">
      <c r="A25731" s="78"/>
      <c r="B25731" s="1179" t="s">
        <v>31163</v>
      </c>
      <c r="C25731" s="1179" t="s">
        <v>31164</v>
      </c>
      <c r="D25731" s="1179" t="s">
        <v>14941</v>
      </c>
      <c r="E25731" s="1179" t="s">
        <v>31165</v>
      </c>
      <c r="F25731" s="102" t="s">
        <v>31166</v>
      </c>
      <c r="G25731" s="102" t="s">
        <v>14478</v>
      </c>
      <c r="H25731" s="102" t="s">
        <v>14479</v>
      </c>
      <c r="I25731" s="102" t="s">
        <v>14478</v>
      </c>
      <c r="J25731" s="1179" t="s">
        <v>14944</v>
      </c>
      <c r="K25731" s="102" t="s">
        <v>31167</v>
      </c>
      <c r="L25731" s="1179" t="s">
        <v>31168</v>
      </c>
    </row>
    <row r="25732" spans="1:12" s="100" customFormat="1" ht="57">
      <c r="A25732" s="78"/>
      <c r="B25732" s="1180"/>
      <c r="C25732" s="1180"/>
      <c r="D25732" s="1180"/>
      <c r="E25732" s="1180"/>
      <c r="F25732" s="103" t="s">
        <v>14656</v>
      </c>
      <c r="G25732" s="103" t="s">
        <v>14483</v>
      </c>
      <c r="H25732" s="103" t="s">
        <v>14378</v>
      </c>
      <c r="I25732" s="103" t="s">
        <v>14483</v>
      </c>
      <c r="J25732" s="1180"/>
      <c r="K25732" s="103" t="s">
        <v>31169</v>
      </c>
      <c r="L25732" s="1180"/>
    </row>
    <row r="25733" spans="1:12" s="100" customFormat="1" ht="12" customHeight="1">
      <c r="A25733" s="78"/>
      <c r="B25733" s="1180"/>
      <c r="C25733" s="1180"/>
      <c r="D25733" s="1180"/>
      <c r="E25733" s="1180"/>
      <c r="F25733" s="103" t="s">
        <v>14339</v>
      </c>
      <c r="G25733" s="103" t="s">
        <v>14340</v>
      </c>
      <c r="H25733" s="103" t="s">
        <v>14341</v>
      </c>
      <c r="I25733" s="103" t="s">
        <v>14340</v>
      </c>
      <c r="J25733" s="1180"/>
      <c r="K25733" s="103" t="s">
        <v>31170</v>
      </c>
      <c r="L25733" s="1180"/>
    </row>
    <row r="25734" spans="1:12" s="100" customFormat="1" ht="12.75" customHeight="1" thickBot="1">
      <c r="A25734" s="78"/>
      <c r="B25734" s="1181"/>
      <c r="C25734" s="1181"/>
      <c r="D25734" s="1181"/>
      <c r="E25734" s="1181"/>
      <c r="F25734" s="104"/>
      <c r="G25734" s="104"/>
      <c r="H25734" s="105" t="s">
        <v>14332</v>
      </c>
      <c r="I25734" s="104"/>
      <c r="J25734" s="1181"/>
      <c r="K25734" s="105" t="s">
        <v>31171</v>
      </c>
      <c r="L25734" s="1181"/>
    </row>
    <row r="25735" spans="1:12" s="100" customFormat="1" ht="12" customHeight="1">
      <c r="A25735" s="78"/>
      <c r="B25735" s="1179" t="s">
        <v>31172</v>
      </c>
      <c r="C25735" s="1179" t="s">
        <v>31173</v>
      </c>
      <c r="D25735" s="1179" t="s">
        <v>31174</v>
      </c>
      <c r="E25735" s="102" t="s">
        <v>31175</v>
      </c>
      <c r="F25735" s="1179" t="s">
        <v>14376</v>
      </c>
      <c r="G25735" s="1179" t="s">
        <v>14377</v>
      </c>
      <c r="H25735" s="102" t="s">
        <v>14381</v>
      </c>
      <c r="I25735" s="1179" t="s">
        <v>31176</v>
      </c>
      <c r="J25735" s="1182"/>
      <c r="K25735" s="1182"/>
      <c r="L25735" s="1182"/>
    </row>
    <row r="25736" spans="1:12" s="100" customFormat="1" ht="12.75" customHeight="1" thickBot="1">
      <c r="A25736" s="78"/>
      <c r="B25736" s="1181"/>
      <c r="C25736" s="1181"/>
      <c r="D25736" s="1181"/>
      <c r="E25736" s="105" t="s">
        <v>31177</v>
      </c>
      <c r="F25736" s="1181"/>
      <c r="G25736" s="1181"/>
      <c r="H25736" s="105" t="s">
        <v>14332</v>
      </c>
      <c r="I25736" s="1181"/>
      <c r="J25736" s="1184"/>
      <c r="K25736" s="1184"/>
      <c r="L25736" s="1184"/>
    </row>
    <row r="25737" spans="1:12" s="100" customFormat="1" ht="12" customHeight="1">
      <c r="A25737" s="78"/>
      <c r="B25737" s="1179" t="s">
        <v>31178</v>
      </c>
      <c r="C25737" s="1179" t="s">
        <v>31179</v>
      </c>
      <c r="D25737" s="1179" t="s">
        <v>31180</v>
      </c>
      <c r="E25737" s="1193" t="s">
        <v>31181</v>
      </c>
      <c r="F25737" s="1179" t="s">
        <v>17695</v>
      </c>
      <c r="G25737" s="1179" t="s">
        <v>14392</v>
      </c>
      <c r="H25737" s="102" t="s">
        <v>14367</v>
      </c>
      <c r="I25737" s="1179" t="s">
        <v>31017</v>
      </c>
      <c r="J25737" s="1182"/>
      <c r="K25737" s="1182"/>
      <c r="L25737" s="1182"/>
    </row>
    <row r="25738" spans="1:12" s="100" customFormat="1" ht="12.75" customHeight="1" thickBot="1">
      <c r="A25738" s="78"/>
      <c r="B25738" s="1181"/>
      <c r="C25738" s="1181"/>
      <c r="D25738" s="1181"/>
      <c r="E25738" s="1195"/>
      <c r="F25738" s="1181"/>
      <c r="G25738" s="1181"/>
      <c r="H25738" s="105" t="s">
        <v>14422</v>
      </c>
      <c r="I25738" s="1181"/>
      <c r="J25738" s="1184"/>
      <c r="K25738" s="1184"/>
      <c r="L25738" s="1184"/>
    </row>
    <row r="25739" spans="1:12" s="100" customFormat="1" ht="12" customHeight="1">
      <c r="A25739" s="78"/>
      <c r="B25739" s="1179" t="s">
        <v>31182</v>
      </c>
      <c r="C25739" s="102" t="s">
        <v>31183</v>
      </c>
      <c r="D25739" s="1179" t="s">
        <v>31184</v>
      </c>
      <c r="E25739" s="1179" t="s">
        <v>31185</v>
      </c>
      <c r="F25739" s="1179" t="s">
        <v>14424</v>
      </c>
      <c r="G25739" s="1179" t="s">
        <v>14425</v>
      </c>
      <c r="H25739" s="102" t="s">
        <v>14381</v>
      </c>
      <c r="I25739" s="1179" t="s">
        <v>31035</v>
      </c>
      <c r="J25739" s="1182"/>
      <c r="K25739" s="1182"/>
      <c r="L25739" s="1182"/>
    </row>
    <row r="25740" spans="1:12" s="100" customFormat="1" ht="12" customHeight="1" thickBot="1">
      <c r="A25740" s="78"/>
      <c r="B25740" s="1181"/>
      <c r="C25740" s="105" t="s">
        <v>31186</v>
      </c>
      <c r="D25740" s="1181"/>
      <c r="E25740" s="1181"/>
      <c r="F25740" s="1181"/>
      <c r="G25740" s="1181"/>
      <c r="H25740" s="105" t="s">
        <v>14332</v>
      </c>
      <c r="I25740" s="1181"/>
      <c r="J25740" s="1184"/>
      <c r="K25740" s="1184"/>
      <c r="L25740" s="1184"/>
    </row>
    <row r="25741" spans="1:12" s="100" customFormat="1" ht="42.75">
      <c r="A25741" s="78"/>
      <c r="B25741" s="1179" t="s">
        <v>31187</v>
      </c>
      <c r="C25741" s="1179" t="s">
        <v>31188</v>
      </c>
      <c r="D25741" s="1179" t="s">
        <v>31189</v>
      </c>
      <c r="E25741" s="1179" t="s">
        <v>31190</v>
      </c>
      <c r="F25741" s="102" t="s">
        <v>14505</v>
      </c>
      <c r="G25741" s="102" t="s">
        <v>14506</v>
      </c>
      <c r="H25741" s="102" t="s">
        <v>14328</v>
      </c>
      <c r="I25741" s="102" t="s">
        <v>14506</v>
      </c>
      <c r="J25741" s="1182"/>
      <c r="K25741" s="102" t="s">
        <v>31191</v>
      </c>
      <c r="L25741" s="1182"/>
    </row>
    <row r="25742" spans="1:12" s="100" customFormat="1" ht="42.75">
      <c r="A25742" s="78"/>
      <c r="B25742" s="1180"/>
      <c r="C25742" s="1180"/>
      <c r="D25742" s="1180"/>
      <c r="E25742" s="1180"/>
      <c r="F25742" s="103" t="s">
        <v>14656</v>
      </c>
      <c r="G25742" s="103" t="s">
        <v>14483</v>
      </c>
      <c r="H25742" s="103" t="s">
        <v>14378</v>
      </c>
      <c r="I25742" s="103" t="s">
        <v>14483</v>
      </c>
      <c r="J25742" s="1183"/>
      <c r="K25742" s="103" t="s">
        <v>31192</v>
      </c>
      <c r="L25742" s="1183"/>
    </row>
    <row r="25743" spans="1:12" s="100" customFormat="1" ht="14.25">
      <c r="A25743" s="78"/>
      <c r="B25743" s="1180"/>
      <c r="C25743" s="1180"/>
      <c r="D25743" s="1180"/>
      <c r="E25743" s="1180"/>
      <c r="F25743" s="103" t="s">
        <v>14656</v>
      </c>
      <c r="G25743" s="103" t="s">
        <v>14383</v>
      </c>
      <c r="H25743" s="103" t="s">
        <v>14381</v>
      </c>
      <c r="I25743" s="103" t="s">
        <v>14383</v>
      </c>
      <c r="J25743" s="1183"/>
      <c r="K25743" s="103" t="s">
        <v>14863</v>
      </c>
      <c r="L25743" s="1183"/>
    </row>
    <row r="25744" spans="1:12" s="100" customFormat="1" ht="14.25">
      <c r="A25744" s="78"/>
      <c r="B25744" s="1180"/>
      <c r="C25744" s="1180"/>
      <c r="D25744" s="1180"/>
      <c r="E25744" s="1180"/>
      <c r="F25744" s="103" t="s">
        <v>14368</v>
      </c>
      <c r="G25744" s="103" t="s">
        <v>14369</v>
      </c>
      <c r="H25744" s="103" t="s">
        <v>14370</v>
      </c>
      <c r="I25744" s="103" t="s">
        <v>14369</v>
      </c>
      <c r="J25744" s="1183"/>
      <c r="K25744" s="103" t="s">
        <v>28375</v>
      </c>
      <c r="L25744" s="1183"/>
    </row>
    <row r="25745" spans="1:12" s="100" customFormat="1" ht="57">
      <c r="A25745" s="78"/>
      <c r="B25745" s="1180"/>
      <c r="C25745" s="1180"/>
      <c r="D25745" s="1180"/>
      <c r="E25745" s="1180"/>
      <c r="F25745" s="103" t="s">
        <v>15246</v>
      </c>
      <c r="G25745" s="103" t="s">
        <v>31193</v>
      </c>
      <c r="H25745" s="103" t="s">
        <v>14332</v>
      </c>
      <c r="I25745" s="103" t="s">
        <v>31193</v>
      </c>
      <c r="J25745" s="1183"/>
      <c r="K25745" s="106"/>
      <c r="L25745" s="1183"/>
    </row>
    <row r="25746" spans="1:12" s="100" customFormat="1" ht="12" customHeight="1">
      <c r="A25746" s="78"/>
      <c r="B25746" s="1180"/>
      <c r="C25746" s="1180"/>
      <c r="D25746" s="1180"/>
      <c r="E25746" s="1180"/>
      <c r="F25746" s="103" t="s">
        <v>14386</v>
      </c>
      <c r="G25746" s="103" t="s">
        <v>14387</v>
      </c>
      <c r="H25746" s="106"/>
      <c r="I25746" s="103" t="s">
        <v>14387</v>
      </c>
      <c r="J25746" s="1183"/>
      <c r="K25746" s="106"/>
      <c r="L25746" s="1183"/>
    </row>
    <row r="25747" spans="1:12" s="100" customFormat="1" ht="14.25">
      <c r="A25747" s="78"/>
      <c r="B25747" s="1180"/>
      <c r="C25747" s="1180"/>
      <c r="D25747" s="1180"/>
      <c r="E25747" s="1180"/>
      <c r="F25747" s="103" t="s">
        <v>14391</v>
      </c>
      <c r="G25747" s="103" t="s">
        <v>14392</v>
      </c>
      <c r="H25747" s="106"/>
      <c r="I25747" s="103" t="s">
        <v>14392</v>
      </c>
      <c r="J25747" s="1183"/>
      <c r="K25747" s="106"/>
      <c r="L25747" s="1183"/>
    </row>
    <row r="25748" spans="1:12" s="100" customFormat="1" ht="12" customHeight="1">
      <c r="A25748" s="78"/>
      <c r="B25748" s="1180"/>
      <c r="C25748" s="1180"/>
      <c r="D25748" s="1180"/>
      <c r="E25748" s="1180"/>
      <c r="F25748" s="103" t="s">
        <v>14371</v>
      </c>
      <c r="G25748" s="103" t="s">
        <v>14372</v>
      </c>
      <c r="H25748" s="106"/>
      <c r="I25748" s="103" t="s">
        <v>14373</v>
      </c>
      <c r="J25748" s="1183"/>
      <c r="K25748" s="106"/>
      <c r="L25748" s="1183"/>
    </row>
    <row r="25749" spans="1:12" s="100" customFormat="1" ht="12.75" customHeight="1" thickBot="1">
      <c r="A25749" s="78"/>
      <c r="B25749" s="1181"/>
      <c r="C25749" s="1181"/>
      <c r="D25749" s="1181"/>
      <c r="E25749" s="1181"/>
      <c r="F25749" s="105" t="s">
        <v>14374</v>
      </c>
      <c r="G25749" s="105" t="s">
        <v>14373</v>
      </c>
      <c r="H25749" s="104"/>
      <c r="I25749" s="104"/>
      <c r="J25749" s="1184"/>
      <c r="K25749" s="104"/>
      <c r="L25749" s="1184"/>
    </row>
    <row r="25750" spans="1:12" s="100" customFormat="1" ht="14.25">
      <c r="A25750" s="78"/>
      <c r="B25750" s="1179" t="s">
        <v>31194</v>
      </c>
      <c r="C25750" s="102" t="s">
        <v>31195</v>
      </c>
      <c r="D25750" s="1179" t="s">
        <v>31196</v>
      </c>
      <c r="E25750" s="1179" t="s">
        <v>1702</v>
      </c>
      <c r="F25750" s="1179" t="s">
        <v>14394</v>
      </c>
      <c r="G25750" s="1179" t="s">
        <v>14395</v>
      </c>
      <c r="H25750" s="1179" t="s">
        <v>14370</v>
      </c>
      <c r="I25750" s="1179" t="s">
        <v>31197</v>
      </c>
      <c r="J25750" s="1182"/>
      <c r="K25750" s="1182"/>
      <c r="L25750" s="1182"/>
    </row>
    <row r="25751" spans="1:12" s="100" customFormat="1" ht="29.25" thickBot="1">
      <c r="A25751" s="78"/>
      <c r="B25751" s="1181"/>
      <c r="C25751" s="105" t="s">
        <v>31198</v>
      </c>
      <c r="D25751" s="1181"/>
      <c r="E25751" s="1181"/>
      <c r="F25751" s="1181"/>
      <c r="G25751" s="1181"/>
      <c r="H25751" s="1181"/>
      <c r="I25751" s="1181"/>
      <c r="J25751" s="1184"/>
      <c r="K25751" s="1184"/>
      <c r="L25751" s="1184"/>
    </row>
    <row r="25752" spans="1:12" s="100" customFormat="1" ht="42.75">
      <c r="A25752" s="78"/>
      <c r="B25752" s="1179" t="s">
        <v>31199</v>
      </c>
      <c r="C25752" s="102" t="s">
        <v>31200</v>
      </c>
      <c r="D25752" s="1179" t="s">
        <v>31201</v>
      </c>
      <c r="E25752" s="102" t="s">
        <v>1719</v>
      </c>
      <c r="F25752" s="102" t="s">
        <v>15096</v>
      </c>
      <c r="G25752" s="102" t="s">
        <v>15097</v>
      </c>
      <c r="H25752" s="102" t="s">
        <v>14328</v>
      </c>
      <c r="I25752" s="102" t="s">
        <v>15097</v>
      </c>
      <c r="J25752" s="1182"/>
      <c r="K25752" s="102" t="s">
        <v>31202</v>
      </c>
      <c r="L25752" s="1182"/>
    </row>
    <row r="25753" spans="1:12" s="100" customFormat="1" ht="14.25">
      <c r="A25753" s="78"/>
      <c r="B25753" s="1180"/>
      <c r="C25753" s="103" t="s">
        <v>31203</v>
      </c>
      <c r="D25753" s="1180"/>
      <c r="E25753" s="103" t="s">
        <v>31204</v>
      </c>
      <c r="F25753" s="103" t="s">
        <v>15089</v>
      </c>
      <c r="G25753" s="103" t="s">
        <v>14429</v>
      </c>
      <c r="H25753" s="103" t="s">
        <v>14367</v>
      </c>
      <c r="I25753" s="103" t="s">
        <v>14429</v>
      </c>
      <c r="J25753" s="1183"/>
      <c r="K25753" s="103" t="s">
        <v>14863</v>
      </c>
      <c r="L25753" s="1183"/>
    </row>
    <row r="25754" spans="1:12" s="100" customFormat="1" ht="14.25">
      <c r="A25754" s="78"/>
      <c r="B25754" s="1180"/>
      <c r="C25754" s="103" t="s">
        <v>31205</v>
      </c>
      <c r="D25754" s="1180"/>
      <c r="E25754" s="106"/>
      <c r="F25754" s="103" t="s">
        <v>16919</v>
      </c>
      <c r="G25754" s="103" t="s">
        <v>21974</v>
      </c>
      <c r="H25754" s="103" t="s">
        <v>14381</v>
      </c>
      <c r="I25754" s="103" t="s">
        <v>31206</v>
      </c>
      <c r="J25754" s="1183"/>
      <c r="K25754" s="103" t="s">
        <v>28388</v>
      </c>
      <c r="L25754" s="1183"/>
    </row>
    <row r="25755" spans="1:12" s="100" customFormat="1" ht="14.25">
      <c r="A25755" s="78"/>
      <c r="B25755" s="1180"/>
      <c r="C25755" s="106"/>
      <c r="D25755" s="1180"/>
      <c r="E25755" s="106"/>
      <c r="F25755" s="103" t="s">
        <v>14430</v>
      </c>
      <c r="G25755" s="103" t="s">
        <v>14431</v>
      </c>
      <c r="H25755" s="103" t="s">
        <v>14341</v>
      </c>
      <c r="I25755" s="103" t="s">
        <v>14431</v>
      </c>
      <c r="J25755" s="1183"/>
      <c r="K25755" s="106"/>
      <c r="L25755" s="1183"/>
    </row>
    <row r="25756" spans="1:12" s="100" customFormat="1" ht="14.25">
      <c r="A25756" s="78"/>
      <c r="B25756" s="1180"/>
      <c r="C25756" s="106"/>
      <c r="D25756" s="1180"/>
      <c r="E25756" s="106"/>
      <c r="F25756" s="103" t="s">
        <v>14371</v>
      </c>
      <c r="G25756" s="103" t="s">
        <v>14372</v>
      </c>
      <c r="H25756" s="103" t="s">
        <v>14370</v>
      </c>
      <c r="I25756" s="103" t="s">
        <v>14373</v>
      </c>
      <c r="J25756" s="1183"/>
      <c r="K25756" s="106"/>
      <c r="L25756" s="1183"/>
    </row>
    <row r="25757" spans="1:12" s="100" customFormat="1" ht="29.25" thickBot="1">
      <c r="A25757" s="78"/>
      <c r="B25757" s="1181"/>
      <c r="C25757" s="104"/>
      <c r="D25757" s="1181"/>
      <c r="E25757" s="104"/>
      <c r="F25757" s="105" t="s">
        <v>14374</v>
      </c>
      <c r="G25757" s="105" t="s">
        <v>14373</v>
      </c>
      <c r="H25757" s="105" t="s">
        <v>14332</v>
      </c>
      <c r="I25757" s="104"/>
      <c r="J25757" s="1184"/>
      <c r="K25757" s="104"/>
      <c r="L25757" s="1184"/>
    </row>
    <row r="25758" spans="1:12" s="100" customFormat="1" ht="14.25">
      <c r="A25758" s="78"/>
      <c r="B25758" s="1179" t="s">
        <v>31207</v>
      </c>
      <c r="C25758" s="102" t="s">
        <v>31208</v>
      </c>
      <c r="D25758" s="1179" t="s">
        <v>31209</v>
      </c>
      <c r="E25758" s="1179" t="s">
        <v>31210</v>
      </c>
      <c r="F25758" s="102" t="s">
        <v>14424</v>
      </c>
      <c r="G25758" s="102" t="s">
        <v>17083</v>
      </c>
      <c r="H25758" s="102" t="s">
        <v>14381</v>
      </c>
      <c r="I25758" s="102" t="s">
        <v>17083</v>
      </c>
      <c r="J25758" s="1182"/>
      <c r="K25758" s="1182"/>
      <c r="L25758" s="1182"/>
    </row>
    <row r="25759" spans="1:12" s="100" customFormat="1" ht="43.5" thickBot="1">
      <c r="A25759" s="78"/>
      <c r="B25759" s="1181"/>
      <c r="C25759" s="105" t="s">
        <v>31211</v>
      </c>
      <c r="D25759" s="1181"/>
      <c r="E25759" s="1181"/>
      <c r="F25759" s="105" t="s">
        <v>14384</v>
      </c>
      <c r="G25759" s="105" t="s">
        <v>17093</v>
      </c>
      <c r="H25759" s="105" t="s">
        <v>14332</v>
      </c>
      <c r="I25759" s="105" t="s">
        <v>31212</v>
      </c>
      <c r="J25759" s="1184"/>
      <c r="K25759" s="1184"/>
      <c r="L25759" s="1184"/>
    </row>
    <row r="25760" spans="1:12" s="100" customFormat="1" ht="14.25">
      <c r="A25760" s="78"/>
      <c r="B25760" s="1179" t="s">
        <v>31213</v>
      </c>
      <c r="C25760" s="102" t="s">
        <v>31214</v>
      </c>
      <c r="D25760" s="1179" t="s">
        <v>31215</v>
      </c>
      <c r="E25760" s="1179" t="s">
        <v>31216</v>
      </c>
      <c r="F25760" s="102" t="s">
        <v>14376</v>
      </c>
      <c r="G25760" s="102" t="s">
        <v>14669</v>
      </c>
      <c r="H25760" s="102" t="s">
        <v>14381</v>
      </c>
      <c r="I25760" s="102" t="s">
        <v>14669</v>
      </c>
      <c r="J25760" s="1182"/>
      <c r="K25760" s="1179" t="s">
        <v>31217</v>
      </c>
      <c r="L25760" s="1182"/>
    </row>
    <row r="25761" spans="1:12" s="100" customFormat="1" ht="15" thickBot="1">
      <c r="A25761" s="78"/>
      <c r="B25761" s="1181"/>
      <c r="C25761" s="105" t="s">
        <v>31218</v>
      </c>
      <c r="D25761" s="1181"/>
      <c r="E25761" s="1181"/>
      <c r="F25761" s="105" t="s">
        <v>14426</v>
      </c>
      <c r="G25761" s="105" t="s">
        <v>14427</v>
      </c>
      <c r="H25761" s="105" t="s">
        <v>14332</v>
      </c>
      <c r="I25761" s="105" t="s">
        <v>14427</v>
      </c>
      <c r="J25761" s="1184"/>
      <c r="K25761" s="1181"/>
      <c r="L25761" s="1184"/>
    </row>
    <row r="25762" spans="1:12" s="100" customFormat="1" ht="42.75">
      <c r="A25762" s="78"/>
      <c r="B25762" s="1179" t="s">
        <v>31219</v>
      </c>
      <c r="C25762" s="102" t="s">
        <v>31220</v>
      </c>
      <c r="D25762" s="1179" t="s">
        <v>77</v>
      </c>
      <c r="E25762" s="102" t="s">
        <v>31221</v>
      </c>
      <c r="F25762" s="102" t="s">
        <v>14424</v>
      </c>
      <c r="G25762" s="102" t="s">
        <v>17083</v>
      </c>
      <c r="H25762" s="102" t="s">
        <v>14381</v>
      </c>
      <c r="I25762" s="102" t="s">
        <v>17083</v>
      </c>
      <c r="J25762" s="1182"/>
      <c r="K25762" s="102" t="s">
        <v>30977</v>
      </c>
      <c r="L25762" s="1182"/>
    </row>
    <row r="25763" spans="1:12" s="100" customFormat="1" ht="28.5">
      <c r="A25763" s="78"/>
      <c r="B25763" s="1180"/>
      <c r="C25763" s="103" t="s">
        <v>31222</v>
      </c>
      <c r="D25763" s="1180"/>
      <c r="E25763" s="103" t="s">
        <v>31223</v>
      </c>
      <c r="F25763" s="103" t="s">
        <v>15089</v>
      </c>
      <c r="G25763" s="103" t="s">
        <v>14429</v>
      </c>
      <c r="H25763" s="103" t="s">
        <v>14367</v>
      </c>
      <c r="I25763" s="103" t="s">
        <v>14429</v>
      </c>
      <c r="J25763" s="1183"/>
      <c r="K25763" s="103" t="s">
        <v>31224</v>
      </c>
      <c r="L25763" s="1183"/>
    </row>
    <row r="25764" spans="1:12" s="100" customFormat="1" ht="12" customHeight="1">
      <c r="A25764" s="78"/>
      <c r="B25764" s="1180"/>
      <c r="C25764" s="106"/>
      <c r="D25764" s="1180"/>
      <c r="E25764" s="103" t="s">
        <v>31225</v>
      </c>
      <c r="F25764" s="103" t="s">
        <v>16919</v>
      </c>
      <c r="G25764" s="103" t="s">
        <v>31226</v>
      </c>
      <c r="H25764" s="103" t="s">
        <v>14370</v>
      </c>
      <c r="I25764" s="103" t="s">
        <v>31226</v>
      </c>
      <c r="J25764" s="1183"/>
      <c r="K25764" s="106"/>
      <c r="L25764" s="1183"/>
    </row>
    <row r="25765" spans="1:12" s="100" customFormat="1" ht="12.75" customHeight="1" thickBot="1">
      <c r="A25765" s="78"/>
      <c r="B25765" s="1181"/>
      <c r="C25765" s="104"/>
      <c r="D25765" s="1181"/>
      <c r="E25765" s="104"/>
      <c r="F25765" s="105" t="s">
        <v>14374</v>
      </c>
      <c r="G25765" s="105" t="s">
        <v>14373</v>
      </c>
      <c r="H25765" s="105" t="s">
        <v>14332</v>
      </c>
      <c r="I25765" s="105" t="s">
        <v>14373</v>
      </c>
      <c r="J25765" s="1184"/>
      <c r="K25765" s="104"/>
      <c r="L25765" s="1184"/>
    </row>
    <row r="25766" spans="1:12" s="100" customFormat="1" ht="12" customHeight="1">
      <c r="A25766" s="78"/>
      <c r="B25766" s="1179" t="s">
        <v>31227</v>
      </c>
      <c r="C25766" s="1179" t="s">
        <v>31228</v>
      </c>
      <c r="D25766" s="1179" t="s">
        <v>31229</v>
      </c>
      <c r="E25766" s="1179" t="s">
        <v>31230</v>
      </c>
      <c r="F25766" s="1179" t="s">
        <v>14424</v>
      </c>
      <c r="G25766" s="1179" t="s">
        <v>14425</v>
      </c>
      <c r="H25766" s="102" t="s">
        <v>14381</v>
      </c>
      <c r="I25766" s="1179" t="s">
        <v>31035</v>
      </c>
      <c r="J25766" s="1182"/>
      <c r="K25766" s="1182"/>
      <c r="L25766" s="1182"/>
    </row>
    <row r="25767" spans="1:12" s="100" customFormat="1" ht="12" customHeight="1" thickBot="1">
      <c r="A25767" s="78"/>
      <c r="B25767" s="1181"/>
      <c r="C25767" s="1181"/>
      <c r="D25767" s="1181"/>
      <c r="E25767" s="1181"/>
      <c r="F25767" s="1181"/>
      <c r="G25767" s="1181"/>
      <c r="H25767" s="105" t="s">
        <v>14332</v>
      </c>
      <c r="I25767" s="1181"/>
      <c r="J25767" s="1184"/>
      <c r="K25767" s="1184"/>
      <c r="L25767" s="1184"/>
    </row>
    <row r="25768" spans="1:12" s="100" customFormat="1" ht="57">
      <c r="A25768" s="78"/>
      <c r="B25768" s="1179" t="s">
        <v>31231</v>
      </c>
      <c r="C25768" s="102" t="s">
        <v>31232</v>
      </c>
      <c r="D25768" s="1179" t="s">
        <v>77</v>
      </c>
      <c r="E25768" s="1179" t="s">
        <v>31233</v>
      </c>
      <c r="F25768" s="102" t="s">
        <v>14507</v>
      </c>
      <c r="G25768" s="102" t="s">
        <v>16971</v>
      </c>
      <c r="H25768" s="102" t="s">
        <v>14381</v>
      </c>
      <c r="I25768" s="102" t="s">
        <v>16971</v>
      </c>
      <c r="J25768" s="1182"/>
      <c r="K25768" s="102" t="s">
        <v>31234</v>
      </c>
      <c r="L25768" s="1182"/>
    </row>
    <row r="25769" spans="1:12" s="100" customFormat="1" ht="42.75">
      <c r="A25769" s="78"/>
      <c r="B25769" s="1180"/>
      <c r="C25769" s="103" t="s">
        <v>31235</v>
      </c>
      <c r="D25769" s="1180"/>
      <c r="E25769" s="1180"/>
      <c r="F25769" s="103" t="s">
        <v>15089</v>
      </c>
      <c r="G25769" s="103" t="s">
        <v>14459</v>
      </c>
      <c r="H25769" s="103" t="s">
        <v>14367</v>
      </c>
      <c r="I25769" s="103" t="s">
        <v>14459</v>
      </c>
      <c r="J25769" s="1183"/>
      <c r="K25769" s="103" t="s">
        <v>31236</v>
      </c>
      <c r="L25769" s="1183"/>
    </row>
    <row r="25770" spans="1:12" s="100" customFormat="1" ht="14.25">
      <c r="A25770" s="78"/>
      <c r="B25770" s="1180"/>
      <c r="C25770" s="106"/>
      <c r="D25770" s="1180"/>
      <c r="E25770" s="1180"/>
      <c r="F25770" s="103" t="s">
        <v>15089</v>
      </c>
      <c r="G25770" s="103" t="s">
        <v>14429</v>
      </c>
      <c r="H25770" s="103" t="s">
        <v>14370</v>
      </c>
      <c r="I25770" s="103" t="s">
        <v>14429</v>
      </c>
      <c r="J25770" s="1183"/>
      <c r="K25770" s="103" t="s">
        <v>14517</v>
      </c>
      <c r="L25770" s="1183"/>
    </row>
    <row r="25771" spans="1:12" s="100" customFormat="1" ht="12.75" customHeight="1">
      <c r="A25771" s="78"/>
      <c r="B25771" s="1180"/>
      <c r="C25771" s="106"/>
      <c r="D25771" s="1180"/>
      <c r="E25771" s="1180"/>
      <c r="F25771" s="103" t="s">
        <v>14386</v>
      </c>
      <c r="G25771" s="103" t="s">
        <v>14387</v>
      </c>
      <c r="H25771" s="103" t="s">
        <v>14422</v>
      </c>
      <c r="I25771" s="103" t="s">
        <v>14387</v>
      </c>
      <c r="J25771" s="1183"/>
      <c r="K25771" s="103" t="s">
        <v>28375</v>
      </c>
      <c r="L25771" s="1183"/>
    </row>
    <row r="25772" spans="1:12" s="100" customFormat="1" ht="14.25">
      <c r="A25772" s="78"/>
      <c r="B25772" s="1180"/>
      <c r="C25772" s="106"/>
      <c r="D25772" s="1180"/>
      <c r="E25772" s="1180"/>
      <c r="F25772" s="103" t="s">
        <v>14371</v>
      </c>
      <c r="G25772" s="103" t="s">
        <v>14372</v>
      </c>
      <c r="H25772" s="106"/>
      <c r="I25772" s="103" t="s">
        <v>14373</v>
      </c>
      <c r="J25772" s="1183"/>
      <c r="K25772" s="106"/>
      <c r="L25772" s="1183"/>
    </row>
    <row r="25773" spans="1:12" s="100" customFormat="1" ht="29.25" thickBot="1">
      <c r="A25773" s="78"/>
      <c r="B25773" s="1181"/>
      <c r="C25773" s="104"/>
      <c r="D25773" s="1181"/>
      <c r="E25773" s="1181"/>
      <c r="F25773" s="105" t="s">
        <v>14374</v>
      </c>
      <c r="G25773" s="105" t="s">
        <v>14373</v>
      </c>
      <c r="H25773" s="104"/>
      <c r="I25773" s="104"/>
      <c r="J25773" s="1184"/>
      <c r="K25773" s="104"/>
      <c r="L25773" s="1184"/>
    </row>
    <row r="25774" spans="1:12" s="100" customFormat="1" ht="12" customHeight="1">
      <c r="A25774" s="78"/>
      <c r="B25774" s="1179" t="s">
        <v>31237</v>
      </c>
      <c r="C25774" s="1179" t="s">
        <v>31238</v>
      </c>
      <c r="D25774" s="1179" t="s">
        <v>31239</v>
      </c>
      <c r="E25774" s="1179" t="s">
        <v>7323</v>
      </c>
      <c r="F25774" s="102" t="s">
        <v>14376</v>
      </c>
      <c r="G25774" s="102" t="s">
        <v>14669</v>
      </c>
      <c r="H25774" s="102" t="s">
        <v>14381</v>
      </c>
      <c r="I25774" s="102" t="s">
        <v>14669</v>
      </c>
      <c r="J25774" s="1182"/>
      <c r="K25774" s="1182"/>
      <c r="L25774" s="1182"/>
    </row>
    <row r="25775" spans="1:12" s="100" customFormat="1" ht="12.75" customHeight="1" thickBot="1">
      <c r="A25775" s="78"/>
      <c r="B25775" s="1181"/>
      <c r="C25775" s="1181"/>
      <c r="D25775" s="1181"/>
      <c r="E25775" s="1181"/>
      <c r="F25775" s="105" t="s">
        <v>14889</v>
      </c>
      <c r="G25775" s="105" t="s">
        <v>14890</v>
      </c>
      <c r="H25775" s="105" t="s">
        <v>14332</v>
      </c>
      <c r="I25775" s="105" t="s">
        <v>31240</v>
      </c>
      <c r="J25775" s="1184"/>
      <c r="K25775" s="1184"/>
      <c r="L25775" s="1184"/>
    </row>
    <row r="25776" spans="1:12" s="100" customFormat="1" ht="12" customHeight="1">
      <c r="A25776" s="78"/>
      <c r="B25776" s="1179" t="s">
        <v>31241</v>
      </c>
      <c r="C25776" s="102" t="s">
        <v>31242</v>
      </c>
      <c r="D25776" s="1179" t="s">
        <v>31243</v>
      </c>
      <c r="E25776" s="1179" t="s">
        <v>31244</v>
      </c>
      <c r="F25776" s="1179" t="s">
        <v>14391</v>
      </c>
      <c r="G25776" s="1179" t="s">
        <v>14392</v>
      </c>
      <c r="H25776" s="102" t="s">
        <v>14367</v>
      </c>
      <c r="I25776" s="1179" t="s">
        <v>31017</v>
      </c>
      <c r="J25776" s="1182"/>
      <c r="K25776" s="1182"/>
      <c r="L25776" s="1182"/>
    </row>
    <row r="25777" spans="1:12" s="100" customFormat="1" ht="12.75" customHeight="1" thickBot="1">
      <c r="A25777" s="78"/>
      <c r="B25777" s="1181"/>
      <c r="C25777" s="105" t="s">
        <v>31245</v>
      </c>
      <c r="D25777" s="1181"/>
      <c r="E25777" s="1181"/>
      <c r="F25777" s="1181"/>
      <c r="G25777" s="1181"/>
      <c r="H25777" s="105" t="s">
        <v>14422</v>
      </c>
      <c r="I25777" s="1181"/>
      <c r="J25777" s="1184"/>
      <c r="K25777" s="1184"/>
      <c r="L25777" s="1184"/>
    </row>
    <row r="25778" spans="1:12" s="100" customFormat="1" ht="12" customHeight="1">
      <c r="A25778" s="78"/>
      <c r="B25778" s="1179" t="s">
        <v>31246</v>
      </c>
      <c r="C25778" s="1179" t="s">
        <v>31247</v>
      </c>
      <c r="D25778" s="1179" t="s">
        <v>31248</v>
      </c>
      <c r="E25778" s="1179" t="s">
        <v>31249</v>
      </c>
      <c r="F25778" s="1179" t="s">
        <v>14424</v>
      </c>
      <c r="G25778" s="1179" t="s">
        <v>15893</v>
      </c>
      <c r="H25778" s="102" t="s">
        <v>14381</v>
      </c>
      <c r="I25778" s="1179" t="s">
        <v>31250</v>
      </c>
      <c r="J25778" s="1182"/>
      <c r="K25778" s="1182"/>
      <c r="L25778" s="1182"/>
    </row>
    <row r="25779" spans="1:12" s="100" customFormat="1" ht="12" customHeight="1" thickBot="1">
      <c r="A25779" s="78"/>
      <c r="B25779" s="1181"/>
      <c r="C25779" s="1181"/>
      <c r="D25779" s="1181"/>
      <c r="E25779" s="1181"/>
      <c r="F25779" s="1181"/>
      <c r="G25779" s="1181"/>
      <c r="H25779" s="105" t="s">
        <v>14332</v>
      </c>
      <c r="I25779" s="1181"/>
      <c r="J25779" s="1184"/>
      <c r="K25779" s="1184"/>
      <c r="L25779" s="1184"/>
    </row>
    <row r="25780" spans="1:12" s="100" customFormat="1" ht="42.75">
      <c r="A25780" s="78"/>
      <c r="B25780" s="1179" t="s">
        <v>31251</v>
      </c>
      <c r="C25780" s="102" t="s">
        <v>31252</v>
      </c>
      <c r="D25780" s="1179" t="s">
        <v>31253</v>
      </c>
      <c r="E25780" s="1179" t="s">
        <v>31254</v>
      </c>
      <c r="F25780" s="102" t="s">
        <v>15089</v>
      </c>
      <c r="G25780" s="102" t="s">
        <v>14429</v>
      </c>
      <c r="H25780" s="102" t="s">
        <v>14367</v>
      </c>
      <c r="I25780" s="102" t="s">
        <v>14429</v>
      </c>
      <c r="J25780" s="1182"/>
      <c r="K25780" s="102" t="s">
        <v>31255</v>
      </c>
      <c r="L25780" s="1182"/>
    </row>
    <row r="25781" spans="1:12" s="100" customFormat="1" ht="28.5">
      <c r="A25781" s="78"/>
      <c r="B25781" s="1180"/>
      <c r="C25781" s="107" t="s">
        <v>31256</v>
      </c>
      <c r="D25781" s="1180"/>
      <c r="E25781" s="1180"/>
      <c r="F25781" s="103" t="s">
        <v>31257</v>
      </c>
      <c r="G25781" s="103" t="s">
        <v>21974</v>
      </c>
      <c r="H25781" s="103" t="s">
        <v>14381</v>
      </c>
      <c r="I25781" s="103" t="s">
        <v>21974</v>
      </c>
      <c r="J25781" s="1183"/>
      <c r="K25781" s="103" t="s">
        <v>14517</v>
      </c>
      <c r="L25781" s="1183"/>
    </row>
    <row r="25782" spans="1:12" s="100" customFormat="1" ht="12" customHeight="1">
      <c r="A25782" s="78"/>
      <c r="B25782" s="1180"/>
      <c r="C25782" s="106"/>
      <c r="D25782" s="1180"/>
      <c r="E25782" s="1180"/>
      <c r="F25782" s="103" t="s">
        <v>14658</v>
      </c>
      <c r="G25782" s="103" t="s">
        <v>14372</v>
      </c>
      <c r="H25782" s="103" t="s">
        <v>14370</v>
      </c>
      <c r="I25782" s="103" t="s">
        <v>14373</v>
      </c>
      <c r="J25782" s="1183"/>
      <c r="K25782" s="103" t="s">
        <v>28375</v>
      </c>
      <c r="L25782" s="1183"/>
    </row>
    <row r="25783" spans="1:12" s="100" customFormat="1" ht="12.75" customHeight="1" thickBot="1">
      <c r="A25783" s="78"/>
      <c r="B25783" s="1181"/>
      <c r="C25783" s="104"/>
      <c r="D25783" s="1181"/>
      <c r="E25783" s="1181"/>
      <c r="F25783" s="104"/>
      <c r="G25783" s="105" t="s">
        <v>14373</v>
      </c>
      <c r="H25783" s="105" t="s">
        <v>14422</v>
      </c>
      <c r="I25783" s="104"/>
      <c r="J25783" s="1184"/>
      <c r="K25783" s="104"/>
      <c r="L25783" s="1184"/>
    </row>
    <row r="25784" spans="1:12" s="100" customFormat="1" ht="12" customHeight="1">
      <c r="A25784" s="78"/>
      <c r="B25784" s="1179" t="s">
        <v>31258</v>
      </c>
      <c r="C25784" s="1179" t="s">
        <v>31259</v>
      </c>
      <c r="D25784" s="1179" t="s">
        <v>31260</v>
      </c>
      <c r="E25784" s="1179" t="s">
        <v>31261</v>
      </c>
      <c r="F25784" s="1179" t="s">
        <v>14424</v>
      </c>
      <c r="G25784" s="1179" t="s">
        <v>14425</v>
      </c>
      <c r="H25784" s="102" t="s">
        <v>14381</v>
      </c>
      <c r="I25784" s="1179" t="s">
        <v>31035</v>
      </c>
      <c r="J25784" s="1182"/>
      <c r="K25784" s="1182"/>
      <c r="L25784" s="1182"/>
    </row>
    <row r="25785" spans="1:12" s="100" customFormat="1" ht="12" customHeight="1" thickBot="1">
      <c r="A25785" s="78"/>
      <c r="B25785" s="1181"/>
      <c r="C25785" s="1181"/>
      <c r="D25785" s="1181"/>
      <c r="E25785" s="1181"/>
      <c r="F25785" s="1181"/>
      <c r="G25785" s="1181"/>
      <c r="H25785" s="105" t="s">
        <v>14332</v>
      </c>
      <c r="I25785" s="1181"/>
      <c r="J25785" s="1184"/>
      <c r="K25785" s="1184"/>
      <c r="L25785" s="1184"/>
    </row>
    <row r="25786" spans="1:12" s="100" customFormat="1" ht="36" customHeight="1">
      <c r="A25786" s="78"/>
      <c r="B25786" s="1179" t="s">
        <v>31262</v>
      </c>
      <c r="C25786" s="1179" t="s">
        <v>31263</v>
      </c>
      <c r="D25786" s="1179" t="s">
        <v>77</v>
      </c>
      <c r="E25786" s="1179" t="s">
        <v>31264</v>
      </c>
      <c r="F25786" s="102" t="s">
        <v>15089</v>
      </c>
      <c r="G25786" s="102" t="s">
        <v>14429</v>
      </c>
      <c r="H25786" s="102" t="s">
        <v>14367</v>
      </c>
      <c r="I25786" s="102" t="s">
        <v>14429</v>
      </c>
      <c r="J25786" s="1182"/>
      <c r="K25786" s="102" t="s">
        <v>30977</v>
      </c>
      <c r="L25786" s="1182"/>
    </row>
    <row r="25787" spans="1:12" s="100" customFormat="1" ht="28.5">
      <c r="A25787" s="78"/>
      <c r="B25787" s="1180"/>
      <c r="C25787" s="1180"/>
      <c r="D25787" s="1180"/>
      <c r="E25787" s="1180"/>
      <c r="F25787" s="103" t="s">
        <v>16919</v>
      </c>
      <c r="G25787" s="103" t="s">
        <v>31265</v>
      </c>
      <c r="H25787" s="103" t="s">
        <v>14381</v>
      </c>
      <c r="I25787" s="103" t="s">
        <v>31265</v>
      </c>
      <c r="J25787" s="1183"/>
      <c r="K25787" s="103" t="s">
        <v>14517</v>
      </c>
      <c r="L25787" s="1183"/>
    </row>
    <row r="25788" spans="1:12" s="100" customFormat="1" ht="14.25">
      <c r="A25788" s="78"/>
      <c r="B25788" s="1180"/>
      <c r="C25788" s="1180"/>
      <c r="D25788" s="1180"/>
      <c r="E25788" s="1180"/>
      <c r="F25788" s="103" t="s">
        <v>14371</v>
      </c>
      <c r="G25788" s="103" t="s">
        <v>14372</v>
      </c>
      <c r="H25788" s="103" t="s">
        <v>14370</v>
      </c>
      <c r="I25788" s="103" t="s">
        <v>14373</v>
      </c>
      <c r="J25788" s="1183"/>
      <c r="K25788" s="103" t="s">
        <v>28375</v>
      </c>
      <c r="L25788" s="1183"/>
    </row>
    <row r="25789" spans="1:12" s="100" customFormat="1" ht="29.25" thickBot="1">
      <c r="A25789" s="78"/>
      <c r="B25789" s="1181"/>
      <c r="C25789" s="1181"/>
      <c r="D25789" s="1181"/>
      <c r="E25789" s="1181"/>
      <c r="F25789" s="105" t="s">
        <v>14374</v>
      </c>
      <c r="G25789" s="105" t="s">
        <v>14373</v>
      </c>
      <c r="H25789" s="105" t="s">
        <v>14422</v>
      </c>
      <c r="I25789" s="104"/>
      <c r="J25789" s="1184"/>
      <c r="K25789" s="104"/>
      <c r="L25789" s="1184"/>
    </row>
    <row r="25790" spans="1:12" s="100" customFormat="1" ht="14.25">
      <c r="A25790" s="78"/>
      <c r="B25790" s="1179" t="s">
        <v>31266</v>
      </c>
      <c r="C25790" s="102" t="s">
        <v>31267</v>
      </c>
      <c r="D25790" s="1179" t="s">
        <v>77</v>
      </c>
      <c r="E25790" s="1179" t="s">
        <v>31268</v>
      </c>
      <c r="F25790" s="102" t="s">
        <v>14371</v>
      </c>
      <c r="G25790" s="102" t="s">
        <v>14372</v>
      </c>
      <c r="H25790" s="102" t="s">
        <v>14370</v>
      </c>
      <c r="I25790" s="1179" t="s">
        <v>14373</v>
      </c>
      <c r="J25790" s="1182"/>
      <c r="K25790" s="102" t="s">
        <v>15400</v>
      </c>
      <c r="L25790" s="1182"/>
    </row>
    <row r="25791" spans="1:12" s="100" customFormat="1" ht="43.5" thickBot="1">
      <c r="A25791" s="78"/>
      <c r="B25791" s="1181"/>
      <c r="C25791" s="105" t="s">
        <v>31269</v>
      </c>
      <c r="D25791" s="1181"/>
      <c r="E25791" s="1181"/>
      <c r="F25791" s="105" t="s">
        <v>14374</v>
      </c>
      <c r="G25791" s="105" t="s">
        <v>14373</v>
      </c>
      <c r="H25791" s="105" t="s">
        <v>14422</v>
      </c>
      <c r="I25791" s="1181"/>
      <c r="J25791" s="1184"/>
      <c r="K25791" s="105" t="s">
        <v>31042</v>
      </c>
      <c r="L25791" s="1184"/>
    </row>
    <row r="25792" spans="1:12" s="100" customFormat="1" ht="14.25">
      <c r="A25792" s="78"/>
      <c r="B25792" s="1179" t="s">
        <v>31270</v>
      </c>
      <c r="C25792" s="102" t="s">
        <v>31271</v>
      </c>
      <c r="D25792" s="1179" t="s">
        <v>31272</v>
      </c>
      <c r="E25792" s="1179" t="s">
        <v>1828</v>
      </c>
      <c r="F25792" s="102" t="s">
        <v>15892</v>
      </c>
      <c r="G25792" s="102" t="s">
        <v>14340</v>
      </c>
      <c r="H25792" s="102" t="s">
        <v>14341</v>
      </c>
      <c r="I25792" s="1179" t="s">
        <v>14340</v>
      </c>
      <c r="J25792" s="1179" t="s">
        <v>31273</v>
      </c>
      <c r="K25792" s="1182"/>
      <c r="L25792" s="1182"/>
    </row>
    <row r="25793" spans="1:12" s="100" customFormat="1" ht="24" customHeight="1" thickBot="1">
      <c r="A25793" s="78"/>
      <c r="B25793" s="1181"/>
      <c r="C25793" s="105" t="s">
        <v>31274</v>
      </c>
      <c r="D25793" s="1181"/>
      <c r="E25793" s="1181"/>
      <c r="F25793" s="105" t="s">
        <v>14430</v>
      </c>
      <c r="G25793" s="105" t="s">
        <v>14431</v>
      </c>
      <c r="H25793" s="105" t="s">
        <v>14332</v>
      </c>
      <c r="I25793" s="1181"/>
      <c r="J25793" s="1181"/>
      <c r="K25793" s="1184"/>
      <c r="L25793" s="1184"/>
    </row>
    <row r="25794" spans="1:12" s="100" customFormat="1" ht="57">
      <c r="A25794" s="78"/>
      <c r="B25794" s="1179" t="s">
        <v>31275</v>
      </c>
      <c r="C25794" s="1179" t="s">
        <v>31276</v>
      </c>
      <c r="D25794" s="1179" t="s">
        <v>31277</v>
      </c>
      <c r="E25794" s="1179" t="s">
        <v>31278</v>
      </c>
      <c r="F25794" s="102" t="s">
        <v>14418</v>
      </c>
      <c r="G25794" s="102" t="s">
        <v>14419</v>
      </c>
      <c r="H25794" s="102" t="s">
        <v>14328</v>
      </c>
      <c r="I25794" s="102" t="s">
        <v>14419</v>
      </c>
      <c r="J25794" s="1179" t="s">
        <v>14944</v>
      </c>
      <c r="K25794" s="102" t="s">
        <v>31279</v>
      </c>
      <c r="L25794" s="1182"/>
    </row>
    <row r="25795" spans="1:12" s="100" customFormat="1" ht="42.75">
      <c r="A25795" s="78"/>
      <c r="B25795" s="1180"/>
      <c r="C25795" s="1180"/>
      <c r="D25795" s="1180"/>
      <c r="E25795" s="1180"/>
      <c r="F25795" s="103" t="s">
        <v>14426</v>
      </c>
      <c r="G25795" s="103" t="s">
        <v>14427</v>
      </c>
      <c r="H25795" s="103" t="s">
        <v>14341</v>
      </c>
      <c r="I25795" s="103" t="s">
        <v>14427</v>
      </c>
      <c r="J25795" s="1180"/>
      <c r="K25795" s="103" t="s">
        <v>31280</v>
      </c>
      <c r="L25795" s="1183"/>
    </row>
    <row r="25796" spans="1:12" s="100" customFormat="1" ht="12" customHeight="1">
      <c r="A25796" s="78"/>
      <c r="B25796" s="1180"/>
      <c r="C25796" s="1180"/>
      <c r="D25796" s="1180"/>
      <c r="E25796" s="1180"/>
      <c r="F25796" s="103" t="s">
        <v>14424</v>
      </c>
      <c r="G25796" s="103" t="s">
        <v>14425</v>
      </c>
      <c r="H25796" s="103" t="s">
        <v>14378</v>
      </c>
      <c r="I25796" s="103" t="s">
        <v>14425</v>
      </c>
      <c r="J25796" s="1180"/>
      <c r="K25796" s="106"/>
      <c r="L25796" s="1183"/>
    </row>
    <row r="25797" spans="1:12" s="100" customFormat="1" ht="14.25">
      <c r="A25797" s="78"/>
      <c r="B25797" s="1180"/>
      <c r="C25797" s="1180"/>
      <c r="D25797" s="1180"/>
      <c r="E25797" s="1180"/>
      <c r="F25797" s="103" t="s">
        <v>14656</v>
      </c>
      <c r="G25797" s="103" t="s">
        <v>14483</v>
      </c>
      <c r="H25797" s="103" t="s">
        <v>14381</v>
      </c>
      <c r="I25797" s="103" t="s">
        <v>14483</v>
      </c>
      <c r="J25797" s="1180"/>
      <c r="K25797" s="106"/>
      <c r="L25797" s="1183"/>
    </row>
    <row r="25798" spans="1:12" s="100" customFormat="1" ht="14.25">
      <c r="A25798" s="78"/>
      <c r="B25798" s="1180"/>
      <c r="C25798" s="1180"/>
      <c r="D25798" s="1180"/>
      <c r="E25798" s="1180"/>
      <c r="F25798" s="103" t="s">
        <v>15089</v>
      </c>
      <c r="G25798" s="103" t="s">
        <v>14429</v>
      </c>
      <c r="H25798" s="103" t="s">
        <v>14332</v>
      </c>
      <c r="I25798" s="103" t="s">
        <v>14429</v>
      </c>
      <c r="J25798" s="1180"/>
      <c r="K25798" s="106"/>
      <c r="L25798" s="1183"/>
    </row>
    <row r="25799" spans="1:12" s="100" customFormat="1" ht="14.25">
      <c r="A25799" s="78"/>
      <c r="B25799" s="1180"/>
      <c r="C25799" s="1180"/>
      <c r="D25799" s="1180"/>
      <c r="E25799" s="1180"/>
      <c r="F25799" s="103" t="s">
        <v>15892</v>
      </c>
      <c r="G25799" s="103" t="s">
        <v>14340</v>
      </c>
      <c r="H25799" s="106"/>
      <c r="I25799" s="103" t="s">
        <v>14340</v>
      </c>
      <c r="J25799" s="1180"/>
      <c r="K25799" s="106"/>
      <c r="L25799" s="1183"/>
    </row>
    <row r="25800" spans="1:12" s="100" customFormat="1" ht="14.25">
      <c r="A25800" s="78"/>
      <c r="B25800" s="1180"/>
      <c r="C25800" s="1180"/>
      <c r="D25800" s="1180"/>
      <c r="E25800" s="1180"/>
      <c r="F25800" s="103" t="s">
        <v>14430</v>
      </c>
      <c r="G25800" s="103" t="s">
        <v>14431</v>
      </c>
      <c r="H25800" s="106"/>
      <c r="I25800" s="103" t="s">
        <v>14392</v>
      </c>
      <c r="J25800" s="1180"/>
      <c r="K25800" s="106"/>
      <c r="L25800" s="1183"/>
    </row>
    <row r="25801" spans="1:12" s="100" customFormat="1" ht="15" thickBot="1">
      <c r="A25801" s="78"/>
      <c r="B25801" s="1181"/>
      <c r="C25801" s="1181"/>
      <c r="D25801" s="1181"/>
      <c r="E25801" s="1181"/>
      <c r="F25801" s="105" t="s">
        <v>14391</v>
      </c>
      <c r="G25801" s="105" t="s">
        <v>14392</v>
      </c>
      <c r="H25801" s="104"/>
      <c r="I25801" s="104"/>
      <c r="J25801" s="1181"/>
      <c r="K25801" s="104"/>
      <c r="L25801" s="1184"/>
    </row>
    <row r="25802" spans="1:12" s="100" customFormat="1" ht="14.25">
      <c r="A25802" s="78"/>
      <c r="B25802" s="1179" t="s">
        <v>31281</v>
      </c>
      <c r="C25802" s="1179" t="s">
        <v>31282</v>
      </c>
      <c r="D25802" s="1179" t="s">
        <v>31283</v>
      </c>
      <c r="E25802" s="1179" t="s">
        <v>31284</v>
      </c>
      <c r="F25802" s="102" t="s">
        <v>14430</v>
      </c>
      <c r="G25802" s="102" t="s">
        <v>14431</v>
      </c>
      <c r="H25802" s="102" t="s">
        <v>14341</v>
      </c>
      <c r="I25802" s="102" t="s">
        <v>14431</v>
      </c>
      <c r="J25802" s="1182"/>
      <c r="K25802" s="1182"/>
      <c r="L25802" s="1179" t="s">
        <v>31168</v>
      </c>
    </row>
    <row r="25803" spans="1:12" s="100" customFormat="1" ht="14.25">
      <c r="A25803" s="78"/>
      <c r="B25803" s="1180"/>
      <c r="C25803" s="1180"/>
      <c r="D25803" s="1180"/>
      <c r="E25803" s="1180"/>
      <c r="F25803" s="103" t="s">
        <v>17695</v>
      </c>
      <c r="G25803" s="103" t="s">
        <v>14392</v>
      </c>
      <c r="H25803" s="103" t="s">
        <v>14367</v>
      </c>
      <c r="I25803" s="103" t="s">
        <v>14392</v>
      </c>
      <c r="J25803" s="1183"/>
      <c r="K25803" s="1183"/>
      <c r="L25803" s="1180"/>
    </row>
    <row r="25804" spans="1:12" s="100" customFormat="1" ht="12" customHeight="1" thickBot="1">
      <c r="A25804" s="78"/>
      <c r="B25804" s="1181"/>
      <c r="C25804" s="1181"/>
      <c r="D25804" s="1181"/>
      <c r="E25804" s="1181"/>
      <c r="F25804" s="104"/>
      <c r="G25804" s="104"/>
      <c r="H25804" s="105" t="s">
        <v>14332</v>
      </c>
      <c r="I25804" s="104"/>
      <c r="J25804" s="1184"/>
      <c r="K25804" s="1184"/>
      <c r="L25804" s="1181"/>
    </row>
    <row r="25805" spans="1:12" s="100" customFormat="1" ht="57">
      <c r="A25805" s="78"/>
      <c r="B25805" s="1179" t="s">
        <v>31285</v>
      </c>
      <c r="C25805" s="102" t="s">
        <v>31286</v>
      </c>
      <c r="D25805" s="1179" t="s">
        <v>31287</v>
      </c>
      <c r="E25805" s="1179" t="s">
        <v>1970</v>
      </c>
      <c r="F25805" s="102" t="s">
        <v>14376</v>
      </c>
      <c r="G25805" s="102" t="s">
        <v>14669</v>
      </c>
      <c r="H25805" s="102" t="s">
        <v>14381</v>
      </c>
      <c r="I25805" s="102" t="s">
        <v>14669</v>
      </c>
      <c r="J25805" s="1182"/>
      <c r="K25805" s="102" t="s">
        <v>31288</v>
      </c>
      <c r="L25805" s="102">
        <v>8</v>
      </c>
    </row>
    <row r="25806" spans="1:12" s="100" customFormat="1" ht="42.75">
      <c r="A25806" s="78"/>
      <c r="B25806" s="1180"/>
      <c r="C25806" s="103" t="s">
        <v>31289</v>
      </c>
      <c r="D25806" s="1180"/>
      <c r="E25806" s="1180"/>
      <c r="F25806" s="103" t="s">
        <v>14426</v>
      </c>
      <c r="G25806" s="103" t="s">
        <v>14427</v>
      </c>
      <c r="H25806" s="103" t="s">
        <v>14367</v>
      </c>
      <c r="I25806" s="103" t="s">
        <v>14427</v>
      </c>
      <c r="J25806" s="1183"/>
      <c r="K25806" s="103" t="s">
        <v>31290</v>
      </c>
      <c r="L25806" s="103" t="s">
        <v>31291</v>
      </c>
    </row>
    <row r="25807" spans="1:12" s="100" customFormat="1" ht="14.25">
      <c r="A25807" s="78"/>
      <c r="B25807" s="1180"/>
      <c r="C25807" s="106"/>
      <c r="D25807" s="1180"/>
      <c r="E25807" s="1180"/>
      <c r="F25807" s="103" t="s">
        <v>15089</v>
      </c>
      <c r="G25807" s="103" t="s">
        <v>14459</v>
      </c>
      <c r="H25807" s="103" t="s">
        <v>14332</v>
      </c>
      <c r="I25807" s="103" t="s">
        <v>14459</v>
      </c>
      <c r="J25807" s="1183"/>
      <c r="K25807" s="106"/>
      <c r="L25807" s="106"/>
    </row>
    <row r="25808" spans="1:12" s="100" customFormat="1" ht="14.25">
      <c r="A25808" s="78"/>
      <c r="B25808" s="1180"/>
      <c r="C25808" s="106"/>
      <c r="D25808" s="1180"/>
      <c r="E25808" s="1180"/>
      <c r="F25808" s="103" t="s">
        <v>15089</v>
      </c>
      <c r="G25808" s="103" t="s">
        <v>14429</v>
      </c>
      <c r="H25808" s="106"/>
      <c r="I25808" s="103" t="s">
        <v>14429</v>
      </c>
      <c r="J25808" s="1183"/>
      <c r="K25808" s="106"/>
      <c r="L25808" s="106"/>
    </row>
    <row r="25809" spans="1:12" s="100" customFormat="1" ht="14.25">
      <c r="A25809" s="78"/>
      <c r="B25809" s="1180"/>
      <c r="C25809" s="106"/>
      <c r="D25809" s="1180"/>
      <c r="E25809" s="1180"/>
      <c r="F25809" s="103" t="s">
        <v>14368</v>
      </c>
      <c r="G25809" s="103" t="s">
        <v>14388</v>
      </c>
      <c r="H25809" s="106"/>
      <c r="I25809" s="103" t="s">
        <v>14388</v>
      </c>
      <c r="J25809" s="1183"/>
      <c r="K25809" s="106"/>
      <c r="L25809" s="106"/>
    </row>
    <row r="25810" spans="1:12" s="100" customFormat="1" ht="12.75" customHeight="1">
      <c r="A25810" s="78"/>
      <c r="B25810" s="1180"/>
      <c r="C25810" s="106"/>
      <c r="D25810" s="1180"/>
      <c r="E25810" s="1180"/>
      <c r="F25810" s="103" t="s">
        <v>14389</v>
      </c>
      <c r="G25810" s="103" t="s">
        <v>14390</v>
      </c>
      <c r="H25810" s="106"/>
      <c r="I25810" s="103" t="s">
        <v>14390</v>
      </c>
      <c r="J25810" s="1183"/>
      <c r="K25810" s="106"/>
      <c r="L25810" s="106"/>
    </row>
    <row r="25811" spans="1:12" s="100" customFormat="1" ht="12" customHeight="1">
      <c r="A25811" s="78"/>
      <c r="B25811" s="1180"/>
      <c r="C25811" s="106"/>
      <c r="D25811" s="1180"/>
      <c r="E25811" s="1180"/>
      <c r="F25811" s="103" t="s">
        <v>14386</v>
      </c>
      <c r="G25811" s="103" t="s">
        <v>14387</v>
      </c>
      <c r="H25811" s="106"/>
      <c r="I25811" s="103" t="s">
        <v>14387</v>
      </c>
      <c r="J25811" s="1183"/>
      <c r="K25811" s="106"/>
      <c r="L25811" s="106"/>
    </row>
    <row r="25812" spans="1:12" s="100" customFormat="1" ht="15" thickBot="1">
      <c r="A25812" s="78"/>
      <c r="B25812" s="1181"/>
      <c r="C25812" s="104"/>
      <c r="D25812" s="1181"/>
      <c r="E25812" s="1181"/>
      <c r="F25812" s="105" t="s">
        <v>14391</v>
      </c>
      <c r="G25812" s="105" t="s">
        <v>14392</v>
      </c>
      <c r="H25812" s="104"/>
      <c r="I25812" s="105" t="s">
        <v>14392</v>
      </c>
      <c r="J25812" s="1184"/>
      <c r="K25812" s="104"/>
      <c r="L25812" s="104"/>
    </row>
    <row r="25813" spans="1:12" s="100" customFormat="1" ht="14.25">
      <c r="A25813" s="78"/>
      <c r="B25813" s="1179" t="s">
        <v>31292</v>
      </c>
      <c r="C25813" s="102" t="s">
        <v>31293</v>
      </c>
      <c r="D25813" s="1179" t="s">
        <v>77</v>
      </c>
      <c r="E25813" s="1179" t="s">
        <v>1723</v>
      </c>
      <c r="F25813" s="102" t="s">
        <v>15096</v>
      </c>
      <c r="G25813" s="102" t="s">
        <v>15097</v>
      </c>
      <c r="H25813" s="102" t="s">
        <v>14328</v>
      </c>
      <c r="I25813" s="102" t="s">
        <v>15097</v>
      </c>
      <c r="J25813" s="1182"/>
      <c r="K25813" s="1179" t="s">
        <v>31294</v>
      </c>
      <c r="L25813" s="1182"/>
    </row>
    <row r="25814" spans="1:12" s="100" customFormat="1" ht="14.25">
      <c r="A25814" s="78"/>
      <c r="B25814" s="1180"/>
      <c r="C25814" s="103" t="s">
        <v>31295</v>
      </c>
      <c r="D25814" s="1180"/>
      <c r="E25814" s="1180"/>
      <c r="F25814" s="103" t="s">
        <v>14656</v>
      </c>
      <c r="G25814" s="103" t="s">
        <v>14383</v>
      </c>
      <c r="H25814" s="103" t="s">
        <v>14378</v>
      </c>
      <c r="I25814" s="103" t="s">
        <v>14383</v>
      </c>
      <c r="J25814" s="1183"/>
      <c r="K25814" s="1180"/>
      <c r="L25814" s="1183"/>
    </row>
    <row r="25815" spans="1:12" s="100" customFormat="1" ht="14.25">
      <c r="A25815" s="78"/>
      <c r="B25815" s="1180"/>
      <c r="C25815" s="103" t="s">
        <v>31296</v>
      </c>
      <c r="D25815" s="1180"/>
      <c r="E25815" s="1180"/>
      <c r="F25815" s="103" t="s">
        <v>16919</v>
      </c>
      <c r="G25815" s="103" t="s">
        <v>21974</v>
      </c>
      <c r="H25815" s="103" t="s">
        <v>14381</v>
      </c>
      <c r="I25815" s="103" t="s">
        <v>21974</v>
      </c>
      <c r="J25815" s="1183"/>
      <c r="K25815" s="1180"/>
      <c r="L25815" s="1183"/>
    </row>
    <row r="25816" spans="1:12" s="100" customFormat="1" ht="12.75" customHeight="1">
      <c r="A25816" s="78"/>
      <c r="B25816" s="1180"/>
      <c r="C25816" s="106"/>
      <c r="D25816" s="1180"/>
      <c r="E25816" s="1180"/>
      <c r="F25816" s="103" t="s">
        <v>14389</v>
      </c>
      <c r="G25816" s="103" t="s">
        <v>14390</v>
      </c>
      <c r="H25816" s="103" t="s">
        <v>14341</v>
      </c>
      <c r="I25816" s="103" t="s">
        <v>14390</v>
      </c>
      <c r="J25816" s="1183"/>
      <c r="K25816" s="1180"/>
      <c r="L25816" s="1183"/>
    </row>
    <row r="25817" spans="1:12" s="100" customFormat="1" ht="14.25">
      <c r="A25817" s="78"/>
      <c r="B25817" s="1180"/>
      <c r="C25817" s="106"/>
      <c r="D25817" s="1180"/>
      <c r="E25817" s="1180"/>
      <c r="F25817" s="103" t="s">
        <v>14430</v>
      </c>
      <c r="G25817" s="103" t="s">
        <v>14431</v>
      </c>
      <c r="H25817" s="103" t="s">
        <v>14370</v>
      </c>
      <c r="I25817" s="103" t="s">
        <v>14431</v>
      </c>
      <c r="J25817" s="1183"/>
      <c r="K25817" s="1180"/>
      <c r="L25817" s="1183"/>
    </row>
    <row r="25818" spans="1:12" s="100" customFormat="1" ht="29.25" thickBot="1">
      <c r="A25818" s="78"/>
      <c r="B25818" s="1181"/>
      <c r="C25818" s="104"/>
      <c r="D25818" s="1181"/>
      <c r="E25818" s="1181"/>
      <c r="F25818" s="105" t="s">
        <v>14394</v>
      </c>
      <c r="G25818" s="105" t="s">
        <v>14395</v>
      </c>
      <c r="H25818" s="105" t="s">
        <v>14332</v>
      </c>
      <c r="I25818" s="105" t="s">
        <v>14395</v>
      </c>
      <c r="J25818" s="1184"/>
      <c r="K25818" s="1181"/>
      <c r="L25818" s="1184"/>
    </row>
    <row r="25819" spans="1:12" s="100" customFormat="1" ht="14.25">
      <c r="A25819" s="78"/>
      <c r="B25819" s="1179" t="s">
        <v>31297</v>
      </c>
      <c r="C25819" s="102" t="s">
        <v>31298</v>
      </c>
      <c r="D25819" s="1179" t="s">
        <v>31299</v>
      </c>
      <c r="E25819" s="1193" t="s">
        <v>31300</v>
      </c>
      <c r="F25819" s="102" t="s">
        <v>25086</v>
      </c>
      <c r="G25819" s="102" t="s">
        <v>14340</v>
      </c>
      <c r="H25819" s="102" t="s">
        <v>14341</v>
      </c>
      <c r="I25819" s="102" t="s">
        <v>14340</v>
      </c>
      <c r="J25819" s="1179" t="s">
        <v>14944</v>
      </c>
      <c r="K25819" s="102" t="s">
        <v>14557</v>
      </c>
      <c r="L25819" s="1182"/>
    </row>
    <row r="25820" spans="1:12" s="100" customFormat="1" ht="28.5">
      <c r="A25820" s="78"/>
      <c r="B25820" s="1180"/>
      <c r="C25820" s="107" t="s">
        <v>31301</v>
      </c>
      <c r="D25820" s="1180"/>
      <c r="E25820" s="1194"/>
      <c r="F25820" s="103" t="s">
        <v>14430</v>
      </c>
      <c r="G25820" s="103" t="s">
        <v>14431</v>
      </c>
      <c r="H25820" s="103" t="s">
        <v>14370</v>
      </c>
      <c r="I25820" s="103" t="s">
        <v>14373</v>
      </c>
      <c r="J25820" s="1180"/>
      <c r="K25820" s="103" t="s">
        <v>31042</v>
      </c>
      <c r="L25820" s="1183"/>
    </row>
    <row r="25821" spans="1:12" s="100" customFormat="1" ht="14.25">
      <c r="A25821" s="78"/>
      <c r="B25821" s="1180"/>
      <c r="C25821" s="103" t="s">
        <v>31302</v>
      </c>
      <c r="D25821" s="1180"/>
      <c r="E25821" s="1194"/>
      <c r="F25821" s="103" t="s">
        <v>14371</v>
      </c>
      <c r="G25821" s="103" t="s">
        <v>14372</v>
      </c>
      <c r="H25821" s="103" t="s">
        <v>14332</v>
      </c>
      <c r="I25821" s="106"/>
      <c r="J25821" s="1180"/>
      <c r="K25821" s="106"/>
      <c r="L25821" s="1183"/>
    </row>
    <row r="25822" spans="1:12" s="100" customFormat="1" ht="29.25" thickBot="1">
      <c r="A25822" s="78"/>
      <c r="B25822" s="1181"/>
      <c r="C25822" s="105" t="s">
        <v>31303</v>
      </c>
      <c r="D25822" s="1181"/>
      <c r="E25822" s="1195"/>
      <c r="F25822" s="105" t="s">
        <v>14374</v>
      </c>
      <c r="G25822" s="105" t="s">
        <v>14373</v>
      </c>
      <c r="H25822" s="104"/>
      <c r="I25822" s="104"/>
      <c r="J25822" s="1181"/>
      <c r="K25822" s="104"/>
      <c r="L25822" s="1184"/>
    </row>
    <row r="25823" spans="1:12" s="100" customFormat="1" ht="42.75">
      <c r="A25823" s="78"/>
      <c r="B25823" s="1179" t="s">
        <v>31304</v>
      </c>
      <c r="C25823" s="102" t="s">
        <v>31305</v>
      </c>
      <c r="D25823" s="1179" t="s">
        <v>77</v>
      </c>
      <c r="E25823" s="1179" t="s">
        <v>31306</v>
      </c>
      <c r="F25823" s="102" t="s">
        <v>14391</v>
      </c>
      <c r="G25823" s="102" t="s">
        <v>14392</v>
      </c>
      <c r="H25823" s="102" t="s">
        <v>14367</v>
      </c>
      <c r="I25823" s="102" t="s">
        <v>14392</v>
      </c>
      <c r="J25823" s="1182"/>
      <c r="K25823" s="102" t="s">
        <v>14863</v>
      </c>
      <c r="L25823" s="1182"/>
    </row>
    <row r="25824" spans="1:12" s="100" customFormat="1" ht="14.25">
      <c r="A25824" s="78"/>
      <c r="B25824" s="1180"/>
      <c r="C25824" s="103" t="s">
        <v>31307</v>
      </c>
      <c r="D25824" s="1180"/>
      <c r="E25824" s="1180"/>
      <c r="F25824" s="103" t="s">
        <v>14371</v>
      </c>
      <c r="G25824" s="103" t="s">
        <v>14372</v>
      </c>
      <c r="H25824" s="103" t="s">
        <v>14370</v>
      </c>
      <c r="I25824" s="103" t="s">
        <v>14373</v>
      </c>
      <c r="J25824" s="1183"/>
      <c r="K25824" s="103" t="s">
        <v>28388</v>
      </c>
      <c r="L25824" s="1183"/>
    </row>
    <row r="25825" spans="1:12" s="100" customFormat="1" ht="12.75" customHeight="1" thickBot="1">
      <c r="A25825" s="78"/>
      <c r="B25825" s="1181"/>
      <c r="C25825" s="104"/>
      <c r="D25825" s="1181"/>
      <c r="E25825" s="1181"/>
      <c r="F25825" s="105" t="s">
        <v>14374</v>
      </c>
      <c r="G25825" s="105" t="s">
        <v>14373</v>
      </c>
      <c r="H25825" s="105" t="s">
        <v>14422</v>
      </c>
      <c r="I25825" s="104"/>
      <c r="J25825" s="1184"/>
      <c r="K25825" s="104"/>
      <c r="L25825" s="1184"/>
    </row>
    <row r="25826" spans="1:12" s="100" customFormat="1" ht="14.25">
      <c r="A25826" s="78"/>
      <c r="B25826" s="1179" t="s">
        <v>31308</v>
      </c>
      <c r="C25826" s="102" t="s">
        <v>31309</v>
      </c>
      <c r="D25826" s="1179" t="s">
        <v>77</v>
      </c>
      <c r="E25826" s="1179" t="s">
        <v>31310</v>
      </c>
      <c r="F25826" s="1179" t="s">
        <v>14374</v>
      </c>
      <c r="G25826" s="1179" t="s">
        <v>14373</v>
      </c>
      <c r="H25826" s="102" t="s">
        <v>14370</v>
      </c>
      <c r="I25826" s="1179" t="s">
        <v>14373</v>
      </c>
      <c r="J25826" s="1182"/>
      <c r="K25826" s="1179" t="s">
        <v>28388</v>
      </c>
      <c r="L25826" s="1182"/>
    </row>
    <row r="25827" spans="1:12" s="100" customFormat="1" ht="46.5" customHeight="1" thickBot="1">
      <c r="A25827" s="78"/>
      <c r="B25827" s="1181"/>
      <c r="C25827" s="105" t="s">
        <v>31311</v>
      </c>
      <c r="D25827" s="1181"/>
      <c r="E25827" s="1181"/>
      <c r="F25827" s="1181"/>
      <c r="G25827" s="1181"/>
      <c r="H25827" s="105" t="s">
        <v>14422</v>
      </c>
      <c r="I25827" s="1181"/>
      <c r="J25827" s="1184"/>
      <c r="K25827" s="1181"/>
      <c r="L25827" s="1184"/>
    </row>
    <row r="25828" spans="1:12" s="100" customFormat="1" ht="60" customHeight="1">
      <c r="A25828" s="78"/>
      <c r="B25828" s="1179" t="s">
        <v>31312</v>
      </c>
      <c r="C25828" s="1179" t="s">
        <v>31313</v>
      </c>
      <c r="D25828" s="1179" t="s">
        <v>31314</v>
      </c>
      <c r="E25828" s="1179" t="s">
        <v>1897</v>
      </c>
      <c r="F25828" s="102" t="s">
        <v>14424</v>
      </c>
      <c r="G25828" s="102" t="s">
        <v>17083</v>
      </c>
      <c r="H25828" s="102" t="s">
        <v>14381</v>
      </c>
      <c r="I25828" s="102" t="s">
        <v>17083</v>
      </c>
      <c r="J25828" s="1182"/>
      <c r="K25828" s="102" t="s">
        <v>31315</v>
      </c>
      <c r="L25828" s="1182"/>
    </row>
    <row r="25829" spans="1:12" s="100" customFormat="1" ht="42.75">
      <c r="A25829" s="78"/>
      <c r="B25829" s="1180"/>
      <c r="C25829" s="1180"/>
      <c r="D25829" s="1180"/>
      <c r="E25829" s="1180"/>
      <c r="F25829" s="103" t="s">
        <v>14700</v>
      </c>
      <c r="G25829" s="103" t="s">
        <v>14380</v>
      </c>
      <c r="H25829" s="103" t="s">
        <v>14378</v>
      </c>
      <c r="I25829" s="103" t="s">
        <v>14380</v>
      </c>
      <c r="J25829" s="1183"/>
      <c r="K25829" s="103" t="s">
        <v>31316</v>
      </c>
      <c r="L25829" s="1183"/>
    </row>
    <row r="25830" spans="1:12" s="100" customFormat="1" ht="14.25">
      <c r="A25830" s="78"/>
      <c r="B25830" s="1180"/>
      <c r="C25830" s="1180"/>
      <c r="D25830" s="1180"/>
      <c r="E25830" s="1180"/>
      <c r="F25830" s="103" t="s">
        <v>14656</v>
      </c>
      <c r="G25830" s="103" t="s">
        <v>14383</v>
      </c>
      <c r="H25830" s="103" t="s">
        <v>14341</v>
      </c>
      <c r="I25830" s="103" t="s">
        <v>14383</v>
      </c>
      <c r="J25830" s="1183"/>
      <c r="K25830" s="103" t="s">
        <v>15400</v>
      </c>
      <c r="L25830" s="1183"/>
    </row>
    <row r="25831" spans="1:12" s="100" customFormat="1" ht="14.25">
      <c r="A25831" s="78"/>
      <c r="B25831" s="1180"/>
      <c r="C25831" s="1180"/>
      <c r="D25831" s="1180"/>
      <c r="E25831" s="1180"/>
      <c r="F25831" s="103" t="s">
        <v>14384</v>
      </c>
      <c r="G25831" s="103" t="s">
        <v>15088</v>
      </c>
      <c r="H25831" s="103" t="s">
        <v>14370</v>
      </c>
      <c r="I25831" s="103" t="s">
        <v>15088</v>
      </c>
      <c r="J25831" s="1183"/>
      <c r="K25831" s="103" t="s">
        <v>28375</v>
      </c>
      <c r="L25831" s="1183"/>
    </row>
    <row r="25832" spans="1:12" s="100" customFormat="1" ht="14.25">
      <c r="A25832" s="78"/>
      <c r="B25832" s="1180"/>
      <c r="C25832" s="1180"/>
      <c r="D25832" s="1180"/>
      <c r="E25832" s="1180"/>
      <c r="F25832" s="103" t="s">
        <v>14430</v>
      </c>
      <c r="G25832" s="103" t="s">
        <v>14431</v>
      </c>
      <c r="H25832" s="103" t="s">
        <v>14332</v>
      </c>
      <c r="I25832" s="103" t="s">
        <v>14431</v>
      </c>
      <c r="J25832" s="1183"/>
      <c r="K25832" s="106"/>
      <c r="L25832" s="1183"/>
    </row>
    <row r="25833" spans="1:12" s="100" customFormat="1" ht="14.25">
      <c r="A25833" s="78"/>
      <c r="B25833" s="1180"/>
      <c r="C25833" s="1180"/>
      <c r="D25833" s="1180"/>
      <c r="E25833" s="1180"/>
      <c r="F25833" s="103" t="s">
        <v>14371</v>
      </c>
      <c r="G25833" s="103" t="s">
        <v>14372</v>
      </c>
      <c r="H25833" s="106"/>
      <c r="I25833" s="103" t="s">
        <v>14373</v>
      </c>
      <c r="J25833" s="1183"/>
      <c r="K25833" s="106"/>
      <c r="L25833" s="1183"/>
    </row>
    <row r="25834" spans="1:12" s="100" customFormat="1" ht="29.25" thickBot="1">
      <c r="A25834" s="78"/>
      <c r="B25834" s="1181"/>
      <c r="C25834" s="1181"/>
      <c r="D25834" s="1181"/>
      <c r="E25834" s="1181"/>
      <c r="F25834" s="105" t="s">
        <v>14374</v>
      </c>
      <c r="G25834" s="105" t="s">
        <v>14373</v>
      </c>
      <c r="H25834" s="104"/>
      <c r="I25834" s="104"/>
      <c r="J25834" s="1184"/>
      <c r="K25834" s="104"/>
      <c r="L25834" s="1184"/>
    </row>
    <row r="25835" spans="1:12" s="100" customFormat="1" ht="42.75">
      <c r="A25835" s="78"/>
      <c r="B25835" s="1179" t="s">
        <v>31317</v>
      </c>
      <c r="C25835" s="102" t="s">
        <v>31318</v>
      </c>
      <c r="D25835" s="1179" t="s">
        <v>31319</v>
      </c>
      <c r="E25835" s="1179" t="s">
        <v>31320</v>
      </c>
      <c r="F25835" s="102" t="s">
        <v>14424</v>
      </c>
      <c r="G25835" s="102" t="s">
        <v>14425</v>
      </c>
      <c r="H25835" s="102" t="s">
        <v>14381</v>
      </c>
      <c r="I25835" s="102" t="s">
        <v>14425</v>
      </c>
      <c r="J25835" s="1182"/>
      <c r="K25835" s="102" t="s">
        <v>30977</v>
      </c>
      <c r="L25835" s="1182"/>
    </row>
    <row r="25836" spans="1:12" s="100" customFormat="1" ht="28.5">
      <c r="A25836" s="78"/>
      <c r="B25836" s="1180"/>
      <c r="C25836" s="103" t="s">
        <v>31321</v>
      </c>
      <c r="D25836" s="1180"/>
      <c r="E25836" s="1180"/>
      <c r="F25836" s="103" t="s">
        <v>15089</v>
      </c>
      <c r="G25836" s="103" t="s">
        <v>14429</v>
      </c>
      <c r="H25836" s="103" t="s">
        <v>14367</v>
      </c>
      <c r="I25836" s="103" t="s">
        <v>14429</v>
      </c>
      <c r="J25836" s="1183"/>
      <c r="K25836" s="103" t="s">
        <v>14557</v>
      </c>
      <c r="L25836" s="1183"/>
    </row>
    <row r="25837" spans="1:12" s="100" customFormat="1" ht="14.25">
      <c r="A25837" s="78"/>
      <c r="B25837" s="1180"/>
      <c r="C25837" s="106"/>
      <c r="D25837" s="1180"/>
      <c r="E25837" s="1180"/>
      <c r="F25837" s="103" t="s">
        <v>14391</v>
      </c>
      <c r="G25837" s="103" t="s">
        <v>14392</v>
      </c>
      <c r="H25837" s="103" t="s">
        <v>14370</v>
      </c>
      <c r="I25837" s="103" t="s">
        <v>14392</v>
      </c>
      <c r="J25837" s="1183"/>
      <c r="K25837" s="103" t="s">
        <v>31224</v>
      </c>
      <c r="L25837" s="1183"/>
    </row>
    <row r="25838" spans="1:12" s="100" customFormat="1" ht="14.25">
      <c r="A25838" s="78"/>
      <c r="B25838" s="1180"/>
      <c r="C25838" s="106"/>
      <c r="D25838" s="1180"/>
      <c r="E25838" s="1180"/>
      <c r="F25838" s="103" t="s">
        <v>14371</v>
      </c>
      <c r="G25838" s="103" t="s">
        <v>14372</v>
      </c>
      <c r="H25838" s="103" t="s">
        <v>14332</v>
      </c>
      <c r="I25838" s="103" t="s">
        <v>14373</v>
      </c>
      <c r="J25838" s="1183"/>
      <c r="K25838" s="106"/>
      <c r="L25838" s="1183"/>
    </row>
    <row r="25839" spans="1:12" s="100" customFormat="1" ht="29.25" thickBot="1">
      <c r="A25839" s="78"/>
      <c r="B25839" s="1181"/>
      <c r="C25839" s="104"/>
      <c r="D25839" s="1181"/>
      <c r="E25839" s="1181"/>
      <c r="F25839" s="105" t="s">
        <v>14374</v>
      </c>
      <c r="G25839" s="105" t="s">
        <v>14373</v>
      </c>
      <c r="H25839" s="104"/>
      <c r="I25839" s="104"/>
      <c r="J25839" s="1184"/>
      <c r="K25839" s="104"/>
      <c r="L25839" s="1184"/>
    </row>
    <row r="25840" spans="1:12" s="100" customFormat="1" ht="60" customHeight="1">
      <c r="A25840" s="78"/>
      <c r="B25840" s="1179" t="s">
        <v>31322</v>
      </c>
      <c r="C25840" s="1179" t="s">
        <v>31323</v>
      </c>
      <c r="D25840" s="1179" t="s">
        <v>31324</v>
      </c>
      <c r="E25840" s="1179" t="s">
        <v>1616</v>
      </c>
      <c r="F25840" s="102" t="s">
        <v>14700</v>
      </c>
      <c r="G25840" s="102" t="s">
        <v>14380</v>
      </c>
      <c r="H25840" s="102" t="s">
        <v>14378</v>
      </c>
      <c r="I25840" s="102" t="s">
        <v>14380</v>
      </c>
      <c r="J25840" s="1179" t="s">
        <v>14944</v>
      </c>
      <c r="K25840" s="102" t="s">
        <v>31325</v>
      </c>
      <c r="L25840" s="1182"/>
    </row>
    <row r="25841" spans="1:12" s="100" customFormat="1" ht="42.75">
      <c r="A25841" s="78"/>
      <c r="B25841" s="1180"/>
      <c r="C25841" s="1180"/>
      <c r="D25841" s="1180"/>
      <c r="E25841" s="1180"/>
      <c r="F25841" s="103" t="s">
        <v>15089</v>
      </c>
      <c r="G25841" s="103" t="s">
        <v>14429</v>
      </c>
      <c r="H25841" s="103" t="s">
        <v>14341</v>
      </c>
      <c r="I25841" s="103" t="s">
        <v>14429</v>
      </c>
      <c r="J25841" s="1180"/>
      <c r="K25841" s="103" t="s">
        <v>31326</v>
      </c>
      <c r="L25841" s="1183"/>
    </row>
    <row r="25842" spans="1:12" s="100" customFormat="1" ht="42.75">
      <c r="A25842" s="78"/>
      <c r="B25842" s="1180"/>
      <c r="C25842" s="1180"/>
      <c r="D25842" s="1180"/>
      <c r="E25842" s="1180"/>
      <c r="F25842" s="103" t="s">
        <v>25086</v>
      </c>
      <c r="G25842" s="103" t="s">
        <v>14340</v>
      </c>
      <c r="H25842" s="103" t="s">
        <v>14370</v>
      </c>
      <c r="I25842" s="103" t="s">
        <v>14340</v>
      </c>
      <c r="J25842" s="1180"/>
      <c r="K25842" s="103" t="s">
        <v>31327</v>
      </c>
      <c r="L25842" s="1183"/>
    </row>
    <row r="25843" spans="1:12" s="100" customFormat="1" ht="42.75">
      <c r="A25843" s="78"/>
      <c r="B25843" s="1180"/>
      <c r="C25843" s="1180"/>
      <c r="D25843" s="1180"/>
      <c r="E25843" s="1180"/>
      <c r="F25843" s="103" t="s">
        <v>14430</v>
      </c>
      <c r="G25843" s="103" t="s">
        <v>14431</v>
      </c>
      <c r="H25843" s="103" t="s">
        <v>14332</v>
      </c>
      <c r="I25843" s="103" t="s">
        <v>14392</v>
      </c>
      <c r="J25843" s="1180"/>
      <c r="K25843" s="103" t="s">
        <v>31328</v>
      </c>
      <c r="L25843" s="1183"/>
    </row>
    <row r="25844" spans="1:12" s="100" customFormat="1" ht="42.75">
      <c r="A25844" s="78"/>
      <c r="B25844" s="1180"/>
      <c r="C25844" s="1180"/>
      <c r="D25844" s="1180"/>
      <c r="E25844" s="1180"/>
      <c r="F25844" s="103" t="s">
        <v>17088</v>
      </c>
      <c r="G25844" s="103" t="s">
        <v>14392</v>
      </c>
      <c r="H25844" s="106"/>
      <c r="I25844" s="103" t="s">
        <v>14373</v>
      </c>
      <c r="J25844" s="1180"/>
      <c r="K25844" s="103" t="s">
        <v>28399</v>
      </c>
      <c r="L25844" s="1183"/>
    </row>
    <row r="25845" spans="1:12" s="100" customFormat="1" ht="14.25">
      <c r="A25845" s="78"/>
      <c r="B25845" s="1180"/>
      <c r="C25845" s="1180"/>
      <c r="D25845" s="1180"/>
      <c r="E25845" s="1180"/>
      <c r="F25845" s="103" t="s">
        <v>14371</v>
      </c>
      <c r="G25845" s="103" t="s">
        <v>14372</v>
      </c>
      <c r="H25845" s="106"/>
      <c r="I25845" s="106"/>
      <c r="J25845" s="1180"/>
      <c r="K25845" s="103" t="s">
        <v>14557</v>
      </c>
      <c r="L25845" s="1183"/>
    </row>
    <row r="25846" spans="1:12" s="100" customFormat="1" ht="29.25" thickBot="1">
      <c r="A25846" s="78"/>
      <c r="B25846" s="1181"/>
      <c r="C25846" s="1181"/>
      <c r="D25846" s="1181"/>
      <c r="E25846" s="1181"/>
      <c r="F25846" s="105" t="s">
        <v>14374</v>
      </c>
      <c r="G25846" s="105" t="s">
        <v>14373</v>
      </c>
      <c r="H25846" s="104"/>
      <c r="I25846" s="104"/>
      <c r="J25846" s="1181"/>
      <c r="K25846" s="105" t="s">
        <v>31224</v>
      </c>
      <c r="L25846" s="1184"/>
    </row>
    <row r="25847" spans="1:12" s="100" customFormat="1" ht="42.75">
      <c r="A25847" s="78"/>
      <c r="B25847" s="1179" t="s">
        <v>31329</v>
      </c>
      <c r="C25847" s="102" t="s">
        <v>31330</v>
      </c>
      <c r="D25847" s="1179" t="s">
        <v>77</v>
      </c>
      <c r="E25847" s="1179" t="s">
        <v>31331</v>
      </c>
      <c r="F25847" s="102" t="s">
        <v>15089</v>
      </c>
      <c r="G25847" s="102" t="s">
        <v>14421</v>
      </c>
      <c r="H25847" s="102" t="s">
        <v>14378</v>
      </c>
      <c r="I25847" s="102" t="s">
        <v>14421</v>
      </c>
      <c r="J25847" s="1179" t="s">
        <v>14944</v>
      </c>
      <c r="K25847" s="102" t="s">
        <v>31332</v>
      </c>
      <c r="L25847" s="1182"/>
    </row>
    <row r="25848" spans="1:12" s="100" customFormat="1" ht="42.75">
      <c r="A25848" s="78"/>
      <c r="B25848" s="1180"/>
      <c r="C25848" s="103" t="s">
        <v>31333</v>
      </c>
      <c r="D25848" s="1180"/>
      <c r="E25848" s="1180"/>
      <c r="F25848" s="103" t="s">
        <v>14656</v>
      </c>
      <c r="G25848" s="103" t="s">
        <v>14383</v>
      </c>
      <c r="H25848" s="103" t="s">
        <v>14341</v>
      </c>
      <c r="I25848" s="103" t="s">
        <v>14383</v>
      </c>
      <c r="J25848" s="1180"/>
      <c r="K25848" s="103" t="s">
        <v>31334</v>
      </c>
      <c r="L25848" s="1183"/>
    </row>
    <row r="25849" spans="1:12" s="100" customFormat="1" ht="42.75">
      <c r="A25849" s="78"/>
      <c r="B25849" s="1180"/>
      <c r="C25849" s="106"/>
      <c r="D25849" s="1180"/>
      <c r="E25849" s="1180"/>
      <c r="F25849" s="103" t="s">
        <v>15892</v>
      </c>
      <c r="G25849" s="103" t="s">
        <v>14340</v>
      </c>
      <c r="H25849" s="103" t="s">
        <v>14370</v>
      </c>
      <c r="I25849" s="103" t="s">
        <v>14340</v>
      </c>
      <c r="J25849" s="1180"/>
      <c r="K25849" s="103" t="s">
        <v>28399</v>
      </c>
      <c r="L25849" s="1183"/>
    </row>
    <row r="25850" spans="1:12" s="100" customFormat="1" ht="14.25">
      <c r="A25850" s="78"/>
      <c r="B25850" s="1180"/>
      <c r="C25850" s="106"/>
      <c r="D25850" s="1180"/>
      <c r="E25850" s="1180"/>
      <c r="F25850" s="103" t="s">
        <v>14430</v>
      </c>
      <c r="G25850" s="103" t="s">
        <v>14431</v>
      </c>
      <c r="H25850" s="103" t="s">
        <v>14332</v>
      </c>
      <c r="I25850" s="103" t="s">
        <v>14392</v>
      </c>
      <c r="J25850" s="1180"/>
      <c r="K25850" s="103" t="s">
        <v>28388</v>
      </c>
      <c r="L25850" s="1183"/>
    </row>
    <row r="25851" spans="1:12" s="100" customFormat="1" ht="14.25">
      <c r="A25851" s="78"/>
      <c r="B25851" s="1180"/>
      <c r="C25851" s="106"/>
      <c r="D25851" s="1180"/>
      <c r="E25851" s="1180"/>
      <c r="F25851" s="103" t="s">
        <v>17088</v>
      </c>
      <c r="G25851" s="103" t="s">
        <v>14392</v>
      </c>
      <c r="H25851" s="106"/>
      <c r="I25851" s="103" t="s">
        <v>14373</v>
      </c>
      <c r="J25851" s="1180"/>
      <c r="K25851" s="106"/>
      <c r="L25851" s="1183"/>
    </row>
    <row r="25852" spans="1:12" s="100" customFormat="1" ht="14.25">
      <c r="A25852" s="78"/>
      <c r="B25852" s="1180"/>
      <c r="C25852" s="106"/>
      <c r="D25852" s="1180"/>
      <c r="E25852" s="1180"/>
      <c r="F25852" s="103" t="s">
        <v>14371</v>
      </c>
      <c r="G25852" s="103" t="s">
        <v>14372</v>
      </c>
      <c r="H25852" s="106"/>
      <c r="I25852" s="106"/>
      <c r="J25852" s="1180"/>
      <c r="K25852" s="106"/>
      <c r="L25852" s="1183"/>
    </row>
    <row r="25853" spans="1:12" s="100" customFormat="1" ht="29.25" thickBot="1">
      <c r="A25853" s="78"/>
      <c r="B25853" s="1181"/>
      <c r="C25853" s="104"/>
      <c r="D25853" s="1181"/>
      <c r="E25853" s="1181"/>
      <c r="F25853" s="105" t="s">
        <v>14394</v>
      </c>
      <c r="G25853" s="105" t="s">
        <v>14395</v>
      </c>
      <c r="H25853" s="104"/>
      <c r="I25853" s="104"/>
      <c r="J25853" s="1181"/>
      <c r="K25853" s="104"/>
      <c r="L25853" s="1184"/>
    </row>
    <row r="25854" spans="1:12" s="100" customFormat="1" ht="28.5">
      <c r="A25854" s="78"/>
      <c r="B25854" s="1179" t="s">
        <v>31335</v>
      </c>
      <c r="C25854" s="102" t="s">
        <v>31336</v>
      </c>
      <c r="D25854" s="1179" t="s">
        <v>77</v>
      </c>
      <c r="E25854" s="1179" t="s">
        <v>31337</v>
      </c>
      <c r="F25854" s="102" t="s">
        <v>17277</v>
      </c>
      <c r="G25854" s="102" t="s">
        <v>17278</v>
      </c>
      <c r="H25854" s="102" t="s">
        <v>14370</v>
      </c>
      <c r="I25854" s="102" t="s">
        <v>17278</v>
      </c>
      <c r="J25854" s="1182"/>
      <c r="K25854" s="102" t="s">
        <v>14863</v>
      </c>
      <c r="L25854" s="1182"/>
    </row>
    <row r="25855" spans="1:12" s="100" customFormat="1" ht="14.25">
      <c r="A25855" s="78"/>
      <c r="B25855" s="1180"/>
      <c r="C25855" s="103" t="s">
        <v>31338</v>
      </c>
      <c r="D25855" s="1180"/>
      <c r="E25855" s="1180"/>
      <c r="F25855" s="103" t="s">
        <v>14371</v>
      </c>
      <c r="G25855" s="103" t="s">
        <v>14372</v>
      </c>
      <c r="H25855" s="103" t="s">
        <v>14422</v>
      </c>
      <c r="I25855" s="103" t="s">
        <v>14373</v>
      </c>
      <c r="J25855" s="1183"/>
      <c r="K25855" s="103" t="s">
        <v>28388</v>
      </c>
      <c r="L25855" s="1183"/>
    </row>
    <row r="25856" spans="1:12" s="100" customFormat="1" ht="29.25" thickBot="1">
      <c r="A25856" s="78"/>
      <c r="B25856" s="1181"/>
      <c r="C25856" s="104"/>
      <c r="D25856" s="1181"/>
      <c r="E25856" s="1181"/>
      <c r="F25856" s="105" t="s">
        <v>14374</v>
      </c>
      <c r="G25856" s="105" t="s">
        <v>14373</v>
      </c>
      <c r="H25856" s="104"/>
      <c r="I25856" s="104"/>
      <c r="J25856" s="1184"/>
      <c r="K25856" s="104"/>
      <c r="L25856" s="1184"/>
    </row>
    <row r="25857" spans="1:12" s="100" customFormat="1" ht="12.75" customHeight="1">
      <c r="A25857" s="78"/>
      <c r="B25857" s="1179" t="s">
        <v>31339</v>
      </c>
      <c r="C25857" s="1190" t="s">
        <v>31340</v>
      </c>
      <c r="D25857" s="1179" t="s">
        <v>31341</v>
      </c>
      <c r="E25857" s="1179" t="s">
        <v>31342</v>
      </c>
      <c r="F25857" s="102" t="s">
        <v>14376</v>
      </c>
      <c r="G25857" s="102" t="s">
        <v>14669</v>
      </c>
      <c r="H25857" s="102" t="s">
        <v>14381</v>
      </c>
      <c r="I25857" s="102" t="s">
        <v>14669</v>
      </c>
      <c r="J25857" s="1182"/>
      <c r="K25857" s="1182"/>
      <c r="L25857" s="1182"/>
    </row>
    <row r="25858" spans="1:12" s="100" customFormat="1" ht="12" customHeight="1">
      <c r="A25858" s="78"/>
      <c r="B25858" s="1180"/>
      <c r="C25858" s="1191"/>
      <c r="D25858" s="1180"/>
      <c r="E25858" s="1180"/>
      <c r="F25858" s="103" t="s">
        <v>14889</v>
      </c>
      <c r="G25858" s="103" t="s">
        <v>14890</v>
      </c>
      <c r="H25858" s="103" t="s">
        <v>14332</v>
      </c>
      <c r="I25858" s="103" t="s">
        <v>14890</v>
      </c>
      <c r="J25858" s="1183"/>
      <c r="K25858" s="1183"/>
      <c r="L25858" s="1183"/>
    </row>
    <row r="25859" spans="1:12" s="100" customFormat="1" ht="57.75" thickBot="1">
      <c r="A25859" s="78"/>
      <c r="B25859" s="1181"/>
      <c r="C25859" s="1192"/>
      <c r="D25859" s="1181"/>
      <c r="E25859" s="1181"/>
      <c r="F25859" s="105" t="s">
        <v>14384</v>
      </c>
      <c r="G25859" s="105" t="s">
        <v>31343</v>
      </c>
      <c r="H25859" s="104"/>
      <c r="I25859" s="105" t="s">
        <v>31344</v>
      </c>
      <c r="J25859" s="1184"/>
      <c r="K25859" s="1184"/>
      <c r="L25859" s="1184"/>
    </row>
    <row r="25860" spans="1:12" s="100" customFormat="1" ht="57">
      <c r="A25860" s="78"/>
      <c r="B25860" s="1179" t="s">
        <v>31345</v>
      </c>
      <c r="C25860" s="102" t="s">
        <v>31346</v>
      </c>
      <c r="D25860" s="1179" t="s">
        <v>77</v>
      </c>
      <c r="E25860" s="1179" t="s">
        <v>31347</v>
      </c>
      <c r="F25860" s="102" t="s">
        <v>14443</v>
      </c>
      <c r="G25860" s="102" t="s">
        <v>14444</v>
      </c>
      <c r="H25860" s="102" t="s">
        <v>14381</v>
      </c>
      <c r="I25860" s="102" t="s">
        <v>14444</v>
      </c>
      <c r="J25860" s="1182"/>
      <c r="K25860" s="102" t="s">
        <v>14863</v>
      </c>
      <c r="L25860" s="1182"/>
    </row>
    <row r="25861" spans="1:12" s="100" customFormat="1" ht="12" customHeight="1">
      <c r="A25861" s="78"/>
      <c r="B25861" s="1180"/>
      <c r="C25861" s="103" t="s">
        <v>31348</v>
      </c>
      <c r="D25861" s="1180"/>
      <c r="E25861" s="1180"/>
      <c r="F25861" s="103" t="s">
        <v>14371</v>
      </c>
      <c r="G25861" s="103" t="s">
        <v>14372</v>
      </c>
      <c r="H25861" s="103" t="s">
        <v>14370</v>
      </c>
      <c r="I25861" s="103" t="s">
        <v>14373</v>
      </c>
      <c r="J25861" s="1183"/>
      <c r="K25861" s="103" t="s">
        <v>28388</v>
      </c>
      <c r="L25861" s="1183"/>
    </row>
    <row r="25862" spans="1:12" s="100" customFormat="1" ht="12.75" customHeight="1" thickBot="1">
      <c r="A25862" s="78"/>
      <c r="B25862" s="1181"/>
      <c r="C25862" s="104"/>
      <c r="D25862" s="1181"/>
      <c r="E25862" s="1181"/>
      <c r="F25862" s="105" t="s">
        <v>14374</v>
      </c>
      <c r="G25862" s="105" t="s">
        <v>14373</v>
      </c>
      <c r="H25862" s="105" t="s">
        <v>14422</v>
      </c>
      <c r="I25862" s="104"/>
      <c r="J25862" s="1184"/>
      <c r="K25862" s="104"/>
      <c r="L25862" s="1184"/>
    </row>
    <row r="25863" spans="1:12" s="100" customFormat="1" ht="14.25">
      <c r="A25863" s="78"/>
      <c r="B25863" s="1179" t="s">
        <v>31349</v>
      </c>
      <c r="C25863" s="102" t="s">
        <v>31350</v>
      </c>
      <c r="D25863" s="1179" t="s">
        <v>77</v>
      </c>
      <c r="E25863" s="1179" t="s">
        <v>31351</v>
      </c>
      <c r="F25863" s="1179" t="s">
        <v>14443</v>
      </c>
      <c r="G25863" s="1179" t="s">
        <v>14444</v>
      </c>
      <c r="H25863" s="102" t="s">
        <v>14381</v>
      </c>
      <c r="I25863" s="1179" t="s">
        <v>31352</v>
      </c>
      <c r="J25863" s="1182"/>
      <c r="K25863" s="1182"/>
      <c r="L25863" s="1182"/>
    </row>
    <row r="25864" spans="1:12" s="100" customFormat="1" ht="43.5" thickBot="1">
      <c r="A25864" s="78"/>
      <c r="B25864" s="1181"/>
      <c r="C25864" s="105" t="s">
        <v>31353</v>
      </c>
      <c r="D25864" s="1181"/>
      <c r="E25864" s="1181"/>
      <c r="F25864" s="1181"/>
      <c r="G25864" s="1181"/>
      <c r="H25864" s="105" t="s">
        <v>14422</v>
      </c>
      <c r="I25864" s="1181"/>
      <c r="J25864" s="1184"/>
      <c r="K25864" s="1184"/>
      <c r="L25864" s="1184"/>
    </row>
    <row r="25865" spans="1:12" s="100" customFormat="1" ht="14.25">
      <c r="A25865" s="78"/>
      <c r="B25865" s="1179" t="s">
        <v>31354</v>
      </c>
      <c r="C25865" s="102" t="s">
        <v>31355</v>
      </c>
      <c r="D25865" s="1179" t="s">
        <v>77</v>
      </c>
      <c r="E25865" s="1179" t="s">
        <v>31356</v>
      </c>
      <c r="F25865" s="102" t="s">
        <v>16919</v>
      </c>
      <c r="G25865" s="102" t="s">
        <v>17203</v>
      </c>
      <c r="H25865" s="102" t="s">
        <v>14381</v>
      </c>
      <c r="I25865" s="102" t="s">
        <v>17203</v>
      </c>
      <c r="J25865" s="1182"/>
      <c r="K25865" s="1182"/>
      <c r="L25865" s="1182"/>
    </row>
    <row r="25866" spans="1:12" s="100" customFormat="1" ht="28.5">
      <c r="A25866" s="78"/>
      <c r="B25866" s="1180"/>
      <c r="C25866" s="107" t="s">
        <v>31357</v>
      </c>
      <c r="D25866" s="1180"/>
      <c r="E25866" s="1180"/>
      <c r="F25866" s="103" t="s">
        <v>14394</v>
      </c>
      <c r="G25866" s="103" t="s">
        <v>14395</v>
      </c>
      <c r="H25866" s="103" t="s">
        <v>14370</v>
      </c>
      <c r="I25866" s="103" t="s">
        <v>31197</v>
      </c>
      <c r="J25866" s="1183"/>
      <c r="K25866" s="1183"/>
      <c r="L25866" s="1183"/>
    </row>
    <row r="25867" spans="1:12" s="100" customFormat="1" ht="12.75" customHeight="1" thickBot="1">
      <c r="A25867" s="78"/>
      <c r="B25867" s="1181"/>
      <c r="C25867" s="104"/>
      <c r="D25867" s="1181"/>
      <c r="E25867" s="1181"/>
      <c r="F25867" s="104"/>
      <c r="G25867" s="104"/>
      <c r="H25867" s="105" t="s">
        <v>14422</v>
      </c>
      <c r="I25867" s="104"/>
      <c r="J25867" s="1184"/>
      <c r="K25867" s="1184"/>
      <c r="L25867" s="1184"/>
    </row>
    <row r="25868" spans="1:12" s="100" customFormat="1" ht="43.5" thickBot="1">
      <c r="A25868" s="78"/>
      <c r="B25868" s="108" t="s">
        <v>31358</v>
      </c>
      <c r="C25868" s="108" t="s">
        <v>31359</v>
      </c>
      <c r="D25868" s="108" t="s">
        <v>31360</v>
      </c>
      <c r="E25868" s="108" t="s">
        <v>1834</v>
      </c>
      <c r="F25868" s="108" t="s">
        <v>14472</v>
      </c>
      <c r="G25868" s="108" t="s">
        <v>14473</v>
      </c>
      <c r="H25868" s="72"/>
      <c r="I25868" s="108" t="s">
        <v>31361</v>
      </c>
      <c r="J25868" s="72"/>
      <c r="K25868" s="72"/>
      <c r="L25868" s="72"/>
    </row>
    <row r="25869" spans="1:12" s="100" customFormat="1" ht="12.75" customHeight="1">
      <c r="A25869" s="78"/>
      <c r="B25869" s="109"/>
      <c r="C25869" s="109"/>
      <c r="D25869" s="109"/>
      <c r="E25869" s="109"/>
      <c r="F25869" s="109"/>
      <c r="G25869" s="109"/>
      <c r="H25869" s="73"/>
      <c r="I25869" s="109"/>
      <c r="J25869" s="73"/>
      <c r="K25869" s="73"/>
      <c r="L25869" s="73"/>
    </row>
    <row r="25870" spans="1:12" s="100" customFormat="1" ht="42.75" customHeight="1" thickBot="1">
      <c r="A25870" s="78"/>
      <c r="B25870" s="1206" t="s">
        <v>31362</v>
      </c>
      <c r="C25870" s="1206"/>
      <c r="D25870" s="1206"/>
      <c r="E25870" s="1206"/>
      <c r="F25870" s="1206"/>
      <c r="G25870" s="1206"/>
      <c r="H25870" s="1206"/>
      <c r="I25870" s="1206"/>
      <c r="J25870" s="1206"/>
      <c r="K25870" s="1206"/>
      <c r="L25870" s="1206"/>
    </row>
    <row r="25871" spans="1:12" s="100" customFormat="1" ht="12.75" customHeight="1" thickBot="1">
      <c r="A25871" s="78"/>
      <c r="B25871" s="1185" t="s">
        <v>9045</v>
      </c>
      <c r="C25871" s="1185" t="s">
        <v>28372</v>
      </c>
      <c r="D25871" s="1185" t="s">
        <v>8</v>
      </c>
      <c r="E25871" s="1185" t="s">
        <v>8349</v>
      </c>
      <c r="F25871" s="1187" t="s">
        <v>586</v>
      </c>
      <c r="G25871" s="1188"/>
      <c r="H25871" s="1187" t="s">
        <v>14317</v>
      </c>
      <c r="I25871" s="1189"/>
      <c r="J25871" s="1188"/>
      <c r="K25871" s="1185" t="s">
        <v>31162</v>
      </c>
      <c r="L25871" s="1185" t="s">
        <v>9046</v>
      </c>
    </row>
    <row r="25872" spans="1:12" s="100" customFormat="1" ht="57.75" thickBot="1">
      <c r="A25872" s="78"/>
      <c r="B25872" s="1186"/>
      <c r="C25872" s="1186"/>
      <c r="D25872" s="1186"/>
      <c r="E25872" s="1186"/>
      <c r="F25872" s="101" t="s">
        <v>14318</v>
      </c>
      <c r="G25872" s="101" t="s">
        <v>14319</v>
      </c>
      <c r="H25872" s="101" t="s">
        <v>14320</v>
      </c>
      <c r="I25872" s="101" t="s">
        <v>14319</v>
      </c>
      <c r="J25872" s="101" t="s">
        <v>14321</v>
      </c>
      <c r="K25872" s="1186"/>
      <c r="L25872" s="1186"/>
    </row>
    <row r="25873" spans="1:12" s="100" customFormat="1" ht="42.75">
      <c r="A25873" s="78"/>
      <c r="B25873" s="1179" t="s">
        <v>31363</v>
      </c>
      <c r="C25873" s="1179" t="s">
        <v>31364</v>
      </c>
      <c r="D25873" s="1179" t="s">
        <v>14941</v>
      </c>
      <c r="E25873" s="1179" t="s">
        <v>14942</v>
      </c>
      <c r="F25873" s="102" t="s">
        <v>14943</v>
      </c>
      <c r="G25873" s="102" t="s">
        <v>14478</v>
      </c>
      <c r="H25873" s="102" t="s">
        <v>14479</v>
      </c>
      <c r="I25873" s="102" t="s">
        <v>14478</v>
      </c>
      <c r="J25873" s="1179" t="s">
        <v>14944</v>
      </c>
      <c r="K25873" s="102" t="s">
        <v>31365</v>
      </c>
      <c r="L25873" s="1179" t="s">
        <v>31168</v>
      </c>
    </row>
    <row r="25874" spans="1:12" s="100" customFormat="1" ht="42.75">
      <c r="A25874" s="78"/>
      <c r="B25874" s="1180"/>
      <c r="C25874" s="1180"/>
      <c r="D25874" s="1180"/>
      <c r="E25874" s="1180"/>
      <c r="F25874" s="103" t="s">
        <v>14530</v>
      </c>
      <c r="G25874" s="103" t="s">
        <v>14380</v>
      </c>
      <c r="H25874" s="103" t="s">
        <v>14378</v>
      </c>
      <c r="I25874" s="103" t="s">
        <v>14380</v>
      </c>
      <c r="J25874" s="1180"/>
      <c r="K25874" s="103" t="s">
        <v>31366</v>
      </c>
      <c r="L25874" s="1180"/>
    </row>
    <row r="25875" spans="1:12" s="100" customFormat="1" ht="14.25">
      <c r="A25875" s="78"/>
      <c r="B25875" s="1180"/>
      <c r="C25875" s="1180"/>
      <c r="D25875" s="1180"/>
      <c r="E25875" s="1180"/>
      <c r="F25875" s="103" t="s">
        <v>14339</v>
      </c>
      <c r="G25875" s="103" t="s">
        <v>14340</v>
      </c>
      <c r="H25875" s="103" t="s">
        <v>14341</v>
      </c>
      <c r="I25875" s="103" t="s">
        <v>14340</v>
      </c>
      <c r="J25875" s="1180"/>
      <c r="K25875" s="106"/>
      <c r="L25875" s="1180"/>
    </row>
    <row r="25876" spans="1:12" s="100" customFormat="1" ht="12" customHeight="1" thickBot="1">
      <c r="A25876" s="78"/>
      <c r="B25876" s="1181"/>
      <c r="C25876" s="1181"/>
      <c r="D25876" s="1181"/>
      <c r="E25876" s="1181"/>
      <c r="F25876" s="104"/>
      <c r="G25876" s="104"/>
      <c r="H25876" s="105" t="s">
        <v>14332</v>
      </c>
      <c r="I25876" s="104"/>
      <c r="J25876" s="1181"/>
      <c r="K25876" s="104"/>
      <c r="L25876" s="1181"/>
    </row>
    <row r="25877" spans="1:12" s="100" customFormat="1" ht="14.25">
      <c r="A25877" s="78"/>
      <c r="B25877" s="1179" t="s">
        <v>31367</v>
      </c>
      <c r="C25877" s="102" t="s">
        <v>31368</v>
      </c>
      <c r="D25877" s="1179" t="s">
        <v>14113</v>
      </c>
      <c r="E25877" s="1179" t="s">
        <v>14047</v>
      </c>
      <c r="F25877" s="102" t="s">
        <v>14507</v>
      </c>
      <c r="G25877" s="102" t="s">
        <v>15234</v>
      </c>
      <c r="H25877" s="102" t="s">
        <v>14381</v>
      </c>
      <c r="I25877" s="102" t="s">
        <v>15234</v>
      </c>
      <c r="J25877" s="1182"/>
      <c r="K25877" s="1179" t="s">
        <v>28375</v>
      </c>
      <c r="L25877" s="1182"/>
    </row>
    <row r="25878" spans="1:12" s="100" customFormat="1" ht="28.5">
      <c r="A25878" s="78"/>
      <c r="B25878" s="1180"/>
      <c r="C25878" s="103" t="s">
        <v>31369</v>
      </c>
      <c r="D25878" s="1180"/>
      <c r="E25878" s="1180"/>
      <c r="F25878" s="103" t="s">
        <v>14374</v>
      </c>
      <c r="G25878" s="103" t="s">
        <v>14373</v>
      </c>
      <c r="H25878" s="103" t="s">
        <v>14370</v>
      </c>
      <c r="I25878" s="103" t="s">
        <v>14373</v>
      </c>
      <c r="J25878" s="1183"/>
      <c r="K25878" s="1180"/>
      <c r="L25878" s="1183"/>
    </row>
    <row r="25879" spans="1:12" s="100" customFormat="1" ht="12" customHeight="1" thickBot="1">
      <c r="A25879" s="78"/>
      <c r="B25879" s="1181"/>
      <c r="C25879" s="104"/>
      <c r="D25879" s="1181"/>
      <c r="E25879" s="1181"/>
      <c r="F25879" s="104"/>
      <c r="G25879" s="104"/>
      <c r="H25879" s="105" t="s">
        <v>14422</v>
      </c>
      <c r="I25879" s="104"/>
      <c r="J25879" s="1184"/>
      <c r="K25879" s="1181"/>
      <c r="L25879" s="1184"/>
    </row>
    <row r="25880" spans="1:12" s="100" customFormat="1" ht="42.75">
      <c r="A25880" s="78"/>
      <c r="B25880" s="1179" t="s">
        <v>31370</v>
      </c>
      <c r="C25880" s="102" t="s">
        <v>15827</v>
      </c>
      <c r="D25880" s="1179" t="s">
        <v>15828</v>
      </c>
      <c r="E25880" s="1179" t="s">
        <v>15829</v>
      </c>
      <c r="F25880" s="102" t="s">
        <v>15089</v>
      </c>
      <c r="G25880" s="102" t="s">
        <v>14429</v>
      </c>
      <c r="H25880" s="102" t="s">
        <v>14367</v>
      </c>
      <c r="I25880" s="102" t="s">
        <v>14429</v>
      </c>
      <c r="J25880" s="1182"/>
      <c r="K25880" s="102" t="s">
        <v>31371</v>
      </c>
      <c r="L25880" s="1182"/>
    </row>
    <row r="25881" spans="1:12" s="100" customFormat="1" ht="42.75">
      <c r="A25881" s="78"/>
      <c r="B25881" s="1180"/>
      <c r="C25881" s="107" t="s">
        <v>31372</v>
      </c>
      <c r="D25881" s="1180"/>
      <c r="E25881" s="1180"/>
      <c r="F25881" s="103" t="s">
        <v>14384</v>
      </c>
      <c r="G25881" s="103" t="s">
        <v>19722</v>
      </c>
      <c r="H25881" s="103" t="s">
        <v>14381</v>
      </c>
      <c r="I25881" s="103" t="s">
        <v>19722</v>
      </c>
      <c r="J25881" s="1183"/>
      <c r="K25881" s="103" t="s">
        <v>15400</v>
      </c>
      <c r="L25881" s="1183"/>
    </row>
    <row r="25882" spans="1:12" s="100" customFormat="1" ht="14.25">
      <c r="A25882" s="78"/>
      <c r="B25882" s="1180"/>
      <c r="C25882" s="106"/>
      <c r="D25882" s="1180"/>
      <c r="E25882" s="1180"/>
      <c r="F25882" s="103" t="s">
        <v>14371</v>
      </c>
      <c r="G25882" s="103" t="s">
        <v>14372</v>
      </c>
      <c r="H25882" s="103" t="s">
        <v>14370</v>
      </c>
      <c r="I25882" s="103" t="s">
        <v>14373</v>
      </c>
      <c r="J25882" s="1183"/>
      <c r="K25882" s="103" t="s">
        <v>31042</v>
      </c>
      <c r="L25882" s="1183"/>
    </row>
    <row r="25883" spans="1:12" s="100" customFormat="1" ht="29.25" thickBot="1">
      <c r="A25883" s="78"/>
      <c r="B25883" s="1181"/>
      <c r="C25883" s="104"/>
      <c r="D25883" s="1181"/>
      <c r="E25883" s="1181"/>
      <c r="F25883" s="105" t="s">
        <v>14374</v>
      </c>
      <c r="G25883" s="105" t="s">
        <v>14373</v>
      </c>
      <c r="H25883" s="105" t="s">
        <v>14332</v>
      </c>
      <c r="I25883" s="104"/>
      <c r="J25883" s="1184"/>
      <c r="K25883" s="104"/>
      <c r="L25883" s="1184"/>
    </row>
    <row r="25884" spans="1:12" s="100" customFormat="1" ht="14.25">
      <c r="A25884" s="78"/>
      <c r="B25884" s="1179" t="s">
        <v>31373</v>
      </c>
      <c r="C25884" s="1179" t="s">
        <v>15983</v>
      </c>
      <c r="D25884" s="1179" t="s">
        <v>15984</v>
      </c>
      <c r="E25884" s="1179" t="s">
        <v>15985</v>
      </c>
      <c r="F25884" s="102" t="s">
        <v>14326</v>
      </c>
      <c r="G25884" s="102" t="s">
        <v>14327</v>
      </c>
      <c r="H25884" s="102" t="s">
        <v>14328</v>
      </c>
      <c r="I25884" s="102" t="s">
        <v>14327</v>
      </c>
      <c r="J25884" s="1182"/>
      <c r="K25884" s="102" t="s">
        <v>24915</v>
      </c>
      <c r="L25884" s="1179" t="s">
        <v>31374</v>
      </c>
    </row>
    <row r="25885" spans="1:12" s="100" customFormat="1" ht="28.5">
      <c r="A25885" s="78"/>
      <c r="B25885" s="1180"/>
      <c r="C25885" s="1180"/>
      <c r="D25885" s="1180"/>
      <c r="E25885" s="1180"/>
      <c r="F25885" s="103" t="s">
        <v>14330</v>
      </c>
      <c r="G25885" s="103" t="s">
        <v>14380</v>
      </c>
      <c r="H25885" s="103" t="s">
        <v>14331</v>
      </c>
      <c r="I25885" s="103" t="s">
        <v>14380</v>
      </c>
      <c r="J25885" s="1183"/>
      <c r="K25885" s="103" t="s">
        <v>31375</v>
      </c>
      <c r="L25885" s="1180"/>
    </row>
    <row r="25886" spans="1:12" s="100" customFormat="1" ht="14.25">
      <c r="A25886" s="78"/>
      <c r="B25886" s="1180"/>
      <c r="C25886" s="1180"/>
      <c r="D25886" s="1180"/>
      <c r="E25886" s="1180"/>
      <c r="F25886" s="103" t="s">
        <v>14530</v>
      </c>
      <c r="G25886" s="103" t="s">
        <v>14340</v>
      </c>
      <c r="H25886" s="103" t="s">
        <v>14378</v>
      </c>
      <c r="I25886" s="103" t="s">
        <v>14340</v>
      </c>
      <c r="J25886" s="1183"/>
      <c r="K25886" s="106"/>
      <c r="L25886" s="1180"/>
    </row>
    <row r="25887" spans="1:12" s="100" customFormat="1" ht="14.25">
      <c r="A25887" s="78"/>
      <c r="B25887" s="1180"/>
      <c r="C25887" s="1180"/>
      <c r="D25887" s="1180"/>
      <c r="E25887" s="1180"/>
      <c r="F25887" s="103" t="s">
        <v>14356</v>
      </c>
      <c r="G25887" s="103" t="s">
        <v>14372</v>
      </c>
      <c r="H25887" s="103" t="s">
        <v>14341</v>
      </c>
      <c r="I25887" s="103" t="s">
        <v>14372</v>
      </c>
      <c r="J25887" s="1183"/>
      <c r="K25887" s="106"/>
      <c r="L25887" s="1180"/>
    </row>
    <row r="25888" spans="1:12" s="100" customFormat="1" ht="14.25">
      <c r="A25888" s="78"/>
      <c r="B25888" s="1180"/>
      <c r="C25888" s="1180"/>
      <c r="D25888" s="1180"/>
      <c r="E25888" s="1180"/>
      <c r="F25888" s="103" t="s">
        <v>14371</v>
      </c>
      <c r="G25888" s="106"/>
      <c r="H25888" s="103" t="s">
        <v>14370</v>
      </c>
      <c r="I25888" s="106"/>
      <c r="J25888" s="1183"/>
      <c r="K25888" s="106"/>
      <c r="L25888" s="1180"/>
    </row>
    <row r="25889" spans="1:12" s="100" customFormat="1" ht="12" customHeight="1" thickBot="1">
      <c r="A25889" s="78"/>
      <c r="B25889" s="1181"/>
      <c r="C25889" s="1181"/>
      <c r="D25889" s="1181"/>
      <c r="E25889" s="1181"/>
      <c r="F25889" s="104"/>
      <c r="G25889" s="104"/>
      <c r="H25889" s="105" t="s">
        <v>14332</v>
      </c>
      <c r="I25889" s="104"/>
      <c r="J25889" s="1184"/>
      <c r="K25889" s="104"/>
      <c r="L25889" s="1181"/>
    </row>
    <row r="25890" spans="1:12" s="100" customFormat="1" ht="42.75">
      <c r="A25890" s="78"/>
      <c r="B25890" s="1179" t="s">
        <v>31376</v>
      </c>
      <c r="C25890" s="1179" t="s">
        <v>31377</v>
      </c>
      <c r="D25890" s="1179" t="s">
        <v>17067</v>
      </c>
      <c r="E25890" s="1179" t="s">
        <v>3462</v>
      </c>
      <c r="F25890" s="102" t="s">
        <v>14424</v>
      </c>
      <c r="G25890" s="102" t="s">
        <v>17083</v>
      </c>
      <c r="H25890" s="102" t="s">
        <v>14381</v>
      </c>
      <c r="I25890" s="102" t="s">
        <v>17083</v>
      </c>
      <c r="J25890" s="1182"/>
      <c r="K25890" s="102" t="s">
        <v>31378</v>
      </c>
      <c r="L25890" s="1182"/>
    </row>
    <row r="25891" spans="1:12" s="100" customFormat="1" ht="57">
      <c r="A25891" s="78"/>
      <c r="B25891" s="1180"/>
      <c r="C25891" s="1180"/>
      <c r="D25891" s="1180"/>
      <c r="E25891" s="1180"/>
      <c r="F25891" s="103" t="s">
        <v>14700</v>
      </c>
      <c r="G25891" s="103" t="s">
        <v>14380</v>
      </c>
      <c r="H25891" s="103" t="s">
        <v>14378</v>
      </c>
      <c r="I25891" s="103" t="s">
        <v>14380</v>
      </c>
      <c r="J25891" s="1183"/>
      <c r="K25891" s="103" t="s">
        <v>31379</v>
      </c>
      <c r="L25891" s="1183"/>
    </row>
    <row r="25892" spans="1:12" s="100" customFormat="1" ht="14.25">
      <c r="A25892" s="78"/>
      <c r="B25892" s="1180"/>
      <c r="C25892" s="1180"/>
      <c r="D25892" s="1180"/>
      <c r="E25892" s="1180"/>
      <c r="F25892" s="103" t="s">
        <v>14384</v>
      </c>
      <c r="G25892" s="103" t="s">
        <v>14385</v>
      </c>
      <c r="H25892" s="103" t="s">
        <v>14332</v>
      </c>
      <c r="I25892" s="103" t="s">
        <v>14385</v>
      </c>
      <c r="J25892" s="1183"/>
      <c r="K25892" s="106"/>
      <c r="L25892" s="1183"/>
    </row>
    <row r="25893" spans="1:12" s="100" customFormat="1" ht="29.25" thickBot="1">
      <c r="A25893" s="78"/>
      <c r="B25893" s="1181"/>
      <c r="C25893" s="1181"/>
      <c r="D25893" s="1181"/>
      <c r="E25893" s="1181"/>
      <c r="F25893" s="105" t="s">
        <v>14472</v>
      </c>
      <c r="G25893" s="105" t="s">
        <v>14473</v>
      </c>
      <c r="H25893" s="104"/>
      <c r="I25893" s="105" t="s">
        <v>14473</v>
      </c>
      <c r="J25893" s="1184"/>
      <c r="K25893" s="104"/>
      <c r="L25893" s="1184"/>
    </row>
    <row r="25894" spans="1:12" s="100" customFormat="1" ht="12" customHeight="1">
      <c r="A25894" s="78"/>
      <c r="B25894" s="1179" t="s">
        <v>31380</v>
      </c>
      <c r="C25894" s="1179" t="s">
        <v>31381</v>
      </c>
      <c r="D25894" s="1179" t="s">
        <v>114</v>
      </c>
      <c r="E25894" s="1179" t="s">
        <v>115</v>
      </c>
      <c r="F25894" s="102" t="s">
        <v>14424</v>
      </c>
      <c r="G25894" s="102" t="s">
        <v>17083</v>
      </c>
      <c r="H25894" s="102" t="s">
        <v>14381</v>
      </c>
      <c r="I25894" s="102" t="s">
        <v>17083</v>
      </c>
      <c r="J25894" s="1182"/>
      <c r="K25894" s="1182"/>
      <c r="L25894" s="1182"/>
    </row>
    <row r="25895" spans="1:12" s="100" customFormat="1" ht="42.75">
      <c r="A25895" s="78"/>
      <c r="B25895" s="1180"/>
      <c r="C25895" s="1180"/>
      <c r="D25895" s="1180"/>
      <c r="E25895" s="1180"/>
      <c r="F25895" s="103" t="s">
        <v>14384</v>
      </c>
      <c r="G25895" s="103" t="s">
        <v>17093</v>
      </c>
      <c r="H25895" s="103" t="s">
        <v>14370</v>
      </c>
      <c r="I25895" s="103" t="s">
        <v>17093</v>
      </c>
      <c r="J25895" s="1183"/>
      <c r="K25895" s="1183"/>
      <c r="L25895" s="1183"/>
    </row>
    <row r="25896" spans="1:12" s="100" customFormat="1" ht="14.25">
      <c r="A25896" s="78"/>
      <c r="B25896" s="1180"/>
      <c r="C25896" s="1180"/>
      <c r="D25896" s="1180"/>
      <c r="E25896" s="1180"/>
      <c r="F25896" s="103" t="s">
        <v>14371</v>
      </c>
      <c r="G25896" s="103" t="s">
        <v>14372</v>
      </c>
      <c r="H25896" s="103" t="s">
        <v>14332</v>
      </c>
      <c r="I25896" s="103" t="s">
        <v>28381</v>
      </c>
      <c r="J25896" s="1183"/>
      <c r="K25896" s="1183"/>
      <c r="L25896" s="1183"/>
    </row>
    <row r="25897" spans="1:12" s="100" customFormat="1" ht="29.25" thickBot="1">
      <c r="A25897" s="78"/>
      <c r="B25897" s="1181"/>
      <c r="C25897" s="1181"/>
      <c r="D25897" s="1181"/>
      <c r="E25897" s="1181"/>
      <c r="F25897" s="105" t="s">
        <v>14374</v>
      </c>
      <c r="G25897" s="105" t="s">
        <v>14373</v>
      </c>
      <c r="H25897" s="104"/>
      <c r="I25897" s="104"/>
      <c r="J25897" s="1184"/>
      <c r="K25897" s="1184"/>
      <c r="L25897" s="1184"/>
    </row>
    <row r="25898" spans="1:12" s="100" customFormat="1" ht="36" customHeight="1">
      <c r="A25898" s="78"/>
      <c r="B25898" s="1179" t="s">
        <v>31382</v>
      </c>
      <c r="C25898" s="1179" t="s">
        <v>31383</v>
      </c>
      <c r="D25898" s="1179" t="s">
        <v>13740</v>
      </c>
      <c r="E25898" s="1179" t="s">
        <v>4145</v>
      </c>
      <c r="F25898" s="102" t="s">
        <v>14497</v>
      </c>
      <c r="G25898" s="102" t="s">
        <v>14425</v>
      </c>
      <c r="H25898" s="102" t="s">
        <v>14381</v>
      </c>
      <c r="I25898" s="102" t="s">
        <v>31384</v>
      </c>
      <c r="J25898" s="1182"/>
      <c r="K25898" s="102" t="s">
        <v>31385</v>
      </c>
      <c r="L25898" s="1182"/>
    </row>
    <row r="25899" spans="1:12" s="100" customFormat="1" ht="12.75" customHeight="1">
      <c r="A25899" s="78"/>
      <c r="B25899" s="1180"/>
      <c r="C25899" s="1180"/>
      <c r="D25899" s="1180"/>
      <c r="E25899" s="1180"/>
      <c r="F25899" s="103" t="s">
        <v>17277</v>
      </c>
      <c r="G25899" s="103" t="s">
        <v>17278</v>
      </c>
      <c r="H25899" s="103" t="s">
        <v>14370</v>
      </c>
      <c r="I25899" s="103" t="s">
        <v>14373</v>
      </c>
      <c r="J25899" s="1183"/>
      <c r="K25899" s="103" t="s">
        <v>14863</v>
      </c>
      <c r="L25899" s="1183"/>
    </row>
    <row r="25900" spans="1:12" s="100" customFormat="1" ht="14.25">
      <c r="A25900" s="78"/>
      <c r="B25900" s="1180"/>
      <c r="C25900" s="1180"/>
      <c r="D25900" s="1180"/>
      <c r="E25900" s="1180"/>
      <c r="F25900" s="103" t="s">
        <v>14371</v>
      </c>
      <c r="G25900" s="103" t="s">
        <v>14372</v>
      </c>
      <c r="H25900" s="103" t="s">
        <v>14332</v>
      </c>
      <c r="I25900" s="106"/>
      <c r="J25900" s="1183"/>
      <c r="K25900" s="103" t="s">
        <v>28375</v>
      </c>
      <c r="L25900" s="1183"/>
    </row>
    <row r="25901" spans="1:12" s="100" customFormat="1" ht="29.25" thickBot="1">
      <c r="A25901" s="78"/>
      <c r="B25901" s="1181"/>
      <c r="C25901" s="1181"/>
      <c r="D25901" s="1181"/>
      <c r="E25901" s="1181"/>
      <c r="F25901" s="105" t="s">
        <v>14374</v>
      </c>
      <c r="G25901" s="105" t="s">
        <v>14373</v>
      </c>
      <c r="H25901" s="104"/>
      <c r="I25901" s="104"/>
      <c r="J25901" s="1184"/>
      <c r="K25901" s="104"/>
      <c r="L25901" s="1184"/>
    </row>
    <row r="25902" spans="1:12" s="100" customFormat="1" ht="14.25">
      <c r="A25902" s="78"/>
      <c r="B25902" s="1179" t="s">
        <v>31386</v>
      </c>
      <c r="C25902" s="102" t="s">
        <v>18149</v>
      </c>
      <c r="D25902" s="1179" t="s">
        <v>18150</v>
      </c>
      <c r="E25902" s="1179" t="s">
        <v>18151</v>
      </c>
      <c r="F25902" s="102" t="s">
        <v>17028</v>
      </c>
      <c r="G25902" s="102" t="s">
        <v>14459</v>
      </c>
      <c r="H25902" s="102" t="s">
        <v>14367</v>
      </c>
      <c r="I25902" s="102" t="s">
        <v>14459</v>
      </c>
      <c r="J25902" s="1182"/>
      <c r="K25902" s="1179" t="s">
        <v>31387</v>
      </c>
      <c r="L25902" s="1182"/>
    </row>
    <row r="25903" spans="1:12" s="100" customFormat="1" ht="14.25">
      <c r="A25903" s="78"/>
      <c r="B25903" s="1180"/>
      <c r="C25903" s="103" t="s">
        <v>31388</v>
      </c>
      <c r="D25903" s="1180"/>
      <c r="E25903" s="1180"/>
      <c r="F25903" s="103" t="s">
        <v>15089</v>
      </c>
      <c r="G25903" s="103" t="s">
        <v>14429</v>
      </c>
      <c r="H25903" s="103" t="s">
        <v>14422</v>
      </c>
      <c r="I25903" s="103" t="s">
        <v>14429</v>
      </c>
      <c r="J25903" s="1183"/>
      <c r="K25903" s="1180"/>
      <c r="L25903" s="1183"/>
    </row>
    <row r="25904" spans="1:12" s="100" customFormat="1" ht="12" customHeight="1">
      <c r="A25904" s="78"/>
      <c r="B25904" s="1180"/>
      <c r="C25904" s="106"/>
      <c r="D25904" s="1180"/>
      <c r="E25904" s="1180"/>
      <c r="F25904" s="103" t="s">
        <v>14389</v>
      </c>
      <c r="G25904" s="103" t="s">
        <v>14390</v>
      </c>
      <c r="H25904" s="106"/>
      <c r="I25904" s="103" t="s">
        <v>14390</v>
      </c>
      <c r="J25904" s="1183"/>
      <c r="K25904" s="1180"/>
      <c r="L25904" s="1183"/>
    </row>
    <row r="25905" spans="1:12" s="100" customFormat="1" ht="12" customHeight="1" thickBot="1">
      <c r="A25905" s="78"/>
      <c r="B25905" s="1181"/>
      <c r="C25905" s="104"/>
      <c r="D25905" s="1181"/>
      <c r="E25905" s="1181"/>
      <c r="F25905" s="105" t="s">
        <v>14386</v>
      </c>
      <c r="G25905" s="105" t="s">
        <v>14387</v>
      </c>
      <c r="H25905" s="104"/>
      <c r="I25905" s="105" t="s">
        <v>14387</v>
      </c>
      <c r="J25905" s="1184"/>
      <c r="K25905" s="1181"/>
      <c r="L25905" s="1184"/>
    </row>
    <row r="25906" spans="1:12" s="100" customFormat="1" ht="60" customHeight="1">
      <c r="A25906" s="78"/>
      <c r="B25906" s="1179" t="s">
        <v>31389</v>
      </c>
      <c r="C25906" s="110" t="s">
        <v>31390</v>
      </c>
      <c r="D25906" s="1179" t="s">
        <v>18330</v>
      </c>
      <c r="E25906" s="1179" t="s">
        <v>18331</v>
      </c>
      <c r="F25906" s="102" t="s">
        <v>14376</v>
      </c>
      <c r="G25906" s="102" t="s">
        <v>14669</v>
      </c>
      <c r="H25906" s="102" t="s">
        <v>14381</v>
      </c>
      <c r="I25906" s="102" t="s">
        <v>14669</v>
      </c>
      <c r="J25906" s="1182"/>
      <c r="K25906" s="1179" t="s">
        <v>31391</v>
      </c>
      <c r="L25906" s="1182"/>
    </row>
    <row r="25907" spans="1:12" s="100" customFormat="1" ht="14.25">
      <c r="A25907" s="78"/>
      <c r="B25907" s="1180"/>
      <c r="C25907" s="103" t="s">
        <v>31392</v>
      </c>
      <c r="D25907" s="1180"/>
      <c r="E25907" s="1180"/>
      <c r="F25907" s="103" t="s">
        <v>14426</v>
      </c>
      <c r="G25907" s="103" t="s">
        <v>14427</v>
      </c>
      <c r="H25907" s="103" t="s">
        <v>14378</v>
      </c>
      <c r="I25907" s="103" t="s">
        <v>14427</v>
      </c>
      <c r="J25907" s="1183"/>
      <c r="K25907" s="1180"/>
      <c r="L25907" s="1183"/>
    </row>
    <row r="25908" spans="1:12" s="100" customFormat="1" ht="14.25">
      <c r="A25908" s="78"/>
      <c r="B25908" s="1180"/>
      <c r="C25908" s="106"/>
      <c r="D25908" s="1180"/>
      <c r="E25908" s="1180"/>
      <c r="F25908" s="103" t="s">
        <v>14656</v>
      </c>
      <c r="G25908" s="103" t="s">
        <v>14579</v>
      </c>
      <c r="H25908" s="103" t="s">
        <v>14332</v>
      </c>
      <c r="I25908" s="103" t="s">
        <v>14579</v>
      </c>
      <c r="J25908" s="1183"/>
      <c r="K25908" s="1180"/>
      <c r="L25908" s="1183"/>
    </row>
    <row r="25909" spans="1:12" s="100" customFormat="1" ht="14.25">
      <c r="A25909" s="78"/>
      <c r="B25909" s="1180"/>
      <c r="C25909" s="106"/>
      <c r="D25909" s="1180"/>
      <c r="E25909" s="1180"/>
      <c r="F25909" s="103" t="s">
        <v>15089</v>
      </c>
      <c r="G25909" s="103" t="s">
        <v>14429</v>
      </c>
      <c r="H25909" s="106"/>
      <c r="I25909" s="103" t="s">
        <v>14429</v>
      </c>
      <c r="J25909" s="1183"/>
      <c r="K25909" s="1180"/>
      <c r="L25909" s="1183"/>
    </row>
    <row r="25910" spans="1:12" s="100" customFormat="1" ht="12" customHeight="1">
      <c r="A25910" s="78"/>
      <c r="B25910" s="1180"/>
      <c r="C25910" s="106"/>
      <c r="D25910" s="1180"/>
      <c r="E25910" s="1180"/>
      <c r="F25910" s="103" t="s">
        <v>14389</v>
      </c>
      <c r="G25910" s="103" t="s">
        <v>14390</v>
      </c>
      <c r="H25910" s="106"/>
      <c r="I25910" s="103" t="s">
        <v>14390</v>
      </c>
      <c r="J25910" s="1183"/>
      <c r="K25910" s="1180"/>
      <c r="L25910" s="1183"/>
    </row>
    <row r="25911" spans="1:12" s="100" customFormat="1" ht="12.75" customHeight="1">
      <c r="A25911" s="78"/>
      <c r="B25911" s="1180"/>
      <c r="C25911" s="106"/>
      <c r="D25911" s="1180"/>
      <c r="E25911" s="1180"/>
      <c r="F25911" s="103" t="s">
        <v>14386</v>
      </c>
      <c r="G25911" s="103" t="s">
        <v>14387</v>
      </c>
      <c r="H25911" s="106"/>
      <c r="I25911" s="103" t="s">
        <v>14387</v>
      </c>
      <c r="J25911" s="1183"/>
      <c r="K25911" s="1180"/>
      <c r="L25911" s="1183"/>
    </row>
    <row r="25912" spans="1:12" s="100" customFormat="1" ht="14.25">
      <c r="A25912" s="78"/>
      <c r="B25912" s="1180"/>
      <c r="C25912" s="106"/>
      <c r="D25912" s="1180"/>
      <c r="E25912" s="1180"/>
      <c r="F25912" s="103" t="s">
        <v>14391</v>
      </c>
      <c r="G25912" s="103" t="s">
        <v>14392</v>
      </c>
      <c r="H25912" s="106"/>
      <c r="I25912" s="103" t="s">
        <v>14392</v>
      </c>
      <c r="J25912" s="1183"/>
      <c r="K25912" s="1180"/>
      <c r="L25912" s="1183"/>
    </row>
    <row r="25913" spans="1:12" s="100" customFormat="1" ht="29.25" thickBot="1">
      <c r="A25913" s="78"/>
      <c r="B25913" s="1181"/>
      <c r="C25913" s="104"/>
      <c r="D25913" s="1181"/>
      <c r="E25913" s="1181"/>
      <c r="F25913" s="105" t="s">
        <v>14472</v>
      </c>
      <c r="G25913" s="105" t="s">
        <v>14473</v>
      </c>
      <c r="H25913" s="104"/>
      <c r="I25913" s="105" t="s">
        <v>14473</v>
      </c>
      <c r="J25913" s="1184"/>
      <c r="K25913" s="1181"/>
      <c r="L25913" s="1184"/>
    </row>
    <row r="25914" spans="1:12" s="100" customFormat="1" ht="14.25">
      <c r="A25914" s="78"/>
      <c r="B25914" s="1179" t="s">
        <v>31393</v>
      </c>
      <c r="C25914" s="102" t="s">
        <v>31394</v>
      </c>
      <c r="D25914" s="1179" t="s">
        <v>20370</v>
      </c>
      <c r="E25914" s="1179" t="s">
        <v>20371</v>
      </c>
      <c r="F25914" s="102" t="s">
        <v>16919</v>
      </c>
      <c r="G25914" s="102" t="s">
        <v>17203</v>
      </c>
      <c r="H25914" s="102" t="s">
        <v>14381</v>
      </c>
      <c r="I25914" s="102" t="s">
        <v>17203</v>
      </c>
      <c r="J25914" s="1182"/>
      <c r="K25914" s="102" t="s">
        <v>14557</v>
      </c>
      <c r="L25914" s="1182"/>
    </row>
    <row r="25915" spans="1:12" s="100" customFormat="1" ht="28.5">
      <c r="A25915" s="78"/>
      <c r="B25915" s="1180"/>
      <c r="C25915" s="103" t="s">
        <v>31395</v>
      </c>
      <c r="D25915" s="1180"/>
      <c r="E25915" s="1180"/>
      <c r="F25915" s="103" t="s">
        <v>14391</v>
      </c>
      <c r="G25915" s="103" t="s">
        <v>14392</v>
      </c>
      <c r="H25915" s="103" t="s">
        <v>14367</v>
      </c>
      <c r="I25915" s="103" t="s">
        <v>14392</v>
      </c>
      <c r="J25915" s="1183"/>
      <c r="K25915" s="103" t="s">
        <v>31224</v>
      </c>
      <c r="L25915" s="1183"/>
    </row>
    <row r="25916" spans="1:12" s="100" customFormat="1" ht="14.25">
      <c r="A25916" s="78"/>
      <c r="B25916" s="1180"/>
      <c r="C25916" s="106"/>
      <c r="D25916" s="1180"/>
      <c r="E25916" s="1180"/>
      <c r="F25916" s="103" t="s">
        <v>14371</v>
      </c>
      <c r="G25916" s="103" t="s">
        <v>14372</v>
      </c>
      <c r="H25916" s="103" t="s">
        <v>14370</v>
      </c>
      <c r="I25916" s="103" t="s">
        <v>14373</v>
      </c>
      <c r="J25916" s="1183"/>
      <c r="K25916" s="106"/>
      <c r="L25916" s="1183"/>
    </row>
    <row r="25917" spans="1:12" s="100" customFormat="1" ht="29.25" thickBot="1">
      <c r="A25917" s="78"/>
      <c r="B25917" s="1181"/>
      <c r="C25917" s="104"/>
      <c r="D25917" s="1181"/>
      <c r="E25917" s="1181"/>
      <c r="F25917" s="105" t="s">
        <v>14374</v>
      </c>
      <c r="G25917" s="105" t="s">
        <v>14373</v>
      </c>
      <c r="H25917" s="105" t="s">
        <v>14422</v>
      </c>
      <c r="I25917" s="104"/>
      <c r="J25917" s="1184"/>
      <c r="K25917" s="104"/>
      <c r="L25917" s="1184"/>
    </row>
    <row r="25918" spans="1:12" s="100" customFormat="1" ht="14.25">
      <c r="A25918" s="78"/>
      <c r="B25918" s="1179" t="s">
        <v>31396</v>
      </c>
      <c r="C25918" s="102" t="s">
        <v>31397</v>
      </c>
      <c r="D25918" s="1179" t="s">
        <v>77</v>
      </c>
      <c r="E25918" s="1179" t="s">
        <v>20631</v>
      </c>
      <c r="F25918" s="102" t="s">
        <v>14656</v>
      </c>
      <c r="G25918" s="102" t="s">
        <v>14483</v>
      </c>
      <c r="H25918" s="102" t="s">
        <v>14378</v>
      </c>
      <c r="I25918" s="102" t="s">
        <v>14483</v>
      </c>
      <c r="J25918" s="1182"/>
      <c r="K25918" s="102" t="s">
        <v>24915</v>
      </c>
      <c r="L25918" s="1182"/>
    </row>
    <row r="25919" spans="1:12" s="100" customFormat="1" ht="42.75">
      <c r="A25919" s="78"/>
      <c r="B25919" s="1180"/>
      <c r="C25919" s="103" t="s">
        <v>31398</v>
      </c>
      <c r="D25919" s="1180"/>
      <c r="E25919" s="1180"/>
      <c r="F25919" s="103" t="s">
        <v>14371</v>
      </c>
      <c r="G25919" s="103" t="s">
        <v>14372</v>
      </c>
      <c r="H25919" s="103" t="s">
        <v>14370</v>
      </c>
      <c r="I25919" s="103" t="s">
        <v>14373</v>
      </c>
      <c r="J25919" s="1183"/>
      <c r="K25919" s="103" t="s">
        <v>31399</v>
      </c>
      <c r="L25919" s="1183"/>
    </row>
    <row r="25920" spans="1:12" s="100" customFormat="1" ht="28.5">
      <c r="A25920" s="78"/>
      <c r="B25920" s="1180"/>
      <c r="C25920" s="106"/>
      <c r="D25920" s="1180"/>
      <c r="E25920" s="1180"/>
      <c r="F25920" s="103" t="s">
        <v>14374</v>
      </c>
      <c r="G25920" s="103" t="s">
        <v>14373</v>
      </c>
      <c r="H25920" s="103" t="s">
        <v>14332</v>
      </c>
      <c r="I25920" s="106"/>
      <c r="J25920" s="1183"/>
      <c r="K25920" s="103" t="s">
        <v>14517</v>
      </c>
      <c r="L25920" s="1183"/>
    </row>
    <row r="25921" spans="1:12" s="100" customFormat="1" ht="12.75" customHeight="1" thickBot="1">
      <c r="A25921" s="78"/>
      <c r="B25921" s="1181"/>
      <c r="C25921" s="104"/>
      <c r="D25921" s="1181"/>
      <c r="E25921" s="1181"/>
      <c r="F25921" s="104"/>
      <c r="G25921" s="104"/>
      <c r="H25921" s="104"/>
      <c r="I25921" s="104"/>
      <c r="J25921" s="1184"/>
      <c r="K25921" s="105" t="s">
        <v>28375</v>
      </c>
      <c r="L25921" s="1184"/>
    </row>
    <row r="25922" spans="1:12" s="100" customFormat="1" ht="14.25">
      <c r="A25922" s="78"/>
      <c r="B25922" s="1179" t="s">
        <v>31400</v>
      </c>
      <c r="C25922" s="102" t="s">
        <v>31401</v>
      </c>
      <c r="D25922" s="1179" t="s">
        <v>20795</v>
      </c>
      <c r="E25922" s="1179" t="s">
        <v>20796</v>
      </c>
      <c r="F25922" s="102" t="s">
        <v>14371</v>
      </c>
      <c r="G25922" s="102" t="s">
        <v>14372</v>
      </c>
      <c r="H25922" s="102" t="s">
        <v>14370</v>
      </c>
      <c r="I25922" s="1179" t="s">
        <v>14373</v>
      </c>
      <c r="J25922" s="1182"/>
      <c r="K25922" s="102" t="s">
        <v>14863</v>
      </c>
      <c r="L25922" s="1182"/>
    </row>
    <row r="25923" spans="1:12" s="100" customFormat="1" ht="24" customHeight="1" thickBot="1">
      <c r="A25923" s="78"/>
      <c r="B25923" s="1181"/>
      <c r="C25923" s="105" t="s">
        <v>31402</v>
      </c>
      <c r="D25923" s="1181"/>
      <c r="E25923" s="1181"/>
      <c r="F25923" s="105" t="s">
        <v>14374</v>
      </c>
      <c r="G25923" s="105" t="s">
        <v>14373</v>
      </c>
      <c r="H25923" s="105" t="s">
        <v>14422</v>
      </c>
      <c r="I25923" s="1181"/>
      <c r="J25923" s="1184"/>
      <c r="K25923" s="105" t="s">
        <v>28388</v>
      </c>
      <c r="L25923" s="1184"/>
    </row>
    <row r="25924" spans="1:12" s="100" customFormat="1" ht="24" customHeight="1">
      <c r="A25924" s="78"/>
      <c r="B25924" s="1179" t="s">
        <v>31403</v>
      </c>
      <c r="C25924" s="1179" t="s">
        <v>22333</v>
      </c>
      <c r="D25924" s="1179" t="s">
        <v>22334</v>
      </c>
      <c r="E25924" s="1179" t="s">
        <v>22335</v>
      </c>
      <c r="F25924" s="102" t="s">
        <v>14382</v>
      </c>
      <c r="G25924" s="102" t="s">
        <v>14483</v>
      </c>
      <c r="H25924" s="102" t="s">
        <v>14378</v>
      </c>
      <c r="I25924" s="102" t="s">
        <v>14483</v>
      </c>
      <c r="J25924" s="1182"/>
      <c r="K25924" s="1179" t="s">
        <v>31404</v>
      </c>
      <c r="L25924" s="1182"/>
    </row>
    <row r="25925" spans="1:12" s="100" customFormat="1" ht="14.25">
      <c r="A25925" s="78"/>
      <c r="B25925" s="1180"/>
      <c r="C25925" s="1180"/>
      <c r="D25925" s="1180"/>
      <c r="E25925" s="1180"/>
      <c r="F25925" s="103" t="s">
        <v>14656</v>
      </c>
      <c r="G25925" s="103" t="s">
        <v>14579</v>
      </c>
      <c r="H25925" s="103" t="s">
        <v>14381</v>
      </c>
      <c r="I25925" s="103" t="s">
        <v>14579</v>
      </c>
      <c r="J25925" s="1183"/>
      <c r="K25925" s="1180"/>
      <c r="L25925" s="1183"/>
    </row>
    <row r="25926" spans="1:12" s="100" customFormat="1" ht="14.25">
      <c r="A25926" s="78"/>
      <c r="B25926" s="1180"/>
      <c r="C25926" s="1180"/>
      <c r="D25926" s="1180"/>
      <c r="E25926" s="1180"/>
      <c r="F25926" s="103" t="s">
        <v>14700</v>
      </c>
      <c r="G25926" s="103" t="s">
        <v>14405</v>
      </c>
      <c r="H25926" s="103" t="s">
        <v>14370</v>
      </c>
      <c r="I25926" s="103" t="s">
        <v>14405</v>
      </c>
      <c r="J25926" s="1183"/>
      <c r="K25926" s="1180"/>
      <c r="L25926" s="1183"/>
    </row>
    <row r="25927" spans="1:12" s="100" customFormat="1" ht="14.25">
      <c r="A25927" s="78"/>
      <c r="B25927" s="1180"/>
      <c r="C25927" s="1180"/>
      <c r="D25927" s="1180"/>
      <c r="E25927" s="1180"/>
      <c r="F25927" s="103" t="s">
        <v>14384</v>
      </c>
      <c r="G25927" s="103" t="s">
        <v>15088</v>
      </c>
      <c r="H25927" s="103" t="s">
        <v>14332</v>
      </c>
      <c r="I25927" s="103" t="s">
        <v>15088</v>
      </c>
      <c r="J25927" s="1183"/>
      <c r="K25927" s="1180"/>
      <c r="L25927" s="1183"/>
    </row>
    <row r="25928" spans="1:12" s="100" customFormat="1" ht="15" thickBot="1">
      <c r="A25928" s="78"/>
      <c r="B25928" s="1181"/>
      <c r="C25928" s="1181"/>
      <c r="D25928" s="1181"/>
      <c r="E25928" s="1181"/>
      <c r="F25928" s="105" t="s">
        <v>14371</v>
      </c>
      <c r="G25928" s="105" t="s">
        <v>14372</v>
      </c>
      <c r="H25928" s="104"/>
      <c r="I25928" s="105" t="s">
        <v>14372</v>
      </c>
      <c r="J25928" s="1184"/>
      <c r="K25928" s="1181"/>
      <c r="L25928" s="1184"/>
    </row>
    <row r="25929" spans="1:12" s="100" customFormat="1" ht="14.25">
      <c r="A25929" s="78"/>
      <c r="B25929" s="1179" t="s">
        <v>31405</v>
      </c>
      <c r="C25929" s="102" t="s">
        <v>31406</v>
      </c>
      <c r="D25929" s="1179" t="s">
        <v>77</v>
      </c>
      <c r="E25929" s="1179" t="s">
        <v>22409</v>
      </c>
      <c r="F25929" s="102" t="s">
        <v>14507</v>
      </c>
      <c r="G25929" s="102" t="s">
        <v>16971</v>
      </c>
      <c r="H25929" s="102" t="s">
        <v>14381</v>
      </c>
      <c r="I25929" s="102" t="s">
        <v>16971</v>
      </c>
      <c r="J25929" s="1182"/>
      <c r="K25929" s="102" t="s">
        <v>14517</v>
      </c>
      <c r="L25929" s="1182"/>
    </row>
    <row r="25930" spans="1:12" s="100" customFormat="1" ht="42.75">
      <c r="A25930" s="78"/>
      <c r="B25930" s="1180"/>
      <c r="C25930" s="103" t="s">
        <v>22410</v>
      </c>
      <c r="D25930" s="1180"/>
      <c r="E25930" s="1180"/>
      <c r="F25930" s="103" t="s">
        <v>16919</v>
      </c>
      <c r="G25930" s="103" t="s">
        <v>31407</v>
      </c>
      <c r="H25930" s="103" t="s">
        <v>14370</v>
      </c>
      <c r="I25930" s="103" t="s">
        <v>31407</v>
      </c>
      <c r="J25930" s="1183"/>
      <c r="K25930" s="103" t="s">
        <v>28375</v>
      </c>
      <c r="L25930" s="1183"/>
    </row>
    <row r="25931" spans="1:12" s="100" customFormat="1" ht="14.25">
      <c r="A25931" s="78"/>
      <c r="B25931" s="1180"/>
      <c r="C25931" s="106"/>
      <c r="D25931" s="1180"/>
      <c r="E25931" s="1180"/>
      <c r="F25931" s="103" t="s">
        <v>14371</v>
      </c>
      <c r="G25931" s="103" t="s">
        <v>14372</v>
      </c>
      <c r="H25931" s="103" t="s">
        <v>14422</v>
      </c>
      <c r="I25931" s="103" t="s">
        <v>14373</v>
      </c>
      <c r="J25931" s="1183"/>
      <c r="K25931" s="106"/>
      <c r="L25931" s="1183"/>
    </row>
    <row r="25932" spans="1:12" s="100" customFormat="1" ht="29.25" thickBot="1">
      <c r="A25932" s="78"/>
      <c r="B25932" s="1181"/>
      <c r="C25932" s="104"/>
      <c r="D25932" s="1181"/>
      <c r="E25932" s="1181"/>
      <c r="F25932" s="105" t="s">
        <v>14374</v>
      </c>
      <c r="G25932" s="105" t="s">
        <v>14373</v>
      </c>
      <c r="H25932" s="104"/>
      <c r="I25932" s="104"/>
      <c r="J25932" s="1184"/>
      <c r="K25932" s="104"/>
      <c r="L25932" s="1184"/>
    </row>
    <row r="25933" spans="1:12" s="100" customFormat="1" ht="57">
      <c r="A25933" s="78"/>
      <c r="B25933" s="1179" t="s">
        <v>31408</v>
      </c>
      <c r="C25933" s="102" t="s">
        <v>31409</v>
      </c>
      <c r="D25933" s="1179" t="s">
        <v>24249</v>
      </c>
      <c r="E25933" s="1179" t="s">
        <v>1856</v>
      </c>
      <c r="F25933" s="102" t="s">
        <v>14700</v>
      </c>
      <c r="G25933" s="102" t="s">
        <v>14380</v>
      </c>
      <c r="H25933" s="102" t="s">
        <v>14378</v>
      </c>
      <c r="I25933" s="102" t="s">
        <v>14380</v>
      </c>
      <c r="J25933" s="1179" t="s">
        <v>14944</v>
      </c>
      <c r="K25933" s="102" t="s">
        <v>31410</v>
      </c>
      <c r="L25933" s="1182"/>
    </row>
    <row r="25934" spans="1:12" s="100" customFormat="1" ht="71.25">
      <c r="A25934" s="78"/>
      <c r="B25934" s="1180"/>
      <c r="C25934" s="103" t="s">
        <v>31411</v>
      </c>
      <c r="D25934" s="1180"/>
      <c r="E25934" s="1180"/>
      <c r="F25934" s="103" t="s">
        <v>14656</v>
      </c>
      <c r="G25934" s="103" t="s">
        <v>14579</v>
      </c>
      <c r="H25934" s="103" t="s">
        <v>14341</v>
      </c>
      <c r="I25934" s="103" t="s">
        <v>14579</v>
      </c>
      <c r="J25934" s="1180"/>
      <c r="K25934" s="103" t="s">
        <v>31412</v>
      </c>
      <c r="L25934" s="1183"/>
    </row>
    <row r="25935" spans="1:12" s="100" customFormat="1" ht="42.75">
      <c r="A25935" s="78"/>
      <c r="B25935" s="1180"/>
      <c r="C25935" s="106"/>
      <c r="D25935" s="1180"/>
      <c r="E25935" s="1180"/>
      <c r="F25935" s="103" t="s">
        <v>14656</v>
      </c>
      <c r="G25935" s="103" t="s">
        <v>14383</v>
      </c>
      <c r="H25935" s="103" t="s">
        <v>14370</v>
      </c>
      <c r="I25935" s="103" t="s">
        <v>14383</v>
      </c>
      <c r="J25935" s="1180"/>
      <c r="K25935" s="103" t="s">
        <v>28399</v>
      </c>
      <c r="L25935" s="1183"/>
    </row>
    <row r="25936" spans="1:12" s="100" customFormat="1" ht="14.25">
      <c r="A25936" s="78"/>
      <c r="B25936" s="1180"/>
      <c r="C25936" s="106"/>
      <c r="D25936" s="1180"/>
      <c r="E25936" s="1180"/>
      <c r="F25936" s="103" t="s">
        <v>25086</v>
      </c>
      <c r="G25936" s="103" t="s">
        <v>14340</v>
      </c>
      <c r="H25936" s="103" t="s">
        <v>14332</v>
      </c>
      <c r="I25936" s="103" t="s">
        <v>14340</v>
      </c>
      <c r="J25936" s="1180"/>
      <c r="K25936" s="103" t="s">
        <v>14557</v>
      </c>
      <c r="L25936" s="1183"/>
    </row>
    <row r="25937" spans="1:12" s="100" customFormat="1" ht="14.25">
      <c r="A25937" s="78"/>
      <c r="B25937" s="1180"/>
      <c r="C25937" s="106"/>
      <c r="D25937" s="1180"/>
      <c r="E25937" s="1180"/>
      <c r="F25937" s="103" t="s">
        <v>14430</v>
      </c>
      <c r="G25937" s="103" t="s">
        <v>14431</v>
      </c>
      <c r="H25937" s="106"/>
      <c r="I25937" s="103" t="s">
        <v>14392</v>
      </c>
      <c r="J25937" s="1180"/>
      <c r="K25937" s="103" t="s">
        <v>31224</v>
      </c>
      <c r="L25937" s="1183"/>
    </row>
    <row r="25938" spans="1:12" s="100" customFormat="1" ht="14.25">
      <c r="A25938" s="78"/>
      <c r="B25938" s="1180"/>
      <c r="C25938" s="106"/>
      <c r="D25938" s="1180"/>
      <c r="E25938" s="1180"/>
      <c r="F25938" s="103" t="s">
        <v>17088</v>
      </c>
      <c r="G25938" s="103" t="s">
        <v>14392</v>
      </c>
      <c r="H25938" s="106"/>
      <c r="I25938" s="103" t="s">
        <v>14373</v>
      </c>
      <c r="J25938" s="1180"/>
      <c r="K25938" s="106"/>
      <c r="L25938" s="1183"/>
    </row>
    <row r="25939" spans="1:12" s="100" customFormat="1" ht="42.75">
      <c r="A25939" s="78"/>
      <c r="B25939" s="1180"/>
      <c r="C25939" s="106"/>
      <c r="D25939" s="1180"/>
      <c r="E25939" s="1180"/>
      <c r="F25939" s="103" t="s">
        <v>14658</v>
      </c>
      <c r="G25939" s="103" t="s">
        <v>14372</v>
      </c>
      <c r="H25939" s="106"/>
      <c r="I25939" s="106"/>
      <c r="J25939" s="1180"/>
      <c r="K25939" s="106"/>
      <c r="L25939" s="1183"/>
    </row>
    <row r="25940" spans="1:12" s="100" customFormat="1" ht="12" customHeight="1" thickBot="1">
      <c r="A25940" s="78"/>
      <c r="B25940" s="1181"/>
      <c r="C25940" s="104"/>
      <c r="D25940" s="1181"/>
      <c r="E25940" s="1181"/>
      <c r="F25940" s="104"/>
      <c r="G25940" s="105" t="s">
        <v>14373</v>
      </c>
      <c r="H25940" s="104"/>
      <c r="I25940" s="104"/>
      <c r="J25940" s="1181"/>
      <c r="K25940" s="104"/>
      <c r="L25940" s="1184"/>
    </row>
    <row r="25941" spans="1:12" s="100" customFormat="1" ht="24" customHeight="1">
      <c r="A25941" s="78"/>
      <c r="B25941" s="1179" t="s">
        <v>31413</v>
      </c>
      <c r="C25941" s="102" t="s">
        <v>31414</v>
      </c>
      <c r="D25941" s="1179" t="s">
        <v>24257</v>
      </c>
      <c r="E25941" s="1179" t="s">
        <v>24258</v>
      </c>
      <c r="F25941" s="102" t="s">
        <v>14507</v>
      </c>
      <c r="G25941" s="102" t="s">
        <v>16971</v>
      </c>
      <c r="H25941" s="102" t="s">
        <v>14381</v>
      </c>
      <c r="I25941" s="102" t="s">
        <v>16971</v>
      </c>
      <c r="J25941" s="1182"/>
      <c r="K25941" s="1179" t="s">
        <v>31415</v>
      </c>
      <c r="L25941" s="1182"/>
    </row>
    <row r="25942" spans="1:12" s="100" customFormat="1" ht="14.25">
      <c r="A25942" s="78"/>
      <c r="B25942" s="1180"/>
      <c r="C25942" s="103" t="s">
        <v>31416</v>
      </c>
      <c r="D25942" s="1180"/>
      <c r="E25942" s="1180"/>
      <c r="F25942" s="103" t="s">
        <v>15089</v>
      </c>
      <c r="G25942" s="103" t="s">
        <v>14429</v>
      </c>
      <c r="H25942" s="103" t="s">
        <v>14367</v>
      </c>
      <c r="I25942" s="103" t="s">
        <v>14429</v>
      </c>
      <c r="J25942" s="1183"/>
      <c r="K25942" s="1180"/>
      <c r="L25942" s="1183"/>
    </row>
    <row r="25943" spans="1:12" s="100" customFormat="1" ht="14.25">
      <c r="A25943" s="78"/>
      <c r="B25943" s="1180"/>
      <c r="C25943" s="106"/>
      <c r="D25943" s="1180"/>
      <c r="E25943" s="1180"/>
      <c r="F25943" s="103" t="s">
        <v>14430</v>
      </c>
      <c r="G25943" s="103" t="s">
        <v>14431</v>
      </c>
      <c r="H25943" s="103" t="s">
        <v>14341</v>
      </c>
      <c r="I25943" s="103" t="s">
        <v>14431</v>
      </c>
      <c r="J25943" s="1183"/>
      <c r="K25943" s="1180"/>
      <c r="L25943" s="1183"/>
    </row>
    <row r="25944" spans="1:12" s="100" customFormat="1" ht="14.25">
      <c r="A25944" s="78"/>
      <c r="B25944" s="1180"/>
      <c r="C25944" s="106"/>
      <c r="D25944" s="1180"/>
      <c r="E25944" s="1180"/>
      <c r="F25944" s="103" t="s">
        <v>14391</v>
      </c>
      <c r="G25944" s="103" t="s">
        <v>14392</v>
      </c>
      <c r="H25944" s="103" t="s">
        <v>14370</v>
      </c>
      <c r="I25944" s="103" t="s">
        <v>14392</v>
      </c>
      <c r="J25944" s="1183"/>
      <c r="K25944" s="1180"/>
      <c r="L25944" s="1183"/>
    </row>
    <row r="25945" spans="1:12" s="100" customFormat="1" ht="29.25" thickBot="1">
      <c r="A25945" s="78"/>
      <c r="B25945" s="1181"/>
      <c r="C25945" s="104"/>
      <c r="D25945" s="1181"/>
      <c r="E25945" s="1181"/>
      <c r="F25945" s="105" t="s">
        <v>14394</v>
      </c>
      <c r="G25945" s="105" t="s">
        <v>14395</v>
      </c>
      <c r="H25945" s="105" t="s">
        <v>14332</v>
      </c>
      <c r="I25945" s="105" t="s">
        <v>14395</v>
      </c>
      <c r="J25945" s="1184"/>
      <c r="K25945" s="1181"/>
      <c r="L25945" s="1184"/>
    </row>
    <row r="25946" spans="1:12" s="100" customFormat="1" ht="14.25">
      <c r="A25946" s="78"/>
      <c r="B25946" s="1179" t="s">
        <v>31417</v>
      </c>
      <c r="C25946" s="102" t="s">
        <v>31418</v>
      </c>
      <c r="D25946" s="1179" t="s">
        <v>77</v>
      </c>
      <c r="E25946" s="1179" t="s">
        <v>24284</v>
      </c>
      <c r="F25946" s="102" t="s">
        <v>14371</v>
      </c>
      <c r="G25946" s="102" t="s">
        <v>14372</v>
      </c>
      <c r="H25946" s="102" t="s">
        <v>14370</v>
      </c>
      <c r="I25946" s="1179" t="s">
        <v>14373</v>
      </c>
      <c r="J25946" s="1182"/>
      <c r="K25946" s="102" t="s">
        <v>14863</v>
      </c>
      <c r="L25946" s="1182"/>
    </row>
    <row r="25947" spans="1:12" s="100" customFormat="1" ht="29.25" thickBot="1">
      <c r="A25947" s="78"/>
      <c r="B25947" s="1181"/>
      <c r="C25947" s="111" t="s">
        <v>31419</v>
      </c>
      <c r="D25947" s="1181"/>
      <c r="E25947" s="1181"/>
      <c r="F25947" s="105" t="s">
        <v>14374</v>
      </c>
      <c r="G25947" s="105" t="s">
        <v>14373</v>
      </c>
      <c r="H25947" s="105" t="s">
        <v>14422</v>
      </c>
      <c r="I25947" s="1181"/>
      <c r="J25947" s="1184"/>
      <c r="K25947" s="105" t="s">
        <v>28388</v>
      </c>
      <c r="L25947" s="1184"/>
    </row>
    <row r="25948" spans="1:12" s="100" customFormat="1" ht="14.25">
      <c r="A25948" s="78"/>
      <c r="B25948" s="1179" t="s">
        <v>31420</v>
      </c>
      <c r="C25948" s="102" t="s">
        <v>24515</v>
      </c>
      <c r="D25948" s="1179" t="s">
        <v>77</v>
      </c>
      <c r="E25948" s="1179" t="s">
        <v>24516</v>
      </c>
      <c r="F25948" s="102" t="s">
        <v>14443</v>
      </c>
      <c r="G25948" s="102" t="s">
        <v>14444</v>
      </c>
      <c r="H25948" s="102" t="s">
        <v>14381</v>
      </c>
      <c r="I25948" s="102" t="s">
        <v>14444</v>
      </c>
      <c r="J25948" s="1182"/>
      <c r="K25948" s="1179" t="s">
        <v>28388</v>
      </c>
      <c r="L25948" s="1182"/>
    </row>
    <row r="25949" spans="1:12" s="100" customFormat="1" ht="28.5">
      <c r="A25949" s="78"/>
      <c r="B25949" s="1180"/>
      <c r="C25949" s="103" t="s">
        <v>27928</v>
      </c>
      <c r="D25949" s="1180"/>
      <c r="E25949" s="1180"/>
      <c r="F25949" s="103" t="s">
        <v>14507</v>
      </c>
      <c r="G25949" s="103" t="s">
        <v>14508</v>
      </c>
      <c r="H25949" s="103" t="s">
        <v>14370</v>
      </c>
      <c r="I25949" s="103" t="s">
        <v>14508</v>
      </c>
      <c r="J25949" s="1183"/>
      <c r="K25949" s="1180"/>
      <c r="L25949" s="1183"/>
    </row>
    <row r="25950" spans="1:12" s="100" customFormat="1" ht="29.25" thickBot="1">
      <c r="A25950" s="78"/>
      <c r="B25950" s="1181"/>
      <c r="C25950" s="104"/>
      <c r="D25950" s="1181"/>
      <c r="E25950" s="1181"/>
      <c r="F25950" s="105" t="s">
        <v>14374</v>
      </c>
      <c r="G25950" s="105" t="s">
        <v>14373</v>
      </c>
      <c r="H25950" s="105" t="s">
        <v>14422</v>
      </c>
      <c r="I25950" s="105" t="s">
        <v>14373</v>
      </c>
      <c r="J25950" s="1184"/>
      <c r="K25950" s="1181"/>
      <c r="L25950" s="1184"/>
    </row>
    <row r="25951" spans="1:12" s="100" customFormat="1" ht="57">
      <c r="A25951" s="78"/>
      <c r="B25951" s="1179" t="s">
        <v>31421</v>
      </c>
      <c r="C25951" s="102" t="s">
        <v>31422</v>
      </c>
      <c r="D25951" s="1179" t="s">
        <v>24706</v>
      </c>
      <c r="E25951" s="1179" t="s">
        <v>24707</v>
      </c>
      <c r="F25951" s="102" t="s">
        <v>14443</v>
      </c>
      <c r="G25951" s="102" t="s">
        <v>14444</v>
      </c>
      <c r="H25951" s="102" t="s">
        <v>14381</v>
      </c>
      <c r="I25951" s="102" t="s">
        <v>14444</v>
      </c>
      <c r="J25951" s="1182"/>
      <c r="K25951" s="102" t="s">
        <v>31423</v>
      </c>
      <c r="L25951" s="1182"/>
    </row>
    <row r="25952" spans="1:12" s="100" customFormat="1" ht="57">
      <c r="A25952" s="78"/>
      <c r="B25952" s="1180"/>
      <c r="C25952" s="103" t="s">
        <v>31152</v>
      </c>
      <c r="D25952" s="1180"/>
      <c r="E25952" s="1180"/>
      <c r="F25952" s="103" t="s">
        <v>15089</v>
      </c>
      <c r="G25952" s="103" t="s">
        <v>14459</v>
      </c>
      <c r="H25952" s="103" t="s">
        <v>14367</v>
      </c>
      <c r="I25952" s="103" t="s">
        <v>14459</v>
      </c>
      <c r="J25952" s="1183"/>
      <c r="K25952" s="103" t="s">
        <v>31424</v>
      </c>
      <c r="L25952" s="1183"/>
    </row>
    <row r="25953" spans="1:12" s="100" customFormat="1" ht="14.25">
      <c r="A25953" s="78"/>
      <c r="B25953" s="1180"/>
      <c r="C25953" s="106"/>
      <c r="D25953" s="1180"/>
      <c r="E25953" s="1180"/>
      <c r="F25953" s="103" t="s">
        <v>15089</v>
      </c>
      <c r="G25953" s="103" t="s">
        <v>14429</v>
      </c>
      <c r="H25953" s="103" t="s">
        <v>14370</v>
      </c>
      <c r="I25953" s="103" t="s">
        <v>14429</v>
      </c>
      <c r="J25953" s="1183"/>
      <c r="K25953" s="103" t="s">
        <v>14517</v>
      </c>
      <c r="L25953" s="1183"/>
    </row>
    <row r="25954" spans="1:12" s="100" customFormat="1" ht="71.25">
      <c r="A25954" s="78"/>
      <c r="B25954" s="1180"/>
      <c r="C25954" s="106"/>
      <c r="D25954" s="1180"/>
      <c r="E25954" s="1180"/>
      <c r="F25954" s="103" t="s">
        <v>21692</v>
      </c>
      <c r="G25954" s="103" t="s">
        <v>31425</v>
      </c>
      <c r="H25954" s="103" t="s">
        <v>14422</v>
      </c>
      <c r="I25954" s="103" t="s">
        <v>31425</v>
      </c>
      <c r="J25954" s="1183"/>
      <c r="K25954" s="103" t="s">
        <v>28375</v>
      </c>
      <c r="L25954" s="1183"/>
    </row>
    <row r="25955" spans="1:12" s="100" customFormat="1" ht="14.25">
      <c r="A25955" s="78"/>
      <c r="B25955" s="1180"/>
      <c r="C25955" s="106"/>
      <c r="D25955" s="1180"/>
      <c r="E25955" s="1180"/>
      <c r="F25955" s="103" t="s">
        <v>14371</v>
      </c>
      <c r="G25955" s="103" t="s">
        <v>14372</v>
      </c>
      <c r="H25955" s="106"/>
      <c r="I25955" s="103" t="s">
        <v>14373</v>
      </c>
      <c r="J25955" s="1183"/>
      <c r="K25955" s="106"/>
      <c r="L25955" s="1183"/>
    </row>
    <row r="25956" spans="1:12" s="100" customFormat="1" ht="29.25" thickBot="1">
      <c r="A25956" s="78"/>
      <c r="B25956" s="1181"/>
      <c r="C25956" s="104"/>
      <c r="D25956" s="1181"/>
      <c r="E25956" s="1181"/>
      <c r="F25956" s="105" t="s">
        <v>14374</v>
      </c>
      <c r="G25956" s="105" t="s">
        <v>14373</v>
      </c>
      <c r="H25956" s="104"/>
      <c r="I25956" s="104"/>
      <c r="J25956" s="1184"/>
      <c r="K25956" s="104"/>
      <c r="L25956" s="1184"/>
    </row>
    <row r="25957" spans="1:12" s="100" customFormat="1" ht="12" customHeight="1">
      <c r="A25957" s="78"/>
      <c r="B25957" s="1179" t="s">
        <v>31878</v>
      </c>
      <c r="C25957" s="1179" t="s">
        <v>31426</v>
      </c>
      <c r="D25957" s="1179" t="s">
        <v>25217</v>
      </c>
      <c r="E25957" s="1179" t="s">
        <v>25218</v>
      </c>
      <c r="F25957" s="102" t="s">
        <v>14376</v>
      </c>
      <c r="G25957" s="102" t="s">
        <v>14669</v>
      </c>
      <c r="H25957" s="102" t="s">
        <v>14381</v>
      </c>
      <c r="I25957" s="102" t="s">
        <v>14669</v>
      </c>
      <c r="J25957" s="1182"/>
      <c r="K25957" s="1179" t="s">
        <v>31427</v>
      </c>
      <c r="L25957" s="1182"/>
    </row>
    <row r="25958" spans="1:12" s="100" customFormat="1" ht="14.25">
      <c r="A25958" s="78"/>
      <c r="B25958" s="1180"/>
      <c r="C25958" s="1180"/>
      <c r="D25958" s="1180"/>
      <c r="E25958" s="1180"/>
      <c r="F25958" s="103" t="s">
        <v>15089</v>
      </c>
      <c r="G25958" s="103" t="s">
        <v>14421</v>
      </c>
      <c r="H25958" s="103" t="s">
        <v>14378</v>
      </c>
      <c r="I25958" s="103" t="s">
        <v>14421</v>
      </c>
      <c r="J25958" s="1183"/>
      <c r="K25958" s="1180"/>
      <c r="L25958" s="1183"/>
    </row>
    <row r="25959" spans="1:12" s="100" customFormat="1" ht="14.25">
      <c r="A25959" s="78"/>
      <c r="B25959" s="1180"/>
      <c r="C25959" s="1180"/>
      <c r="D25959" s="1180"/>
      <c r="E25959" s="1180"/>
      <c r="F25959" s="103" t="s">
        <v>14656</v>
      </c>
      <c r="G25959" s="103" t="s">
        <v>14383</v>
      </c>
      <c r="H25959" s="103" t="s">
        <v>14341</v>
      </c>
      <c r="I25959" s="103" t="s">
        <v>14383</v>
      </c>
      <c r="J25959" s="1183"/>
      <c r="K25959" s="1180"/>
      <c r="L25959" s="1183"/>
    </row>
    <row r="25960" spans="1:12" s="100" customFormat="1" ht="14.25">
      <c r="A25960" s="78"/>
      <c r="B25960" s="1180"/>
      <c r="C25960" s="1180"/>
      <c r="D25960" s="1180"/>
      <c r="E25960" s="1180"/>
      <c r="F25960" s="103" t="s">
        <v>14368</v>
      </c>
      <c r="G25960" s="103" t="s">
        <v>14369</v>
      </c>
      <c r="H25960" s="103" t="s">
        <v>14332</v>
      </c>
      <c r="I25960" s="103" t="s">
        <v>14369</v>
      </c>
      <c r="J25960" s="1183"/>
      <c r="K25960" s="1180"/>
      <c r="L25960" s="1183"/>
    </row>
    <row r="25961" spans="1:12" s="100" customFormat="1" ht="42.75">
      <c r="A25961" s="78"/>
      <c r="B25961" s="1180"/>
      <c r="C25961" s="1180"/>
      <c r="D25961" s="1180"/>
      <c r="E25961" s="1180"/>
      <c r="F25961" s="103" t="s">
        <v>15246</v>
      </c>
      <c r="G25961" s="103" t="s">
        <v>31428</v>
      </c>
      <c r="H25961" s="106"/>
      <c r="I25961" s="103" t="s">
        <v>31428</v>
      </c>
      <c r="J25961" s="1183"/>
      <c r="K25961" s="1180"/>
      <c r="L25961" s="1183"/>
    </row>
    <row r="25962" spans="1:12" s="100" customFormat="1" ht="28.5">
      <c r="A25962" s="78"/>
      <c r="B25962" s="1180"/>
      <c r="C25962" s="1180"/>
      <c r="D25962" s="1180"/>
      <c r="E25962" s="1180"/>
      <c r="F25962" s="103" t="s">
        <v>16919</v>
      </c>
      <c r="G25962" s="103" t="s">
        <v>31429</v>
      </c>
      <c r="H25962" s="106"/>
      <c r="I25962" s="103" t="s">
        <v>31429</v>
      </c>
      <c r="J25962" s="1183"/>
      <c r="K25962" s="1180"/>
      <c r="L25962" s="1183"/>
    </row>
    <row r="25963" spans="1:12" s="100" customFormat="1" ht="12.75" customHeight="1">
      <c r="A25963" s="78"/>
      <c r="B25963" s="1180"/>
      <c r="C25963" s="1180"/>
      <c r="D25963" s="1180"/>
      <c r="E25963" s="1180"/>
      <c r="F25963" s="103" t="s">
        <v>14389</v>
      </c>
      <c r="G25963" s="103" t="s">
        <v>14390</v>
      </c>
      <c r="H25963" s="106"/>
      <c r="I25963" s="103" t="s">
        <v>14390</v>
      </c>
      <c r="J25963" s="1183"/>
      <c r="K25963" s="1180"/>
      <c r="L25963" s="1183"/>
    </row>
    <row r="25964" spans="1:12" s="100" customFormat="1" ht="14.25">
      <c r="A25964" s="78"/>
      <c r="B25964" s="1180"/>
      <c r="C25964" s="1180"/>
      <c r="D25964" s="1180"/>
      <c r="E25964" s="1180"/>
      <c r="F25964" s="103" t="s">
        <v>14430</v>
      </c>
      <c r="G25964" s="103" t="s">
        <v>14431</v>
      </c>
      <c r="H25964" s="106"/>
      <c r="I25964" s="103" t="s">
        <v>14431</v>
      </c>
      <c r="J25964" s="1183"/>
      <c r="K25964" s="1180"/>
      <c r="L25964" s="1183"/>
    </row>
    <row r="25965" spans="1:12" s="100" customFormat="1" ht="15" thickBot="1">
      <c r="A25965" s="78"/>
      <c r="B25965" s="1181"/>
      <c r="C25965" s="1181"/>
      <c r="D25965" s="1181"/>
      <c r="E25965" s="1181"/>
      <c r="F25965" s="105" t="s">
        <v>14391</v>
      </c>
      <c r="G25965" s="105" t="s">
        <v>14392</v>
      </c>
      <c r="H25965" s="104"/>
      <c r="I25965" s="105" t="s">
        <v>14392</v>
      </c>
      <c r="J25965" s="1184"/>
      <c r="K25965" s="1181"/>
      <c r="L25965" s="1184"/>
    </row>
    <row r="25966" spans="1:12" s="100" customFormat="1" ht="24" customHeight="1">
      <c r="A25966" s="78"/>
      <c r="B25966" s="1179" t="s">
        <v>31877</v>
      </c>
      <c r="C25966" s="1179" t="s">
        <v>31153</v>
      </c>
      <c r="D25966" s="1179" t="s">
        <v>25866</v>
      </c>
      <c r="E25966" s="1179" t="s">
        <v>25867</v>
      </c>
      <c r="F25966" s="102" t="s">
        <v>25868</v>
      </c>
      <c r="G25966" s="102" t="s">
        <v>16363</v>
      </c>
      <c r="H25966" s="102" t="s">
        <v>14328</v>
      </c>
      <c r="I25966" s="102" t="s">
        <v>16363</v>
      </c>
      <c r="J25966" s="1182"/>
      <c r="K25966" s="1182"/>
      <c r="L25966" s="1182"/>
    </row>
    <row r="25967" spans="1:12" s="100" customFormat="1" ht="12" customHeight="1">
      <c r="A25967" s="78"/>
      <c r="B25967" s="1180"/>
      <c r="C25967" s="1180"/>
      <c r="D25967" s="1180"/>
      <c r="E25967" s="1180"/>
      <c r="F25967" s="103" t="s">
        <v>14424</v>
      </c>
      <c r="G25967" s="103" t="s">
        <v>17083</v>
      </c>
      <c r="H25967" s="103" t="s">
        <v>14381</v>
      </c>
      <c r="I25967" s="103" t="s">
        <v>17083</v>
      </c>
      <c r="J25967" s="1183"/>
      <c r="K25967" s="1183"/>
      <c r="L25967" s="1183"/>
    </row>
    <row r="25968" spans="1:12" s="100" customFormat="1" ht="12.75" customHeight="1">
      <c r="A25968" s="78"/>
      <c r="B25968" s="1180"/>
      <c r="C25968" s="1180"/>
      <c r="D25968" s="1180"/>
      <c r="E25968" s="1180"/>
      <c r="F25968" s="103" t="s">
        <v>14389</v>
      </c>
      <c r="G25968" s="103" t="s">
        <v>14390</v>
      </c>
      <c r="H25968" s="103" t="s">
        <v>14367</v>
      </c>
      <c r="I25968" s="103" t="s">
        <v>14390</v>
      </c>
      <c r="J25968" s="1183"/>
      <c r="K25968" s="1183"/>
      <c r="L25968" s="1183"/>
    </row>
    <row r="25969" spans="1:12" s="100" customFormat="1" ht="12" customHeight="1">
      <c r="A25969" s="78"/>
      <c r="B25969" s="1180"/>
      <c r="C25969" s="1180"/>
      <c r="D25969" s="1180"/>
      <c r="E25969" s="1180"/>
      <c r="F25969" s="103" t="s">
        <v>14386</v>
      </c>
      <c r="G25969" s="103" t="s">
        <v>14387</v>
      </c>
      <c r="H25969" s="103" t="s">
        <v>14370</v>
      </c>
      <c r="I25969" s="103" t="s">
        <v>14387</v>
      </c>
      <c r="J25969" s="1183"/>
      <c r="K25969" s="1183"/>
      <c r="L25969" s="1183"/>
    </row>
    <row r="25970" spans="1:12" s="100" customFormat="1" ht="29.25" thickBot="1">
      <c r="A25970" s="78"/>
      <c r="B25970" s="1181"/>
      <c r="C25970" s="1181"/>
      <c r="D25970" s="1181"/>
      <c r="E25970" s="1181"/>
      <c r="F25970" s="105" t="s">
        <v>14394</v>
      </c>
      <c r="G25970" s="105" t="s">
        <v>14395</v>
      </c>
      <c r="H25970" s="105" t="s">
        <v>14332</v>
      </c>
      <c r="I25970" s="105" t="s">
        <v>31197</v>
      </c>
      <c r="J25970" s="1184"/>
      <c r="K25970" s="1184"/>
      <c r="L25970" s="1184"/>
    </row>
    <row r="25971" spans="1:12" s="100" customFormat="1" ht="14.25">
      <c r="A25971" s="78"/>
      <c r="B25971" s="78"/>
      <c r="C25971" s="78"/>
      <c r="D25971" s="78"/>
      <c r="E25971" s="78"/>
      <c r="F25971" s="78"/>
      <c r="G25971" s="78"/>
      <c r="H25971" s="78"/>
      <c r="I25971" s="78"/>
      <c r="J25971" s="78"/>
      <c r="K25971" s="78"/>
      <c r="L25971" s="78"/>
    </row>
    <row r="25972" spans="1:12" s="100" customFormat="1" ht="14.25">
      <c r="A25972" s="78"/>
      <c r="B25972" s="78" t="s">
        <v>31430</v>
      </c>
      <c r="C25972" s="78"/>
      <c r="D25972" s="78"/>
      <c r="E25972" s="78"/>
      <c r="F25972" s="78"/>
      <c r="G25972" s="78"/>
      <c r="H25972" s="78"/>
      <c r="I25972" s="78"/>
      <c r="J25972" s="78"/>
      <c r="K25972" s="78"/>
      <c r="L25972" s="78"/>
    </row>
    <row r="25973" spans="1:12" s="68" customFormat="1" ht="14.25"/>
    <row r="25975" spans="1:12">
      <c r="B25975" s="1177" t="s">
        <v>33729</v>
      </c>
      <c r="C25975" s="1177"/>
      <c r="D25975" s="1177"/>
    </row>
    <row r="25976" spans="1:12">
      <c r="B25976" s="1177" t="s">
        <v>33730</v>
      </c>
      <c r="C25976" s="1177"/>
      <c r="D25976" s="1177"/>
    </row>
    <row r="25977" spans="1:12" ht="60" customHeight="1">
      <c r="B25977" s="1177" t="s">
        <v>33731</v>
      </c>
      <c r="C25977" s="1177"/>
      <c r="D25977" s="1177"/>
    </row>
    <row r="25978" spans="1:12">
      <c r="B25978" s="1177" t="s">
        <v>14313</v>
      </c>
      <c r="C25978" s="1177"/>
      <c r="D25978" s="1177"/>
    </row>
    <row r="25980" spans="1:12">
      <c r="B25980" s="335" t="s">
        <v>33732</v>
      </c>
    </row>
    <row r="25981" spans="1:12">
      <c r="B25981" s="71" t="s">
        <v>33733</v>
      </c>
    </row>
    <row r="25982" spans="1:12">
      <c r="B25982" s="71" t="s">
        <v>33734</v>
      </c>
    </row>
    <row r="25983" spans="1:12">
      <c r="B25983" s="335" t="s">
        <v>33735</v>
      </c>
    </row>
    <row r="25984" spans="1:12">
      <c r="B25984" s="71" t="s">
        <v>33722</v>
      </c>
    </row>
    <row r="25985" spans="1:12">
      <c r="B25985" s="71" t="s">
        <v>33725</v>
      </c>
    </row>
    <row r="25986" spans="1:12">
      <c r="B25986" s="71" t="s">
        <v>33736</v>
      </c>
    </row>
    <row r="25987" spans="1:12">
      <c r="B25987" s="71" t="s">
        <v>33737</v>
      </c>
    </row>
    <row r="25989" spans="1:12">
      <c r="B25989" s="386" t="s">
        <v>31079</v>
      </c>
      <c r="C25989" s="233"/>
      <c r="D25989" s="233"/>
      <c r="E25989" s="233"/>
      <c r="F25989" s="233"/>
      <c r="G25989" s="233"/>
      <c r="H25989" s="233"/>
      <c r="I25989" s="233"/>
      <c r="J25989" s="233"/>
      <c r="K25989" s="233"/>
      <c r="L25989" s="233"/>
    </row>
    <row r="25990" spans="1:12">
      <c r="B25990" s="387" t="s">
        <v>33738</v>
      </c>
      <c r="C25990" s="233"/>
      <c r="D25990" s="233"/>
      <c r="E25990" s="233"/>
      <c r="F25990" s="233"/>
      <c r="G25990" s="233"/>
      <c r="H25990" s="233"/>
      <c r="I25990" s="233"/>
      <c r="J25990" s="233"/>
      <c r="K25990" s="233"/>
      <c r="L25990" s="233"/>
    </row>
    <row r="25991" spans="1:12" ht="16.5" thickBot="1">
      <c r="A25991" s="388"/>
      <c r="B25991" s="1206" t="s">
        <v>33739</v>
      </c>
      <c r="C25991" s="1206"/>
      <c r="D25991" s="1206"/>
      <c r="E25991" s="1206"/>
      <c r="F25991" s="1206"/>
      <c r="G25991" s="1206"/>
      <c r="H25991" s="1206"/>
      <c r="I25991" s="1206"/>
      <c r="J25991" s="1206"/>
      <c r="K25991" s="1206"/>
      <c r="L25991" s="1206"/>
    </row>
    <row r="25992" spans="1:12" ht="16.5" thickBot="1">
      <c r="A25992" s="388"/>
      <c r="B25992" s="1185" t="s">
        <v>9045</v>
      </c>
      <c r="C25992" s="1185" t="s">
        <v>30988</v>
      </c>
      <c r="D25992" s="1185" t="s">
        <v>8</v>
      </c>
      <c r="E25992" s="1185" t="s">
        <v>8349</v>
      </c>
      <c r="F25992" s="1187" t="s">
        <v>586</v>
      </c>
      <c r="G25992" s="1188"/>
      <c r="H25992" s="1187" t="s">
        <v>14317</v>
      </c>
      <c r="I25992" s="1189"/>
      <c r="J25992" s="1188"/>
      <c r="K25992" s="1185" t="s">
        <v>33740</v>
      </c>
      <c r="L25992" s="1185" t="s">
        <v>9046</v>
      </c>
    </row>
    <row r="25993" spans="1:12" ht="57.75" thickBot="1">
      <c r="A25993" s="388"/>
      <c r="B25993" s="1186"/>
      <c r="C25993" s="1186"/>
      <c r="D25993" s="1186"/>
      <c r="E25993" s="1186"/>
      <c r="F25993" s="101" t="s">
        <v>14318</v>
      </c>
      <c r="G25993" s="101" t="s">
        <v>14319</v>
      </c>
      <c r="H25993" s="101" t="s">
        <v>14320</v>
      </c>
      <c r="I25993" s="101" t="s">
        <v>14319</v>
      </c>
      <c r="J25993" s="101" t="s">
        <v>14321</v>
      </c>
      <c r="K25993" s="1186"/>
      <c r="L25993" s="1186"/>
    </row>
    <row r="25994" spans="1:12" ht="42.75">
      <c r="A25994" s="388"/>
      <c r="B25994" s="1179" t="s">
        <v>33741</v>
      </c>
      <c r="C25994" s="1179" t="s">
        <v>33742</v>
      </c>
      <c r="D25994" s="1179" t="s">
        <v>33743</v>
      </c>
      <c r="E25994" s="1179" t="s">
        <v>33744</v>
      </c>
      <c r="F25994" s="131" t="s">
        <v>15089</v>
      </c>
      <c r="G25994" s="131" t="s">
        <v>14429</v>
      </c>
      <c r="H25994" s="131" t="s">
        <v>14367</v>
      </c>
      <c r="I25994" s="131" t="s">
        <v>14429</v>
      </c>
      <c r="J25994" s="1182"/>
      <c r="K25994" s="131" t="s">
        <v>33745</v>
      </c>
      <c r="L25994" s="1182"/>
    </row>
    <row r="25995" spans="1:12">
      <c r="A25995" s="388"/>
      <c r="B25995" s="1180"/>
      <c r="C25995" s="1180"/>
      <c r="D25995" s="1180"/>
      <c r="E25995" s="1180"/>
      <c r="F25995" s="132" t="s">
        <v>17310</v>
      </c>
      <c r="G25995" s="132" t="s">
        <v>17311</v>
      </c>
      <c r="H25995" s="132" t="s">
        <v>14381</v>
      </c>
      <c r="I25995" s="132" t="s">
        <v>17311</v>
      </c>
      <c r="J25995" s="1183"/>
      <c r="K25995" s="132" t="s">
        <v>33746</v>
      </c>
      <c r="L25995" s="1183"/>
    </row>
    <row r="25996" spans="1:12">
      <c r="A25996" s="388"/>
      <c r="B25996" s="1180"/>
      <c r="C25996" s="1180"/>
      <c r="D25996" s="1180"/>
      <c r="E25996" s="1180"/>
      <c r="F25996" s="132" t="s">
        <v>14386</v>
      </c>
      <c r="G25996" s="132" t="s">
        <v>14387</v>
      </c>
      <c r="H25996" s="132" t="s">
        <v>14370</v>
      </c>
      <c r="I25996" s="132" t="s">
        <v>14387</v>
      </c>
      <c r="J25996" s="1183"/>
      <c r="K25996" s="389"/>
      <c r="L25996" s="1183"/>
    </row>
    <row r="25997" spans="1:12">
      <c r="A25997" s="388"/>
      <c r="B25997" s="1180"/>
      <c r="C25997" s="1180"/>
      <c r="D25997" s="1180"/>
      <c r="E25997" s="1180"/>
      <c r="F25997" s="132" t="s">
        <v>14371</v>
      </c>
      <c r="G25997" s="132" t="s">
        <v>14372</v>
      </c>
      <c r="H25997" s="132" t="s">
        <v>14332</v>
      </c>
      <c r="I25997" s="132" t="s">
        <v>14373</v>
      </c>
      <c r="J25997" s="1183"/>
      <c r="K25997" s="389"/>
      <c r="L25997" s="1183"/>
    </row>
    <row r="25998" spans="1:12" ht="29.25" thickBot="1">
      <c r="A25998" s="388"/>
      <c r="B25998" s="1181"/>
      <c r="C25998" s="1181"/>
      <c r="D25998" s="1181"/>
      <c r="E25998" s="1181"/>
      <c r="F25998" s="133" t="s">
        <v>14472</v>
      </c>
      <c r="G25998" s="133" t="s">
        <v>14473</v>
      </c>
      <c r="H25998" s="390"/>
      <c r="I25998" s="390"/>
      <c r="J25998" s="1184"/>
      <c r="K25998" s="390"/>
      <c r="L25998" s="1184"/>
    </row>
    <row r="25999" spans="1:12">
      <c r="A25999" s="388"/>
      <c r="B25999" s="1179" t="s">
        <v>33747</v>
      </c>
      <c r="C25999" s="131" t="s">
        <v>33748</v>
      </c>
      <c r="D25999" s="1179" t="s">
        <v>33749</v>
      </c>
      <c r="E25999" s="1179" t="s">
        <v>33750</v>
      </c>
      <c r="F25999" s="131" t="s">
        <v>14418</v>
      </c>
      <c r="G25999" s="131" t="s">
        <v>14419</v>
      </c>
      <c r="H25999" s="131" t="s">
        <v>14328</v>
      </c>
      <c r="I25999" s="131" t="s">
        <v>14419</v>
      </c>
      <c r="J25999" s="1182"/>
      <c r="K25999" s="1179" t="s">
        <v>33751</v>
      </c>
      <c r="L25999" s="1182"/>
    </row>
    <row r="26000" spans="1:12">
      <c r="A26000" s="388"/>
      <c r="B26000" s="1180"/>
      <c r="C26000" s="135" t="s">
        <v>33752</v>
      </c>
      <c r="D26000" s="1180"/>
      <c r="E26000" s="1180"/>
      <c r="F26000" s="132" t="s">
        <v>14656</v>
      </c>
      <c r="G26000" s="132" t="s">
        <v>14483</v>
      </c>
      <c r="H26000" s="132" t="s">
        <v>14378</v>
      </c>
      <c r="I26000" s="132" t="s">
        <v>14483</v>
      </c>
      <c r="J26000" s="1183"/>
      <c r="K26000" s="1180"/>
      <c r="L26000" s="1183"/>
    </row>
    <row r="26001" spans="1:12">
      <c r="A26001" s="388"/>
      <c r="B26001" s="1180"/>
      <c r="C26001" s="389"/>
      <c r="D26001" s="1180"/>
      <c r="E26001" s="1180"/>
      <c r="F26001" s="132" t="s">
        <v>17310</v>
      </c>
      <c r="G26001" s="132" t="s">
        <v>17311</v>
      </c>
      <c r="H26001" s="132" t="s">
        <v>14381</v>
      </c>
      <c r="I26001" s="132" t="s">
        <v>17311</v>
      </c>
      <c r="J26001" s="1183"/>
      <c r="K26001" s="1180"/>
      <c r="L26001" s="1183"/>
    </row>
    <row r="26002" spans="1:12" ht="28.5">
      <c r="A26002" s="388"/>
      <c r="B26002" s="1180"/>
      <c r="C26002" s="389"/>
      <c r="D26002" s="1180"/>
      <c r="E26002" s="1180"/>
      <c r="F26002" s="132" t="s">
        <v>14394</v>
      </c>
      <c r="G26002" s="132" t="s">
        <v>14395</v>
      </c>
      <c r="H26002" s="132" t="s">
        <v>14370</v>
      </c>
      <c r="I26002" s="132" t="s">
        <v>14395</v>
      </c>
      <c r="J26002" s="1183"/>
      <c r="K26002" s="1180"/>
      <c r="L26002" s="1183"/>
    </row>
    <row r="26003" spans="1:12" ht="16.5" thickBot="1">
      <c r="A26003" s="388"/>
      <c r="B26003" s="1181"/>
      <c r="C26003" s="390"/>
      <c r="D26003" s="1181"/>
      <c r="E26003" s="1181"/>
      <c r="F26003" s="390"/>
      <c r="G26003" s="390"/>
      <c r="H26003" s="133" t="s">
        <v>14332</v>
      </c>
      <c r="I26003" s="390"/>
      <c r="J26003" s="1184"/>
      <c r="K26003" s="1181"/>
      <c r="L26003" s="1184"/>
    </row>
    <row r="26004" spans="1:12" ht="28.5">
      <c r="A26004" s="388"/>
      <c r="B26004" s="1179" t="s">
        <v>33753</v>
      </c>
      <c r="C26004" s="134" t="s">
        <v>33754</v>
      </c>
      <c r="D26004" s="1179" t="s">
        <v>33755</v>
      </c>
      <c r="E26004" s="1179" t="s">
        <v>33756</v>
      </c>
      <c r="F26004" s="131" t="s">
        <v>14418</v>
      </c>
      <c r="G26004" s="131" t="s">
        <v>14419</v>
      </c>
      <c r="H26004" s="131" t="s">
        <v>14328</v>
      </c>
      <c r="I26004" s="131" t="s">
        <v>14419</v>
      </c>
      <c r="J26004" s="1182"/>
      <c r="K26004" s="1208" t="s">
        <v>33757</v>
      </c>
      <c r="L26004" s="1182"/>
    </row>
    <row r="26005" spans="1:12">
      <c r="A26005" s="388"/>
      <c r="B26005" s="1180"/>
      <c r="C26005" s="132" t="s">
        <v>33758</v>
      </c>
      <c r="D26005" s="1180"/>
      <c r="E26005" s="1180"/>
      <c r="F26005" s="132" t="s">
        <v>15089</v>
      </c>
      <c r="G26005" s="132" t="s">
        <v>14429</v>
      </c>
      <c r="H26005" s="132" t="s">
        <v>14367</v>
      </c>
      <c r="I26005" s="132" t="s">
        <v>14429</v>
      </c>
      <c r="J26005" s="1183"/>
      <c r="K26005" s="1209"/>
      <c r="L26005" s="1183"/>
    </row>
    <row r="26006" spans="1:12">
      <c r="A26006" s="388"/>
      <c r="B26006" s="1180"/>
      <c r="C26006" s="389"/>
      <c r="D26006" s="1180"/>
      <c r="E26006" s="1180"/>
      <c r="F26006" s="132" t="s">
        <v>14391</v>
      </c>
      <c r="G26006" s="132" t="s">
        <v>14392</v>
      </c>
      <c r="H26006" s="132" t="s">
        <v>14381</v>
      </c>
      <c r="I26006" s="132" t="s">
        <v>14392</v>
      </c>
      <c r="J26006" s="1183"/>
      <c r="K26006" s="1209"/>
      <c r="L26006" s="1183"/>
    </row>
    <row r="26007" spans="1:12">
      <c r="A26007" s="388"/>
      <c r="B26007" s="1180"/>
      <c r="C26007" s="389"/>
      <c r="D26007" s="1180"/>
      <c r="E26007" s="1180"/>
      <c r="F26007" s="132" t="s">
        <v>17310</v>
      </c>
      <c r="G26007" s="132" t="s">
        <v>17311</v>
      </c>
      <c r="H26007" s="132" t="s">
        <v>14370</v>
      </c>
      <c r="I26007" s="132" t="s">
        <v>17311</v>
      </c>
      <c r="J26007" s="1183"/>
      <c r="K26007" s="1209"/>
      <c r="L26007" s="1183"/>
    </row>
    <row r="26008" spans="1:12" ht="29.25" thickBot="1">
      <c r="A26008" s="388"/>
      <c r="B26008" s="1181"/>
      <c r="C26008" s="390"/>
      <c r="D26008" s="1181"/>
      <c r="E26008" s="1181"/>
      <c r="F26008" s="133" t="s">
        <v>14394</v>
      </c>
      <c r="G26008" s="133" t="s">
        <v>14395</v>
      </c>
      <c r="H26008" s="133" t="s">
        <v>14332</v>
      </c>
      <c r="I26008" s="133" t="s">
        <v>14395</v>
      </c>
      <c r="J26008" s="1184"/>
      <c r="K26008" s="1210"/>
      <c r="L26008" s="1184"/>
    </row>
    <row r="26009" spans="1:12">
      <c r="A26009" s="388"/>
      <c r="B26009" s="1179" t="s">
        <v>33759</v>
      </c>
      <c r="C26009" s="1179" t="s">
        <v>33760</v>
      </c>
      <c r="D26009" s="1179" t="s">
        <v>33761</v>
      </c>
      <c r="E26009" s="1179" t="s">
        <v>33762</v>
      </c>
      <c r="F26009" s="1179" t="s">
        <v>14376</v>
      </c>
      <c r="G26009" s="1179" t="s">
        <v>14669</v>
      </c>
      <c r="H26009" s="131" t="s">
        <v>14381</v>
      </c>
      <c r="I26009" s="1179" t="s">
        <v>33763</v>
      </c>
      <c r="J26009" s="1182"/>
      <c r="K26009" s="1182"/>
      <c r="L26009" s="1182"/>
    </row>
    <row r="26010" spans="1:12" ht="16.5" thickBot="1">
      <c r="A26010" s="388"/>
      <c r="B26010" s="1181"/>
      <c r="C26010" s="1181"/>
      <c r="D26010" s="1181"/>
      <c r="E26010" s="1181"/>
      <c r="F26010" s="1181"/>
      <c r="G26010" s="1181"/>
      <c r="H26010" s="133" t="s">
        <v>14332</v>
      </c>
      <c r="I26010" s="1181"/>
      <c r="J26010" s="1184"/>
      <c r="K26010" s="1184"/>
      <c r="L26010" s="1184"/>
    </row>
    <row r="26011" spans="1:12">
      <c r="A26011" s="388"/>
      <c r="B26011" s="1179" t="s">
        <v>33764</v>
      </c>
      <c r="C26011" s="131" t="s">
        <v>33765</v>
      </c>
      <c r="D26011" s="1179" t="s">
        <v>33766</v>
      </c>
      <c r="E26011" s="1179" t="s">
        <v>33767</v>
      </c>
      <c r="F26011" s="1179" t="s">
        <v>14424</v>
      </c>
      <c r="G26011" s="1179" t="s">
        <v>16046</v>
      </c>
      <c r="H26011" s="131" t="s">
        <v>14381</v>
      </c>
      <c r="I26011" s="1179" t="s">
        <v>33768</v>
      </c>
      <c r="J26011" s="1182"/>
      <c r="K26011" s="1182"/>
      <c r="L26011" s="1182"/>
    </row>
    <row r="26012" spans="1:12" ht="16.5" thickBot="1">
      <c r="A26012" s="388"/>
      <c r="B26012" s="1181"/>
      <c r="C26012" s="133" t="s">
        <v>33769</v>
      </c>
      <c r="D26012" s="1181"/>
      <c r="E26012" s="1181"/>
      <c r="F26012" s="1181"/>
      <c r="G26012" s="1181"/>
      <c r="H26012" s="133" t="s">
        <v>14332</v>
      </c>
      <c r="I26012" s="1181"/>
      <c r="J26012" s="1184"/>
      <c r="K26012" s="1184"/>
      <c r="L26012" s="1184"/>
    </row>
    <row r="26013" spans="1:12">
      <c r="A26013" s="388"/>
      <c r="B26013" s="1179" t="s">
        <v>33770</v>
      </c>
      <c r="C26013" s="1179" t="s">
        <v>33771</v>
      </c>
      <c r="D26013" s="1179" t="s">
        <v>77</v>
      </c>
      <c r="E26013" s="1179" t="s">
        <v>33772</v>
      </c>
      <c r="F26013" s="131" t="s">
        <v>14443</v>
      </c>
      <c r="G26013" s="131" t="s">
        <v>14444</v>
      </c>
      <c r="H26013" s="131" t="s">
        <v>14381</v>
      </c>
      <c r="I26013" s="131" t="s">
        <v>14444</v>
      </c>
      <c r="J26013" s="1182"/>
      <c r="K26013" s="1179" t="s">
        <v>33746</v>
      </c>
      <c r="L26013" s="1182"/>
    </row>
    <row r="26014" spans="1:12" ht="28.5">
      <c r="A26014" s="388"/>
      <c r="B26014" s="1180"/>
      <c r="C26014" s="1180"/>
      <c r="D26014" s="1180"/>
      <c r="E26014" s="1180"/>
      <c r="F26014" s="132" t="s">
        <v>14374</v>
      </c>
      <c r="G26014" s="132" t="s">
        <v>14373</v>
      </c>
      <c r="H26014" s="132" t="s">
        <v>14370</v>
      </c>
      <c r="I26014" s="132" t="s">
        <v>14373</v>
      </c>
      <c r="J26014" s="1183"/>
      <c r="K26014" s="1180"/>
      <c r="L26014" s="1183"/>
    </row>
    <row r="26015" spans="1:12" ht="16.5" thickBot="1">
      <c r="A26015" s="388"/>
      <c r="B26015" s="1181"/>
      <c r="C26015" s="1181"/>
      <c r="D26015" s="1181"/>
      <c r="E26015" s="1181"/>
      <c r="F26015" s="390"/>
      <c r="G26015" s="390"/>
      <c r="H26015" s="133" t="s">
        <v>14422</v>
      </c>
      <c r="I26015" s="390"/>
      <c r="J26015" s="1184"/>
      <c r="K26015" s="1181"/>
      <c r="L26015" s="1184"/>
    </row>
    <row r="26016" spans="1:12" ht="57">
      <c r="A26016" s="388"/>
      <c r="B26016" s="1179" t="s">
        <v>33773</v>
      </c>
      <c r="C26016" s="1179" t="s">
        <v>33774</v>
      </c>
      <c r="D26016" s="1179" t="s">
        <v>33775</v>
      </c>
      <c r="E26016" s="1179" t="s">
        <v>1586</v>
      </c>
      <c r="F26016" s="131" t="s">
        <v>14700</v>
      </c>
      <c r="G26016" s="131" t="s">
        <v>14380</v>
      </c>
      <c r="H26016" s="131" t="s">
        <v>14378</v>
      </c>
      <c r="I26016" s="131" t="s">
        <v>14380</v>
      </c>
      <c r="J26016" s="1182"/>
      <c r="K26016" s="131" t="s">
        <v>33776</v>
      </c>
      <c r="L26016" s="1182"/>
    </row>
    <row r="26017" spans="1:12" ht="42.75">
      <c r="A26017" s="388"/>
      <c r="B26017" s="1180"/>
      <c r="C26017" s="1180"/>
      <c r="D26017" s="1180"/>
      <c r="E26017" s="1180"/>
      <c r="F26017" s="132" t="s">
        <v>14656</v>
      </c>
      <c r="G26017" s="132" t="s">
        <v>14383</v>
      </c>
      <c r="H26017" s="132" t="s">
        <v>14381</v>
      </c>
      <c r="I26017" s="132" t="s">
        <v>14383</v>
      </c>
      <c r="J26017" s="1183"/>
      <c r="K26017" s="132" t="s">
        <v>33777</v>
      </c>
      <c r="L26017" s="1183"/>
    </row>
    <row r="26018" spans="1:12" ht="57">
      <c r="A26018" s="388"/>
      <c r="B26018" s="1180"/>
      <c r="C26018" s="1180"/>
      <c r="D26018" s="1180"/>
      <c r="E26018" s="1180"/>
      <c r="F26018" s="132" t="s">
        <v>14384</v>
      </c>
      <c r="G26018" s="132" t="s">
        <v>20194</v>
      </c>
      <c r="H26018" s="132" t="s">
        <v>14341</v>
      </c>
      <c r="I26018" s="132" t="s">
        <v>20194</v>
      </c>
      <c r="J26018" s="1183"/>
      <c r="K26018" s="132" t="s">
        <v>19144</v>
      </c>
      <c r="L26018" s="1183"/>
    </row>
    <row r="26019" spans="1:12">
      <c r="A26019" s="388"/>
      <c r="B26019" s="1180"/>
      <c r="C26019" s="1180"/>
      <c r="D26019" s="1180"/>
      <c r="E26019" s="1180"/>
      <c r="F26019" s="132" t="s">
        <v>14389</v>
      </c>
      <c r="G26019" s="132" t="s">
        <v>14390</v>
      </c>
      <c r="H26019" s="132" t="s">
        <v>14370</v>
      </c>
      <c r="I26019" s="132" t="s">
        <v>14390</v>
      </c>
      <c r="J26019" s="1183"/>
      <c r="K26019" s="132" t="s">
        <v>33746</v>
      </c>
      <c r="L26019" s="1183"/>
    </row>
    <row r="26020" spans="1:12">
      <c r="A26020" s="388"/>
      <c r="B26020" s="1180"/>
      <c r="C26020" s="1180"/>
      <c r="D26020" s="1180"/>
      <c r="E26020" s="1180"/>
      <c r="F26020" s="132" t="s">
        <v>14430</v>
      </c>
      <c r="G26020" s="132" t="s">
        <v>14431</v>
      </c>
      <c r="H26020" s="132" t="s">
        <v>14332</v>
      </c>
      <c r="I26020" s="132" t="s">
        <v>14431</v>
      </c>
      <c r="J26020" s="1183"/>
      <c r="K26020" s="389"/>
      <c r="L26020" s="1183"/>
    </row>
    <row r="26021" spans="1:12">
      <c r="A26021" s="388"/>
      <c r="B26021" s="1180"/>
      <c r="C26021" s="1180"/>
      <c r="D26021" s="1180"/>
      <c r="E26021" s="1180"/>
      <c r="F26021" s="132" t="s">
        <v>14391</v>
      </c>
      <c r="G26021" s="132" t="s">
        <v>14392</v>
      </c>
      <c r="H26021" s="389"/>
      <c r="I26021" s="132" t="s">
        <v>14392</v>
      </c>
      <c r="J26021" s="1183"/>
      <c r="K26021" s="389"/>
      <c r="L26021" s="1183"/>
    </row>
    <row r="26022" spans="1:12">
      <c r="A26022" s="388"/>
      <c r="B26022" s="1180"/>
      <c r="C26022" s="1180"/>
      <c r="D26022" s="1180"/>
      <c r="E26022" s="1180"/>
      <c r="F26022" s="132" t="s">
        <v>14371</v>
      </c>
      <c r="G26022" s="132" t="s">
        <v>14372</v>
      </c>
      <c r="H26022" s="389"/>
      <c r="I26022" s="132" t="s">
        <v>14373</v>
      </c>
      <c r="J26022" s="1183"/>
      <c r="K26022" s="389"/>
      <c r="L26022" s="1183"/>
    </row>
    <row r="26023" spans="1:12" ht="29.25" thickBot="1">
      <c r="A26023" s="388"/>
      <c r="B26023" s="1181"/>
      <c r="C26023" s="1181"/>
      <c r="D26023" s="1181"/>
      <c r="E26023" s="1181"/>
      <c r="F26023" s="133" t="s">
        <v>14374</v>
      </c>
      <c r="G26023" s="133" t="s">
        <v>14373</v>
      </c>
      <c r="H26023" s="390"/>
      <c r="I26023" s="390"/>
      <c r="J26023" s="1184"/>
      <c r="K26023" s="390"/>
      <c r="L26023" s="1184"/>
    </row>
    <row r="26024" spans="1:12" ht="42.75">
      <c r="A26024" s="388"/>
      <c r="B26024" s="1179" t="s">
        <v>33778</v>
      </c>
      <c r="C26024" s="131" t="s">
        <v>33779</v>
      </c>
      <c r="D26024" s="1179" t="s">
        <v>33780</v>
      </c>
      <c r="E26024" s="1179" t="s">
        <v>33781</v>
      </c>
      <c r="F26024" s="131" t="s">
        <v>14371</v>
      </c>
      <c r="G26024" s="131" t="s">
        <v>14372</v>
      </c>
      <c r="H26024" s="131" t="s">
        <v>14370</v>
      </c>
      <c r="I26024" s="1179" t="s">
        <v>14373</v>
      </c>
      <c r="J26024" s="1182"/>
      <c r="K26024" s="131" t="s">
        <v>19144</v>
      </c>
      <c r="L26024" s="1182"/>
    </row>
    <row r="26025" spans="1:12" ht="29.25" thickBot="1">
      <c r="A26025" s="388"/>
      <c r="B26025" s="1181"/>
      <c r="C26025" s="136" t="s">
        <v>33782</v>
      </c>
      <c r="D26025" s="1181"/>
      <c r="E26025" s="1181"/>
      <c r="F26025" s="133" t="s">
        <v>14374</v>
      </c>
      <c r="G26025" s="133" t="s">
        <v>14373</v>
      </c>
      <c r="H26025" s="133" t="s">
        <v>14422</v>
      </c>
      <c r="I26025" s="1181"/>
      <c r="J26025" s="1184"/>
      <c r="K26025" s="133" t="s">
        <v>33746</v>
      </c>
      <c r="L26025" s="1184"/>
    </row>
    <row r="26026" spans="1:12">
      <c r="A26026" s="388"/>
      <c r="B26026" s="1179" t="s">
        <v>33783</v>
      </c>
      <c r="C26026" s="1179" t="s">
        <v>33784</v>
      </c>
      <c r="D26026" s="1179" t="s">
        <v>33785</v>
      </c>
      <c r="E26026" s="1179" t="s">
        <v>33786</v>
      </c>
      <c r="F26026" s="131" t="s">
        <v>14507</v>
      </c>
      <c r="G26026" s="131" t="s">
        <v>16971</v>
      </c>
      <c r="H26026" s="131" t="s">
        <v>14367</v>
      </c>
      <c r="I26026" s="131" t="s">
        <v>16971</v>
      </c>
      <c r="J26026" s="1182"/>
      <c r="K26026" s="1179" t="s">
        <v>33787</v>
      </c>
      <c r="L26026" s="1182"/>
    </row>
    <row r="26027" spans="1:12">
      <c r="A26027" s="388"/>
      <c r="B26027" s="1180"/>
      <c r="C26027" s="1180"/>
      <c r="D26027" s="1180"/>
      <c r="E26027" s="1180"/>
      <c r="F26027" s="132" t="s">
        <v>15089</v>
      </c>
      <c r="G26027" s="132" t="s">
        <v>14429</v>
      </c>
      <c r="H26027" s="132" t="s">
        <v>14381</v>
      </c>
      <c r="I26027" s="132" t="s">
        <v>14429</v>
      </c>
      <c r="J26027" s="1183"/>
      <c r="K26027" s="1180"/>
      <c r="L26027" s="1183"/>
    </row>
    <row r="26028" spans="1:12">
      <c r="A26028" s="388"/>
      <c r="B26028" s="1180"/>
      <c r="C26028" s="1180"/>
      <c r="D26028" s="1180"/>
      <c r="E26028" s="1180"/>
      <c r="F26028" s="132" t="s">
        <v>17695</v>
      </c>
      <c r="G26028" s="132" t="s">
        <v>14392</v>
      </c>
      <c r="H26028" s="132" t="s">
        <v>14422</v>
      </c>
      <c r="I26028" s="132" t="s">
        <v>14392</v>
      </c>
      <c r="J26028" s="1183"/>
      <c r="K26028" s="1180"/>
      <c r="L26028" s="1183"/>
    </row>
    <row r="26029" spans="1:12" ht="29.25" thickBot="1">
      <c r="A26029" s="388"/>
      <c r="B26029" s="1181"/>
      <c r="C26029" s="1181"/>
      <c r="D26029" s="1181"/>
      <c r="E26029" s="1181"/>
      <c r="F26029" s="133" t="s">
        <v>14472</v>
      </c>
      <c r="G26029" s="133" t="s">
        <v>14473</v>
      </c>
      <c r="H26029" s="390"/>
      <c r="I26029" s="133" t="s">
        <v>14473</v>
      </c>
      <c r="J26029" s="1184"/>
      <c r="K26029" s="1181"/>
      <c r="L26029" s="1184"/>
    </row>
    <row r="26030" spans="1:12">
      <c r="A26030" s="388"/>
      <c r="B26030" s="1179" t="s">
        <v>33788</v>
      </c>
      <c r="C26030" s="1179" t="s">
        <v>33789</v>
      </c>
      <c r="D26030" s="1179" t="s">
        <v>33790</v>
      </c>
      <c r="E26030" s="1179" t="s">
        <v>33791</v>
      </c>
      <c r="F26030" s="131" t="s">
        <v>14386</v>
      </c>
      <c r="G26030" s="131" t="s">
        <v>14387</v>
      </c>
      <c r="H26030" s="131" t="s">
        <v>14367</v>
      </c>
      <c r="I26030" s="131" t="s">
        <v>14387</v>
      </c>
      <c r="J26030" s="1182"/>
      <c r="K26030" s="1182"/>
      <c r="L26030" s="1182"/>
    </row>
    <row r="26031" spans="1:12" ht="16.5" thickBot="1">
      <c r="A26031" s="388"/>
      <c r="B26031" s="1181"/>
      <c r="C26031" s="1181"/>
      <c r="D26031" s="1181"/>
      <c r="E26031" s="1181"/>
      <c r="F26031" s="133" t="s">
        <v>14368</v>
      </c>
      <c r="G26031" s="133" t="s">
        <v>14388</v>
      </c>
      <c r="H26031" s="133" t="s">
        <v>14422</v>
      </c>
      <c r="I26031" s="133" t="s">
        <v>33792</v>
      </c>
      <c r="J26031" s="1184"/>
      <c r="K26031" s="1184"/>
      <c r="L26031" s="1184"/>
    </row>
    <row r="26032" spans="1:12">
      <c r="A26032" s="388"/>
      <c r="B26032" s="1179" t="s">
        <v>33793</v>
      </c>
      <c r="C26032" s="131" t="s">
        <v>33794</v>
      </c>
      <c r="D26032" s="1179" t="s">
        <v>77</v>
      </c>
      <c r="E26032" s="1179" t="s">
        <v>33795</v>
      </c>
      <c r="F26032" s="131" t="s">
        <v>14386</v>
      </c>
      <c r="G26032" s="131" t="s">
        <v>14387</v>
      </c>
      <c r="H26032" s="131" t="s">
        <v>14367</v>
      </c>
      <c r="I26032" s="131" t="s">
        <v>14387</v>
      </c>
      <c r="J26032" s="1182"/>
      <c r="K26032" s="131" t="s">
        <v>22182</v>
      </c>
      <c r="L26032" s="1182"/>
    </row>
    <row r="26033" spans="1:12" ht="28.5">
      <c r="A26033" s="388"/>
      <c r="B26033" s="1180"/>
      <c r="C26033" s="132" t="s">
        <v>33796</v>
      </c>
      <c r="D26033" s="1180"/>
      <c r="E26033" s="1180"/>
      <c r="F26033" s="132" t="s">
        <v>14371</v>
      </c>
      <c r="G26033" s="132" t="s">
        <v>14372</v>
      </c>
      <c r="H26033" s="132" t="s">
        <v>14370</v>
      </c>
      <c r="I26033" s="132" t="s">
        <v>14373</v>
      </c>
      <c r="J26033" s="1183"/>
      <c r="K26033" s="132" t="s">
        <v>33797</v>
      </c>
      <c r="L26033" s="1183"/>
    </row>
    <row r="26034" spans="1:12" ht="29.25" thickBot="1">
      <c r="A26034" s="388"/>
      <c r="B26034" s="1181"/>
      <c r="C26034" s="390"/>
      <c r="D26034" s="1181"/>
      <c r="E26034" s="1181"/>
      <c r="F26034" s="133" t="s">
        <v>14374</v>
      </c>
      <c r="G26034" s="133" t="s">
        <v>14373</v>
      </c>
      <c r="H26034" s="133" t="s">
        <v>14422</v>
      </c>
      <c r="I26034" s="390"/>
      <c r="J26034" s="1184"/>
      <c r="K26034" s="390"/>
      <c r="L26034" s="1184"/>
    </row>
    <row r="26035" spans="1:12" ht="42.75">
      <c r="A26035" s="388"/>
      <c r="B26035" s="1179" t="s">
        <v>33798</v>
      </c>
      <c r="C26035" s="131" t="s">
        <v>33799</v>
      </c>
      <c r="D26035" s="1179" t="s">
        <v>77</v>
      </c>
      <c r="E26035" s="1179" t="s">
        <v>33800</v>
      </c>
      <c r="F26035" s="131" t="s">
        <v>16919</v>
      </c>
      <c r="G26035" s="131" t="s">
        <v>33801</v>
      </c>
      <c r="H26035" s="131" t="s">
        <v>14381</v>
      </c>
      <c r="I26035" s="131" t="s">
        <v>33801</v>
      </c>
      <c r="J26035" s="1182"/>
      <c r="K26035" s="1179" t="s">
        <v>33746</v>
      </c>
      <c r="L26035" s="1182"/>
    </row>
    <row r="26036" spans="1:12" ht="28.5">
      <c r="A26036" s="388"/>
      <c r="B26036" s="1180"/>
      <c r="C26036" s="132" t="s">
        <v>33802</v>
      </c>
      <c r="D26036" s="1180"/>
      <c r="E26036" s="1180"/>
      <c r="F26036" s="132" t="s">
        <v>17695</v>
      </c>
      <c r="G26036" s="132" t="s">
        <v>14392</v>
      </c>
      <c r="H26036" s="132" t="s">
        <v>14367</v>
      </c>
      <c r="I26036" s="132" t="s">
        <v>14392</v>
      </c>
      <c r="J26036" s="1183"/>
      <c r="K26036" s="1180"/>
      <c r="L26036" s="1183"/>
    </row>
    <row r="26037" spans="1:12" ht="28.5">
      <c r="A26037" s="388"/>
      <c r="B26037" s="1180"/>
      <c r="C26037" s="389"/>
      <c r="D26037" s="1180"/>
      <c r="E26037" s="1180"/>
      <c r="F26037" s="132" t="s">
        <v>14374</v>
      </c>
      <c r="G26037" s="132" t="s">
        <v>14373</v>
      </c>
      <c r="H26037" s="132" t="s">
        <v>14370</v>
      </c>
      <c r="I26037" s="132" t="s">
        <v>14373</v>
      </c>
      <c r="J26037" s="1183"/>
      <c r="K26037" s="1180"/>
      <c r="L26037" s="1183"/>
    </row>
    <row r="26038" spans="1:12" ht="16.5" thickBot="1">
      <c r="A26038" s="388"/>
      <c r="B26038" s="1181"/>
      <c r="C26038" s="390"/>
      <c r="D26038" s="1181"/>
      <c r="E26038" s="1181"/>
      <c r="F26038" s="390"/>
      <c r="G26038" s="390"/>
      <c r="H26038" s="133" t="s">
        <v>14422</v>
      </c>
      <c r="I26038" s="390"/>
      <c r="J26038" s="1184"/>
      <c r="K26038" s="1181"/>
      <c r="L26038" s="1184"/>
    </row>
    <row r="26039" spans="1:12" ht="72" thickBot="1">
      <c r="A26039" s="388"/>
      <c r="B26039" s="108" t="s">
        <v>33803</v>
      </c>
      <c r="C26039" s="108" t="s">
        <v>33804</v>
      </c>
      <c r="D26039" s="108" t="s">
        <v>77</v>
      </c>
      <c r="E26039" s="108" t="s">
        <v>33805</v>
      </c>
      <c r="F26039" s="108" t="s">
        <v>14462</v>
      </c>
      <c r="G26039" s="108" t="s">
        <v>14463</v>
      </c>
      <c r="H26039" s="72"/>
      <c r="I26039" s="108" t="s">
        <v>30960</v>
      </c>
      <c r="J26039" s="72"/>
      <c r="K26039" s="72"/>
      <c r="L26039" s="72"/>
    </row>
    <row r="26040" spans="1:12">
      <c r="A26040" s="388"/>
      <c r="B26040" s="1179" t="s">
        <v>33806</v>
      </c>
      <c r="C26040" s="1179" t="s">
        <v>33807</v>
      </c>
      <c r="D26040" s="1179" t="s">
        <v>33808</v>
      </c>
      <c r="E26040" s="1179" t="s">
        <v>33809</v>
      </c>
      <c r="F26040" s="1179" t="s">
        <v>17695</v>
      </c>
      <c r="G26040" s="1179" t="s">
        <v>14392</v>
      </c>
      <c r="H26040" s="131" t="s">
        <v>14367</v>
      </c>
      <c r="I26040" s="1179" t="s">
        <v>31017</v>
      </c>
      <c r="J26040" s="1182"/>
      <c r="K26040" s="1182"/>
      <c r="L26040" s="1182"/>
    </row>
    <row r="26041" spans="1:12" ht="16.5" thickBot="1">
      <c r="A26041" s="388"/>
      <c r="B26041" s="1181"/>
      <c r="C26041" s="1181"/>
      <c r="D26041" s="1181"/>
      <c r="E26041" s="1181"/>
      <c r="F26041" s="1181"/>
      <c r="G26041" s="1181"/>
      <c r="H26041" s="133" t="s">
        <v>14422</v>
      </c>
      <c r="I26041" s="1181"/>
      <c r="J26041" s="1184"/>
      <c r="K26041" s="1184"/>
      <c r="L26041" s="1184"/>
    </row>
    <row r="26042" spans="1:12" ht="28.5">
      <c r="A26042" s="388"/>
      <c r="B26042" s="1179" t="s">
        <v>33810</v>
      </c>
      <c r="C26042" s="131" t="s">
        <v>33811</v>
      </c>
      <c r="D26042" s="1179" t="s">
        <v>77</v>
      </c>
      <c r="E26042" s="1179" t="s">
        <v>33812</v>
      </c>
      <c r="F26042" s="131" t="s">
        <v>14443</v>
      </c>
      <c r="G26042" s="131" t="s">
        <v>14444</v>
      </c>
      <c r="H26042" s="131" t="s">
        <v>14381</v>
      </c>
      <c r="I26042" s="131" t="s">
        <v>14444</v>
      </c>
      <c r="J26042" s="1182"/>
      <c r="K26042" s="131" t="s">
        <v>14655</v>
      </c>
      <c r="L26042" s="1182"/>
    </row>
    <row r="26043" spans="1:12">
      <c r="A26043" s="388"/>
      <c r="B26043" s="1180"/>
      <c r="C26043" s="132" t="s">
        <v>33813</v>
      </c>
      <c r="D26043" s="1180"/>
      <c r="E26043" s="1180"/>
      <c r="F26043" s="132" t="s">
        <v>14507</v>
      </c>
      <c r="G26043" s="132" t="s">
        <v>14508</v>
      </c>
      <c r="H26043" s="132" t="s">
        <v>14370</v>
      </c>
      <c r="I26043" s="132" t="s">
        <v>14508</v>
      </c>
      <c r="J26043" s="1183"/>
      <c r="K26043" s="132" t="s">
        <v>33797</v>
      </c>
      <c r="L26043" s="1183"/>
    </row>
    <row r="26044" spans="1:12">
      <c r="A26044" s="388"/>
      <c r="B26044" s="1180"/>
      <c r="C26044" s="389"/>
      <c r="D26044" s="1180"/>
      <c r="E26044" s="1180"/>
      <c r="F26044" s="132" t="s">
        <v>16919</v>
      </c>
      <c r="G26044" s="132" t="s">
        <v>23521</v>
      </c>
      <c r="H26044" s="132" t="s">
        <v>14422</v>
      </c>
      <c r="I26044" s="132" t="s">
        <v>23521</v>
      </c>
      <c r="J26044" s="1183"/>
      <c r="K26044" s="389"/>
      <c r="L26044" s="1183"/>
    </row>
    <row r="26045" spans="1:12">
      <c r="A26045" s="388"/>
      <c r="B26045" s="1180"/>
      <c r="C26045" s="389"/>
      <c r="D26045" s="1180"/>
      <c r="E26045" s="1180"/>
      <c r="F26045" s="132" t="s">
        <v>14371</v>
      </c>
      <c r="G26045" s="132" t="s">
        <v>14372</v>
      </c>
      <c r="H26045" s="389"/>
      <c r="I26045" s="132" t="s">
        <v>14373</v>
      </c>
      <c r="J26045" s="1183"/>
      <c r="K26045" s="389"/>
      <c r="L26045" s="1183"/>
    </row>
    <row r="26046" spans="1:12" ht="29.25" thickBot="1">
      <c r="A26046" s="388"/>
      <c r="B26046" s="1181"/>
      <c r="C26046" s="390"/>
      <c r="D26046" s="1181"/>
      <c r="E26046" s="1181"/>
      <c r="F26046" s="133" t="s">
        <v>14374</v>
      </c>
      <c r="G26046" s="133" t="s">
        <v>14373</v>
      </c>
      <c r="H26046" s="390"/>
      <c r="I26046" s="390"/>
      <c r="J26046" s="1184"/>
      <c r="K26046" s="390"/>
      <c r="L26046" s="1184"/>
    </row>
    <row r="26047" spans="1:12">
      <c r="A26047" s="388"/>
      <c r="B26047" s="1179" t="s">
        <v>33814</v>
      </c>
      <c r="C26047" s="131" t="s">
        <v>33815</v>
      </c>
      <c r="D26047" s="1179" t="s">
        <v>77</v>
      </c>
      <c r="E26047" s="1179" t="s">
        <v>33816</v>
      </c>
      <c r="F26047" s="131" t="s">
        <v>14371</v>
      </c>
      <c r="G26047" s="131" t="s">
        <v>14372</v>
      </c>
      <c r="H26047" s="131" t="s">
        <v>14370</v>
      </c>
      <c r="I26047" s="1179" t="s">
        <v>14373</v>
      </c>
      <c r="J26047" s="1182"/>
      <c r="K26047" s="131" t="s">
        <v>14655</v>
      </c>
      <c r="L26047" s="1182"/>
    </row>
    <row r="26048" spans="1:12" ht="29.25" thickBot="1">
      <c r="A26048" s="388"/>
      <c r="B26048" s="1181"/>
      <c r="C26048" s="133" t="s">
        <v>33817</v>
      </c>
      <c r="D26048" s="1181"/>
      <c r="E26048" s="1181"/>
      <c r="F26048" s="133" t="s">
        <v>14374</v>
      </c>
      <c r="G26048" s="133" t="s">
        <v>14373</v>
      </c>
      <c r="H26048" s="133" t="s">
        <v>14422</v>
      </c>
      <c r="I26048" s="1181"/>
      <c r="J26048" s="1184"/>
      <c r="K26048" s="133" t="s">
        <v>33746</v>
      </c>
      <c r="L26048" s="1184"/>
    </row>
    <row r="26049" spans="1:12" ht="57">
      <c r="A26049" s="388"/>
      <c r="B26049" s="1179" t="s">
        <v>33818</v>
      </c>
      <c r="C26049" s="1179" t="s">
        <v>33819</v>
      </c>
      <c r="D26049" s="1179" t="s">
        <v>33820</v>
      </c>
      <c r="E26049" s="1179" t="s">
        <v>33821</v>
      </c>
      <c r="F26049" s="131" t="s">
        <v>14443</v>
      </c>
      <c r="G26049" s="131" t="s">
        <v>14444</v>
      </c>
      <c r="H26049" s="131" t="s">
        <v>14378</v>
      </c>
      <c r="I26049" s="131" t="s">
        <v>14444</v>
      </c>
      <c r="J26049" s="1182"/>
      <c r="K26049" s="131" t="s">
        <v>33822</v>
      </c>
      <c r="L26049" s="1182"/>
    </row>
    <row r="26050" spans="1:12" ht="42.75">
      <c r="A26050" s="388"/>
      <c r="B26050" s="1180"/>
      <c r="C26050" s="1180"/>
      <c r="D26050" s="1180"/>
      <c r="E26050" s="1180"/>
      <c r="F26050" s="132" t="s">
        <v>14656</v>
      </c>
      <c r="G26050" s="132" t="s">
        <v>14483</v>
      </c>
      <c r="H26050" s="132" t="s">
        <v>14381</v>
      </c>
      <c r="I26050" s="132" t="s">
        <v>14483</v>
      </c>
      <c r="J26050" s="1183"/>
      <c r="K26050" s="132" t="s">
        <v>33823</v>
      </c>
      <c r="L26050" s="1183"/>
    </row>
    <row r="26051" spans="1:12">
      <c r="A26051" s="388"/>
      <c r="B26051" s="1180"/>
      <c r="C26051" s="1180"/>
      <c r="D26051" s="1180"/>
      <c r="E26051" s="1180"/>
      <c r="F26051" s="132" t="s">
        <v>15089</v>
      </c>
      <c r="G26051" s="132" t="s">
        <v>14429</v>
      </c>
      <c r="H26051" s="132" t="s">
        <v>14370</v>
      </c>
      <c r="I26051" s="132" t="s">
        <v>14429</v>
      </c>
      <c r="J26051" s="1183"/>
      <c r="K26051" s="132" t="s">
        <v>22182</v>
      </c>
      <c r="L26051" s="1183"/>
    </row>
    <row r="26052" spans="1:12" ht="42.75">
      <c r="A26052" s="388"/>
      <c r="B26052" s="1180"/>
      <c r="C26052" s="1180"/>
      <c r="D26052" s="1180"/>
      <c r="E26052" s="1180"/>
      <c r="F26052" s="132" t="s">
        <v>15246</v>
      </c>
      <c r="G26052" s="132" t="s">
        <v>28376</v>
      </c>
      <c r="H26052" s="132" t="s">
        <v>14332</v>
      </c>
      <c r="I26052" s="132" t="s">
        <v>28376</v>
      </c>
      <c r="J26052" s="1183"/>
      <c r="K26052" s="132" t="s">
        <v>33824</v>
      </c>
      <c r="L26052" s="1183"/>
    </row>
    <row r="26053" spans="1:12">
      <c r="A26053" s="388"/>
      <c r="B26053" s="1180"/>
      <c r="C26053" s="1180"/>
      <c r="D26053" s="1180"/>
      <c r="E26053" s="1180"/>
      <c r="F26053" s="132" t="s">
        <v>14391</v>
      </c>
      <c r="G26053" s="132" t="s">
        <v>14392</v>
      </c>
      <c r="H26053" s="389"/>
      <c r="I26053" s="132" t="s">
        <v>14392</v>
      </c>
      <c r="J26053" s="1183"/>
      <c r="K26053" s="389"/>
      <c r="L26053" s="1183"/>
    </row>
    <row r="26054" spans="1:12">
      <c r="A26054" s="388"/>
      <c r="B26054" s="1180"/>
      <c r="C26054" s="1180"/>
      <c r="D26054" s="1180"/>
      <c r="E26054" s="1180"/>
      <c r="F26054" s="132" t="s">
        <v>14371</v>
      </c>
      <c r="G26054" s="132" t="s">
        <v>14372</v>
      </c>
      <c r="H26054" s="389"/>
      <c r="I26054" s="132" t="s">
        <v>14373</v>
      </c>
      <c r="J26054" s="1183"/>
      <c r="K26054" s="389"/>
      <c r="L26054" s="1183"/>
    </row>
    <row r="26055" spans="1:12" ht="29.25" thickBot="1">
      <c r="A26055" s="388"/>
      <c r="B26055" s="1181"/>
      <c r="C26055" s="1181"/>
      <c r="D26055" s="1181"/>
      <c r="E26055" s="1181"/>
      <c r="F26055" s="133" t="s">
        <v>14374</v>
      </c>
      <c r="G26055" s="133" t="s">
        <v>14373</v>
      </c>
      <c r="H26055" s="390"/>
      <c r="I26055" s="390"/>
      <c r="J26055" s="1184"/>
      <c r="K26055" s="390"/>
      <c r="L26055" s="1184"/>
    </row>
    <row r="26056" spans="1:12">
      <c r="A26056" s="388"/>
      <c r="B26056" s="1179" t="s">
        <v>33825</v>
      </c>
      <c r="C26056" s="1179" t="s">
        <v>33826</v>
      </c>
      <c r="D26056" s="1179" t="s">
        <v>33827</v>
      </c>
      <c r="E26056" s="1179" t="s">
        <v>33828</v>
      </c>
      <c r="F26056" s="131" t="s">
        <v>14424</v>
      </c>
      <c r="G26056" s="131" t="s">
        <v>17083</v>
      </c>
      <c r="H26056" s="131" t="s">
        <v>14381</v>
      </c>
      <c r="I26056" s="131" t="s">
        <v>17083</v>
      </c>
      <c r="J26056" s="1182"/>
      <c r="K26056" s="1179" t="s">
        <v>33829</v>
      </c>
      <c r="L26056" s="1182"/>
    </row>
    <row r="26057" spans="1:12">
      <c r="A26057" s="388"/>
      <c r="B26057" s="1180"/>
      <c r="C26057" s="1180"/>
      <c r="D26057" s="1180"/>
      <c r="E26057" s="1180"/>
      <c r="F26057" s="132" t="s">
        <v>15089</v>
      </c>
      <c r="G26057" s="132" t="s">
        <v>14429</v>
      </c>
      <c r="H26057" s="132" t="s">
        <v>14367</v>
      </c>
      <c r="I26057" s="132" t="s">
        <v>14429</v>
      </c>
      <c r="J26057" s="1183"/>
      <c r="K26057" s="1180"/>
      <c r="L26057" s="1183"/>
    </row>
    <row r="26058" spans="1:12">
      <c r="A26058" s="388"/>
      <c r="B26058" s="1180"/>
      <c r="C26058" s="1180"/>
      <c r="D26058" s="1180"/>
      <c r="E26058" s="1180"/>
      <c r="F26058" s="132" t="s">
        <v>16919</v>
      </c>
      <c r="G26058" s="132" t="s">
        <v>33830</v>
      </c>
      <c r="H26058" s="132" t="s">
        <v>14341</v>
      </c>
      <c r="I26058" s="132" t="s">
        <v>33830</v>
      </c>
      <c r="J26058" s="1183"/>
      <c r="K26058" s="1180"/>
      <c r="L26058" s="1183"/>
    </row>
    <row r="26059" spans="1:12">
      <c r="A26059" s="388"/>
      <c r="B26059" s="1180"/>
      <c r="C26059" s="1180"/>
      <c r="D26059" s="1180"/>
      <c r="E26059" s="1180"/>
      <c r="F26059" s="132" t="s">
        <v>25086</v>
      </c>
      <c r="G26059" s="132" t="s">
        <v>14340</v>
      </c>
      <c r="H26059" s="132" t="s">
        <v>14332</v>
      </c>
      <c r="I26059" s="132" t="s">
        <v>14340</v>
      </c>
      <c r="J26059" s="1183"/>
      <c r="K26059" s="1180"/>
      <c r="L26059" s="1183"/>
    </row>
    <row r="26060" spans="1:12" ht="16.5" thickBot="1">
      <c r="A26060" s="388"/>
      <c r="B26060" s="1181"/>
      <c r="C26060" s="1181"/>
      <c r="D26060" s="1181"/>
      <c r="E26060" s="1181"/>
      <c r="F26060" s="133" t="s">
        <v>14430</v>
      </c>
      <c r="G26060" s="133" t="s">
        <v>14431</v>
      </c>
      <c r="H26060" s="390"/>
      <c r="I26060" s="390"/>
      <c r="J26060" s="1184"/>
      <c r="K26060" s="1181"/>
      <c r="L26060" s="1184"/>
    </row>
    <row r="26061" spans="1:12" ht="57">
      <c r="A26061" s="388"/>
      <c r="B26061" s="1179" t="s">
        <v>33831</v>
      </c>
      <c r="C26061" s="1179" t="s">
        <v>33832</v>
      </c>
      <c r="D26061" s="1179" t="s">
        <v>77</v>
      </c>
      <c r="E26061" s="1179" t="s">
        <v>33833</v>
      </c>
      <c r="F26061" s="131" t="s">
        <v>15089</v>
      </c>
      <c r="G26061" s="131" t="s">
        <v>14459</v>
      </c>
      <c r="H26061" s="131" t="s">
        <v>14367</v>
      </c>
      <c r="I26061" s="131" t="s">
        <v>14459</v>
      </c>
      <c r="J26061" s="1182"/>
      <c r="K26061" s="131" t="s">
        <v>33834</v>
      </c>
      <c r="L26061" s="1182"/>
    </row>
    <row r="26062" spans="1:12" ht="42.75">
      <c r="A26062" s="388"/>
      <c r="B26062" s="1180"/>
      <c r="C26062" s="1180"/>
      <c r="D26062" s="1180"/>
      <c r="E26062" s="1180"/>
      <c r="F26062" s="132" t="s">
        <v>15089</v>
      </c>
      <c r="G26062" s="132" t="s">
        <v>14429</v>
      </c>
      <c r="H26062" s="132" t="s">
        <v>14370</v>
      </c>
      <c r="I26062" s="132" t="s">
        <v>14429</v>
      </c>
      <c r="J26062" s="1183"/>
      <c r="K26062" s="132" t="s">
        <v>33835</v>
      </c>
      <c r="L26062" s="1183"/>
    </row>
    <row r="26063" spans="1:12">
      <c r="A26063" s="388"/>
      <c r="B26063" s="1180"/>
      <c r="C26063" s="1180"/>
      <c r="D26063" s="1180"/>
      <c r="E26063" s="1180"/>
      <c r="F26063" s="132" t="s">
        <v>14371</v>
      </c>
      <c r="G26063" s="132" t="s">
        <v>14372</v>
      </c>
      <c r="H26063" s="132" t="s">
        <v>14422</v>
      </c>
      <c r="I26063" s="132" t="s">
        <v>14373</v>
      </c>
      <c r="J26063" s="1183"/>
      <c r="K26063" s="132" t="s">
        <v>19144</v>
      </c>
      <c r="L26063" s="1183"/>
    </row>
    <row r="26064" spans="1:12" ht="29.25" thickBot="1">
      <c r="A26064" s="388"/>
      <c r="B26064" s="1181"/>
      <c r="C26064" s="1181"/>
      <c r="D26064" s="1181"/>
      <c r="E26064" s="1181"/>
      <c r="F26064" s="133" t="s">
        <v>14374</v>
      </c>
      <c r="G26064" s="133" t="s">
        <v>14373</v>
      </c>
      <c r="H26064" s="390"/>
      <c r="I26064" s="390"/>
      <c r="J26064" s="1184"/>
      <c r="K26064" s="133" t="s">
        <v>33746</v>
      </c>
      <c r="L26064" s="1184"/>
    </row>
    <row r="26065" spans="1:12">
      <c r="A26065" s="388"/>
      <c r="B26065" s="1179" t="s">
        <v>33836</v>
      </c>
      <c r="C26065" s="1179" t="s">
        <v>33837</v>
      </c>
      <c r="D26065" s="1179" t="s">
        <v>77</v>
      </c>
      <c r="E26065" s="1179" t="s">
        <v>33838</v>
      </c>
      <c r="F26065" s="131" t="s">
        <v>14656</v>
      </c>
      <c r="G26065" s="131" t="s">
        <v>14483</v>
      </c>
      <c r="H26065" s="131" t="s">
        <v>14378</v>
      </c>
      <c r="I26065" s="131" t="s">
        <v>14483</v>
      </c>
      <c r="J26065" s="1182"/>
      <c r="K26065" s="131" t="s">
        <v>24915</v>
      </c>
      <c r="L26065" s="1182"/>
    </row>
    <row r="26066" spans="1:12">
      <c r="A26066" s="388"/>
      <c r="B26066" s="1180"/>
      <c r="C26066" s="1180"/>
      <c r="D26066" s="1180"/>
      <c r="E26066" s="1180"/>
      <c r="F26066" s="132" t="s">
        <v>14656</v>
      </c>
      <c r="G26066" s="132" t="s">
        <v>14579</v>
      </c>
      <c r="H26066" s="132" t="s">
        <v>14341</v>
      </c>
      <c r="I26066" s="132" t="s">
        <v>14579</v>
      </c>
      <c r="J26066" s="1183"/>
      <c r="K26066" s="132" t="s">
        <v>33839</v>
      </c>
      <c r="L26066" s="1183"/>
    </row>
    <row r="26067" spans="1:12" ht="28.5">
      <c r="A26067" s="388"/>
      <c r="B26067" s="1180"/>
      <c r="C26067" s="1180"/>
      <c r="D26067" s="1180"/>
      <c r="E26067" s="1180"/>
      <c r="F26067" s="132" t="s">
        <v>14656</v>
      </c>
      <c r="G26067" s="132" t="s">
        <v>14383</v>
      </c>
      <c r="H26067" s="132" t="s">
        <v>14381</v>
      </c>
      <c r="I26067" s="132" t="s">
        <v>14383</v>
      </c>
      <c r="J26067" s="1183"/>
      <c r="K26067" s="132" t="s">
        <v>33840</v>
      </c>
      <c r="L26067" s="1183"/>
    </row>
    <row r="26068" spans="1:12" ht="42.75">
      <c r="A26068" s="388"/>
      <c r="B26068" s="1180"/>
      <c r="C26068" s="1180"/>
      <c r="D26068" s="1180"/>
      <c r="E26068" s="1180"/>
      <c r="F26068" s="132" t="s">
        <v>15246</v>
      </c>
      <c r="G26068" s="132" t="s">
        <v>28376</v>
      </c>
      <c r="H26068" s="132" t="s">
        <v>14370</v>
      </c>
      <c r="I26068" s="132" t="s">
        <v>28376</v>
      </c>
      <c r="J26068" s="1183"/>
      <c r="K26068" s="132" t="s">
        <v>24917</v>
      </c>
      <c r="L26068" s="1183"/>
    </row>
    <row r="26069" spans="1:12" ht="42.75">
      <c r="A26069" s="388"/>
      <c r="B26069" s="1180"/>
      <c r="C26069" s="1180"/>
      <c r="D26069" s="1180"/>
      <c r="E26069" s="1180"/>
      <c r="F26069" s="132" t="s">
        <v>14384</v>
      </c>
      <c r="G26069" s="132" t="s">
        <v>19722</v>
      </c>
      <c r="H26069" s="132" t="s">
        <v>14332</v>
      </c>
      <c r="I26069" s="132" t="s">
        <v>19722</v>
      </c>
      <c r="J26069" s="1183"/>
      <c r="K26069" s="132" t="s">
        <v>33841</v>
      </c>
      <c r="L26069" s="1183"/>
    </row>
    <row r="26070" spans="1:12">
      <c r="A26070" s="388"/>
      <c r="B26070" s="1180"/>
      <c r="C26070" s="1180"/>
      <c r="D26070" s="1180"/>
      <c r="E26070" s="1180"/>
      <c r="F26070" s="132" t="s">
        <v>14430</v>
      </c>
      <c r="G26070" s="132" t="s">
        <v>14431</v>
      </c>
      <c r="H26070" s="389"/>
      <c r="I26070" s="132" t="s">
        <v>14431</v>
      </c>
      <c r="J26070" s="1183"/>
      <c r="K26070" s="132" t="s">
        <v>33842</v>
      </c>
      <c r="L26070" s="1183"/>
    </row>
    <row r="26071" spans="1:12">
      <c r="A26071" s="388"/>
      <c r="B26071" s="1180"/>
      <c r="C26071" s="1180"/>
      <c r="D26071" s="1180"/>
      <c r="E26071" s="1180"/>
      <c r="F26071" s="132" t="s">
        <v>14371</v>
      </c>
      <c r="G26071" s="132" t="s">
        <v>14372</v>
      </c>
      <c r="H26071" s="389"/>
      <c r="I26071" s="132" t="s">
        <v>14373</v>
      </c>
      <c r="J26071" s="1183"/>
      <c r="K26071" s="132" t="s">
        <v>33843</v>
      </c>
      <c r="L26071" s="1183"/>
    </row>
    <row r="26072" spans="1:12" ht="28.5">
      <c r="A26072" s="388"/>
      <c r="B26072" s="1180"/>
      <c r="C26072" s="1180"/>
      <c r="D26072" s="1180"/>
      <c r="E26072" s="1180"/>
      <c r="F26072" s="132" t="s">
        <v>14374</v>
      </c>
      <c r="G26072" s="132" t="s">
        <v>14373</v>
      </c>
      <c r="H26072" s="389"/>
      <c r="I26072" s="389"/>
      <c r="J26072" s="1183"/>
      <c r="K26072" s="132" t="s">
        <v>33844</v>
      </c>
      <c r="L26072" s="1183"/>
    </row>
    <row r="26073" spans="1:12" ht="86.25" customHeight="1">
      <c r="A26073" s="388"/>
      <c r="B26073" s="1180"/>
      <c r="C26073" s="1180"/>
      <c r="D26073" s="1180"/>
      <c r="E26073" s="1180"/>
      <c r="F26073" s="389"/>
      <c r="G26073" s="389"/>
      <c r="H26073" s="389"/>
      <c r="I26073" s="389"/>
      <c r="J26073" s="1183"/>
      <c r="K26073" s="132" t="s">
        <v>33845</v>
      </c>
      <c r="L26073" s="1183"/>
    </row>
    <row r="26074" spans="1:12">
      <c r="A26074" s="388"/>
      <c r="B26074" s="1180"/>
      <c r="C26074" s="1180"/>
      <c r="D26074" s="1180"/>
      <c r="E26074" s="1180"/>
      <c r="F26074" s="389"/>
      <c r="G26074" s="389"/>
      <c r="H26074" s="389"/>
      <c r="I26074" s="389"/>
      <c r="J26074" s="1183"/>
      <c r="K26074" s="132" t="s">
        <v>22002</v>
      </c>
      <c r="L26074" s="1183"/>
    </row>
    <row r="26075" spans="1:12" ht="16.5" thickBot="1">
      <c r="A26075" s="388"/>
      <c r="B26075" s="1181"/>
      <c r="C26075" s="1181"/>
      <c r="D26075" s="1181"/>
      <c r="E26075" s="1181"/>
      <c r="F26075" s="390"/>
      <c r="G26075" s="390"/>
      <c r="H26075" s="390"/>
      <c r="I26075" s="390"/>
      <c r="J26075" s="1184"/>
      <c r="K26075" s="133" t="s">
        <v>33846</v>
      </c>
      <c r="L26075" s="1184"/>
    </row>
    <row r="26076" spans="1:12">
      <c r="A26076" s="388"/>
      <c r="B26076" s="1179" t="s">
        <v>33847</v>
      </c>
      <c r="C26076" s="1190" t="s">
        <v>33848</v>
      </c>
      <c r="D26076" s="1179" t="s">
        <v>77</v>
      </c>
      <c r="E26076" s="1179" t="s">
        <v>33849</v>
      </c>
      <c r="F26076" s="131" t="s">
        <v>14443</v>
      </c>
      <c r="G26076" s="131" t="s">
        <v>14444</v>
      </c>
      <c r="H26076" s="131" t="s">
        <v>14381</v>
      </c>
      <c r="I26076" s="131" t="s">
        <v>14444</v>
      </c>
      <c r="J26076" s="1182"/>
      <c r="K26076" s="131" t="s">
        <v>19144</v>
      </c>
      <c r="L26076" s="1182"/>
    </row>
    <row r="26077" spans="1:12">
      <c r="A26077" s="388"/>
      <c r="B26077" s="1180"/>
      <c r="C26077" s="1191"/>
      <c r="D26077" s="1180"/>
      <c r="E26077" s="1180"/>
      <c r="F26077" s="132" t="s">
        <v>14507</v>
      </c>
      <c r="G26077" s="132" t="s">
        <v>16042</v>
      </c>
      <c r="H26077" s="132" t="s">
        <v>14370</v>
      </c>
      <c r="I26077" s="132" t="s">
        <v>16042</v>
      </c>
      <c r="J26077" s="1183"/>
      <c r="K26077" s="132" t="s">
        <v>33746</v>
      </c>
      <c r="L26077" s="1183"/>
    </row>
    <row r="26078" spans="1:12">
      <c r="A26078" s="388"/>
      <c r="B26078" s="1180"/>
      <c r="C26078" s="1191"/>
      <c r="D26078" s="1180"/>
      <c r="E26078" s="1180"/>
      <c r="F26078" s="132" t="s">
        <v>14371</v>
      </c>
      <c r="G26078" s="132" t="s">
        <v>14372</v>
      </c>
      <c r="H26078" s="132" t="s">
        <v>14422</v>
      </c>
      <c r="I26078" s="132" t="s">
        <v>14373</v>
      </c>
      <c r="J26078" s="1183"/>
      <c r="K26078" s="389"/>
      <c r="L26078" s="1183"/>
    </row>
    <row r="26079" spans="1:12" ht="29.25" thickBot="1">
      <c r="A26079" s="388"/>
      <c r="B26079" s="1181"/>
      <c r="C26079" s="1192"/>
      <c r="D26079" s="1181"/>
      <c r="E26079" s="1181"/>
      <c r="F26079" s="133" t="s">
        <v>14374</v>
      </c>
      <c r="G26079" s="133" t="s">
        <v>14373</v>
      </c>
      <c r="H26079" s="390"/>
      <c r="I26079" s="390"/>
      <c r="J26079" s="1184"/>
      <c r="K26079" s="390"/>
      <c r="L26079" s="1184"/>
    </row>
    <row r="26080" spans="1:12">
      <c r="A26080" s="388"/>
      <c r="B26080" s="1179" t="s">
        <v>33850</v>
      </c>
      <c r="C26080" s="1190" t="s">
        <v>33851</v>
      </c>
      <c r="D26080" s="1179" t="s">
        <v>77</v>
      </c>
      <c r="E26080" s="1179" t="s">
        <v>33852</v>
      </c>
      <c r="F26080" s="131" t="s">
        <v>14443</v>
      </c>
      <c r="G26080" s="131" t="s">
        <v>14444</v>
      </c>
      <c r="H26080" s="131" t="s">
        <v>14381</v>
      </c>
      <c r="I26080" s="131" t="s">
        <v>14444</v>
      </c>
      <c r="J26080" s="1182"/>
      <c r="K26080" s="1179" t="s">
        <v>33746</v>
      </c>
      <c r="L26080" s="1182"/>
    </row>
    <row r="26081" spans="1:12">
      <c r="A26081" s="388"/>
      <c r="B26081" s="1180"/>
      <c r="C26081" s="1191"/>
      <c r="D26081" s="1180"/>
      <c r="E26081" s="1180"/>
      <c r="F26081" s="132" t="s">
        <v>14371</v>
      </c>
      <c r="G26081" s="132" t="s">
        <v>14372</v>
      </c>
      <c r="H26081" s="132" t="s">
        <v>14370</v>
      </c>
      <c r="I26081" s="132" t="s">
        <v>14373</v>
      </c>
      <c r="J26081" s="1183"/>
      <c r="K26081" s="1180"/>
      <c r="L26081" s="1183"/>
    </row>
    <row r="26082" spans="1:12" ht="29.25" thickBot="1">
      <c r="A26082" s="388"/>
      <c r="B26082" s="1181"/>
      <c r="C26082" s="1192"/>
      <c r="D26082" s="1181"/>
      <c r="E26082" s="1181"/>
      <c r="F26082" s="133" t="s">
        <v>14394</v>
      </c>
      <c r="G26082" s="133" t="s">
        <v>14395</v>
      </c>
      <c r="H26082" s="133" t="s">
        <v>14422</v>
      </c>
      <c r="I26082" s="390"/>
      <c r="J26082" s="1184"/>
      <c r="K26082" s="1181"/>
      <c r="L26082" s="1184"/>
    </row>
    <row r="26083" spans="1:12" ht="60" customHeight="1" thickBot="1">
      <c r="A26083" s="388"/>
      <c r="B26083" s="1211" t="s">
        <v>33853</v>
      </c>
      <c r="C26083" s="1211"/>
      <c r="D26083" s="1211"/>
      <c r="E26083" s="1211"/>
      <c r="F26083" s="1211"/>
      <c r="G26083" s="1211"/>
      <c r="H26083" s="1211"/>
      <c r="I26083" s="1211"/>
      <c r="J26083" s="1211"/>
      <c r="K26083" s="1211"/>
      <c r="L26083" s="1211"/>
    </row>
    <row r="26084" spans="1:12" ht="16.5" thickBot="1">
      <c r="A26084" s="388"/>
      <c r="B26084" s="1185" t="s">
        <v>9045</v>
      </c>
      <c r="C26084" s="1185" t="s">
        <v>30988</v>
      </c>
      <c r="D26084" s="1185" t="s">
        <v>8</v>
      </c>
      <c r="E26084" s="1185" t="s">
        <v>8349</v>
      </c>
      <c r="F26084" s="1187" t="s">
        <v>586</v>
      </c>
      <c r="G26084" s="1188"/>
      <c r="H26084" s="1187" t="s">
        <v>14317</v>
      </c>
      <c r="I26084" s="1189"/>
      <c r="J26084" s="1188"/>
      <c r="K26084" s="1185" t="s">
        <v>33854</v>
      </c>
      <c r="L26084" s="1185" t="s">
        <v>9046</v>
      </c>
    </row>
    <row r="26085" spans="1:12" ht="57.75" thickBot="1">
      <c r="A26085" s="388"/>
      <c r="B26085" s="1186"/>
      <c r="C26085" s="1186"/>
      <c r="D26085" s="1186"/>
      <c r="E26085" s="1186"/>
      <c r="F26085" s="101" t="s">
        <v>14318</v>
      </c>
      <c r="G26085" s="101" t="s">
        <v>14319</v>
      </c>
      <c r="H26085" s="101" t="s">
        <v>14320</v>
      </c>
      <c r="I26085" s="101" t="s">
        <v>14319</v>
      </c>
      <c r="J26085" s="101" t="s">
        <v>14321</v>
      </c>
      <c r="K26085" s="1186"/>
      <c r="L26085" s="1186"/>
    </row>
    <row r="26086" spans="1:12" ht="28.5">
      <c r="A26086" s="388"/>
      <c r="B26086" s="1179" t="s">
        <v>33855</v>
      </c>
      <c r="C26086" s="131" t="s">
        <v>33856</v>
      </c>
      <c r="D26086" s="131" t="s">
        <v>37376</v>
      </c>
      <c r="E26086" s="131" t="s">
        <v>12952</v>
      </c>
      <c r="F26086" s="1179" t="s">
        <v>14424</v>
      </c>
      <c r="G26086" s="1179" t="s">
        <v>14425</v>
      </c>
      <c r="H26086" s="131" t="s">
        <v>14381</v>
      </c>
      <c r="I26086" s="1179" t="s">
        <v>31035</v>
      </c>
      <c r="J26086" s="1182"/>
      <c r="K26086" s="1182"/>
      <c r="L26086" s="1182"/>
    </row>
    <row r="26087" spans="1:12" ht="29.25" thickBot="1">
      <c r="A26087" s="388"/>
      <c r="B26087" s="1181"/>
      <c r="C26087" s="133" t="s">
        <v>33857</v>
      </c>
      <c r="D26087" s="133" t="s">
        <v>12953</v>
      </c>
      <c r="E26087" s="133" t="s">
        <v>12954</v>
      </c>
      <c r="F26087" s="1181"/>
      <c r="G26087" s="1181"/>
      <c r="H26087" s="133" t="s">
        <v>14332</v>
      </c>
      <c r="I26087" s="1181"/>
      <c r="J26087" s="1184"/>
      <c r="K26087" s="1184"/>
      <c r="L26087" s="1184"/>
    </row>
    <row r="26088" spans="1:12">
      <c r="A26088" s="388"/>
      <c r="B26088" s="1179" t="s">
        <v>33858</v>
      </c>
      <c r="C26088" s="1179" t="s">
        <v>33859</v>
      </c>
      <c r="D26088" s="1179" t="s">
        <v>37377</v>
      </c>
      <c r="E26088" s="1179" t="s">
        <v>352</v>
      </c>
      <c r="F26088" s="1179" t="s">
        <v>14424</v>
      </c>
      <c r="G26088" s="1179" t="s">
        <v>14425</v>
      </c>
      <c r="H26088" s="131" t="s">
        <v>14381</v>
      </c>
      <c r="I26088" s="1179" t="s">
        <v>31035</v>
      </c>
      <c r="J26088" s="1182"/>
      <c r="K26088" s="1182"/>
      <c r="L26088" s="1182"/>
    </row>
    <row r="26089" spans="1:12" ht="16.5" thickBot="1">
      <c r="A26089" s="388"/>
      <c r="B26089" s="1181"/>
      <c r="C26089" s="1181"/>
      <c r="D26089" s="1181"/>
      <c r="E26089" s="1181"/>
      <c r="F26089" s="1181"/>
      <c r="G26089" s="1181"/>
      <c r="H26089" s="133" t="s">
        <v>14332</v>
      </c>
      <c r="I26089" s="1181"/>
      <c r="J26089" s="1184"/>
      <c r="K26089" s="1184"/>
      <c r="L26089" s="1184"/>
    </row>
    <row r="26090" spans="1:12" ht="28.5">
      <c r="A26090" s="388"/>
      <c r="B26090" s="1179" t="s">
        <v>33860</v>
      </c>
      <c r="C26090" s="131" t="s">
        <v>33861</v>
      </c>
      <c r="D26090" s="131" t="s">
        <v>33862</v>
      </c>
      <c r="E26090" s="131" t="s">
        <v>33863</v>
      </c>
      <c r="F26090" s="1179" t="s">
        <v>14424</v>
      </c>
      <c r="G26090" s="1179" t="s">
        <v>14425</v>
      </c>
      <c r="H26090" s="131" t="s">
        <v>14381</v>
      </c>
      <c r="I26090" s="1179" t="s">
        <v>31035</v>
      </c>
      <c r="J26090" s="1182"/>
      <c r="K26090" s="1182"/>
      <c r="L26090" s="1182"/>
    </row>
    <row r="26091" spans="1:12" ht="28.5">
      <c r="A26091" s="388"/>
      <c r="B26091" s="1180"/>
      <c r="C26091" s="132" t="s">
        <v>33864</v>
      </c>
      <c r="D26091" s="132" t="s">
        <v>33865</v>
      </c>
      <c r="E26091" s="132" t="s">
        <v>33866</v>
      </c>
      <c r="F26091" s="1180"/>
      <c r="G26091" s="1180"/>
      <c r="H26091" s="132" t="s">
        <v>14332</v>
      </c>
      <c r="I26091" s="1180"/>
      <c r="J26091" s="1183"/>
      <c r="K26091" s="1183"/>
      <c r="L26091" s="1183"/>
    </row>
    <row r="26092" spans="1:12" ht="28.5">
      <c r="A26092" s="388"/>
      <c r="B26092" s="1180"/>
      <c r="C26092" s="132" t="s">
        <v>14446</v>
      </c>
      <c r="D26092" s="132" t="s">
        <v>12967</v>
      </c>
      <c r="E26092" s="132" t="s">
        <v>12968</v>
      </c>
      <c r="F26092" s="1180"/>
      <c r="G26092" s="1180"/>
      <c r="H26092" s="389"/>
      <c r="I26092" s="1180"/>
      <c r="J26092" s="1183"/>
      <c r="K26092" s="1183"/>
      <c r="L26092" s="1183"/>
    </row>
    <row r="26093" spans="1:12" ht="28.5">
      <c r="A26093" s="388"/>
      <c r="B26093" s="1180"/>
      <c r="C26093" s="132" t="s">
        <v>33867</v>
      </c>
      <c r="D26093" s="132" t="s">
        <v>33868</v>
      </c>
      <c r="E26093" s="132" t="s">
        <v>33869</v>
      </c>
      <c r="F26093" s="1180"/>
      <c r="G26093" s="1180"/>
      <c r="H26093" s="389"/>
      <c r="I26093" s="1180"/>
      <c r="J26093" s="1183"/>
      <c r="K26093" s="1183"/>
      <c r="L26093" s="1183"/>
    </row>
    <row r="26094" spans="1:12" ht="29.25" thickBot="1">
      <c r="A26094" s="388"/>
      <c r="B26094" s="1181"/>
      <c r="C26094" s="133" t="s">
        <v>33870</v>
      </c>
      <c r="D26094" s="133" t="s">
        <v>33871</v>
      </c>
      <c r="E26094" s="133" t="s">
        <v>33872</v>
      </c>
      <c r="F26094" s="1181"/>
      <c r="G26094" s="1181"/>
      <c r="H26094" s="390"/>
      <c r="I26094" s="1181"/>
      <c r="J26094" s="1184"/>
      <c r="K26094" s="1184"/>
      <c r="L26094" s="1184"/>
    </row>
    <row r="26095" spans="1:12" ht="16.5" thickBot="1">
      <c r="A26095" s="388"/>
      <c r="B26095" s="72"/>
      <c r="C26095" s="72"/>
      <c r="D26095" s="72"/>
      <c r="E26095" s="72"/>
      <c r="F26095" s="72"/>
      <c r="G26095" s="72"/>
      <c r="H26095" s="72"/>
      <c r="I26095" s="72"/>
      <c r="J26095" s="72"/>
      <c r="K26095" s="72"/>
      <c r="L26095" s="72"/>
    </row>
    <row r="26096" spans="1:12" ht="16.5" thickBot="1">
      <c r="A26096" s="388"/>
      <c r="B26096" s="72"/>
      <c r="C26096" s="72"/>
      <c r="D26096" s="72"/>
      <c r="E26096" s="72"/>
      <c r="F26096" s="72"/>
      <c r="G26096" s="72"/>
      <c r="H26096" s="72"/>
      <c r="I26096" s="72"/>
      <c r="J26096" s="72"/>
      <c r="K26096" s="72"/>
      <c r="L26096" s="72"/>
    </row>
    <row r="26097" spans="1:12" ht="42.75">
      <c r="A26097" s="388"/>
      <c r="B26097" s="1179" t="s">
        <v>33873</v>
      </c>
      <c r="C26097" s="131" t="s">
        <v>14790</v>
      </c>
      <c r="D26097" s="1179" t="s">
        <v>14791</v>
      </c>
      <c r="E26097" s="1179" t="s">
        <v>14792</v>
      </c>
      <c r="F26097" s="131" t="s">
        <v>14443</v>
      </c>
      <c r="G26097" s="131" t="s">
        <v>14444</v>
      </c>
      <c r="H26097" s="131" t="s">
        <v>14381</v>
      </c>
      <c r="I26097" s="131" t="s">
        <v>14444</v>
      </c>
      <c r="J26097" s="1182"/>
      <c r="K26097" s="131" t="s">
        <v>33874</v>
      </c>
      <c r="L26097" s="1182"/>
    </row>
    <row r="26098" spans="1:12" ht="28.5">
      <c r="A26098" s="388"/>
      <c r="B26098" s="1180"/>
      <c r="C26098" s="132" t="s">
        <v>33875</v>
      </c>
      <c r="D26098" s="1180"/>
      <c r="E26098" s="1180"/>
      <c r="F26098" s="132" t="s">
        <v>14426</v>
      </c>
      <c r="G26098" s="132" t="s">
        <v>14427</v>
      </c>
      <c r="H26098" s="132" t="s">
        <v>14367</v>
      </c>
      <c r="I26098" s="132" t="s">
        <v>14427</v>
      </c>
      <c r="J26098" s="1183"/>
      <c r="K26098" s="132" t="s">
        <v>33876</v>
      </c>
      <c r="L26098" s="1183"/>
    </row>
    <row r="26099" spans="1:12">
      <c r="A26099" s="388"/>
      <c r="B26099" s="1180"/>
      <c r="C26099" s="132" t="s">
        <v>33877</v>
      </c>
      <c r="D26099" s="1180"/>
      <c r="E26099" s="1180"/>
      <c r="F26099" s="132" t="s">
        <v>15089</v>
      </c>
      <c r="G26099" s="132" t="s">
        <v>14459</v>
      </c>
      <c r="H26099" s="132" t="s">
        <v>14370</v>
      </c>
      <c r="I26099" s="132" t="s">
        <v>14459</v>
      </c>
      <c r="J26099" s="1183"/>
      <c r="K26099" s="132" t="s">
        <v>14655</v>
      </c>
      <c r="L26099" s="1183"/>
    </row>
    <row r="26100" spans="1:12">
      <c r="A26100" s="388"/>
      <c r="B26100" s="1180"/>
      <c r="C26100" s="389"/>
      <c r="D26100" s="1180"/>
      <c r="E26100" s="1180"/>
      <c r="F26100" s="132" t="s">
        <v>14391</v>
      </c>
      <c r="G26100" s="132" t="s">
        <v>14392</v>
      </c>
      <c r="H26100" s="132" t="s">
        <v>14422</v>
      </c>
      <c r="I26100" s="132" t="s">
        <v>14392</v>
      </c>
      <c r="J26100" s="1183"/>
      <c r="K26100" s="132" t="s">
        <v>33878</v>
      </c>
      <c r="L26100" s="1183"/>
    </row>
    <row r="26101" spans="1:12">
      <c r="A26101" s="388"/>
      <c r="B26101" s="1180"/>
      <c r="C26101" s="389"/>
      <c r="D26101" s="1180"/>
      <c r="E26101" s="1180"/>
      <c r="F26101" s="132" t="s">
        <v>14371</v>
      </c>
      <c r="G26101" s="132" t="s">
        <v>14372</v>
      </c>
      <c r="H26101" s="389"/>
      <c r="I26101" s="132" t="s">
        <v>14373</v>
      </c>
      <c r="J26101" s="1183"/>
      <c r="K26101" s="389"/>
      <c r="L26101" s="1183"/>
    </row>
    <row r="26102" spans="1:12" ht="29.25" thickBot="1">
      <c r="A26102" s="388"/>
      <c r="B26102" s="1181"/>
      <c r="C26102" s="390"/>
      <c r="D26102" s="1181"/>
      <c r="E26102" s="1181"/>
      <c r="F26102" s="133" t="s">
        <v>14374</v>
      </c>
      <c r="G26102" s="133" t="s">
        <v>14373</v>
      </c>
      <c r="H26102" s="390"/>
      <c r="I26102" s="390"/>
      <c r="J26102" s="1184"/>
      <c r="K26102" s="390"/>
      <c r="L26102" s="1184"/>
    </row>
    <row r="26103" spans="1:12">
      <c r="A26103" s="388"/>
      <c r="B26103" s="1179" t="s">
        <v>33879</v>
      </c>
      <c r="C26103" s="1179" t="s">
        <v>33880</v>
      </c>
      <c r="D26103" s="1179" t="s">
        <v>77</v>
      </c>
      <c r="E26103" s="1193">
        <v>2234562</v>
      </c>
      <c r="F26103" s="131" t="s">
        <v>14443</v>
      </c>
      <c r="G26103" s="131" t="s">
        <v>14444</v>
      </c>
      <c r="H26103" s="131" t="s">
        <v>14381</v>
      </c>
      <c r="I26103" s="131" t="s">
        <v>14444</v>
      </c>
      <c r="J26103" s="1182"/>
      <c r="K26103" s="131" t="s">
        <v>14655</v>
      </c>
      <c r="L26103" s="1182"/>
    </row>
    <row r="26104" spans="1:12">
      <c r="A26104" s="388"/>
      <c r="B26104" s="1180"/>
      <c r="C26104" s="1180"/>
      <c r="D26104" s="1180"/>
      <c r="E26104" s="1194"/>
      <c r="F26104" s="132" t="s">
        <v>14424</v>
      </c>
      <c r="G26104" s="132" t="s">
        <v>17083</v>
      </c>
      <c r="H26104" s="132" t="s">
        <v>14367</v>
      </c>
      <c r="I26104" s="132" t="s">
        <v>17083</v>
      </c>
      <c r="J26104" s="1183"/>
      <c r="K26104" s="132" t="s">
        <v>33878</v>
      </c>
      <c r="L26104" s="1183"/>
    </row>
    <row r="26105" spans="1:12" ht="57">
      <c r="A26105" s="388"/>
      <c r="B26105" s="1180"/>
      <c r="C26105" s="1180"/>
      <c r="D26105" s="1180"/>
      <c r="E26105" s="1194"/>
      <c r="F26105" s="132" t="s">
        <v>16919</v>
      </c>
      <c r="G26105" s="132" t="s">
        <v>33881</v>
      </c>
      <c r="H26105" s="132" t="s">
        <v>14370</v>
      </c>
      <c r="I26105" s="132" t="s">
        <v>33881</v>
      </c>
      <c r="J26105" s="1183"/>
      <c r="K26105" s="389"/>
      <c r="L26105" s="1183"/>
    </row>
    <row r="26106" spans="1:12">
      <c r="A26106" s="388"/>
      <c r="B26106" s="1180"/>
      <c r="C26106" s="1180"/>
      <c r="D26106" s="1180"/>
      <c r="E26106" s="1194"/>
      <c r="F26106" s="132" t="s">
        <v>14391</v>
      </c>
      <c r="G26106" s="132" t="s">
        <v>14392</v>
      </c>
      <c r="H26106" s="132" t="s">
        <v>14332</v>
      </c>
      <c r="I26106" s="132" t="s">
        <v>14392</v>
      </c>
      <c r="J26106" s="1183"/>
      <c r="K26106" s="389"/>
      <c r="L26106" s="1183"/>
    </row>
    <row r="26107" spans="1:12">
      <c r="A26107" s="388"/>
      <c r="B26107" s="1180"/>
      <c r="C26107" s="1180"/>
      <c r="D26107" s="1180"/>
      <c r="E26107" s="1194"/>
      <c r="F26107" s="132" t="s">
        <v>14371</v>
      </c>
      <c r="G26107" s="132" t="s">
        <v>14372</v>
      </c>
      <c r="H26107" s="389"/>
      <c r="I26107" s="132" t="s">
        <v>14373</v>
      </c>
      <c r="J26107" s="1183"/>
      <c r="K26107" s="389"/>
      <c r="L26107" s="1183"/>
    </row>
    <row r="26108" spans="1:12" ht="29.25" thickBot="1">
      <c r="A26108" s="388"/>
      <c r="B26108" s="1181"/>
      <c r="C26108" s="1181"/>
      <c r="D26108" s="1181"/>
      <c r="E26108" s="1195"/>
      <c r="F26108" s="133" t="s">
        <v>14374</v>
      </c>
      <c r="G26108" s="133" t="s">
        <v>14373</v>
      </c>
      <c r="H26108" s="390"/>
      <c r="I26108" s="390"/>
      <c r="J26108" s="1184"/>
      <c r="K26108" s="390"/>
      <c r="L26108" s="1184"/>
    </row>
    <row r="26109" spans="1:12">
      <c r="A26109" s="388"/>
      <c r="B26109" s="1179" t="s">
        <v>33882</v>
      </c>
      <c r="C26109" s="131" t="s">
        <v>15750</v>
      </c>
      <c r="D26109" s="1179" t="s">
        <v>15751</v>
      </c>
      <c r="E26109" s="1179" t="s">
        <v>15752</v>
      </c>
      <c r="F26109" s="131" t="s">
        <v>17695</v>
      </c>
      <c r="G26109" s="131" t="s">
        <v>14392</v>
      </c>
      <c r="H26109" s="131" t="s">
        <v>14367</v>
      </c>
      <c r="I26109" s="131" t="s">
        <v>14392</v>
      </c>
      <c r="J26109" s="1182"/>
      <c r="K26109" s="131" t="s">
        <v>19144</v>
      </c>
      <c r="L26109" s="1182"/>
    </row>
    <row r="26110" spans="1:12">
      <c r="A26110" s="388"/>
      <c r="B26110" s="1180"/>
      <c r="C26110" s="135" t="s">
        <v>33883</v>
      </c>
      <c r="D26110" s="1180"/>
      <c r="E26110" s="1180"/>
      <c r="F26110" s="132" t="s">
        <v>14371</v>
      </c>
      <c r="G26110" s="132" t="s">
        <v>14372</v>
      </c>
      <c r="H26110" s="132" t="s">
        <v>14370</v>
      </c>
      <c r="I26110" s="132" t="s">
        <v>14373</v>
      </c>
      <c r="J26110" s="1183"/>
      <c r="K26110" s="132" t="s">
        <v>33746</v>
      </c>
      <c r="L26110" s="1183"/>
    </row>
    <row r="26111" spans="1:12" ht="29.25" thickBot="1">
      <c r="A26111" s="388"/>
      <c r="B26111" s="1181"/>
      <c r="C26111" s="390"/>
      <c r="D26111" s="1181"/>
      <c r="E26111" s="1181"/>
      <c r="F26111" s="133" t="s">
        <v>14374</v>
      </c>
      <c r="G26111" s="133" t="s">
        <v>14373</v>
      </c>
      <c r="H26111" s="133" t="s">
        <v>14422</v>
      </c>
      <c r="I26111" s="390"/>
      <c r="J26111" s="1184"/>
      <c r="K26111" s="390"/>
      <c r="L26111" s="1184"/>
    </row>
    <row r="26112" spans="1:12" ht="28.5">
      <c r="A26112" s="388"/>
      <c r="B26112" s="1179" t="s">
        <v>33884</v>
      </c>
      <c r="C26112" s="131" t="s">
        <v>16643</v>
      </c>
      <c r="D26112" s="131" t="s">
        <v>9078</v>
      </c>
      <c r="E26112" s="131" t="s">
        <v>9079</v>
      </c>
      <c r="F26112" s="131" t="s">
        <v>16528</v>
      </c>
      <c r="G26112" s="131" t="s">
        <v>14377</v>
      </c>
      <c r="H26112" s="131" t="s">
        <v>14381</v>
      </c>
      <c r="I26112" s="131" t="s">
        <v>14377</v>
      </c>
      <c r="J26112" s="1182"/>
      <c r="K26112" s="131" t="s">
        <v>24915</v>
      </c>
      <c r="L26112" s="1182"/>
    </row>
    <row r="26113" spans="1:12" ht="28.5">
      <c r="A26113" s="388"/>
      <c r="B26113" s="1180"/>
      <c r="C26113" s="132" t="s">
        <v>16644</v>
      </c>
      <c r="D26113" s="132" t="s">
        <v>9081</v>
      </c>
      <c r="E26113" s="132" t="s">
        <v>9082</v>
      </c>
      <c r="F26113" s="132" t="s">
        <v>14426</v>
      </c>
      <c r="G26113" s="132" t="s">
        <v>14427</v>
      </c>
      <c r="H26113" s="132" t="s">
        <v>14378</v>
      </c>
      <c r="I26113" s="132" t="s">
        <v>14427</v>
      </c>
      <c r="J26113" s="1183"/>
      <c r="K26113" s="132" t="s">
        <v>33885</v>
      </c>
      <c r="L26113" s="1183"/>
    </row>
    <row r="26114" spans="1:12" ht="28.5">
      <c r="A26114" s="388"/>
      <c r="B26114" s="1180"/>
      <c r="C26114" s="132" t="s">
        <v>16645</v>
      </c>
      <c r="D26114" s="389"/>
      <c r="E26114" s="389"/>
      <c r="F26114" s="132" t="s">
        <v>14656</v>
      </c>
      <c r="G26114" s="132" t="s">
        <v>14483</v>
      </c>
      <c r="H26114" s="132" t="s">
        <v>14370</v>
      </c>
      <c r="I26114" s="132" t="s">
        <v>14483</v>
      </c>
      <c r="J26114" s="1183"/>
      <c r="K26114" s="132" t="s">
        <v>33886</v>
      </c>
      <c r="L26114" s="1183"/>
    </row>
    <row r="26115" spans="1:12">
      <c r="A26115" s="388"/>
      <c r="B26115" s="1180"/>
      <c r="C26115" s="389"/>
      <c r="D26115" s="389"/>
      <c r="E26115" s="389"/>
      <c r="F26115" s="132" t="s">
        <v>14384</v>
      </c>
      <c r="G26115" s="132" t="s">
        <v>14428</v>
      </c>
      <c r="H26115" s="132" t="s">
        <v>14332</v>
      </c>
      <c r="I26115" s="132" t="s">
        <v>14428</v>
      </c>
      <c r="J26115" s="1183"/>
      <c r="K26115" s="389"/>
      <c r="L26115" s="1183"/>
    </row>
    <row r="26116" spans="1:12">
      <c r="A26116" s="388"/>
      <c r="B26116" s="1180"/>
      <c r="C26116" s="389"/>
      <c r="D26116" s="389"/>
      <c r="E26116" s="389"/>
      <c r="F26116" s="132" t="s">
        <v>14391</v>
      </c>
      <c r="G26116" s="132" t="s">
        <v>14392</v>
      </c>
      <c r="H26116" s="389"/>
      <c r="I26116" s="132" t="s">
        <v>14392</v>
      </c>
      <c r="J26116" s="1183"/>
      <c r="K26116" s="389"/>
      <c r="L26116" s="1183"/>
    </row>
    <row r="26117" spans="1:12">
      <c r="A26117" s="388"/>
      <c r="B26117" s="1180"/>
      <c r="C26117" s="389"/>
      <c r="D26117" s="389"/>
      <c r="E26117" s="389"/>
      <c r="F26117" s="132" t="s">
        <v>14371</v>
      </c>
      <c r="G26117" s="132" t="s">
        <v>14372</v>
      </c>
      <c r="H26117" s="389"/>
      <c r="I26117" s="132" t="s">
        <v>14373</v>
      </c>
      <c r="J26117" s="1183"/>
      <c r="K26117" s="389"/>
      <c r="L26117" s="1183"/>
    </row>
    <row r="26118" spans="1:12" ht="29.25" thickBot="1">
      <c r="A26118" s="388"/>
      <c r="B26118" s="1181"/>
      <c r="C26118" s="390"/>
      <c r="D26118" s="390"/>
      <c r="E26118" s="390"/>
      <c r="F26118" s="133" t="s">
        <v>14374</v>
      </c>
      <c r="G26118" s="133" t="s">
        <v>14373</v>
      </c>
      <c r="H26118" s="390"/>
      <c r="I26118" s="390"/>
      <c r="J26118" s="1184"/>
      <c r="K26118" s="390"/>
      <c r="L26118" s="1184"/>
    </row>
    <row r="26119" spans="1:12" ht="57">
      <c r="A26119" s="388"/>
      <c r="B26119" s="1179" t="s">
        <v>33887</v>
      </c>
      <c r="C26119" s="131" t="s">
        <v>16771</v>
      </c>
      <c r="D26119" s="1179" t="s">
        <v>16772</v>
      </c>
      <c r="E26119" s="1179" t="s">
        <v>1744</v>
      </c>
      <c r="F26119" s="131" t="s">
        <v>15089</v>
      </c>
      <c r="G26119" s="131" t="s">
        <v>14459</v>
      </c>
      <c r="H26119" s="131" t="s">
        <v>14367</v>
      </c>
      <c r="I26119" s="131" t="s">
        <v>14459</v>
      </c>
      <c r="J26119" s="1182"/>
      <c r="K26119" s="131" t="s">
        <v>33888</v>
      </c>
      <c r="L26119" s="1182"/>
    </row>
    <row r="26120" spans="1:12" ht="42.75">
      <c r="A26120" s="388"/>
      <c r="B26120" s="1180"/>
      <c r="C26120" s="132" t="s">
        <v>16773</v>
      </c>
      <c r="D26120" s="1180"/>
      <c r="E26120" s="1180"/>
      <c r="F26120" s="132" t="s">
        <v>15089</v>
      </c>
      <c r="G26120" s="132" t="s">
        <v>14429</v>
      </c>
      <c r="H26120" s="132" t="s">
        <v>14341</v>
      </c>
      <c r="I26120" s="132" t="s">
        <v>14429</v>
      </c>
      <c r="J26120" s="1183"/>
      <c r="K26120" s="132" t="s">
        <v>33823</v>
      </c>
      <c r="L26120" s="1183"/>
    </row>
    <row r="26121" spans="1:12">
      <c r="A26121" s="388"/>
      <c r="B26121" s="1180"/>
      <c r="C26121" s="389"/>
      <c r="D26121" s="1180"/>
      <c r="E26121" s="1180"/>
      <c r="F26121" s="132" t="s">
        <v>14430</v>
      </c>
      <c r="G26121" s="132" t="s">
        <v>14431</v>
      </c>
      <c r="H26121" s="132" t="s">
        <v>14370</v>
      </c>
      <c r="I26121" s="132" t="s">
        <v>14431</v>
      </c>
      <c r="J26121" s="1183"/>
      <c r="K26121" s="132" t="s">
        <v>14657</v>
      </c>
      <c r="L26121" s="1183"/>
    </row>
    <row r="26122" spans="1:12">
      <c r="A26122" s="388"/>
      <c r="B26122" s="1180"/>
      <c r="C26122" s="389"/>
      <c r="D26122" s="1180"/>
      <c r="E26122" s="1180"/>
      <c r="F26122" s="132" t="s">
        <v>14371</v>
      </c>
      <c r="G26122" s="132" t="s">
        <v>14372</v>
      </c>
      <c r="H26122" s="132" t="s">
        <v>14332</v>
      </c>
      <c r="I26122" s="132" t="s">
        <v>14373</v>
      </c>
      <c r="J26122" s="1183"/>
      <c r="K26122" s="132" t="s">
        <v>33878</v>
      </c>
      <c r="L26122" s="1183"/>
    </row>
    <row r="26123" spans="1:12" ht="29.25" thickBot="1">
      <c r="A26123" s="388"/>
      <c r="B26123" s="1181"/>
      <c r="C26123" s="390"/>
      <c r="D26123" s="1181"/>
      <c r="E26123" s="1181"/>
      <c r="F26123" s="133" t="s">
        <v>14374</v>
      </c>
      <c r="G26123" s="133" t="s">
        <v>14373</v>
      </c>
      <c r="H26123" s="390"/>
      <c r="I26123" s="390"/>
      <c r="J26123" s="1184"/>
      <c r="K26123" s="390"/>
      <c r="L26123" s="1184"/>
    </row>
    <row r="26124" spans="1:12">
      <c r="A26124" s="388"/>
      <c r="B26124" s="1179" t="s">
        <v>33889</v>
      </c>
      <c r="C26124" s="1179" t="s">
        <v>16814</v>
      </c>
      <c r="D26124" s="1179" t="s">
        <v>16815</v>
      </c>
      <c r="E26124" s="1179" t="s">
        <v>16816</v>
      </c>
      <c r="F26124" s="131" t="s">
        <v>14371</v>
      </c>
      <c r="G26124" s="131" t="s">
        <v>14372</v>
      </c>
      <c r="H26124" s="131" t="s">
        <v>14370</v>
      </c>
      <c r="I26124" s="1179" t="s">
        <v>14373</v>
      </c>
      <c r="J26124" s="1179" t="s">
        <v>14534</v>
      </c>
      <c r="K26124" s="131" t="s">
        <v>14655</v>
      </c>
      <c r="L26124" s="1182"/>
    </row>
    <row r="26125" spans="1:12" ht="29.25" thickBot="1">
      <c r="A26125" s="388"/>
      <c r="B26125" s="1181"/>
      <c r="C26125" s="1181"/>
      <c r="D26125" s="1181"/>
      <c r="E26125" s="1181"/>
      <c r="F26125" s="133" t="s">
        <v>14374</v>
      </c>
      <c r="G26125" s="133" t="s">
        <v>14373</v>
      </c>
      <c r="H26125" s="133" t="s">
        <v>14422</v>
      </c>
      <c r="I26125" s="1181"/>
      <c r="J26125" s="1181"/>
      <c r="K26125" s="133" t="s">
        <v>33878</v>
      </c>
      <c r="L26125" s="1184"/>
    </row>
    <row r="26126" spans="1:12">
      <c r="A26126" s="388"/>
      <c r="B26126" s="1179" t="s">
        <v>33890</v>
      </c>
      <c r="C26126" s="1179" t="s">
        <v>16818</v>
      </c>
      <c r="D26126" s="1179" t="s">
        <v>16819</v>
      </c>
      <c r="E26126" s="1179" t="s">
        <v>1709</v>
      </c>
      <c r="F26126" s="131" t="s">
        <v>14371</v>
      </c>
      <c r="G26126" s="131" t="s">
        <v>14372</v>
      </c>
      <c r="H26126" s="131" t="s">
        <v>14370</v>
      </c>
      <c r="I26126" s="1179" t="s">
        <v>14373</v>
      </c>
      <c r="J26126" s="1182"/>
      <c r="K26126" s="131" t="s">
        <v>14657</v>
      </c>
      <c r="L26126" s="1182"/>
    </row>
    <row r="26127" spans="1:12" ht="29.25" thickBot="1">
      <c r="A26127" s="388"/>
      <c r="B26127" s="1181"/>
      <c r="C26127" s="1181"/>
      <c r="D26127" s="1181"/>
      <c r="E26127" s="1181"/>
      <c r="F26127" s="133" t="s">
        <v>14374</v>
      </c>
      <c r="G26127" s="133" t="s">
        <v>14373</v>
      </c>
      <c r="H26127" s="133" t="s">
        <v>14422</v>
      </c>
      <c r="I26127" s="1181"/>
      <c r="J26127" s="1184"/>
      <c r="K26127" s="133" t="s">
        <v>33878</v>
      </c>
      <c r="L26127" s="1184"/>
    </row>
    <row r="26128" spans="1:12" ht="57">
      <c r="A26128" s="388"/>
      <c r="B26128" s="1179" t="s">
        <v>33891</v>
      </c>
      <c r="C26128" s="1179" t="s">
        <v>16821</v>
      </c>
      <c r="D26128" s="1179" t="s">
        <v>16822</v>
      </c>
      <c r="E26128" s="1179" t="s">
        <v>16823</v>
      </c>
      <c r="F26128" s="131" t="s">
        <v>15089</v>
      </c>
      <c r="G26128" s="131" t="s">
        <v>14459</v>
      </c>
      <c r="H26128" s="131" t="s">
        <v>14378</v>
      </c>
      <c r="I26128" s="131" t="s">
        <v>14459</v>
      </c>
      <c r="J26128" s="1182"/>
      <c r="K26128" s="131" t="s">
        <v>33892</v>
      </c>
      <c r="L26128" s="1182"/>
    </row>
    <row r="26129" spans="1:12" ht="42.75">
      <c r="A26129" s="388"/>
      <c r="B26129" s="1180"/>
      <c r="C26129" s="1180"/>
      <c r="D26129" s="1180"/>
      <c r="E26129" s="1180"/>
      <c r="F26129" s="132" t="s">
        <v>14656</v>
      </c>
      <c r="G26129" s="132" t="s">
        <v>14383</v>
      </c>
      <c r="H26129" s="132" t="s">
        <v>14370</v>
      </c>
      <c r="I26129" s="132" t="s">
        <v>14383</v>
      </c>
      <c r="J26129" s="1183"/>
      <c r="K26129" s="132" t="s">
        <v>33893</v>
      </c>
      <c r="L26129" s="1183"/>
    </row>
    <row r="26130" spans="1:12">
      <c r="A26130" s="388"/>
      <c r="B26130" s="1180"/>
      <c r="C26130" s="1180"/>
      <c r="D26130" s="1180"/>
      <c r="E26130" s="1180"/>
      <c r="F26130" s="132" t="s">
        <v>14371</v>
      </c>
      <c r="G26130" s="132" t="s">
        <v>14372</v>
      </c>
      <c r="H26130" s="132" t="s">
        <v>14332</v>
      </c>
      <c r="I26130" s="132" t="s">
        <v>14373</v>
      </c>
      <c r="J26130" s="1183"/>
      <c r="K26130" s="132" t="s">
        <v>14655</v>
      </c>
      <c r="L26130" s="1183"/>
    </row>
    <row r="26131" spans="1:12" ht="29.25" thickBot="1">
      <c r="A26131" s="388"/>
      <c r="B26131" s="1181"/>
      <c r="C26131" s="1181"/>
      <c r="D26131" s="1181"/>
      <c r="E26131" s="1181"/>
      <c r="F26131" s="133" t="s">
        <v>14374</v>
      </c>
      <c r="G26131" s="133" t="s">
        <v>14373</v>
      </c>
      <c r="H26131" s="390"/>
      <c r="I26131" s="390"/>
      <c r="J26131" s="1184"/>
      <c r="K26131" s="133" t="s">
        <v>33878</v>
      </c>
      <c r="L26131" s="1184"/>
    </row>
    <row r="26132" spans="1:12" ht="42.75">
      <c r="A26132" s="388"/>
      <c r="B26132" s="1179" t="s">
        <v>33894</v>
      </c>
      <c r="C26132" s="131" t="s">
        <v>16825</v>
      </c>
      <c r="D26132" s="131" t="s">
        <v>16826</v>
      </c>
      <c r="E26132" s="131" t="s">
        <v>16827</v>
      </c>
      <c r="F26132" s="131" t="s">
        <v>15089</v>
      </c>
      <c r="G26132" s="131" t="s">
        <v>14429</v>
      </c>
      <c r="H26132" s="131" t="s">
        <v>14367</v>
      </c>
      <c r="I26132" s="131" t="s">
        <v>14429</v>
      </c>
      <c r="J26132" s="1182"/>
      <c r="K26132" s="131" t="s">
        <v>33823</v>
      </c>
      <c r="L26132" s="1182"/>
    </row>
    <row r="26133" spans="1:12" ht="28.5">
      <c r="A26133" s="388"/>
      <c r="B26133" s="1180"/>
      <c r="C26133" s="132" t="s">
        <v>16828</v>
      </c>
      <c r="D26133" s="132" t="s">
        <v>16829</v>
      </c>
      <c r="E26133" s="132" t="s">
        <v>16830</v>
      </c>
      <c r="F26133" s="132" t="s">
        <v>14371</v>
      </c>
      <c r="G26133" s="132" t="s">
        <v>14372</v>
      </c>
      <c r="H26133" s="132" t="s">
        <v>14370</v>
      </c>
      <c r="I26133" s="132" t="s">
        <v>14373</v>
      </c>
      <c r="J26133" s="1183"/>
      <c r="K26133" s="132" t="s">
        <v>14655</v>
      </c>
      <c r="L26133" s="1183"/>
    </row>
    <row r="26134" spans="1:12" ht="29.25" thickBot="1">
      <c r="A26134" s="388"/>
      <c r="B26134" s="1181"/>
      <c r="C26134" s="390"/>
      <c r="D26134" s="390"/>
      <c r="E26134" s="390"/>
      <c r="F26134" s="133" t="s">
        <v>14374</v>
      </c>
      <c r="G26134" s="133" t="s">
        <v>14373</v>
      </c>
      <c r="H26134" s="133" t="s">
        <v>14422</v>
      </c>
      <c r="I26134" s="390"/>
      <c r="J26134" s="1184"/>
      <c r="K26134" s="133" t="s">
        <v>33878</v>
      </c>
      <c r="L26134" s="1184"/>
    </row>
    <row r="26135" spans="1:12" ht="57">
      <c r="A26135" s="388"/>
      <c r="B26135" s="1179" t="s">
        <v>33895</v>
      </c>
      <c r="C26135" s="1179" t="s">
        <v>16832</v>
      </c>
      <c r="D26135" s="1179" t="s">
        <v>77</v>
      </c>
      <c r="E26135" s="1179" t="s">
        <v>77</v>
      </c>
      <c r="F26135" s="131" t="s">
        <v>14656</v>
      </c>
      <c r="G26135" s="131" t="s">
        <v>14483</v>
      </c>
      <c r="H26135" s="131" t="s">
        <v>14378</v>
      </c>
      <c r="I26135" s="131" t="s">
        <v>14483</v>
      </c>
      <c r="J26135" s="1182"/>
      <c r="K26135" s="131" t="s">
        <v>33896</v>
      </c>
      <c r="L26135" s="1182"/>
    </row>
    <row r="26136" spans="1:12" ht="42.75">
      <c r="A26136" s="388"/>
      <c r="B26136" s="1180"/>
      <c r="C26136" s="1180"/>
      <c r="D26136" s="1180"/>
      <c r="E26136" s="1180"/>
      <c r="F26136" s="132" t="s">
        <v>15089</v>
      </c>
      <c r="G26136" s="132" t="s">
        <v>14429</v>
      </c>
      <c r="H26136" s="132" t="s">
        <v>14370</v>
      </c>
      <c r="I26136" s="132" t="s">
        <v>14429</v>
      </c>
      <c r="J26136" s="1183"/>
      <c r="K26136" s="132" t="s">
        <v>33823</v>
      </c>
      <c r="L26136" s="1183"/>
    </row>
    <row r="26137" spans="1:12">
      <c r="A26137" s="388"/>
      <c r="B26137" s="1180"/>
      <c r="C26137" s="1180"/>
      <c r="D26137" s="1180"/>
      <c r="E26137" s="1180"/>
      <c r="F26137" s="132" t="s">
        <v>14386</v>
      </c>
      <c r="G26137" s="132" t="s">
        <v>14387</v>
      </c>
      <c r="H26137" s="132" t="s">
        <v>14332</v>
      </c>
      <c r="I26137" s="132" t="s">
        <v>14387</v>
      </c>
      <c r="J26137" s="1183"/>
      <c r="K26137" s="132" t="s">
        <v>14655</v>
      </c>
      <c r="L26137" s="1183"/>
    </row>
    <row r="26138" spans="1:12">
      <c r="A26138" s="388"/>
      <c r="B26138" s="1180"/>
      <c r="C26138" s="1180"/>
      <c r="D26138" s="1180"/>
      <c r="E26138" s="1180"/>
      <c r="F26138" s="132" t="s">
        <v>14371</v>
      </c>
      <c r="G26138" s="132" t="s">
        <v>14372</v>
      </c>
      <c r="H26138" s="389"/>
      <c r="I26138" s="132" t="s">
        <v>14373</v>
      </c>
      <c r="J26138" s="1183"/>
      <c r="K26138" s="132" t="s">
        <v>33878</v>
      </c>
      <c r="L26138" s="1183"/>
    </row>
    <row r="26139" spans="1:12" ht="29.25" thickBot="1">
      <c r="A26139" s="388"/>
      <c r="B26139" s="1181"/>
      <c r="C26139" s="1181"/>
      <c r="D26139" s="1181"/>
      <c r="E26139" s="1181"/>
      <c r="F26139" s="133" t="s">
        <v>14374</v>
      </c>
      <c r="G26139" s="133" t="s">
        <v>14373</v>
      </c>
      <c r="H26139" s="390"/>
      <c r="I26139" s="390"/>
      <c r="J26139" s="1184"/>
      <c r="K26139" s="390"/>
      <c r="L26139" s="1184"/>
    </row>
    <row r="26140" spans="1:12" ht="57">
      <c r="A26140" s="388"/>
      <c r="B26140" s="1179" t="s">
        <v>33897</v>
      </c>
      <c r="C26140" s="1179" t="s">
        <v>33898</v>
      </c>
      <c r="D26140" s="1179" t="s">
        <v>16835</v>
      </c>
      <c r="E26140" s="1179" t="s">
        <v>1705</v>
      </c>
      <c r="F26140" s="131" t="s">
        <v>15089</v>
      </c>
      <c r="G26140" s="131" t="s">
        <v>14459</v>
      </c>
      <c r="H26140" s="131" t="s">
        <v>14367</v>
      </c>
      <c r="I26140" s="131" t="s">
        <v>14459</v>
      </c>
      <c r="J26140" s="1182"/>
      <c r="K26140" s="131" t="s">
        <v>33899</v>
      </c>
      <c r="L26140" s="1182"/>
    </row>
    <row r="26141" spans="1:12" ht="42.75">
      <c r="A26141" s="388"/>
      <c r="B26141" s="1180"/>
      <c r="C26141" s="1180"/>
      <c r="D26141" s="1180"/>
      <c r="E26141" s="1180"/>
      <c r="F26141" s="132" t="s">
        <v>15089</v>
      </c>
      <c r="G26141" s="132" t="s">
        <v>14429</v>
      </c>
      <c r="H26141" s="132" t="s">
        <v>14370</v>
      </c>
      <c r="I26141" s="132" t="s">
        <v>14429</v>
      </c>
      <c r="J26141" s="1183"/>
      <c r="K26141" s="132" t="s">
        <v>33823</v>
      </c>
      <c r="L26141" s="1183"/>
    </row>
    <row r="26142" spans="1:12">
      <c r="A26142" s="388"/>
      <c r="B26142" s="1180"/>
      <c r="C26142" s="1180"/>
      <c r="D26142" s="1180"/>
      <c r="E26142" s="1180"/>
      <c r="F26142" s="132" t="s">
        <v>14386</v>
      </c>
      <c r="G26142" s="132" t="s">
        <v>14387</v>
      </c>
      <c r="H26142" s="132" t="s">
        <v>14422</v>
      </c>
      <c r="I26142" s="132" t="s">
        <v>14387</v>
      </c>
      <c r="J26142" s="1183"/>
      <c r="K26142" s="132" t="s">
        <v>14655</v>
      </c>
      <c r="L26142" s="1183"/>
    </row>
    <row r="26143" spans="1:12">
      <c r="A26143" s="388"/>
      <c r="B26143" s="1180"/>
      <c r="C26143" s="1180"/>
      <c r="D26143" s="1180"/>
      <c r="E26143" s="1180"/>
      <c r="F26143" s="132" t="s">
        <v>14371</v>
      </c>
      <c r="G26143" s="132" t="s">
        <v>14372</v>
      </c>
      <c r="H26143" s="389"/>
      <c r="I26143" s="132" t="s">
        <v>14373</v>
      </c>
      <c r="J26143" s="1183"/>
      <c r="K26143" s="132" t="s">
        <v>33878</v>
      </c>
      <c r="L26143" s="1183"/>
    </row>
    <row r="26144" spans="1:12" ht="29.25" thickBot="1">
      <c r="A26144" s="388"/>
      <c r="B26144" s="1181"/>
      <c r="C26144" s="1181"/>
      <c r="D26144" s="1181"/>
      <c r="E26144" s="1181"/>
      <c r="F26144" s="133" t="s">
        <v>14374</v>
      </c>
      <c r="G26144" s="133" t="s">
        <v>14373</v>
      </c>
      <c r="H26144" s="390"/>
      <c r="I26144" s="390"/>
      <c r="J26144" s="1184"/>
      <c r="K26144" s="390"/>
      <c r="L26144" s="1184"/>
    </row>
    <row r="26145" spans="1:12" ht="57">
      <c r="A26145" s="388"/>
      <c r="B26145" s="1179" t="s">
        <v>33900</v>
      </c>
      <c r="C26145" s="131" t="s">
        <v>16837</v>
      </c>
      <c r="D26145" s="1179" t="s">
        <v>16838</v>
      </c>
      <c r="E26145" s="1179" t="s">
        <v>1707</v>
      </c>
      <c r="F26145" s="131" t="s">
        <v>14700</v>
      </c>
      <c r="G26145" s="131" t="s">
        <v>14380</v>
      </c>
      <c r="H26145" s="131" t="s">
        <v>14378</v>
      </c>
      <c r="I26145" s="131" t="s">
        <v>14380</v>
      </c>
      <c r="J26145" s="1182"/>
      <c r="K26145" s="131" t="s">
        <v>33901</v>
      </c>
      <c r="L26145" s="1182"/>
    </row>
    <row r="26146" spans="1:12" ht="42.75">
      <c r="A26146" s="388"/>
      <c r="B26146" s="1180"/>
      <c r="C26146" s="132" t="s">
        <v>16839</v>
      </c>
      <c r="D26146" s="1180"/>
      <c r="E26146" s="1180"/>
      <c r="F26146" s="132" t="s">
        <v>15089</v>
      </c>
      <c r="G26146" s="132" t="s">
        <v>14429</v>
      </c>
      <c r="H26146" s="132" t="s">
        <v>14341</v>
      </c>
      <c r="I26146" s="132" t="s">
        <v>14429</v>
      </c>
      <c r="J26146" s="1183"/>
      <c r="K26146" s="132" t="s">
        <v>33823</v>
      </c>
      <c r="L26146" s="1183"/>
    </row>
    <row r="26147" spans="1:12">
      <c r="A26147" s="388"/>
      <c r="B26147" s="1180"/>
      <c r="C26147" s="389"/>
      <c r="D26147" s="1180"/>
      <c r="E26147" s="1180"/>
      <c r="F26147" s="132" t="s">
        <v>14430</v>
      </c>
      <c r="G26147" s="132" t="s">
        <v>14431</v>
      </c>
      <c r="H26147" s="132" t="s">
        <v>14370</v>
      </c>
      <c r="I26147" s="132" t="s">
        <v>14431</v>
      </c>
      <c r="J26147" s="1183"/>
      <c r="K26147" s="132" t="s">
        <v>14655</v>
      </c>
      <c r="L26147" s="1183"/>
    </row>
    <row r="26148" spans="1:12">
      <c r="A26148" s="388"/>
      <c r="B26148" s="1180"/>
      <c r="C26148" s="389"/>
      <c r="D26148" s="1180"/>
      <c r="E26148" s="1180"/>
      <c r="F26148" s="132" t="s">
        <v>14371</v>
      </c>
      <c r="G26148" s="132" t="s">
        <v>14372</v>
      </c>
      <c r="H26148" s="132" t="s">
        <v>14332</v>
      </c>
      <c r="I26148" s="132" t="s">
        <v>14373</v>
      </c>
      <c r="J26148" s="1183"/>
      <c r="K26148" s="132" t="s">
        <v>33878</v>
      </c>
      <c r="L26148" s="1183"/>
    </row>
    <row r="26149" spans="1:12" ht="29.25" thickBot="1">
      <c r="A26149" s="388"/>
      <c r="B26149" s="1181"/>
      <c r="C26149" s="390"/>
      <c r="D26149" s="1181"/>
      <c r="E26149" s="1181"/>
      <c r="F26149" s="133" t="s">
        <v>14374</v>
      </c>
      <c r="G26149" s="133" t="s">
        <v>14373</v>
      </c>
      <c r="H26149" s="390"/>
      <c r="I26149" s="390"/>
      <c r="J26149" s="1184"/>
      <c r="K26149" s="390"/>
      <c r="L26149" s="1184"/>
    </row>
    <row r="26150" spans="1:12" ht="57">
      <c r="A26150" s="388"/>
      <c r="B26150" s="1179" t="s">
        <v>33902</v>
      </c>
      <c r="C26150" s="131" t="s">
        <v>16841</v>
      </c>
      <c r="D26150" s="1179" t="s">
        <v>77</v>
      </c>
      <c r="E26150" s="1179" t="s">
        <v>16842</v>
      </c>
      <c r="F26150" s="131" t="s">
        <v>15089</v>
      </c>
      <c r="G26150" s="131" t="s">
        <v>14459</v>
      </c>
      <c r="H26150" s="131" t="s">
        <v>14367</v>
      </c>
      <c r="I26150" s="131" t="s">
        <v>14459</v>
      </c>
      <c r="J26150" s="1182"/>
      <c r="K26150" s="131" t="s">
        <v>33903</v>
      </c>
      <c r="L26150" s="1182"/>
    </row>
    <row r="26151" spans="1:12" ht="28.5">
      <c r="A26151" s="388"/>
      <c r="B26151" s="1180"/>
      <c r="C26151" s="132" t="s">
        <v>16843</v>
      </c>
      <c r="D26151" s="1180"/>
      <c r="E26151" s="1180"/>
      <c r="F26151" s="132" t="s">
        <v>14430</v>
      </c>
      <c r="G26151" s="132" t="s">
        <v>14431</v>
      </c>
      <c r="H26151" s="132" t="s">
        <v>14341</v>
      </c>
      <c r="I26151" s="132" t="s">
        <v>14431</v>
      </c>
      <c r="J26151" s="1183"/>
      <c r="K26151" s="132" t="s">
        <v>14655</v>
      </c>
      <c r="L26151" s="1183"/>
    </row>
    <row r="26152" spans="1:12">
      <c r="A26152" s="388"/>
      <c r="B26152" s="1180"/>
      <c r="C26152" s="389"/>
      <c r="D26152" s="1180"/>
      <c r="E26152" s="1180"/>
      <c r="F26152" s="132" t="s">
        <v>14371</v>
      </c>
      <c r="G26152" s="132" t="s">
        <v>14372</v>
      </c>
      <c r="H26152" s="132" t="s">
        <v>14370</v>
      </c>
      <c r="I26152" s="132" t="s">
        <v>14373</v>
      </c>
      <c r="J26152" s="1183"/>
      <c r="K26152" s="132" t="s">
        <v>33746</v>
      </c>
      <c r="L26152" s="1183"/>
    </row>
    <row r="26153" spans="1:12" ht="29.25" thickBot="1">
      <c r="A26153" s="388"/>
      <c r="B26153" s="1181"/>
      <c r="C26153" s="390"/>
      <c r="D26153" s="1181"/>
      <c r="E26153" s="1181"/>
      <c r="F26153" s="133" t="s">
        <v>14374</v>
      </c>
      <c r="G26153" s="133" t="s">
        <v>14373</v>
      </c>
      <c r="H26153" s="133" t="s">
        <v>14332</v>
      </c>
      <c r="I26153" s="390"/>
      <c r="J26153" s="1184"/>
      <c r="K26153" s="390"/>
      <c r="L26153" s="1184"/>
    </row>
    <row r="26154" spans="1:12" ht="42.75">
      <c r="A26154" s="388"/>
      <c r="B26154" s="1179" t="s">
        <v>33904</v>
      </c>
      <c r="C26154" s="1179" t="s">
        <v>16845</v>
      </c>
      <c r="D26154" s="1179" t="s">
        <v>16779</v>
      </c>
      <c r="E26154" s="1179" t="s">
        <v>1713</v>
      </c>
      <c r="F26154" s="131" t="s">
        <v>15089</v>
      </c>
      <c r="G26154" s="131" t="s">
        <v>14429</v>
      </c>
      <c r="H26154" s="131" t="s">
        <v>14367</v>
      </c>
      <c r="I26154" s="131" t="s">
        <v>14429</v>
      </c>
      <c r="J26154" s="1182"/>
      <c r="K26154" s="131" t="s">
        <v>33905</v>
      </c>
      <c r="L26154" s="1182"/>
    </row>
    <row r="26155" spans="1:12">
      <c r="A26155" s="388"/>
      <c r="B26155" s="1180"/>
      <c r="C26155" s="1180"/>
      <c r="D26155" s="1180"/>
      <c r="E26155" s="1180"/>
      <c r="F26155" s="132" t="s">
        <v>14430</v>
      </c>
      <c r="G26155" s="132" t="s">
        <v>14431</v>
      </c>
      <c r="H26155" s="132" t="s">
        <v>14341</v>
      </c>
      <c r="I26155" s="132" t="s">
        <v>14431</v>
      </c>
      <c r="J26155" s="1183"/>
      <c r="K26155" s="132" t="s">
        <v>14655</v>
      </c>
      <c r="L26155" s="1183"/>
    </row>
    <row r="26156" spans="1:12">
      <c r="A26156" s="388"/>
      <c r="B26156" s="1180"/>
      <c r="C26156" s="1180"/>
      <c r="D26156" s="1180"/>
      <c r="E26156" s="1180"/>
      <c r="F26156" s="132" t="s">
        <v>14371</v>
      </c>
      <c r="G26156" s="132" t="s">
        <v>14372</v>
      </c>
      <c r="H26156" s="132" t="s">
        <v>14370</v>
      </c>
      <c r="I26156" s="132" t="s">
        <v>14373</v>
      </c>
      <c r="J26156" s="1183"/>
      <c r="K26156" s="132" t="s">
        <v>33746</v>
      </c>
      <c r="L26156" s="1183"/>
    </row>
    <row r="26157" spans="1:12" ht="29.25" thickBot="1">
      <c r="A26157" s="388"/>
      <c r="B26157" s="1181"/>
      <c r="C26157" s="1181"/>
      <c r="D26157" s="1181"/>
      <c r="E26157" s="1181"/>
      <c r="F26157" s="133" t="s">
        <v>14374</v>
      </c>
      <c r="G26157" s="133" t="s">
        <v>14373</v>
      </c>
      <c r="H26157" s="133" t="s">
        <v>14332</v>
      </c>
      <c r="I26157" s="390"/>
      <c r="J26157" s="1184"/>
      <c r="K26157" s="390"/>
      <c r="L26157" s="1184"/>
    </row>
    <row r="26158" spans="1:12">
      <c r="A26158" s="388"/>
      <c r="B26158" s="1179" t="s">
        <v>33906</v>
      </c>
      <c r="C26158" s="131" t="s">
        <v>33907</v>
      </c>
      <c r="D26158" s="131" t="s">
        <v>17505</v>
      </c>
      <c r="E26158" s="131" t="s">
        <v>17506</v>
      </c>
      <c r="F26158" s="131" t="s">
        <v>14418</v>
      </c>
      <c r="G26158" s="131" t="s">
        <v>14419</v>
      </c>
      <c r="H26158" s="131" t="s">
        <v>14328</v>
      </c>
      <c r="I26158" s="131" t="s">
        <v>14419</v>
      </c>
      <c r="J26158" s="1182"/>
      <c r="K26158" s="1182"/>
      <c r="L26158" s="1179" t="s">
        <v>33908</v>
      </c>
    </row>
    <row r="26159" spans="1:12" ht="28.5">
      <c r="A26159" s="388"/>
      <c r="B26159" s="1180"/>
      <c r="C26159" s="132" t="s">
        <v>33909</v>
      </c>
      <c r="D26159" s="132" t="s">
        <v>33910</v>
      </c>
      <c r="E26159" s="132" t="s">
        <v>33911</v>
      </c>
      <c r="F26159" s="132" t="s">
        <v>14389</v>
      </c>
      <c r="G26159" s="132" t="s">
        <v>14390</v>
      </c>
      <c r="H26159" s="132" t="s">
        <v>14367</v>
      </c>
      <c r="I26159" s="132" t="s">
        <v>14390</v>
      </c>
      <c r="J26159" s="1183"/>
      <c r="K26159" s="1183"/>
      <c r="L26159" s="1180"/>
    </row>
    <row r="26160" spans="1:12" ht="28.5">
      <c r="A26160" s="388"/>
      <c r="B26160" s="1180"/>
      <c r="C26160" s="132" t="s">
        <v>33912</v>
      </c>
      <c r="D26160" s="132" t="s">
        <v>33913</v>
      </c>
      <c r="E26160" s="132" t="s">
        <v>33914</v>
      </c>
      <c r="F26160" s="132" t="s">
        <v>14391</v>
      </c>
      <c r="G26160" s="132" t="s">
        <v>14392</v>
      </c>
      <c r="H26160" s="132" t="s">
        <v>14370</v>
      </c>
      <c r="I26160" s="132" t="s">
        <v>14392</v>
      </c>
      <c r="J26160" s="1183"/>
      <c r="K26160" s="1183"/>
      <c r="L26160" s="1180"/>
    </row>
    <row r="26161" spans="1:12" ht="28.5">
      <c r="A26161" s="388"/>
      <c r="B26161" s="1180"/>
      <c r="C26161" s="135" t="s">
        <v>33915</v>
      </c>
      <c r="D26161" s="132" t="s">
        <v>33916</v>
      </c>
      <c r="E26161" s="132" t="s">
        <v>33917</v>
      </c>
      <c r="F26161" s="132" t="s">
        <v>14371</v>
      </c>
      <c r="G26161" s="132" t="s">
        <v>14372</v>
      </c>
      <c r="H26161" s="132" t="s">
        <v>14422</v>
      </c>
      <c r="I26161" s="132" t="s">
        <v>14373</v>
      </c>
      <c r="J26161" s="1183"/>
      <c r="K26161" s="1183"/>
      <c r="L26161" s="1180"/>
    </row>
    <row r="26162" spans="1:12" ht="29.25" thickBot="1">
      <c r="A26162" s="388"/>
      <c r="B26162" s="1181"/>
      <c r="C26162" s="133" t="s">
        <v>33918</v>
      </c>
      <c r="D26162" s="390"/>
      <c r="E26162" s="390"/>
      <c r="F26162" s="133" t="s">
        <v>14374</v>
      </c>
      <c r="G26162" s="133" t="s">
        <v>14373</v>
      </c>
      <c r="H26162" s="390"/>
      <c r="I26162" s="390"/>
      <c r="J26162" s="1184"/>
      <c r="K26162" s="1184"/>
      <c r="L26162" s="1181"/>
    </row>
    <row r="26163" spans="1:12">
      <c r="A26163" s="388"/>
      <c r="B26163" s="1179" t="s">
        <v>33919</v>
      </c>
      <c r="C26163" s="131" t="s">
        <v>33920</v>
      </c>
      <c r="D26163" s="1179" t="s">
        <v>33921</v>
      </c>
      <c r="E26163" s="1179" t="s">
        <v>33922</v>
      </c>
      <c r="F26163" s="131" t="s">
        <v>14418</v>
      </c>
      <c r="G26163" s="131" t="s">
        <v>14419</v>
      </c>
      <c r="H26163" s="131" t="s">
        <v>14328</v>
      </c>
      <c r="I26163" s="131" t="s">
        <v>14419</v>
      </c>
      <c r="J26163" s="1182"/>
      <c r="K26163" s="1179" t="s">
        <v>33746</v>
      </c>
      <c r="L26163" s="1182"/>
    </row>
    <row r="26164" spans="1:12">
      <c r="A26164" s="388"/>
      <c r="B26164" s="1180"/>
      <c r="C26164" s="132" t="s">
        <v>33923</v>
      </c>
      <c r="D26164" s="1180"/>
      <c r="E26164" s="1180"/>
      <c r="F26164" s="132" t="s">
        <v>14389</v>
      </c>
      <c r="G26164" s="132" t="s">
        <v>14390</v>
      </c>
      <c r="H26164" s="132" t="s">
        <v>14367</v>
      </c>
      <c r="I26164" s="132" t="s">
        <v>14390</v>
      </c>
      <c r="J26164" s="1183"/>
      <c r="K26164" s="1180"/>
      <c r="L26164" s="1183"/>
    </row>
    <row r="26165" spans="1:12">
      <c r="A26165" s="388"/>
      <c r="B26165" s="1180"/>
      <c r="C26165" s="389"/>
      <c r="D26165" s="1180"/>
      <c r="E26165" s="1180"/>
      <c r="F26165" s="132" t="s">
        <v>17695</v>
      </c>
      <c r="G26165" s="132" t="s">
        <v>14392</v>
      </c>
      <c r="H26165" s="132" t="s">
        <v>14381</v>
      </c>
      <c r="I26165" s="132" t="s">
        <v>14392</v>
      </c>
      <c r="J26165" s="1183"/>
      <c r="K26165" s="1180"/>
      <c r="L26165" s="1183"/>
    </row>
    <row r="26166" spans="1:12">
      <c r="A26166" s="388"/>
      <c r="B26166" s="1180"/>
      <c r="C26166" s="389"/>
      <c r="D26166" s="1180"/>
      <c r="E26166" s="1180"/>
      <c r="F26166" s="132" t="s">
        <v>17310</v>
      </c>
      <c r="G26166" s="132" t="s">
        <v>17311</v>
      </c>
      <c r="H26166" s="132" t="s">
        <v>14370</v>
      </c>
      <c r="I26166" s="132" t="s">
        <v>17311</v>
      </c>
      <c r="J26166" s="1183"/>
      <c r="K26166" s="1180"/>
      <c r="L26166" s="1183"/>
    </row>
    <row r="26167" spans="1:12">
      <c r="A26167" s="388"/>
      <c r="B26167" s="1180"/>
      <c r="C26167" s="389"/>
      <c r="D26167" s="1180"/>
      <c r="E26167" s="1180"/>
      <c r="F26167" s="132" t="s">
        <v>14371</v>
      </c>
      <c r="G26167" s="132" t="s">
        <v>14372</v>
      </c>
      <c r="H26167" s="132" t="s">
        <v>14332</v>
      </c>
      <c r="I26167" s="132" t="s">
        <v>14373</v>
      </c>
      <c r="J26167" s="1183"/>
      <c r="K26167" s="1180"/>
      <c r="L26167" s="1183"/>
    </row>
    <row r="26168" spans="1:12" ht="29.25" thickBot="1">
      <c r="A26168" s="388"/>
      <c r="B26168" s="1181"/>
      <c r="C26168" s="390"/>
      <c r="D26168" s="1181"/>
      <c r="E26168" s="1181"/>
      <c r="F26168" s="133" t="s">
        <v>14472</v>
      </c>
      <c r="G26168" s="133" t="s">
        <v>14473</v>
      </c>
      <c r="H26168" s="390"/>
      <c r="I26168" s="390"/>
      <c r="J26168" s="1184"/>
      <c r="K26168" s="1181"/>
      <c r="L26168" s="1184"/>
    </row>
    <row r="26169" spans="1:12">
      <c r="A26169" s="388"/>
      <c r="B26169" s="1179" t="s">
        <v>33924</v>
      </c>
      <c r="C26169" s="1179" t="s">
        <v>18183</v>
      </c>
      <c r="D26169" s="1179" t="s">
        <v>18184</v>
      </c>
      <c r="E26169" s="1179" t="s">
        <v>18185</v>
      </c>
      <c r="F26169" s="131" t="s">
        <v>14505</v>
      </c>
      <c r="G26169" s="131" t="s">
        <v>14506</v>
      </c>
      <c r="H26169" s="131" t="s">
        <v>14328</v>
      </c>
      <c r="I26169" s="131" t="s">
        <v>14506</v>
      </c>
      <c r="J26169" s="131" t="s">
        <v>17546</v>
      </c>
      <c r="K26169" s="1182"/>
      <c r="L26169" s="1179" t="s">
        <v>33925</v>
      </c>
    </row>
    <row r="26170" spans="1:12">
      <c r="A26170" s="388"/>
      <c r="B26170" s="1180"/>
      <c r="C26170" s="1180"/>
      <c r="D26170" s="1180"/>
      <c r="E26170" s="1180"/>
      <c r="F26170" s="132" t="s">
        <v>14376</v>
      </c>
      <c r="G26170" s="132" t="s">
        <v>14669</v>
      </c>
      <c r="H26170" s="132" t="s">
        <v>14381</v>
      </c>
      <c r="I26170" s="132" t="s">
        <v>14669</v>
      </c>
      <c r="J26170" s="132" t="s">
        <v>17309</v>
      </c>
      <c r="K26170" s="1183"/>
      <c r="L26170" s="1180"/>
    </row>
    <row r="26171" spans="1:12">
      <c r="A26171" s="388"/>
      <c r="B26171" s="1180"/>
      <c r="C26171" s="1180"/>
      <c r="D26171" s="1180"/>
      <c r="E26171" s="1180"/>
      <c r="F26171" s="132" t="s">
        <v>14368</v>
      </c>
      <c r="G26171" s="132" t="s">
        <v>14388</v>
      </c>
      <c r="H26171" s="132" t="s">
        <v>14367</v>
      </c>
      <c r="I26171" s="132" t="s">
        <v>14388</v>
      </c>
      <c r="J26171" s="389"/>
      <c r="K26171" s="1183"/>
      <c r="L26171" s="1180"/>
    </row>
    <row r="26172" spans="1:12" ht="16.5" thickBot="1">
      <c r="A26172" s="388"/>
      <c r="B26172" s="1181"/>
      <c r="C26172" s="1181"/>
      <c r="D26172" s="1181"/>
      <c r="E26172" s="1181"/>
      <c r="F26172" s="133" t="s">
        <v>14386</v>
      </c>
      <c r="G26172" s="133" t="s">
        <v>14387</v>
      </c>
      <c r="H26172" s="133" t="s">
        <v>14332</v>
      </c>
      <c r="I26172" s="133" t="s">
        <v>14387</v>
      </c>
      <c r="J26172" s="390"/>
      <c r="K26172" s="1184"/>
      <c r="L26172" s="1181"/>
    </row>
    <row r="26173" spans="1:12" ht="57">
      <c r="A26173" s="388"/>
      <c r="B26173" s="1179" t="s">
        <v>33926</v>
      </c>
      <c r="C26173" s="1179" t="s">
        <v>33927</v>
      </c>
      <c r="D26173" s="1179" t="s">
        <v>18333</v>
      </c>
      <c r="E26173" s="1179" t="s">
        <v>18334</v>
      </c>
      <c r="F26173" s="131" t="s">
        <v>14376</v>
      </c>
      <c r="G26173" s="131" t="s">
        <v>14669</v>
      </c>
      <c r="H26173" s="131" t="s">
        <v>14381</v>
      </c>
      <c r="I26173" s="131" t="s">
        <v>14669</v>
      </c>
      <c r="J26173" s="1182"/>
      <c r="K26173" s="131" t="s">
        <v>33822</v>
      </c>
      <c r="L26173" s="1182"/>
    </row>
    <row r="26174" spans="1:12" ht="42.75">
      <c r="A26174" s="388"/>
      <c r="B26174" s="1180"/>
      <c r="C26174" s="1180"/>
      <c r="D26174" s="1180"/>
      <c r="E26174" s="1180"/>
      <c r="F26174" s="132" t="s">
        <v>14426</v>
      </c>
      <c r="G26174" s="132" t="s">
        <v>14427</v>
      </c>
      <c r="H26174" s="132" t="s">
        <v>14378</v>
      </c>
      <c r="I26174" s="132" t="s">
        <v>14427</v>
      </c>
      <c r="J26174" s="1183"/>
      <c r="K26174" s="132" t="s">
        <v>33928</v>
      </c>
      <c r="L26174" s="1183"/>
    </row>
    <row r="26175" spans="1:12">
      <c r="A26175" s="388"/>
      <c r="B26175" s="1180"/>
      <c r="C26175" s="1180"/>
      <c r="D26175" s="1180"/>
      <c r="E26175" s="1180"/>
      <c r="F26175" s="132" t="s">
        <v>14424</v>
      </c>
      <c r="G26175" s="132" t="s">
        <v>16046</v>
      </c>
      <c r="H26175" s="132" t="s">
        <v>14332</v>
      </c>
      <c r="I26175" s="132" t="s">
        <v>16046</v>
      </c>
      <c r="J26175" s="1183"/>
      <c r="K26175" s="389"/>
      <c r="L26175" s="1183"/>
    </row>
    <row r="26176" spans="1:12">
      <c r="A26176" s="388"/>
      <c r="B26176" s="1180"/>
      <c r="C26176" s="1180"/>
      <c r="D26176" s="1180"/>
      <c r="E26176" s="1180"/>
      <c r="F26176" s="132" t="s">
        <v>14656</v>
      </c>
      <c r="G26176" s="132" t="s">
        <v>14483</v>
      </c>
      <c r="H26176" s="389"/>
      <c r="I26176" s="132" t="s">
        <v>14483</v>
      </c>
      <c r="J26176" s="1183"/>
      <c r="K26176" s="389"/>
      <c r="L26176" s="1183"/>
    </row>
    <row r="26177" spans="1:12" ht="16.5" thickBot="1">
      <c r="A26177" s="388"/>
      <c r="B26177" s="1181"/>
      <c r="C26177" s="1181"/>
      <c r="D26177" s="1181"/>
      <c r="E26177" s="1181"/>
      <c r="F26177" s="133" t="s">
        <v>15089</v>
      </c>
      <c r="G26177" s="133" t="s">
        <v>14429</v>
      </c>
      <c r="H26177" s="390"/>
      <c r="I26177" s="133" t="s">
        <v>14429</v>
      </c>
      <c r="J26177" s="1184"/>
      <c r="K26177" s="390"/>
      <c r="L26177" s="1184"/>
    </row>
    <row r="26178" spans="1:12">
      <c r="A26178" s="388"/>
      <c r="B26178" s="1179" t="s">
        <v>33929</v>
      </c>
      <c r="C26178" s="1179" t="s">
        <v>18424</v>
      </c>
      <c r="D26178" s="1179" t="s">
        <v>18425</v>
      </c>
      <c r="E26178" s="1179" t="s">
        <v>1606</v>
      </c>
      <c r="F26178" s="131" t="s">
        <v>15089</v>
      </c>
      <c r="G26178" s="131" t="s">
        <v>14429</v>
      </c>
      <c r="H26178" s="131" t="s">
        <v>14341</v>
      </c>
      <c r="I26178" s="131" t="s">
        <v>14429</v>
      </c>
      <c r="J26178" s="1182"/>
      <c r="K26178" s="131" t="s">
        <v>24918</v>
      </c>
      <c r="L26178" s="1182"/>
    </row>
    <row r="26179" spans="1:12" ht="28.5">
      <c r="A26179" s="388"/>
      <c r="B26179" s="1180"/>
      <c r="C26179" s="1180"/>
      <c r="D26179" s="1180"/>
      <c r="E26179" s="1180"/>
      <c r="F26179" s="132" t="s">
        <v>14368</v>
      </c>
      <c r="G26179" s="132" t="s">
        <v>14388</v>
      </c>
      <c r="H26179" s="132" t="s">
        <v>14367</v>
      </c>
      <c r="I26179" s="132" t="s">
        <v>14388</v>
      </c>
      <c r="J26179" s="1183"/>
      <c r="K26179" s="132" t="s">
        <v>33930</v>
      </c>
      <c r="L26179" s="1183"/>
    </row>
    <row r="26180" spans="1:12" ht="16.5" thickBot="1">
      <c r="A26180" s="388"/>
      <c r="B26180" s="1181"/>
      <c r="C26180" s="1181"/>
      <c r="D26180" s="1181"/>
      <c r="E26180" s="1181"/>
      <c r="F26180" s="133" t="s">
        <v>14430</v>
      </c>
      <c r="G26180" s="133" t="s">
        <v>14431</v>
      </c>
      <c r="H26180" s="133" t="s">
        <v>14332</v>
      </c>
      <c r="I26180" s="133" t="s">
        <v>14431</v>
      </c>
      <c r="J26180" s="1184"/>
      <c r="K26180" s="390"/>
      <c r="L26180" s="1184"/>
    </row>
    <row r="26181" spans="1:12">
      <c r="A26181" s="388"/>
      <c r="B26181" s="1179" t="s">
        <v>33931</v>
      </c>
      <c r="C26181" s="1179" t="s">
        <v>29108</v>
      </c>
      <c r="D26181" s="1179" t="s">
        <v>19299</v>
      </c>
      <c r="E26181" s="1179" t="s">
        <v>19300</v>
      </c>
      <c r="F26181" s="131" t="s">
        <v>14505</v>
      </c>
      <c r="G26181" s="131" t="s">
        <v>14506</v>
      </c>
      <c r="H26181" s="131" t="s">
        <v>14328</v>
      </c>
      <c r="I26181" s="131" t="s">
        <v>14506</v>
      </c>
      <c r="J26181" s="1179" t="s">
        <v>17309</v>
      </c>
      <c r="K26181" s="1179" t="s">
        <v>33932</v>
      </c>
      <c r="L26181" s="1182"/>
    </row>
    <row r="26182" spans="1:12">
      <c r="A26182" s="388"/>
      <c r="B26182" s="1180"/>
      <c r="C26182" s="1180"/>
      <c r="D26182" s="1180"/>
      <c r="E26182" s="1180"/>
      <c r="F26182" s="132" t="s">
        <v>14443</v>
      </c>
      <c r="G26182" s="132" t="s">
        <v>14444</v>
      </c>
      <c r="H26182" s="132" t="s">
        <v>14367</v>
      </c>
      <c r="I26182" s="132" t="s">
        <v>14444</v>
      </c>
      <c r="J26182" s="1180"/>
      <c r="K26182" s="1180"/>
      <c r="L26182" s="1183"/>
    </row>
    <row r="26183" spans="1:12">
      <c r="A26183" s="388"/>
      <c r="B26183" s="1180"/>
      <c r="C26183" s="1180"/>
      <c r="D26183" s="1180"/>
      <c r="E26183" s="1180"/>
      <c r="F26183" s="132" t="s">
        <v>15089</v>
      </c>
      <c r="G26183" s="132" t="s">
        <v>14459</v>
      </c>
      <c r="H26183" s="132" t="s">
        <v>14381</v>
      </c>
      <c r="I26183" s="132" t="s">
        <v>14459</v>
      </c>
      <c r="J26183" s="1180"/>
      <c r="K26183" s="1180"/>
      <c r="L26183" s="1183"/>
    </row>
    <row r="26184" spans="1:12">
      <c r="A26184" s="388"/>
      <c r="B26184" s="1180"/>
      <c r="C26184" s="1180"/>
      <c r="D26184" s="1180"/>
      <c r="E26184" s="1180"/>
      <c r="F26184" s="132" t="s">
        <v>14368</v>
      </c>
      <c r="G26184" s="132" t="s">
        <v>14369</v>
      </c>
      <c r="H26184" s="132" t="s">
        <v>14332</v>
      </c>
      <c r="I26184" s="132" t="s">
        <v>14369</v>
      </c>
      <c r="J26184" s="1180"/>
      <c r="K26184" s="1180"/>
      <c r="L26184" s="1183"/>
    </row>
    <row r="26185" spans="1:12" ht="16.5" thickBot="1">
      <c r="A26185" s="388"/>
      <c r="B26185" s="1181"/>
      <c r="C26185" s="1181"/>
      <c r="D26185" s="1181"/>
      <c r="E26185" s="1181"/>
      <c r="F26185" s="133" t="s">
        <v>14386</v>
      </c>
      <c r="G26185" s="133" t="s">
        <v>14387</v>
      </c>
      <c r="H26185" s="390"/>
      <c r="I26185" s="133" t="s">
        <v>14387</v>
      </c>
      <c r="J26185" s="1181"/>
      <c r="K26185" s="1181"/>
      <c r="L26185" s="1184"/>
    </row>
    <row r="26186" spans="1:12" ht="42.75">
      <c r="A26186" s="388"/>
      <c r="B26186" s="1179" t="s">
        <v>33933</v>
      </c>
      <c r="C26186" s="131" t="s">
        <v>33934</v>
      </c>
      <c r="D26186" s="1179" t="s">
        <v>21113</v>
      </c>
      <c r="E26186" s="1179" t="s">
        <v>2016</v>
      </c>
      <c r="F26186" s="131" t="s">
        <v>15089</v>
      </c>
      <c r="G26186" s="131" t="s">
        <v>14459</v>
      </c>
      <c r="H26186" s="131" t="s">
        <v>14367</v>
      </c>
      <c r="I26186" s="131" t="s">
        <v>14459</v>
      </c>
      <c r="J26186" s="1182"/>
      <c r="K26186" s="131" t="s">
        <v>33935</v>
      </c>
      <c r="L26186" s="1182"/>
    </row>
    <row r="26187" spans="1:12" ht="57">
      <c r="A26187" s="388"/>
      <c r="B26187" s="1180"/>
      <c r="C26187" s="132" t="s">
        <v>33936</v>
      </c>
      <c r="D26187" s="1180"/>
      <c r="E26187" s="1180"/>
      <c r="F26187" s="132" t="s">
        <v>15089</v>
      </c>
      <c r="G26187" s="132" t="s">
        <v>14429</v>
      </c>
      <c r="H26187" s="132" t="s">
        <v>14381</v>
      </c>
      <c r="I26187" s="132" t="s">
        <v>14429</v>
      </c>
      <c r="J26187" s="1183"/>
      <c r="K26187" s="132" t="s">
        <v>33937</v>
      </c>
      <c r="L26187" s="1183"/>
    </row>
    <row r="26188" spans="1:12">
      <c r="A26188" s="388"/>
      <c r="B26188" s="1180"/>
      <c r="C26188" s="389"/>
      <c r="D26188" s="1180"/>
      <c r="E26188" s="1180"/>
      <c r="F26188" s="132" t="s">
        <v>14368</v>
      </c>
      <c r="G26188" s="132" t="s">
        <v>14388</v>
      </c>
      <c r="H26188" s="132" t="s">
        <v>14370</v>
      </c>
      <c r="I26188" s="132" t="s">
        <v>14388</v>
      </c>
      <c r="J26188" s="1183"/>
      <c r="K26188" s="132" t="s">
        <v>33938</v>
      </c>
      <c r="L26188" s="1183"/>
    </row>
    <row r="26189" spans="1:12" ht="42.75">
      <c r="A26189" s="388"/>
      <c r="B26189" s="1180"/>
      <c r="C26189" s="389"/>
      <c r="D26189" s="1180"/>
      <c r="E26189" s="1180"/>
      <c r="F26189" s="132" t="s">
        <v>16919</v>
      </c>
      <c r="G26189" s="132" t="s">
        <v>33939</v>
      </c>
      <c r="H26189" s="132" t="s">
        <v>14422</v>
      </c>
      <c r="I26189" s="132" t="s">
        <v>33939</v>
      </c>
      <c r="J26189" s="1183"/>
      <c r="K26189" s="132" t="s">
        <v>33940</v>
      </c>
      <c r="L26189" s="1183"/>
    </row>
    <row r="26190" spans="1:12">
      <c r="A26190" s="388"/>
      <c r="B26190" s="1180"/>
      <c r="C26190" s="389"/>
      <c r="D26190" s="1180"/>
      <c r="E26190" s="1180"/>
      <c r="F26190" s="132" t="s">
        <v>14371</v>
      </c>
      <c r="G26190" s="132" t="s">
        <v>14372</v>
      </c>
      <c r="H26190" s="389"/>
      <c r="I26190" s="132" t="s">
        <v>14373</v>
      </c>
      <c r="J26190" s="1183"/>
      <c r="K26190" s="389"/>
      <c r="L26190" s="1183"/>
    </row>
    <row r="26191" spans="1:12" ht="29.25" thickBot="1">
      <c r="A26191" s="388"/>
      <c r="B26191" s="1181"/>
      <c r="C26191" s="390"/>
      <c r="D26191" s="1181"/>
      <c r="E26191" s="1181"/>
      <c r="F26191" s="133" t="s">
        <v>14374</v>
      </c>
      <c r="G26191" s="133" t="s">
        <v>14373</v>
      </c>
      <c r="H26191" s="390"/>
      <c r="I26191" s="390"/>
      <c r="J26191" s="1184"/>
      <c r="K26191" s="390"/>
      <c r="L26191" s="1184"/>
    </row>
    <row r="26192" spans="1:12">
      <c r="A26192" s="388"/>
      <c r="B26192" s="1179" t="s">
        <v>33941</v>
      </c>
      <c r="C26192" s="1179" t="s">
        <v>33942</v>
      </c>
      <c r="D26192" s="1179" t="s">
        <v>77</v>
      </c>
      <c r="E26192" s="1179" t="s">
        <v>21118</v>
      </c>
      <c r="F26192" s="131" t="s">
        <v>17277</v>
      </c>
      <c r="G26192" s="131" t="s">
        <v>17278</v>
      </c>
      <c r="H26192" s="131" t="s">
        <v>14367</v>
      </c>
      <c r="I26192" s="131" t="s">
        <v>17278</v>
      </c>
      <c r="J26192" s="1182"/>
      <c r="K26192" s="131" t="s">
        <v>14657</v>
      </c>
      <c r="L26192" s="1182"/>
    </row>
    <row r="26193" spans="1:12">
      <c r="A26193" s="388"/>
      <c r="B26193" s="1180"/>
      <c r="C26193" s="1180"/>
      <c r="D26193" s="1180"/>
      <c r="E26193" s="1180"/>
      <c r="F26193" s="132" t="s">
        <v>14391</v>
      </c>
      <c r="G26193" s="132" t="s">
        <v>14392</v>
      </c>
      <c r="H26193" s="132" t="s">
        <v>14370</v>
      </c>
      <c r="I26193" s="132" t="s">
        <v>14392</v>
      </c>
      <c r="J26193" s="1183"/>
      <c r="K26193" s="132" t="s">
        <v>33878</v>
      </c>
      <c r="L26193" s="1183"/>
    </row>
    <row r="26194" spans="1:12">
      <c r="A26194" s="388"/>
      <c r="B26194" s="1180"/>
      <c r="C26194" s="1180"/>
      <c r="D26194" s="1180"/>
      <c r="E26194" s="1180"/>
      <c r="F26194" s="132" t="s">
        <v>14371</v>
      </c>
      <c r="G26194" s="132" t="s">
        <v>14372</v>
      </c>
      <c r="H26194" s="132" t="s">
        <v>14422</v>
      </c>
      <c r="I26194" s="132" t="s">
        <v>14373</v>
      </c>
      <c r="J26194" s="1183"/>
      <c r="K26194" s="389"/>
      <c r="L26194" s="1183"/>
    </row>
    <row r="26195" spans="1:12" ht="29.25" thickBot="1">
      <c r="A26195" s="388"/>
      <c r="B26195" s="1181"/>
      <c r="C26195" s="1181"/>
      <c r="D26195" s="1181"/>
      <c r="E26195" s="1181"/>
      <c r="F26195" s="133" t="s">
        <v>14374</v>
      </c>
      <c r="G26195" s="133" t="s">
        <v>14373</v>
      </c>
      <c r="H26195" s="390"/>
      <c r="I26195" s="390"/>
      <c r="J26195" s="1184"/>
      <c r="K26195" s="390"/>
      <c r="L26195" s="1184"/>
    </row>
    <row r="26196" spans="1:12" ht="42.75">
      <c r="A26196" s="388"/>
      <c r="B26196" s="1179" t="s">
        <v>33943</v>
      </c>
      <c r="C26196" s="131" t="s">
        <v>33944</v>
      </c>
      <c r="D26196" s="1179" t="s">
        <v>33945</v>
      </c>
      <c r="E26196" s="1179" t="s">
        <v>33946</v>
      </c>
      <c r="F26196" s="131" t="s">
        <v>15089</v>
      </c>
      <c r="G26196" s="131" t="s">
        <v>14429</v>
      </c>
      <c r="H26196" s="131" t="s">
        <v>14367</v>
      </c>
      <c r="I26196" s="131" t="s">
        <v>14429</v>
      </c>
      <c r="J26196" s="1182"/>
      <c r="K26196" s="131" t="s">
        <v>33947</v>
      </c>
      <c r="L26196" s="1182"/>
    </row>
    <row r="26197" spans="1:12" ht="28.5">
      <c r="A26197" s="388"/>
      <c r="B26197" s="1180"/>
      <c r="C26197" s="132" t="s">
        <v>33948</v>
      </c>
      <c r="D26197" s="1180"/>
      <c r="E26197" s="1180"/>
      <c r="F26197" s="132" t="s">
        <v>14430</v>
      </c>
      <c r="G26197" s="132" t="s">
        <v>14431</v>
      </c>
      <c r="H26197" s="132" t="s">
        <v>14341</v>
      </c>
      <c r="I26197" s="132" t="s">
        <v>14431</v>
      </c>
      <c r="J26197" s="1183"/>
      <c r="K26197" s="132" t="s">
        <v>14655</v>
      </c>
      <c r="L26197" s="1183"/>
    </row>
    <row r="26198" spans="1:12">
      <c r="A26198" s="388"/>
      <c r="B26198" s="1180"/>
      <c r="C26198" s="389"/>
      <c r="D26198" s="1180"/>
      <c r="E26198" s="1180"/>
      <c r="F26198" s="132" t="s">
        <v>14371</v>
      </c>
      <c r="G26198" s="132" t="s">
        <v>14372</v>
      </c>
      <c r="H26198" s="132" t="s">
        <v>14370</v>
      </c>
      <c r="I26198" s="132" t="s">
        <v>14373</v>
      </c>
      <c r="J26198" s="1183"/>
      <c r="K26198" s="132" t="s">
        <v>33878</v>
      </c>
      <c r="L26198" s="1183"/>
    </row>
    <row r="26199" spans="1:12" ht="29.25" thickBot="1">
      <c r="A26199" s="388"/>
      <c r="B26199" s="1181"/>
      <c r="C26199" s="390"/>
      <c r="D26199" s="1181"/>
      <c r="E26199" s="1181"/>
      <c r="F26199" s="133" t="s">
        <v>14374</v>
      </c>
      <c r="G26199" s="133" t="s">
        <v>14373</v>
      </c>
      <c r="H26199" s="133" t="s">
        <v>14332</v>
      </c>
      <c r="I26199" s="390"/>
      <c r="J26199" s="1184"/>
      <c r="K26199" s="390"/>
      <c r="L26199" s="1184"/>
    </row>
    <row r="26200" spans="1:12" ht="42.75">
      <c r="A26200" s="388"/>
      <c r="B26200" s="1179" t="s">
        <v>33949</v>
      </c>
      <c r="C26200" s="131" t="s">
        <v>22192</v>
      </c>
      <c r="D26200" s="1179" t="s">
        <v>77</v>
      </c>
      <c r="E26200" s="1179" t="s">
        <v>1784</v>
      </c>
      <c r="F26200" s="131" t="s">
        <v>14656</v>
      </c>
      <c r="G26200" s="131" t="s">
        <v>14483</v>
      </c>
      <c r="H26200" s="131" t="s">
        <v>14378</v>
      </c>
      <c r="I26200" s="131" t="s">
        <v>14483</v>
      </c>
      <c r="J26200" s="1182"/>
      <c r="K26200" s="131" t="s">
        <v>33950</v>
      </c>
      <c r="L26200" s="1182"/>
    </row>
    <row r="26201" spans="1:12" ht="57">
      <c r="A26201" s="388"/>
      <c r="B26201" s="1180"/>
      <c r="C26201" s="132" t="s">
        <v>33951</v>
      </c>
      <c r="D26201" s="1180"/>
      <c r="E26201" s="1180"/>
      <c r="F26201" s="132" t="s">
        <v>14656</v>
      </c>
      <c r="G26201" s="132" t="s">
        <v>14383</v>
      </c>
      <c r="H26201" s="132" t="s">
        <v>14381</v>
      </c>
      <c r="I26201" s="132" t="s">
        <v>14383</v>
      </c>
      <c r="J26201" s="1183"/>
      <c r="K26201" s="132" t="s">
        <v>33952</v>
      </c>
      <c r="L26201" s="1183"/>
    </row>
    <row r="26202" spans="1:12" ht="42.75">
      <c r="A26202" s="388"/>
      <c r="B26202" s="1180"/>
      <c r="C26202" s="389"/>
      <c r="D26202" s="1180"/>
      <c r="E26202" s="1180"/>
      <c r="F26202" s="132" t="s">
        <v>15246</v>
      </c>
      <c r="G26202" s="132" t="s">
        <v>28376</v>
      </c>
      <c r="H26202" s="132" t="s">
        <v>14370</v>
      </c>
      <c r="I26202" s="132" t="s">
        <v>28376</v>
      </c>
      <c r="J26202" s="1183"/>
      <c r="K26202" s="132" t="s">
        <v>22002</v>
      </c>
      <c r="L26202" s="1183"/>
    </row>
    <row r="26203" spans="1:12">
      <c r="A26203" s="388"/>
      <c r="B26203" s="1180"/>
      <c r="C26203" s="389"/>
      <c r="D26203" s="1180"/>
      <c r="E26203" s="1180"/>
      <c r="F26203" s="132" t="s">
        <v>16919</v>
      </c>
      <c r="G26203" s="132" t="s">
        <v>17203</v>
      </c>
      <c r="H26203" s="132" t="s">
        <v>14332</v>
      </c>
      <c r="I26203" s="132" t="s">
        <v>17203</v>
      </c>
      <c r="J26203" s="1183"/>
      <c r="K26203" s="132" t="s">
        <v>33846</v>
      </c>
      <c r="L26203" s="1183"/>
    </row>
    <row r="26204" spans="1:12">
      <c r="A26204" s="388"/>
      <c r="B26204" s="1180"/>
      <c r="C26204" s="389"/>
      <c r="D26204" s="1180"/>
      <c r="E26204" s="1180"/>
      <c r="F26204" s="132" t="s">
        <v>14391</v>
      </c>
      <c r="G26204" s="132" t="s">
        <v>14392</v>
      </c>
      <c r="H26204" s="389"/>
      <c r="I26204" s="132" t="s">
        <v>14392</v>
      </c>
      <c r="J26204" s="1183"/>
      <c r="K26204" s="389"/>
      <c r="L26204" s="1183"/>
    </row>
    <row r="26205" spans="1:12">
      <c r="A26205" s="388"/>
      <c r="B26205" s="1180"/>
      <c r="C26205" s="389"/>
      <c r="D26205" s="1180"/>
      <c r="E26205" s="1180"/>
      <c r="F26205" s="132" t="s">
        <v>14371</v>
      </c>
      <c r="G26205" s="132" t="s">
        <v>14372</v>
      </c>
      <c r="H26205" s="389"/>
      <c r="I26205" s="132" t="s">
        <v>14373</v>
      </c>
      <c r="J26205" s="1183"/>
      <c r="K26205" s="389"/>
      <c r="L26205" s="1183"/>
    </row>
    <row r="26206" spans="1:12" ht="29.25" thickBot="1">
      <c r="A26206" s="388"/>
      <c r="B26206" s="1181"/>
      <c r="C26206" s="390"/>
      <c r="D26206" s="1181"/>
      <c r="E26206" s="1181"/>
      <c r="F26206" s="133" t="s">
        <v>14374</v>
      </c>
      <c r="G26206" s="133" t="s">
        <v>14373</v>
      </c>
      <c r="H26206" s="390"/>
      <c r="I26206" s="390"/>
      <c r="J26206" s="1184"/>
      <c r="K26206" s="390"/>
      <c r="L26206" s="1184"/>
    </row>
    <row r="26207" spans="1:12" ht="42.75">
      <c r="A26207" s="388"/>
      <c r="B26207" s="1179" t="s">
        <v>33953</v>
      </c>
      <c r="C26207" s="1179" t="s">
        <v>23247</v>
      </c>
      <c r="D26207" s="1179" t="s">
        <v>23248</v>
      </c>
      <c r="E26207" s="1179" t="s">
        <v>23249</v>
      </c>
      <c r="F26207" s="131" t="s">
        <v>15089</v>
      </c>
      <c r="G26207" s="131" t="s">
        <v>14429</v>
      </c>
      <c r="H26207" s="131" t="s">
        <v>14341</v>
      </c>
      <c r="I26207" s="131" t="s">
        <v>14429</v>
      </c>
      <c r="J26207" s="1182"/>
      <c r="K26207" s="131" t="s">
        <v>33954</v>
      </c>
      <c r="L26207" s="1182"/>
    </row>
    <row r="26208" spans="1:12" ht="42.75">
      <c r="A26208" s="388"/>
      <c r="B26208" s="1180"/>
      <c r="C26208" s="1180"/>
      <c r="D26208" s="1180"/>
      <c r="E26208" s="1180"/>
      <c r="F26208" s="132" t="s">
        <v>14356</v>
      </c>
      <c r="G26208" s="132" t="s">
        <v>14340</v>
      </c>
      <c r="H26208" s="132" t="s">
        <v>14367</v>
      </c>
      <c r="I26208" s="132" t="s">
        <v>14340</v>
      </c>
      <c r="J26208" s="1183"/>
      <c r="K26208" s="132" t="s">
        <v>33955</v>
      </c>
      <c r="L26208" s="1183"/>
    </row>
    <row r="26209" spans="1:12">
      <c r="A26209" s="388"/>
      <c r="B26209" s="1180"/>
      <c r="C26209" s="1180"/>
      <c r="D26209" s="1180"/>
      <c r="E26209" s="1180"/>
      <c r="F26209" s="132" t="s">
        <v>14430</v>
      </c>
      <c r="G26209" s="132" t="s">
        <v>14431</v>
      </c>
      <c r="H26209" s="132" t="s">
        <v>14332</v>
      </c>
      <c r="I26209" s="132" t="s">
        <v>14392</v>
      </c>
      <c r="J26209" s="1183"/>
      <c r="K26209" s="389"/>
      <c r="L26209" s="1183"/>
    </row>
    <row r="26210" spans="1:12" ht="16.5" thickBot="1">
      <c r="A26210" s="388"/>
      <c r="B26210" s="1181"/>
      <c r="C26210" s="1181"/>
      <c r="D26210" s="1181"/>
      <c r="E26210" s="1181"/>
      <c r="F26210" s="133" t="s">
        <v>17088</v>
      </c>
      <c r="G26210" s="133" t="s">
        <v>14392</v>
      </c>
      <c r="H26210" s="390"/>
      <c r="I26210" s="390"/>
      <c r="J26210" s="1184"/>
      <c r="K26210" s="390"/>
      <c r="L26210" s="1184"/>
    </row>
    <row r="26211" spans="1:12" ht="42.75">
      <c r="A26211" s="388"/>
      <c r="B26211" s="1179" t="s">
        <v>33956</v>
      </c>
      <c r="C26211" s="131" t="s">
        <v>23828</v>
      </c>
      <c r="D26211" s="1179" t="s">
        <v>23829</v>
      </c>
      <c r="E26211" s="1179" t="s">
        <v>23830</v>
      </c>
      <c r="F26211" s="131" t="s">
        <v>14656</v>
      </c>
      <c r="G26211" s="131" t="s">
        <v>14383</v>
      </c>
      <c r="H26211" s="131" t="s">
        <v>14378</v>
      </c>
      <c r="I26211" s="131" t="s">
        <v>14383</v>
      </c>
      <c r="J26211" s="1182"/>
      <c r="K26211" s="131" t="s">
        <v>33957</v>
      </c>
      <c r="L26211" s="1182"/>
    </row>
    <row r="26212" spans="1:12" ht="28.5">
      <c r="A26212" s="388"/>
      <c r="B26212" s="1180"/>
      <c r="C26212" s="132" t="s">
        <v>33958</v>
      </c>
      <c r="D26212" s="1180"/>
      <c r="E26212" s="1180"/>
      <c r="F26212" s="132" t="s">
        <v>14371</v>
      </c>
      <c r="G26212" s="132" t="s">
        <v>14372</v>
      </c>
      <c r="H26212" s="132" t="s">
        <v>14370</v>
      </c>
      <c r="I26212" s="132" t="s">
        <v>14373</v>
      </c>
      <c r="J26212" s="1183"/>
      <c r="K26212" s="132" t="s">
        <v>14657</v>
      </c>
      <c r="L26212" s="1183"/>
    </row>
    <row r="26213" spans="1:12" ht="29.25" thickBot="1">
      <c r="A26213" s="388"/>
      <c r="B26213" s="1181"/>
      <c r="C26213" s="133" t="s">
        <v>33959</v>
      </c>
      <c r="D26213" s="1181"/>
      <c r="E26213" s="1181"/>
      <c r="F26213" s="133" t="s">
        <v>14374</v>
      </c>
      <c r="G26213" s="133" t="s">
        <v>14373</v>
      </c>
      <c r="H26213" s="133" t="s">
        <v>14332</v>
      </c>
      <c r="I26213" s="390"/>
      <c r="J26213" s="1184"/>
      <c r="K26213" s="133" t="s">
        <v>33824</v>
      </c>
      <c r="L26213" s="1184"/>
    </row>
    <row r="26214" spans="1:12">
      <c r="A26214" s="388"/>
      <c r="B26214" s="1179" t="s">
        <v>33960</v>
      </c>
      <c r="C26214" s="1179" t="s">
        <v>33961</v>
      </c>
      <c r="D26214" s="1179" t="s">
        <v>12635</v>
      </c>
      <c r="E26214" s="1179" t="s">
        <v>1680</v>
      </c>
      <c r="F26214" s="131" t="s">
        <v>14889</v>
      </c>
      <c r="G26214" s="131" t="s">
        <v>14890</v>
      </c>
      <c r="H26214" s="131" t="s">
        <v>14367</v>
      </c>
      <c r="I26214" s="131" t="s">
        <v>14890</v>
      </c>
      <c r="J26214" s="1182"/>
      <c r="K26214" s="131" t="s">
        <v>14655</v>
      </c>
      <c r="L26214" s="1182"/>
    </row>
    <row r="26215" spans="1:12">
      <c r="A26215" s="388"/>
      <c r="B26215" s="1180"/>
      <c r="C26215" s="1180"/>
      <c r="D26215" s="1180"/>
      <c r="E26215" s="1180"/>
      <c r="F26215" s="132" t="s">
        <v>14424</v>
      </c>
      <c r="G26215" s="132" t="s">
        <v>14425</v>
      </c>
      <c r="H26215" s="132" t="s">
        <v>14381</v>
      </c>
      <c r="I26215" s="132" t="s">
        <v>14425</v>
      </c>
      <c r="J26215" s="1183"/>
      <c r="K26215" s="132" t="s">
        <v>33878</v>
      </c>
      <c r="L26215" s="1183"/>
    </row>
    <row r="26216" spans="1:12">
      <c r="A26216" s="388"/>
      <c r="B26216" s="1180"/>
      <c r="C26216" s="1180"/>
      <c r="D26216" s="1180"/>
      <c r="E26216" s="1180"/>
      <c r="F26216" s="132" t="s">
        <v>14391</v>
      </c>
      <c r="G26216" s="132" t="s">
        <v>14392</v>
      </c>
      <c r="H26216" s="132" t="s">
        <v>14370</v>
      </c>
      <c r="I26216" s="132" t="s">
        <v>14392</v>
      </c>
      <c r="J26216" s="1183"/>
      <c r="K26216" s="389"/>
      <c r="L26216" s="1183"/>
    </row>
    <row r="26217" spans="1:12">
      <c r="A26217" s="388"/>
      <c r="B26217" s="1180"/>
      <c r="C26217" s="1180"/>
      <c r="D26217" s="1180"/>
      <c r="E26217" s="1180"/>
      <c r="F26217" s="132" t="s">
        <v>14371</v>
      </c>
      <c r="G26217" s="132" t="s">
        <v>14372</v>
      </c>
      <c r="H26217" s="132" t="s">
        <v>14332</v>
      </c>
      <c r="I26217" s="132" t="s">
        <v>14373</v>
      </c>
      <c r="J26217" s="1183"/>
      <c r="K26217" s="389"/>
      <c r="L26217" s="1183"/>
    </row>
    <row r="26218" spans="1:12" ht="29.25" thickBot="1">
      <c r="A26218" s="388"/>
      <c r="B26218" s="1181"/>
      <c r="C26218" s="1181"/>
      <c r="D26218" s="1181"/>
      <c r="E26218" s="1181"/>
      <c r="F26218" s="133" t="s">
        <v>14374</v>
      </c>
      <c r="G26218" s="133" t="s">
        <v>14373</v>
      </c>
      <c r="H26218" s="390"/>
      <c r="I26218" s="390"/>
      <c r="J26218" s="1184"/>
      <c r="K26218" s="390"/>
      <c r="L26218" s="1184"/>
    </row>
    <row r="26219" spans="1:12">
      <c r="A26219" s="388"/>
      <c r="B26219" s="1179" t="s">
        <v>33962</v>
      </c>
      <c r="C26219" s="1179" t="s">
        <v>33963</v>
      </c>
      <c r="D26219" s="1179" t="s">
        <v>24219</v>
      </c>
      <c r="E26219" s="1179" t="s">
        <v>24220</v>
      </c>
      <c r="F26219" s="131" t="s">
        <v>14424</v>
      </c>
      <c r="G26219" s="131" t="s">
        <v>16046</v>
      </c>
      <c r="H26219" s="131" t="s">
        <v>14381</v>
      </c>
      <c r="I26219" s="131" t="s">
        <v>16046</v>
      </c>
      <c r="J26219" s="1182"/>
      <c r="K26219" s="1182"/>
      <c r="L26219" s="1182"/>
    </row>
    <row r="26220" spans="1:12" ht="28.5">
      <c r="A26220" s="388"/>
      <c r="B26220" s="1180"/>
      <c r="C26220" s="1180"/>
      <c r="D26220" s="1180"/>
      <c r="E26220" s="1180"/>
      <c r="F26220" s="132" t="s">
        <v>14394</v>
      </c>
      <c r="G26220" s="132" t="s">
        <v>14395</v>
      </c>
      <c r="H26220" s="132" t="s">
        <v>14370</v>
      </c>
      <c r="I26220" s="132" t="s">
        <v>31197</v>
      </c>
      <c r="J26220" s="1183"/>
      <c r="K26220" s="1183"/>
      <c r="L26220" s="1183"/>
    </row>
    <row r="26221" spans="1:12" ht="16.5" thickBot="1">
      <c r="A26221" s="388"/>
      <c r="B26221" s="1181"/>
      <c r="C26221" s="1181"/>
      <c r="D26221" s="1181"/>
      <c r="E26221" s="1181"/>
      <c r="F26221" s="390"/>
      <c r="G26221" s="390"/>
      <c r="H26221" s="133" t="s">
        <v>14332</v>
      </c>
      <c r="I26221" s="390"/>
      <c r="J26221" s="1184"/>
      <c r="K26221" s="1184"/>
      <c r="L26221" s="1184"/>
    </row>
    <row r="26222" spans="1:12">
      <c r="A26222" s="388"/>
      <c r="B26222" s="1179" t="s">
        <v>33964</v>
      </c>
      <c r="C26222" s="1179" t="s">
        <v>24245</v>
      </c>
      <c r="D26222" s="1179" t="s">
        <v>24246</v>
      </c>
      <c r="E26222" s="1179" t="s">
        <v>24247</v>
      </c>
      <c r="F26222" s="131" t="s">
        <v>14424</v>
      </c>
      <c r="G26222" s="131" t="s">
        <v>14425</v>
      </c>
      <c r="H26222" s="131" t="s">
        <v>14381</v>
      </c>
      <c r="I26222" s="131" t="s">
        <v>14425</v>
      </c>
      <c r="J26222" s="1182"/>
      <c r="K26222" s="1208" t="s">
        <v>33965</v>
      </c>
      <c r="L26222" s="1182"/>
    </row>
    <row r="26223" spans="1:12">
      <c r="A26223" s="388"/>
      <c r="B26223" s="1180"/>
      <c r="C26223" s="1180"/>
      <c r="D26223" s="1180"/>
      <c r="E26223" s="1180"/>
      <c r="F26223" s="132" t="s">
        <v>15089</v>
      </c>
      <c r="G26223" s="132" t="s">
        <v>14429</v>
      </c>
      <c r="H26223" s="132" t="s">
        <v>14367</v>
      </c>
      <c r="I26223" s="132" t="s">
        <v>14429</v>
      </c>
      <c r="J26223" s="1183"/>
      <c r="K26223" s="1209"/>
      <c r="L26223" s="1183"/>
    </row>
    <row r="26224" spans="1:12" ht="16.5" thickBot="1">
      <c r="A26224" s="388"/>
      <c r="B26224" s="1181"/>
      <c r="C26224" s="1181"/>
      <c r="D26224" s="1181"/>
      <c r="E26224" s="1181"/>
      <c r="F26224" s="133" t="s">
        <v>14386</v>
      </c>
      <c r="G26224" s="133" t="s">
        <v>14387</v>
      </c>
      <c r="H26224" s="133" t="s">
        <v>14332</v>
      </c>
      <c r="I26224" s="133" t="s">
        <v>14387</v>
      </c>
      <c r="J26224" s="1184"/>
      <c r="K26224" s="1210"/>
      <c r="L26224" s="1184"/>
    </row>
    <row r="26225" spans="1:12">
      <c r="A26225" s="388"/>
      <c r="B26225" s="1179" t="s">
        <v>33966</v>
      </c>
      <c r="C26225" s="131" t="s">
        <v>24401</v>
      </c>
      <c r="D26225" s="1179" t="s">
        <v>77</v>
      </c>
      <c r="E26225" s="1179" t="s">
        <v>13221</v>
      </c>
      <c r="F26225" s="131" t="s">
        <v>14507</v>
      </c>
      <c r="G26225" s="131" t="s">
        <v>16971</v>
      </c>
      <c r="H26225" s="131" t="s">
        <v>14381</v>
      </c>
      <c r="I26225" s="131" t="s">
        <v>16971</v>
      </c>
      <c r="J26225" s="1182"/>
      <c r="K26225" s="131" t="s">
        <v>22182</v>
      </c>
      <c r="L26225" s="1182"/>
    </row>
    <row r="26226" spans="1:12" ht="28.5">
      <c r="A26226" s="388"/>
      <c r="B26226" s="1180"/>
      <c r="C26226" s="135" t="s">
        <v>33967</v>
      </c>
      <c r="D26226" s="1180"/>
      <c r="E26226" s="1180"/>
      <c r="F26226" s="132" t="s">
        <v>14371</v>
      </c>
      <c r="G26226" s="132" t="s">
        <v>14372</v>
      </c>
      <c r="H26226" s="132" t="s">
        <v>14370</v>
      </c>
      <c r="I26226" s="132" t="s">
        <v>14373</v>
      </c>
      <c r="J26226" s="1183"/>
      <c r="K26226" s="132" t="s">
        <v>33824</v>
      </c>
      <c r="L26226" s="1183"/>
    </row>
    <row r="26227" spans="1:12" ht="29.25" thickBot="1">
      <c r="A26227" s="388"/>
      <c r="B26227" s="1181"/>
      <c r="C26227" s="390"/>
      <c r="D26227" s="1181"/>
      <c r="E26227" s="1181"/>
      <c r="F26227" s="133" t="s">
        <v>14374</v>
      </c>
      <c r="G26227" s="133" t="s">
        <v>14373</v>
      </c>
      <c r="H26227" s="133" t="s">
        <v>14422</v>
      </c>
      <c r="I26227" s="390"/>
      <c r="J26227" s="1184"/>
      <c r="K26227" s="390"/>
      <c r="L26227" s="1184"/>
    </row>
    <row r="26228" spans="1:12">
      <c r="A26228" s="388"/>
      <c r="B26228" s="1179" t="s">
        <v>33968</v>
      </c>
      <c r="C26228" s="131" t="s">
        <v>24533</v>
      </c>
      <c r="D26228" s="1179" t="s">
        <v>77</v>
      </c>
      <c r="E26228" s="1179" t="s">
        <v>24534</v>
      </c>
      <c r="F26228" s="131" t="s">
        <v>14507</v>
      </c>
      <c r="G26228" s="131" t="s">
        <v>16971</v>
      </c>
      <c r="H26228" s="131" t="s">
        <v>14381</v>
      </c>
      <c r="I26228" s="131" t="s">
        <v>16971</v>
      </c>
      <c r="J26228" s="1182"/>
      <c r="K26228" s="131" t="s">
        <v>14655</v>
      </c>
      <c r="L26228" s="1182"/>
    </row>
    <row r="26229" spans="1:12" ht="28.5">
      <c r="A26229" s="388"/>
      <c r="B26229" s="1180"/>
      <c r="C26229" s="132" t="s">
        <v>33969</v>
      </c>
      <c r="D26229" s="1180"/>
      <c r="E26229" s="1180"/>
      <c r="F26229" s="132" t="s">
        <v>14371</v>
      </c>
      <c r="G26229" s="132" t="s">
        <v>14372</v>
      </c>
      <c r="H26229" s="132" t="s">
        <v>14370</v>
      </c>
      <c r="I26229" s="132" t="s">
        <v>14373</v>
      </c>
      <c r="J26229" s="1183"/>
      <c r="K26229" s="132" t="s">
        <v>33878</v>
      </c>
      <c r="L26229" s="1183"/>
    </row>
    <row r="26230" spans="1:12" ht="29.25" thickBot="1">
      <c r="A26230" s="388"/>
      <c r="B26230" s="1181"/>
      <c r="C26230" s="390"/>
      <c r="D26230" s="1181"/>
      <c r="E26230" s="1181"/>
      <c r="F26230" s="133" t="s">
        <v>14374</v>
      </c>
      <c r="G26230" s="133" t="s">
        <v>14373</v>
      </c>
      <c r="H26230" s="133" t="s">
        <v>14422</v>
      </c>
      <c r="I26230" s="390"/>
      <c r="J26230" s="1184"/>
      <c r="K26230" s="390"/>
      <c r="L26230" s="1184"/>
    </row>
    <row r="26231" spans="1:12" ht="42.75">
      <c r="A26231" s="388"/>
      <c r="B26231" s="1179" t="s">
        <v>33970</v>
      </c>
      <c r="C26231" s="131" t="s">
        <v>24725</v>
      </c>
      <c r="D26231" s="1179" t="s">
        <v>24726</v>
      </c>
      <c r="E26231" s="1179" t="s">
        <v>1994</v>
      </c>
      <c r="F26231" s="131" t="s">
        <v>14507</v>
      </c>
      <c r="G26231" s="131" t="s">
        <v>14508</v>
      </c>
      <c r="H26231" s="131" t="s">
        <v>14367</v>
      </c>
      <c r="I26231" s="131" t="s">
        <v>14508</v>
      </c>
      <c r="J26231" s="1182"/>
      <c r="K26231" s="131" t="s">
        <v>33971</v>
      </c>
      <c r="L26231" s="1182"/>
    </row>
    <row r="26232" spans="1:12" ht="28.5">
      <c r="A26232" s="388"/>
      <c r="B26232" s="1180"/>
      <c r="C26232" s="132" t="s">
        <v>33972</v>
      </c>
      <c r="D26232" s="1180"/>
      <c r="E26232" s="1180"/>
      <c r="F26232" s="132" t="s">
        <v>15089</v>
      </c>
      <c r="G26232" s="132" t="s">
        <v>14429</v>
      </c>
      <c r="H26232" s="132" t="s">
        <v>14381</v>
      </c>
      <c r="I26232" s="132" t="s">
        <v>14429</v>
      </c>
      <c r="J26232" s="1183"/>
      <c r="K26232" s="132" t="s">
        <v>14655</v>
      </c>
      <c r="L26232" s="1183"/>
    </row>
    <row r="26233" spans="1:12">
      <c r="A26233" s="388"/>
      <c r="B26233" s="1180"/>
      <c r="C26233" s="389"/>
      <c r="D26233" s="1180"/>
      <c r="E26233" s="1180"/>
      <c r="F26233" s="132" t="s">
        <v>14371</v>
      </c>
      <c r="G26233" s="132" t="s">
        <v>14372</v>
      </c>
      <c r="H26233" s="132" t="s">
        <v>14370</v>
      </c>
      <c r="I26233" s="132" t="s">
        <v>14373</v>
      </c>
      <c r="J26233" s="1183"/>
      <c r="K26233" s="132" t="s">
        <v>33878</v>
      </c>
      <c r="L26233" s="1183"/>
    </row>
    <row r="26234" spans="1:12" ht="29.25" thickBot="1">
      <c r="A26234" s="388"/>
      <c r="B26234" s="1181"/>
      <c r="C26234" s="390"/>
      <c r="D26234" s="1181"/>
      <c r="E26234" s="1181"/>
      <c r="F26234" s="133" t="s">
        <v>14374</v>
      </c>
      <c r="G26234" s="133" t="s">
        <v>14373</v>
      </c>
      <c r="H26234" s="133" t="s">
        <v>14422</v>
      </c>
      <c r="I26234" s="390"/>
      <c r="J26234" s="1184"/>
      <c r="K26234" s="390"/>
      <c r="L26234" s="1184"/>
    </row>
    <row r="26235" spans="1:12">
      <c r="A26235" s="388"/>
      <c r="B26235" s="1179" t="s">
        <v>33973</v>
      </c>
      <c r="C26235" s="131" t="s">
        <v>24771</v>
      </c>
      <c r="D26235" s="1179" t="s">
        <v>77</v>
      </c>
      <c r="E26235" s="1179" t="s">
        <v>33974</v>
      </c>
      <c r="F26235" s="131" t="s">
        <v>14507</v>
      </c>
      <c r="G26235" s="131" t="s">
        <v>16042</v>
      </c>
      <c r="H26235" s="131" t="s">
        <v>14381</v>
      </c>
      <c r="I26235" s="131" t="s">
        <v>16042</v>
      </c>
      <c r="J26235" s="1182"/>
      <c r="K26235" s="131" t="s">
        <v>19144</v>
      </c>
      <c r="L26235" s="1182"/>
    </row>
    <row r="26236" spans="1:12" ht="28.5">
      <c r="A26236" s="388"/>
      <c r="B26236" s="1180"/>
      <c r="C26236" s="132" t="s">
        <v>33975</v>
      </c>
      <c r="D26236" s="1180"/>
      <c r="E26236" s="1180"/>
      <c r="F26236" s="132" t="s">
        <v>16919</v>
      </c>
      <c r="G26236" s="132" t="s">
        <v>17203</v>
      </c>
      <c r="H26236" s="132" t="s">
        <v>14370</v>
      </c>
      <c r="I26236" s="132" t="s">
        <v>17203</v>
      </c>
      <c r="J26236" s="1183"/>
      <c r="K26236" s="132" t="s">
        <v>33746</v>
      </c>
      <c r="L26236" s="1183"/>
    </row>
    <row r="26237" spans="1:12">
      <c r="A26237" s="388"/>
      <c r="B26237" s="1180"/>
      <c r="C26237" s="389"/>
      <c r="D26237" s="1180"/>
      <c r="E26237" s="1180"/>
      <c r="F26237" s="132" t="s">
        <v>14371</v>
      </c>
      <c r="G26237" s="132" t="s">
        <v>14372</v>
      </c>
      <c r="H26237" s="132" t="s">
        <v>14422</v>
      </c>
      <c r="I26237" s="132" t="s">
        <v>14373</v>
      </c>
      <c r="J26237" s="1183"/>
      <c r="K26237" s="389"/>
      <c r="L26237" s="1183"/>
    </row>
    <row r="26238" spans="1:12" ht="29.25" thickBot="1">
      <c r="A26238" s="388"/>
      <c r="B26238" s="1181"/>
      <c r="C26238" s="390"/>
      <c r="D26238" s="1181"/>
      <c r="E26238" s="1181"/>
      <c r="F26238" s="133" t="s">
        <v>14374</v>
      </c>
      <c r="G26238" s="133" t="s">
        <v>14373</v>
      </c>
      <c r="H26238" s="390"/>
      <c r="I26238" s="390"/>
      <c r="J26238" s="1184"/>
      <c r="K26238" s="390"/>
      <c r="L26238" s="1184"/>
    </row>
    <row r="26239" spans="1:12">
      <c r="A26239" s="388"/>
      <c r="B26239" s="1179" t="s">
        <v>33976</v>
      </c>
      <c r="C26239" s="131" t="s">
        <v>25281</v>
      </c>
      <c r="D26239" s="1179" t="s">
        <v>77</v>
      </c>
      <c r="E26239" s="1179" t="s">
        <v>25282</v>
      </c>
      <c r="F26239" s="131" t="s">
        <v>14371</v>
      </c>
      <c r="G26239" s="131" t="s">
        <v>14372</v>
      </c>
      <c r="H26239" s="131" t="s">
        <v>14370</v>
      </c>
      <c r="I26239" s="1179" t="s">
        <v>14373</v>
      </c>
      <c r="J26239" s="1182"/>
      <c r="K26239" s="131" t="s">
        <v>22002</v>
      </c>
      <c r="L26239" s="1182"/>
    </row>
    <row r="26240" spans="1:12" ht="43.5" thickBot="1">
      <c r="A26240" s="388"/>
      <c r="B26240" s="1181"/>
      <c r="C26240" s="136" t="s">
        <v>33977</v>
      </c>
      <c r="D26240" s="1181"/>
      <c r="E26240" s="1181"/>
      <c r="F26240" s="133" t="s">
        <v>14374</v>
      </c>
      <c r="G26240" s="133" t="s">
        <v>14373</v>
      </c>
      <c r="H26240" s="133" t="s">
        <v>14422</v>
      </c>
      <c r="I26240" s="1181"/>
      <c r="J26240" s="1184"/>
      <c r="K26240" s="133" t="s">
        <v>33824</v>
      </c>
      <c r="L26240" s="1184"/>
    </row>
    <row r="26241" spans="1:12">
      <c r="A26241" s="388"/>
      <c r="B26241" s="1179" t="s">
        <v>33978</v>
      </c>
      <c r="C26241" s="1179" t="s">
        <v>33979</v>
      </c>
      <c r="D26241" s="1179" t="s">
        <v>25514</v>
      </c>
      <c r="E26241" s="1179" t="s">
        <v>25515</v>
      </c>
      <c r="F26241" s="131" t="s">
        <v>14371</v>
      </c>
      <c r="G26241" s="131" t="s">
        <v>14372</v>
      </c>
      <c r="H26241" s="131" t="s">
        <v>14370</v>
      </c>
      <c r="I26241" s="1179" t="s">
        <v>14373</v>
      </c>
      <c r="J26241" s="1182"/>
      <c r="K26241" s="131" t="s">
        <v>14655</v>
      </c>
      <c r="L26241" s="1182"/>
    </row>
    <row r="26242" spans="1:12" ht="29.25" thickBot="1">
      <c r="A26242" s="388"/>
      <c r="B26242" s="1181"/>
      <c r="C26242" s="1181"/>
      <c r="D26242" s="1181"/>
      <c r="E26242" s="1181"/>
      <c r="F26242" s="133" t="s">
        <v>14374</v>
      </c>
      <c r="G26242" s="133" t="s">
        <v>14373</v>
      </c>
      <c r="H26242" s="133" t="s">
        <v>14422</v>
      </c>
      <c r="I26242" s="1181"/>
      <c r="J26242" s="1184"/>
      <c r="K26242" s="133" t="s">
        <v>33878</v>
      </c>
      <c r="L26242" s="1184"/>
    </row>
    <row r="26243" spans="1:12">
      <c r="A26243" s="388"/>
      <c r="B26243" s="1179" t="s">
        <v>35391</v>
      </c>
      <c r="C26243" s="131" t="s">
        <v>25540</v>
      </c>
      <c r="D26243" s="1179" t="s">
        <v>25541</v>
      </c>
      <c r="E26243" s="1179" t="s">
        <v>25542</v>
      </c>
      <c r="F26243" s="131" t="s">
        <v>14507</v>
      </c>
      <c r="G26243" s="131" t="s">
        <v>16971</v>
      </c>
      <c r="H26243" s="131" t="s">
        <v>14381</v>
      </c>
      <c r="I26243" s="131" t="s">
        <v>16971</v>
      </c>
      <c r="J26243" s="1182"/>
      <c r="K26243" s="131" t="s">
        <v>14655</v>
      </c>
      <c r="L26243" s="1182"/>
    </row>
    <row r="26244" spans="1:12">
      <c r="A26244" s="388"/>
      <c r="B26244" s="1180"/>
      <c r="C26244" s="132" t="s">
        <v>25543</v>
      </c>
      <c r="D26244" s="1180"/>
      <c r="E26244" s="1180"/>
      <c r="F26244" s="132" t="s">
        <v>14371</v>
      </c>
      <c r="G26244" s="132" t="s">
        <v>14372</v>
      </c>
      <c r="H26244" s="132" t="s">
        <v>14370</v>
      </c>
      <c r="I26244" s="132" t="s">
        <v>14373</v>
      </c>
      <c r="J26244" s="1183"/>
      <c r="K26244" s="132" t="s">
        <v>33878</v>
      </c>
      <c r="L26244" s="1183"/>
    </row>
    <row r="26245" spans="1:12" ht="29.25" thickBot="1">
      <c r="A26245" s="388"/>
      <c r="B26245" s="1181"/>
      <c r="C26245" s="390"/>
      <c r="D26245" s="1181"/>
      <c r="E26245" s="1181"/>
      <c r="F26245" s="133" t="s">
        <v>14374</v>
      </c>
      <c r="G26245" s="133" t="s">
        <v>14373</v>
      </c>
      <c r="H26245" s="133" t="s">
        <v>14422</v>
      </c>
      <c r="I26245" s="390"/>
      <c r="J26245" s="1184"/>
      <c r="K26245" s="390"/>
      <c r="L26245" s="1184"/>
    </row>
    <row r="26246" spans="1:12">
      <c r="A26246" s="391"/>
      <c r="C26246" s="233"/>
      <c r="D26246" s="233"/>
      <c r="E26246" s="233"/>
      <c r="F26246" s="233"/>
      <c r="G26246" s="233"/>
      <c r="H26246" s="233"/>
      <c r="I26246" s="233"/>
      <c r="J26246" s="233"/>
      <c r="K26246" s="233"/>
      <c r="L26246" s="233"/>
    </row>
    <row r="26247" spans="1:12">
      <c r="B26247" s="392" t="s">
        <v>33980</v>
      </c>
    </row>
    <row r="26250" spans="1:12" ht="31.5" customHeight="1">
      <c r="A26250" s="70" t="s">
        <v>31431</v>
      </c>
      <c r="B26250" s="1177" t="s">
        <v>28444</v>
      </c>
      <c r="C26250" s="1177"/>
      <c r="D26250" s="1177"/>
    </row>
    <row r="26251" spans="1:12" s="68" customFormat="1">
      <c r="B26251" s="1177" t="s">
        <v>28445</v>
      </c>
      <c r="C26251" s="1177"/>
      <c r="D26251" s="1177"/>
    </row>
    <row r="26252" spans="1:12" s="68" customFormat="1">
      <c r="B26252" s="1177" t="s">
        <v>28446</v>
      </c>
      <c r="C26252" s="1177"/>
      <c r="D26252" s="1177"/>
    </row>
    <row r="26253" spans="1:12" s="68" customFormat="1" ht="14.25"/>
    <row r="26254" spans="1:12" s="68" customFormat="1" ht="14.25">
      <c r="B26254" s="393" t="s">
        <v>28447</v>
      </c>
    </row>
    <row r="26255" spans="1:12" s="68" customFormat="1" ht="14.25">
      <c r="B26255" s="68" t="s">
        <v>28448</v>
      </c>
    </row>
    <row r="26256" spans="1:12" s="68" customFormat="1" ht="14.25">
      <c r="B26256" s="68" t="s">
        <v>28449</v>
      </c>
    </row>
    <row r="26257" spans="2:2" s="68" customFormat="1" ht="14.25">
      <c r="B26257" s="68" t="s">
        <v>28450</v>
      </c>
    </row>
    <row r="26258" spans="2:2" s="68" customFormat="1" ht="14.25">
      <c r="B26258" s="68" t="s">
        <v>28451</v>
      </c>
    </row>
  </sheetData>
  <autoFilter ref="B210:L210"/>
  <mergeCells count="795">
    <mergeCell ref="B26252:D26252"/>
    <mergeCell ref="B26251:D26251"/>
    <mergeCell ref="B26250:D26250"/>
    <mergeCell ref="B5:D5"/>
    <mergeCell ref="B6:D6"/>
    <mergeCell ref="B7:D7"/>
    <mergeCell ref="A4:A7"/>
    <mergeCell ref="B26241:B26242"/>
    <mergeCell ref="C26241:C26242"/>
    <mergeCell ref="D26241:D26242"/>
    <mergeCell ref="B26235:B26238"/>
    <mergeCell ref="D26235:D26238"/>
    <mergeCell ref="B26228:B26230"/>
    <mergeCell ref="D26228:D26230"/>
    <mergeCell ref="B26214:B26218"/>
    <mergeCell ref="C26214:C26218"/>
    <mergeCell ref="D26214:D26218"/>
    <mergeCell ref="B26207:B26210"/>
    <mergeCell ref="C26207:C26210"/>
    <mergeCell ref="D26207:D26210"/>
    <mergeCell ref="B26186:B26191"/>
    <mergeCell ref="D26186:D26191"/>
    <mergeCell ref="B26178:B26180"/>
    <mergeCell ref="C26178:C26180"/>
    <mergeCell ref="E26241:E26242"/>
    <mergeCell ref="I26241:I26242"/>
    <mergeCell ref="J26241:J26242"/>
    <mergeCell ref="L26241:L26242"/>
    <mergeCell ref="B26243:B26245"/>
    <mergeCell ref="D26243:D26245"/>
    <mergeCell ref="E26243:E26245"/>
    <mergeCell ref="J26243:J26245"/>
    <mergeCell ref="L26243:L26245"/>
    <mergeCell ref="E26235:E26238"/>
    <mergeCell ref="J26235:J26238"/>
    <mergeCell ref="L26235:L26238"/>
    <mergeCell ref="B26239:B26240"/>
    <mergeCell ref="D26239:D26240"/>
    <mergeCell ref="E26239:E26240"/>
    <mergeCell ref="I26239:I26240"/>
    <mergeCell ref="J26239:J26240"/>
    <mergeCell ref="L26239:L26240"/>
    <mergeCell ref="E26228:E26230"/>
    <mergeCell ref="J26228:J26230"/>
    <mergeCell ref="L26228:L26230"/>
    <mergeCell ref="B26231:B26234"/>
    <mergeCell ref="D26231:D26234"/>
    <mergeCell ref="E26231:E26234"/>
    <mergeCell ref="J26231:J26234"/>
    <mergeCell ref="L26231:L26234"/>
    <mergeCell ref="B26222:B26224"/>
    <mergeCell ref="C26222:C26224"/>
    <mergeCell ref="D26222:D26224"/>
    <mergeCell ref="E26222:E26224"/>
    <mergeCell ref="J26222:J26224"/>
    <mergeCell ref="K26222:K26224"/>
    <mergeCell ref="L26222:L26224"/>
    <mergeCell ref="B26225:B26227"/>
    <mergeCell ref="D26225:D26227"/>
    <mergeCell ref="E26225:E26227"/>
    <mergeCell ref="J26225:J26227"/>
    <mergeCell ref="L26225:L26227"/>
    <mergeCell ref="E26214:E26218"/>
    <mergeCell ref="J26214:J26218"/>
    <mergeCell ref="L26214:L26218"/>
    <mergeCell ref="B26219:B26221"/>
    <mergeCell ref="C26219:C26221"/>
    <mergeCell ref="D26219:D26221"/>
    <mergeCell ref="E26219:E26221"/>
    <mergeCell ref="J26219:J26221"/>
    <mergeCell ref="K26219:K26221"/>
    <mergeCell ref="L26219:L26221"/>
    <mergeCell ref="E26207:E26210"/>
    <mergeCell ref="J26207:J26210"/>
    <mergeCell ref="L26207:L26210"/>
    <mergeCell ref="B26211:B26213"/>
    <mergeCell ref="D26211:D26213"/>
    <mergeCell ref="E26211:E26213"/>
    <mergeCell ref="J26211:J26213"/>
    <mergeCell ref="L26211:L26213"/>
    <mergeCell ref="B26196:B26199"/>
    <mergeCell ref="D26196:D26199"/>
    <mergeCell ref="E26196:E26199"/>
    <mergeCell ref="J26196:J26199"/>
    <mergeCell ref="L26196:L26199"/>
    <mergeCell ref="B26200:B26206"/>
    <mergeCell ref="D26200:D26206"/>
    <mergeCell ref="E26200:E26206"/>
    <mergeCell ref="J26200:J26206"/>
    <mergeCell ref="L26200:L26206"/>
    <mergeCell ref="E26186:E26191"/>
    <mergeCell ref="J26186:J26191"/>
    <mergeCell ref="L26186:L26191"/>
    <mergeCell ref="B26192:B26195"/>
    <mergeCell ref="C26192:C26195"/>
    <mergeCell ref="D26192:D26195"/>
    <mergeCell ref="E26192:E26195"/>
    <mergeCell ref="J26192:J26195"/>
    <mergeCell ref="L26192:L26195"/>
    <mergeCell ref="D26178:D26180"/>
    <mergeCell ref="E26178:E26180"/>
    <mergeCell ref="J26178:J26180"/>
    <mergeCell ref="L26178:L26180"/>
    <mergeCell ref="B26181:B26185"/>
    <mergeCell ref="C26181:C26185"/>
    <mergeCell ref="D26181:D26185"/>
    <mergeCell ref="E26181:E26185"/>
    <mergeCell ref="J26181:J26185"/>
    <mergeCell ref="K26181:K26185"/>
    <mergeCell ref="L26181:L26185"/>
    <mergeCell ref="B26169:B26172"/>
    <mergeCell ref="C26169:C26172"/>
    <mergeCell ref="D26169:D26172"/>
    <mergeCell ref="E26169:E26172"/>
    <mergeCell ref="K26169:K26172"/>
    <mergeCell ref="L26169:L26172"/>
    <mergeCell ref="B26173:B26177"/>
    <mergeCell ref="C26173:C26177"/>
    <mergeCell ref="D26173:D26177"/>
    <mergeCell ref="E26173:E26177"/>
    <mergeCell ref="J26173:J26177"/>
    <mergeCell ref="L26173:L26177"/>
    <mergeCell ref="B26158:B26162"/>
    <mergeCell ref="J26158:J26162"/>
    <mergeCell ref="K26158:K26162"/>
    <mergeCell ref="L26158:L26162"/>
    <mergeCell ref="B26163:B26168"/>
    <mergeCell ref="D26163:D26168"/>
    <mergeCell ref="E26163:E26168"/>
    <mergeCell ref="J26163:J26168"/>
    <mergeCell ref="K26163:K26168"/>
    <mergeCell ref="L26163:L26168"/>
    <mergeCell ref="B26150:B26153"/>
    <mergeCell ref="D26150:D26153"/>
    <mergeCell ref="E26150:E26153"/>
    <mergeCell ref="J26150:J26153"/>
    <mergeCell ref="L26150:L26153"/>
    <mergeCell ref="B26154:B26157"/>
    <mergeCell ref="C26154:C26157"/>
    <mergeCell ref="D26154:D26157"/>
    <mergeCell ref="E26154:E26157"/>
    <mergeCell ref="J26154:J26157"/>
    <mergeCell ref="L26154:L26157"/>
    <mergeCell ref="B26140:B26144"/>
    <mergeCell ref="C26140:C26144"/>
    <mergeCell ref="D26140:D26144"/>
    <mergeCell ref="E26140:E26144"/>
    <mergeCell ref="J26140:J26144"/>
    <mergeCell ref="L26140:L26144"/>
    <mergeCell ref="B26145:B26149"/>
    <mergeCell ref="D26145:D26149"/>
    <mergeCell ref="E26145:E26149"/>
    <mergeCell ref="J26145:J26149"/>
    <mergeCell ref="L26145:L26149"/>
    <mergeCell ref="B26132:B26134"/>
    <mergeCell ref="J26132:J26134"/>
    <mergeCell ref="L26132:L26134"/>
    <mergeCell ref="B26135:B26139"/>
    <mergeCell ref="C26135:C26139"/>
    <mergeCell ref="D26135:D26139"/>
    <mergeCell ref="E26135:E26139"/>
    <mergeCell ref="J26135:J26139"/>
    <mergeCell ref="L26135:L26139"/>
    <mergeCell ref="B26126:B26127"/>
    <mergeCell ref="C26126:C26127"/>
    <mergeCell ref="D26126:D26127"/>
    <mergeCell ref="E26126:E26127"/>
    <mergeCell ref="I26126:I26127"/>
    <mergeCell ref="J26126:J26127"/>
    <mergeCell ref="L26126:L26127"/>
    <mergeCell ref="B26128:B26131"/>
    <mergeCell ref="C26128:C26131"/>
    <mergeCell ref="D26128:D26131"/>
    <mergeCell ref="E26128:E26131"/>
    <mergeCell ref="J26128:J26131"/>
    <mergeCell ref="L26128:L26131"/>
    <mergeCell ref="B26112:B26118"/>
    <mergeCell ref="J26112:J26118"/>
    <mergeCell ref="L26112:L26118"/>
    <mergeCell ref="B26119:B26123"/>
    <mergeCell ref="D26119:D26123"/>
    <mergeCell ref="E26119:E26123"/>
    <mergeCell ref="J26119:J26123"/>
    <mergeCell ref="L26119:L26123"/>
    <mergeCell ref="B26124:B26125"/>
    <mergeCell ref="C26124:C26125"/>
    <mergeCell ref="D26124:D26125"/>
    <mergeCell ref="E26124:E26125"/>
    <mergeCell ref="I26124:I26125"/>
    <mergeCell ref="J26124:J26125"/>
    <mergeCell ref="L26124:L26125"/>
    <mergeCell ref="B26103:B26108"/>
    <mergeCell ref="C26103:C26108"/>
    <mergeCell ref="D26103:D26108"/>
    <mergeCell ref="E26103:E26108"/>
    <mergeCell ref="J26103:J26108"/>
    <mergeCell ref="L26103:L26108"/>
    <mergeCell ref="B26109:B26111"/>
    <mergeCell ref="D26109:D26111"/>
    <mergeCell ref="E26109:E26111"/>
    <mergeCell ref="J26109:J26111"/>
    <mergeCell ref="L26109:L26111"/>
    <mergeCell ref="B26090:B26094"/>
    <mergeCell ref="F26090:F26094"/>
    <mergeCell ref="G26090:G26094"/>
    <mergeCell ref="I26090:I26094"/>
    <mergeCell ref="J26090:J26094"/>
    <mergeCell ref="K26090:K26094"/>
    <mergeCell ref="L26090:L26094"/>
    <mergeCell ref="B26097:B26102"/>
    <mergeCell ref="D26097:D26102"/>
    <mergeCell ref="E26097:E26102"/>
    <mergeCell ref="J26097:J26102"/>
    <mergeCell ref="L26097:L26102"/>
    <mergeCell ref="B26086:B26087"/>
    <mergeCell ref="F26086:F26087"/>
    <mergeCell ref="G26086:G26087"/>
    <mergeCell ref="I26086:I26087"/>
    <mergeCell ref="J26086:J26087"/>
    <mergeCell ref="K26086:K26087"/>
    <mergeCell ref="L26086:L26087"/>
    <mergeCell ref="B26088:B26089"/>
    <mergeCell ref="C26088:C26089"/>
    <mergeCell ref="D26088:D26089"/>
    <mergeCell ref="E26088:E26089"/>
    <mergeCell ref="F26088:F26089"/>
    <mergeCell ref="G26088:G26089"/>
    <mergeCell ref="I26088:I26089"/>
    <mergeCell ref="J26088:J26089"/>
    <mergeCell ref="K26088:K26089"/>
    <mergeCell ref="L26088:L26089"/>
    <mergeCell ref="B26083:L26083"/>
    <mergeCell ref="B26084:B26085"/>
    <mergeCell ref="C26084:C26085"/>
    <mergeCell ref="D26084:D26085"/>
    <mergeCell ref="E26084:E26085"/>
    <mergeCell ref="F26084:G26084"/>
    <mergeCell ref="H26084:J26084"/>
    <mergeCell ref="K26084:K26085"/>
    <mergeCell ref="L26084:L26085"/>
    <mergeCell ref="B26076:B26079"/>
    <mergeCell ref="C26076:C26079"/>
    <mergeCell ref="D26076:D26079"/>
    <mergeCell ref="E26076:E26079"/>
    <mergeCell ref="J26076:J26079"/>
    <mergeCell ref="L26076:L26079"/>
    <mergeCell ref="B26080:B26082"/>
    <mergeCell ref="C26080:C26082"/>
    <mergeCell ref="D26080:D26082"/>
    <mergeCell ref="E26080:E26082"/>
    <mergeCell ref="J26080:J26082"/>
    <mergeCell ref="K26080:K26082"/>
    <mergeCell ref="L26080:L26082"/>
    <mergeCell ref="B26061:B26064"/>
    <mergeCell ref="C26061:C26064"/>
    <mergeCell ref="D26061:D26064"/>
    <mergeCell ref="E26061:E26064"/>
    <mergeCell ref="J26061:J26064"/>
    <mergeCell ref="L26061:L26064"/>
    <mergeCell ref="B26065:B26075"/>
    <mergeCell ref="C26065:C26075"/>
    <mergeCell ref="D26065:D26075"/>
    <mergeCell ref="E26065:E26075"/>
    <mergeCell ref="J26065:J26075"/>
    <mergeCell ref="L26065:L26075"/>
    <mergeCell ref="B26049:B26055"/>
    <mergeCell ref="C26049:C26055"/>
    <mergeCell ref="D26049:D26055"/>
    <mergeCell ref="E26049:E26055"/>
    <mergeCell ref="J26049:J26055"/>
    <mergeCell ref="L26049:L26055"/>
    <mergeCell ref="B26056:B26060"/>
    <mergeCell ref="C26056:C26060"/>
    <mergeCell ref="D26056:D26060"/>
    <mergeCell ref="E26056:E26060"/>
    <mergeCell ref="J26056:J26060"/>
    <mergeCell ref="K26056:K26060"/>
    <mergeCell ref="L26056:L26060"/>
    <mergeCell ref="B26042:B26046"/>
    <mergeCell ref="D26042:D26046"/>
    <mergeCell ref="E26042:E26046"/>
    <mergeCell ref="J26042:J26046"/>
    <mergeCell ref="L26042:L26046"/>
    <mergeCell ref="B26047:B26048"/>
    <mergeCell ref="D26047:D26048"/>
    <mergeCell ref="E26047:E26048"/>
    <mergeCell ref="I26047:I26048"/>
    <mergeCell ref="J26047:J26048"/>
    <mergeCell ref="L26047:L26048"/>
    <mergeCell ref="B26035:B26038"/>
    <mergeCell ref="D26035:D26038"/>
    <mergeCell ref="E26035:E26038"/>
    <mergeCell ref="J26035:J26038"/>
    <mergeCell ref="K26035:K26038"/>
    <mergeCell ref="L26035:L26038"/>
    <mergeCell ref="B26040:B26041"/>
    <mergeCell ref="C26040:C26041"/>
    <mergeCell ref="D26040:D26041"/>
    <mergeCell ref="E26040:E26041"/>
    <mergeCell ref="F26040:F26041"/>
    <mergeCell ref="G26040:G26041"/>
    <mergeCell ref="I26040:I26041"/>
    <mergeCell ref="J26040:J26041"/>
    <mergeCell ref="K26040:K26041"/>
    <mergeCell ref="L26040:L26041"/>
    <mergeCell ref="B26030:B26031"/>
    <mergeCell ref="C26030:C26031"/>
    <mergeCell ref="D26030:D26031"/>
    <mergeCell ref="E26030:E26031"/>
    <mergeCell ref="J26030:J26031"/>
    <mergeCell ref="K26030:K26031"/>
    <mergeCell ref="L26030:L26031"/>
    <mergeCell ref="B26032:B26034"/>
    <mergeCell ref="D26032:D26034"/>
    <mergeCell ref="E26032:E26034"/>
    <mergeCell ref="J26032:J26034"/>
    <mergeCell ref="L26032:L26034"/>
    <mergeCell ref="B26024:B26025"/>
    <mergeCell ref="D26024:D26025"/>
    <mergeCell ref="E26024:E26025"/>
    <mergeCell ref="I26024:I26025"/>
    <mergeCell ref="J26024:J26025"/>
    <mergeCell ref="L26024:L26025"/>
    <mergeCell ref="B26026:B26029"/>
    <mergeCell ref="C26026:C26029"/>
    <mergeCell ref="D26026:D26029"/>
    <mergeCell ref="E26026:E26029"/>
    <mergeCell ref="J26026:J26029"/>
    <mergeCell ref="K26026:K26029"/>
    <mergeCell ref="L26026:L26029"/>
    <mergeCell ref="B26013:B26015"/>
    <mergeCell ref="C26013:C26015"/>
    <mergeCell ref="D26013:D26015"/>
    <mergeCell ref="E26013:E26015"/>
    <mergeCell ref="J26013:J26015"/>
    <mergeCell ref="K26013:K26015"/>
    <mergeCell ref="L26013:L26015"/>
    <mergeCell ref="B26016:B26023"/>
    <mergeCell ref="C26016:C26023"/>
    <mergeCell ref="D26016:D26023"/>
    <mergeCell ref="E26016:E26023"/>
    <mergeCell ref="J26016:J26023"/>
    <mergeCell ref="L26016:L26023"/>
    <mergeCell ref="B26011:B26012"/>
    <mergeCell ref="D26011:D26012"/>
    <mergeCell ref="E26011:E26012"/>
    <mergeCell ref="F26011:F26012"/>
    <mergeCell ref="G26011:G26012"/>
    <mergeCell ref="I26011:I26012"/>
    <mergeCell ref="J26011:J26012"/>
    <mergeCell ref="K26011:K26012"/>
    <mergeCell ref="L26011:L26012"/>
    <mergeCell ref="B26004:B26008"/>
    <mergeCell ref="D26004:D26008"/>
    <mergeCell ref="E26004:E26008"/>
    <mergeCell ref="J26004:J26008"/>
    <mergeCell ref="K26004:K26008"/>
    <mergeCell ref="L26004:L26008"/>
    <mergeCell ref="B26009:B26010"/>
    <mergeCell ref="C26009:C26010"/>
    <mergeCell ref="D26009:D26010"/>
    <mergeCell ref="E26009:E26010"/>
    <mergeCell ref="F26009:F26010"/>
    <mergeCell ref="G26009:G26010"/>
    <mergeCell ref="I26009:I26010"/>
    <mergeCell ref="J26009:J26010"/>
    <mergeCell ref="K26009:K26010"/>
    <mergeCell ref="L26009:L26010"/>
    <mergeCell ref="B25994:B25998"/>
    <mergeCell ref="C25994:C25998"/>
    <mergeCell ref="D25994:D25998"/>
    <mergeCell ref="E25994:E25998"/>
    <mergeCell ref="J25994:J25998"/>
    <mergeCell ref="L25994:L25998"/>
    <mergeCell ref="B25999:B26003"/>
    <mergeCell ref="D25999:D26003"/>
    <mergeCell ref="E25999:E26003"/>
    <mergeCell ref="J25999:J26003"/>
    <mergeCell ref="K25999:K26003"/>
    <mergeCell ref="L25999:L26003"/>
    <mergeCell ref="B25978:D25978"/>
    <mergeCell ref="B25991:L25991"/>
    <mergeCell ref="B25992:B25993"/>
    <mergeCell ref="C25992:C25993"/>
    <mergeCell ref="D25992:D25993"/>
    <mergeCell ref="E25992:E25993"/>
    <mergeCell ref="F25992:G25992"/>
    <mergeCell ref="H25992:J25992"/>
    <mergeCell ref="K25992:K25993"/>
    <mergeCell ref="L25992:L25993"/>
    <mergeCell ref="B25714:D25714"/>
    <mergeCell ref="B25713:D25713"/>
    <mergeCell ref="B25712:D25712"/>
    <mergeCell ref="B25566:D25566"/>
    <mergeCell ref="B25567:D25567"/>
    <mergeCell ref="B25568:D25568"/>
    <mergeCell ref="B25975:D25975"/>
    <mergeCell ref="B25976:D25976"/>
    <mergeCell ref="B25977:D25977"/>
    <mergeCell ref="B25760:B25761"/>
    <mergeCell ref="D25760:D25761"/>
    <mergeCell ref="B25762:B25765"/>
    <mergeCell ref="D25762:D25765"/>
    <mergeCell ref="B25768:B25773"/>
    <mergeCell ref="D25768:D25773"/>
    <mergeCell ref="B25790:B25791"/>
    <mergeCell ref="D25790:D25791"/>
    <mergeCell ref="B25823:B25825"/>
    <mergeCell ref="D25823:D25825"/>
    <mergeCell ref="B25828:B25834"/>
    <mergeCell ref="C25828:C25834"/>
    <mergeCell ref="D25828:D25834"/>
    <mergeCell ref="B25870:L25870"/>
    <mergeCell ref="B25871:B25872"/>
    <mergeCell ref="A1:D1"/>
    <mergeCell ref="B2:D2"/>
    <mergeCell ref="B3:D3"/>
    <mergeCell ref="B4:D4"/>
    <mergeCell ref="A8:D8"/>
    <mergeCell ref="B25728:L25728"/>
    <mergeCell ref="K25729:K25730"/>
    <mergeCell ref="L25729:L25730"/>
    <mergeCell ref="B25731:B25734"/>
    <mergeCell ref="C25731:C25734"/>
    <mergeCell ref="D25731:D25734"/>
    <mergeCell ref="E25731:E25734"/>
    <mergeCell ref="J25731:J25734"/>
    <mergeCell ref="L25731:L25734"/>
    <mergeCell ref="B25729:B25730"/>
    <mergeCell ref="C25729:C25730"/>
    <mergeCell ref="D25729:D25730"/>
    <mergeCell ref="E25729:E25730"/>
    <mergeCell ref="F25729:G25729"/>
    <mergeCell ref="H25729:J25729"/>
    <mergeCell ref="B10:D10"/>
    <mergeCell ref="B11:D11"/>
    <mergeCell ref="B12:D12"/>
    <mergeCell ref="B42:D42"/>
    <mergeCell ref="J25735:J25736"/>
    <mergeCell ref="K25735:K25736"/>
    <mergeCell ref="L25735:L25736"/>
    <mergeCell ref="B25737:B25738"/>
    <mergeCell ref="C25737:C25738"/>
    <mergeCell ref="D25737:D25738"/>
    <mergeCell ref="E25737:E25738"/>
    <mergeCell ref="F25737:F25738"/>
    <mergeCell ref="G25737:G25738"/>
    <mergeCell ref="I25737:I25738"/>
    <mergeCell ref="B25735:B25736"/>
    <mergeCell ref="C25735:C25736"/>
    <mergeCell ref="D25735:D25736"/>
    <mergeCell ref="F25735:F25736"/>
    <mergeCell ref="G25735:G25736"/>
    <mergeCell ref="I25735:I25736"/>
    <mergeCell ref="K25739:K25740"/>
    <mergeCell ref="L25739:L25740"/>
    <mergeCell ref="B25741:B25749"/>
    <mergeCell ref="C25741:C25749"/>
    <mergeCell ref="D25741:D25749"/>
    <mergeCell ref="E25741:E25749"/>
    <mergeCell ref="J25741:J25749"/>
    <mergeCell ref="L25741:L25749"/>
    <mergeCell ref="J25737:J25738"/>
    <mergeCell ref="K25737:K25738"/>
    <mergeCell ref="L25737:L25738"/>
    <mergeCell ref="B25739:B25740"/>
    <mergeCell ref="D25739:D25740"/>
    <mergeCell ref="E25739:E25740"/>
    <mergeCell ref="F25739:F25740"/>
    <mergeCell ref="G25739:G25740"/>
    <mergeCell ref="I25739:I25740"/>
    <mergeCell ref="J25739:J25740"/>
    <mergeCell ref="I25750:I25751"/>
    <mergeCell ref="J25750:J25751"/>
    <mergeCell ref="K25750:K25751"/>
    <mergeCell ref="L25750:L25751"/>
    <mergeCell ref="B25752:B25757"/>
    <mergeCell ref="D25752:D25757"/>
    <mergeCell ref="J25752:J25757"/>
    <mergeCell ref="L25752:L25757"/>
    <mergeCell ref="B25750:B25751"/>
    <mergeCell ref="D25750:D25751"/>
    <mergeCell ref="E25750:E25751"/>
    <mergeCell ref="F25750:F25751"/>
    <mergeCell ref="G25750:G25751"/>
    <mergeCell ref="H25750:H25751"/>
    <mergeCell ref="E25760:E25761"/>
    <mergeCell ref="J25760:J25761"/>
    <mergeCell ref="K25760:K25761"/>
    <mergeCell ref="L25760:L25761"/>
    <mergeCell ref="B25758:B25759"/>
    <mergeCell ref="D25758:D25759"/>
    <mergeCell ref="E25758:E25759"/>
    <mergeCell ref="J25758:J25759"/>
    <mergeCell ref="K25758:K25759"/>
    <mergeCell ref="L25758:L25759"/>
    <mergeCell ref="J25762:J25765"/>
    <mergeCell ref="L25762:L25765"/>
    <mergeCell ref="B25766:B25767"/>
    <mergeCell ref="C25766:C25767"/>
    <mergeCell ref="D25766:D25767"/>
    <mergeCell ref="E25766:E25767"/>
    <mergeCell ref="F25766:F25767"/>
    <mergeCell ref="G25766:G25767"/>
    <mergeCell ref="I25766:I25767"/>
    <mergeCell ref="J25766:J25767"/>
    <mergeCell ref="K25766:K25767"/>
    <mergeCell ref="L25766:L25767"/>
    <mergeCell ref="E25768:E25773"/>
    <mergeCell ref="J25768:J25773"/>
    <mergeCell ref="L25768:L25773"/>
    <mergeCell ref="L25774:L25775"/>
    <mergeCell ref="B25776:B25777"/>
    <mergeCell ref="D25776:D25777"/>
    <mergeCell ref="E25776:E25777"/>
    <mergeCell ref="F25776:F25777"/>
    <mergeCell ref="G25776:G25777"/>
    <mergeCell ref="I25776:I25777"/>
    <mergeCell ref="J25776:J25777"/>
    <mergeCell ref="K25776:K25777"/>
    <mergeCell ref="L25776:L25777"/>
    <mergeCell ref="B25774:B25775"/>
    <mergeCell ref="C25774:C25775"/>
    <mergeCell ref="D25774:D25775"/>
    <mergeCell ref="E25774:E25775"/>
    <mergeCell ref="J25774:J25775"/>
    <mergeCell ref="K25774:K25775"/>
    <mergeCell ref="I25778:I25779"/>
    <mergeCell ref="J25778:J25779"/>
    <mergeCell ref="K25778:K25779"/>
    <mergeCell ref="L25778:L25779"/>
    <mergeCell ref="B25780:B25783"/>
    <mergeCell ref="D25780:D25783"/>
    <mergeCell ref="E25780:E25783"/>
    <mergeCell ref="J25780:J25783"/>
    <mergeCell ref="L25780:L25783"/>
    <mergeCell ref="B25778:B25779"/>
    <mergeCell ref="C25778:C25779"/>
    <mergeCell ref="D25778:D25779"/>
    <mergeCell ref="E25778:E25779"/>
    <mergeCell ref="F25778:F25779"/>
    <mergeCell ref="G25778:G25779"/>
    <mergeCell ref="E25790:E25791"/>
    <mergeCell ref="I25790:I25791"/>
    <mergeCell ref="J25790:J25791"/>
    <mergeCell ref="L25790:L25791"/>
    <mergeCell ref="I25784:I25785"/>
    <mergeCell ref="J25784:J25785"/>
    <mergeCell ref="K25784:K25785"/>
    <mergeCell ref="L25784:L25785"/>
    <mergeCell ref="B25786:B25789"/>
    <mergeCell ref="C25786:C25789"/>
    <mergeCell ref="D25786:D25789"/>
    <mergeCell ref="E25786:E25789"/>
    <mergeCell ref="J25786:J25789"/>
    <mergeCell ref="L25786:L25789"/>
    <mergeCell ref="B25784:B25785"/>
    <mergeCell ref="C25784:C25785"/>
    <mergeCell ref="D25784:D25785"/>
    <mergeCell ref="E25784:E25785"/>
    <mergeCell ref="F25784:F25785"/>
    <mergeCell ref="G25784:G25785"/>
    <mergeCell ref="L25792:L25793"/>
    <mergeCell ref="B25794:B25801"/>
    <mergeCell ref="C25794:C25801"/>
    <mergeCell ref="D25794:D25801"/>
    <mergeCell ref="E25794:E25801"/>
    <mergeCell ref="J25794:J25801"/>
    <mergeCell ref="L25794:L25801"/>
    <mergeCell ref="B25792:B25793"/>
    <mergeCell ref="D25792:D25793"/>
    <mergeCell ref="E25792:E25793"/>
    <mergeCell ref="I25792:I25793"/>
    <mergeCell ref="J25792:J25793"/>
    <mergeCell ref="K25792:K25793"/>
    <mergeCell ref="L25813:L25818"/>
    <mergeCell ref="B25819:B25822"/>
    <mergeCell ref="D25819:D25822"/>
    <mergeCell ref="E25819:E25822"/>
    <mergeCell ref="J25819:J25822"/>
    <mergeCell ref="L25819:L25822"/>
    <mergeCell ref="L25802:L25804"/>
    <mergeCell ref="B25805:B25812"/>
    <mergeCell ref="D25805:D25812"/>
    <mergeCell ref="E25805:E25812"/>
    <mergeCell ref="J25805:J25812"/>
    <mergeCell ref="B25813:B25818"/>
    <mergeCell ref="D25813:D25818"/>
    <mergeCell ref="E25813:E25818"/>
    <mergeCell ref="J25813:J25818"/>
    <mergeCell ref="K25813:K25818"/>
    <mergeCell ref="B25802:B25804"/>
    <mergeCell ref="C25802:C25804"/>
    <mergeCell ref="D25802:D25804"/>
    <mergeCell ref="E25802:E25804"/>
    <mergeCell ref="J25802:J25804"/>
    <mergeCell ref="K25802:K25804"/>
    <mergeCell ref="E25823:E25825"/>
    <mergeCell ref="J25823:J25825"/>
    <mergeCell ref="L25823:L25825"/>
    <mergeCell ref="B25826:B25827"/>
    <mergeCell ref="D25826:D25827"/>
    <mergeCell ref="E25826:E25827"/>
    <mergeCell ref="F25826:F25827"/>
    <mergeCell ref="G25826:G25827"/>
    <mergeCell ref="I25826:I25827"/>
    <mergeCell ref="J25826:J25827"/>
    <mergeCell ref="K25826:K25827"/>
    <mergeCell ref="L25826:L25827"/>
    <mergeCell ref="E25828:E25834"/>
    <mergeCell ref="J25828:J25834"/>
    <mergeCell ref="L25828:L25834"/>
    <mergeCell ref="L25840:L25846"/>
    <mergeCell ref="B25847:B25853"/>
    <mergeCell ref="D25847:D25853"/>
    <mergeCell ref="E25847:E25853"/>
    <mergeCell ref="J25847:J25853"/>
    <mergeCell ref="L25847:L25853"/>
    <mergeCell ref="B25835:B25839"/>
    <mergeCell ref="D25835:D25839"/>
    <mergeCell ref="E25835:E25839"/>
    <mergeCell ref="J25835:J25839"/>
    <mergeCell ref="L25835:L25839"/>
    <mergeCell ref="B25840:B25846"/>
    <mergeCell ref="C25840:C25846"/>
    <mergeCell ref="D25840:D25846"/>
    <mergeCell ref="E25840:E25846"/>
    <mergeCell ref="J25840:J25846"/>
    <mergeCell ref="K25857:K25859"/>
    <mergeCell ref="L25857:L25859"/>
    <mergeCell ref="B25860:B25862"/>
    <mergeCell ref="D25860:D25862"/>
    <mergeCell ref="E25860:E25862"/>
    <mergeCell ref="J25860:J25862"/>
    <mergeCell ref="L25860:L25862"/>
    <mergeCell ref="B25854:B25856"/>
    <mergeCell ref="D25854:D25856"/>
    <mergeCell ref="E25854:E25856"/>
    <mergeCell ref="J25854:J25856"/>
    <mergeCell ref="L25854:L25856"/>
    <mergeCell ref="B25857:B25859"/>
    <mergeCell ref="C25857:C25859"/>
    <mergeCell ref="D25857:D25859"/>
    <mergeCell ref="E25857:E25859"/>
    <mergeCell ref="J25857:J25859"/>
    <mergeCell ref="J25863:J25864"/>
    <mergeCell ref="K25863:K25864"/>
    <mergeCell ref="L25863:L25864"/>
    <mergeCell ref="B25865:B25867"/>
    <mergeCell ref="D25865:D25867"/>
    <mergeCell ref="E25865:E25867"/>
    <mergeCell ref="J25865:J25867"/>
    <mergeCell ref="K25865:K25867"/>
    <mergeCell ref="L25865:L25867"/>
    <mergeCell ref="B25863:B25864"/>
    <mergeCell ref="D25863:D25864"/>
    <mergeCell ref="E25863:E25864"/>
    <mergeCell ref="F25863:F25864"/>
    <mergeCell ref="G25863:G25864"/>
    <mergeCell ref="I25863:I25864"/>
    <mergeCell ref="C25871:C25872"/>
    <mergeCell ref="D25871:D25872"/>
    <mergeCell ref="E25871:E25872"/>
    <mergeCell ref="F25871:G25871"/>
    <mergeCell ref="H25871:J25871"/>
    <mergeCell ref="K25871:K25872"/>
    <mergeCell ref="L25871:L25872"/>
    <mergeCell ref="B25877:B25879"/>
    <mergeCell ref="D25877:D25879"/>
    <mergeCell ref="E25877:E25879"/>
    <mergeCell ref="J25877:J25879"/>
    <mergeCell ref="K25877:K25879"/>
    <mergeCell ref="L25877:L25879"/>
    <mergeCell ref="B25873:B25876"/>
    <mergeCell ref="C25873:C25876"/>
    <mergeCell ref="D25873:D25876"/>
    <mergeCell ref="E25873:E25876"/>
    <mergeCell ref="J25873:J25876"/>
    <mergeCell ref="L25873:L25876"/>
    <mergeCell ref="L25884:L25889"/>
    <mergeCell ref="B25890:B25893"/>
    <mergeCell ref="C25890:C25893"/>
    <mergeCell ref="D25890:D25893"/>
    <mergeCell ref="E25890:E25893"/>
    <mergeCell ref="J25890:J25893"/>
    <mergeCell ref="L25890:L25893"/>
    <mergeCell ref="B25880:B25883"/>
    <mergeCell ref="D25880:D25883"/>
    <mergeCell ref="E25880:E25883"/>
    <mergeCell ref="J25880:J25883"/>
    <mergeCell ref="L25880:L25883"/>
    <mergeCell ref="B25884:B25889"/>
    <mergeCell ref="C25884:C25889"/>
    <mergeCell ref="D25884:D25889"/>
    <mergeCell ref="E25884:E25889"/>
    <mergeCell ref="J25884:J25889"/>
    <mergeCell ref="K25906:K25913"/>
    <mergeCell ref="L25906:L25913"/>
    <mergeCell ref="B25902:B25905"/>
    <mergeCell ref="D25902:D25905"/>
    <mergeCell ref="E25902:E25905"/>
    <mergeCell ref="J25902:J25905"/>
    <mergeCell ref="K25902:K25905"/>
    <mergeCell ref="L25902:L25905"/>
    <mergeCell ref="L25894:L25897"/>
    <mergeCell ref="B25898:B25901"/>
    <mergeCell ref="C25898:C25901"/>
    <mergeCell ref="D25898:D25901"/>
    <mergeCell ref="E25898:E25901"/>
    <mergeCell ref="J25898:J25901"/>
    <mergeCell ref="L25898:L25901"/>
    <mergeCell ref="B25894:B25897"/>
    <mergeCell ref="C25894:C25897"/>
    <mergeCell ref="D25894:D25897"/>
    <mergeCell ref="E25894:E25897"/>
    <mergeCell ref="J25894:J25897"/>
    <mergeCell ref="K25894:K25897"/>
    <mergeCell ref="L25922:L25923"/>
    <mergeCell ref="B25914:B25917"/>
    <mergeCell ref="D25914:D25917"/>
    <mergeCell ref="E25914:E25917"/>
    <mergeCell ref="J25914:J25917"/>
    <mergeCell ref="L25914:L25917"/>
    <mergeCell ref="B25918:B25921"/>
    <mergeCell ref="D25918:D25921"/>
    <mergeCell ref="E25918:E25921"/>
    <mergeCell ref="J25918:J25921"/>
    <mergeCell ref="L25918:L25921"/>
    <mergeCell ref="L25924:L25928"/>
    <mergeCell ref="B25929:B25932"/>
    <mergeCell ref="D25929:D25932"/>
    <mergeCell ref="E25929:E25932"/>
    <mergeCell ref="J25929:J25932"/>
    <mergeCell ref="L25929:L25932"/>
    <mergeCell ref="B25924:B25928"/>
    <mergeCell ref="C25924:C25928"/>
    <mergeCell ref="D25924:D25928"/>
    <mergeCell ref="E25924:E25928"/>
    <mergeCell ref="J25924:J25928"/>
    <mergeCell ref="K25924:K25928"/>
    <mergeCell ref="L25948:L25950"/>
    <mergeCell ref="L25941:L25945"/>
    <mergeCell ref="B25946:B25947"/>
    <mergeCell ref="D25946:D25947"/>
    <mergeCell ref="E25946:E25947"/>
    <mergeCell ref="I25946:I25947"/>
    <mergeCell ref="J25946:J25947"/>
    <mergeCell ref="L25946:L25947"/>
    <mergeCell ref="B25933:B25940"/>
    <mergeCell ref="D25933:D25940"/>
    <mergeCell ref="E25933:E25940"/>
    <mergeCell ref="J25933:J25940"/>
    <mergeCell ref="L25933:L25940"/>
    <mergeCell ref="B25941:B25945"/>
    <mergeCell ref="D25941:D25945"/>
    <mergeCell ref="E25941:E25945"/>
    <mergeCell ref="J25941:J25945"/>
    <mergeCell ref="K25941:K25945"/>
    <mergeCell ref="L25966:L25970"/>
    <mergeCell ref="B25951:B25956"/>
    <mergeCell ref="D25951:D25956"/>
    <mergeCell ref="E25951:E25956"/>
    <mergeCell ref="J25951:J25956"/>
    <mergeCell ref="L25951:L25956"/>
    <mergeCell ref="B25957:B25965"/>
    <mergeCell ref="C25957:C25965"/>
    <mergeCell ref="D25957:D25965"/>
    <mergeCell ref="E25957:E25965"/>
    <mergeCell ref="J25957:J25965"/>
    <mergeCell ref="K25957:K25965"/>
    <mergeCell ref="L25957:L25965"/>
    <mergeCell ref="B43:D43"/>
    <mergeCell ref="B44:D44"/>
    <mergeCell ref="B45:D45"/>
    <mergeCell ref="K216:K217"/>
    <mergeCell ref="B25966:B25970"/>
    <mergeCell ref="C25966:C25970"/>
    <mergeCell ref="D25966:D25970"/>
    <mergeCell ref="E25966:E25970"/>
    <mergeCell ref="J25966:J25970"/>
    <mergeCell ref="K25966:K25970"/>
    <mergeCell ref="B25948:B25950"/>
    <mergeCell ref="D25948:D25950"/>
    <mergeCell ref="E25948:E25950"/>
    <mergeCell ref="J25948:J25950"/>
    <mergeCell ref="K25948:K25950"/>
    <mergeCell ref="B25922:B25923"/>
    <mergeCell ref="D25922:D25923"/>
    <mergeCell ref="E25922:E25923"/>
    <mergeCell ref="I25922:I25923"/>
    <mergeCell ref="J25922:J25923"/>
    <mergeCell ref="B25906:B25913"/>
    <mergeCell ref="D25906:D25913"/>
    <mergeCell ref="E25906:E25913"/>
    <mergeCell ref="J25906:J25913"/>
  </mergeCells>
  <phoneticPr fontId="4"/>
  <hyperlinks>
    <hyperlink ref="B4" r:id="rId1" display="https://eur-lex.europa.eu/legal-content/EN/ALL/?uri=CELEX:32017R0745"/>
    <hyperlink ref="B6" r:id="rId2" display="https://eur-lex.europa.eu/legal-content/EN/TXT/?uri=CELEX%3A02008R1272-20210510"/>
    <hyperlink ref="B7" r:id="rId3" display="https://eur-lex.europa.eu/legal-content/EN/TXT/?uri=CELEX%3A32012R0528"/>
    <hyperlink ref="B84" r:id="rId4" tooltip="32017R0776: DELETED" display="http://publications.europa.eu/resource/celex/32017R0776"/>
    <hyperlink ref="B86" r:id="rId5" tooltip="32008R1272" display="http://publications.europa.eu/resource/celex/32008R1272"/>
    <hyperlink ref="B96" r:id="rId6" tooltip="32011R0286: DELETED" display="http://publications.europa.eu/resource/celex/32011R0286"/>
    <hyperlink ref="B98" r:id="rId7" tooltip="32021R0643: REPLACED" display="http://publications.europa.eu/resource/celex/32021R0643"/>
    <hyperlink ref="B144" r:id="rId8" tooltip="32017R0776: REPLACED" display="http://publications.europa.eu/resource/celex/32017R0776"/>
    <hyperlink ref="B150" r:id="rId9" tooltip="32008R1272" display="http://publications.europa.eu/resource/celex/32008R1272"/>
    <hyperlink ref="B156" r:id="rId10" tooltip="32017R0776: REPLACED" display="http://publications.europa.eu/resource/celex/32017R0776"/>
    <hyperlink ref="B160" r:id="rId11" tooltip="32016R0918: REPLACED" display="http://publications.europa.eu/resource/celex/32016R0918"/>
    <hyperlink ref="B171" r:id="rId12" tooltip="32008R1272" display="http://publications.europa.eu/resource/celex/32008R1272"/>
    <hyperlink ref="B175" r:id="rId13" tooltip="32017R0776: REPLACED" display="http://publications.europa.eu/resource/celex/32017R0776"/>
    <hyperlink ref="B181" r:id="rId14" tooltip="32008R1272" display="http://publications.europa.eu/resource/celex/32008R1272"/>
    <hyperlink ref="B199" r:id="rId15" tooltip="32021R0643: REPLACED" display="http://publications.europa.eu/resource/celex/32021R0643"/>
  </hyperlinks>
  <pageMargins left="0.7" right="0.7" top="0.75" bottom="0.75" header="0.3" footer="0.3"/>
  <pageSetup paperSize="9" orientation="portrait" r:id="rId16"/>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5</vt:i4>
      </vt:variant>
    </vt:vector>
  </HeadingPairs>
  <TitlesOfParts>
    <vt:vector size="16" baseType="lpstr">
      <vt:lpstr>参照リストについて</vt:lpstr>
      <vt:lpstr>LR01_化審法_1特</vt:lpstr>
      <vt:lpstr>LR02_TSCA</vt:lpstr>
      <vt:lpstr>LR03_ELV</vt:lpstr>
      <vt:lpstr>LR04_RoHS</vt:lpstr>
      <vt:lpstr>LR05_EU_POPs</vt:lpstr>
      <vt:lpstr>LR06_SVHC</vt:lpstr>
      <vt:lpstr>LR07_REACH_ANNEX_XVII</vt:lpstr>
      <vt:lpstr>LR08_MDR</vt:lpstr>
      <vt:lpstr>IC01_GADSL</vt:lpstr>
      <vt:lpstr>IC02_IEC62474</vt:lpstr>
      <vt:lpstr>LR01_化審法_1特!_Toc445866933</vt:lpstr>
      <vt:lpstr>LR02_TSCA!_top</vt:lpstr>
      <vt:lpstr>LR02_TSCA!se40.31.763_1167</vt:lpstr>
      <vt:lpstr>LR02_TSCA!se40.31.763_1169</vt:lpstr>
      <vt:lpstr>LR02_TSCA!se40.34.749_168</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rvdi129</dc:creator>
  <cp:lastModifiedBy>s890006</cp:lastModifiedBy>
  <cp:lastPrinted>2021-08-03T04:21:20Z</cp:lastPrinted>
  <dcterms:created xsi:type="dcterms:W3CDTF">2017-02-20T01:01:17Z</dcterms:created>
  <dcterms:modified xsi:type="dcterms:W3CDTF">2021-08-10T07:51:18Z</dcterms:modified>
</cp:coreProperties>
</file>